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7440104\Desktop\CORRESPONSALES BANCARIOS\PUNTO RED\Bases CB PUNTO RED\"/>
    </mc:Choice>
  </mc:AlternateContent>
  <xr:revisionPtr revIDLastSave="0" documentId="8_{875E1820-7FCC-4D68-98A3-22BDE274F470}" xr6:coauthVersionLast="47" xr6:coauthVersionMax="47" xr10:uidLastSave="{00000000-0000-0000-0000-000000000000}"/>
  <bookViews>
    <workbookView xWindow="-110" yWindow="-110" windowWidth="19420" windowHeight="10420" xr2:uid="{48EAFC03-C8D9-4350-AA9E-BF0F12EAC166}"/>
  </bookViews>
  <sheets>
    <sheet name="Base Puntos Punto Red" sheetId="1" r:id="rId1"/>
  </sheets>
  <definedNames>
    <definedName name="_xlnm._FilterDatabase" localSheetId="0" hidden="1">'Base Puntos Punto Red'!$A$1:$J$1485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89195" uniqueCount="27588">
  <si>
    <t>Canal</t>
  </si>
  <si>
    <t>Codigo Punto</t>
  </si>
  <si>
    <t xml:space="preserve">Departamento </t>
  </si>
  <si>
    <t xml:space="preserve">Ciudad  </t>
  </si>
  <si>
    <t>Codigo Ciudad</t>
  </si>
  <si>
    <t>NOMBRE RED</t>
  </si>
  <si>
    <t xml:space="preserve">Nombre Punto </t>
  </si>
  <si>
    <t>Dirección</t>
  </si>
  <si>
    <t>LATITUD</t>
  </si>
  <si>
    <t>LONGITUD</t>
  </si>
  <si>
    <t>PUNTO RED</t>
  </si>
  <si>
    <t>Cundinamarca</t>
  </si>
  <si>
    <t>ZIPAQUIRÁ</t>
  </si>
  <si>
    <t>RETAIL GRANDES CUENTAS</t>
  </si>
  <si>
    <t>CONFEMOVIL ZIPAQUIRA</t>
  </si>
  <si>
    <t>CR 8 # 6 41 BRR ZIPAQUIRA</t>
  </si>
  <si>
    <t>Santander</t>
  </si>
  <si>
    <t>SAN GIL</t>
  </si>
  <si>
    <t>RED DIRECTA</t>
  </si>
  <si>
    <t>CHIVO LOCO</t>
  </si>
  <si>
    <t>CR 11 # 6 10 BRR MALECOM</t>
  </si>
  <si>
    <t>LA MESA</t>
  </si>
  <si>
    <t>PAPELERIA Y MISCELANEA GABRIELA</t>
  </si>
  <si>
    <t>DG 4 # 7 22 BRR PAJONALES</t>
  </si>
  <si>
    <t>Boyacá</t>
  </si>
  <si>
    <t>GUATEQUE</t>
  </si>
  <si>
    <t>PAPELERA LOGOS</t>
  </si>
  <si>
    <t>CL. 8 #6-80 GUATEQUE BOYAC COLOMBIA</t>
  </si>
  <si>
    <t>Norte de Santander</t>
  </si>
  <si>
    <t>CÚCUTA</t>
  </si>
  <si>
    <t>MULTISERVICIOS FIALLO</t>
  </si>
  <si>
    <t>CL 3 # 12 05 BRR CARORA</t>
  </si>
  <si>
    <t>PRADOS NET DUARTE</t>
  </si>
  <si>
    <t>AV 4 # 23 N  46 URB PRADOS NORTE</t>
  </si>
  <si>
    <t>CHAPI SERVIS</t>
  </si>
  <si>
    <t>AV. 1 #12-56 CUCUTA NORTE DE SANTANDER COLOMBIA</t>
  </si>
  <si>
    <t>DROGUERIA TRASVERSAL</t>
  </si>
  <si>
    <t>AV 16 9 98 LC 103</t>
  </si>
  <si>
    <t>Cauca</t>
  </si>
  <si>
    <t>POPAYÁN</t>
  </si>
  <si>
    <t>TIENDA SAN EDUARDO</t>
  </si>
  <si>
    <t>CL 69 N # 8 81 - NORTE BRR SAN EDUARDO</t>
  </si>
  <si>
    <t>Caldas</t>
  </si>
  <si>
    <t>MANIZALES</t>
  </si>
  <si>
    <t>SERVISOLUCIONES</t>
  </si>
  <si>
    <t>CR 40 A # 67 - 21 BRR MALHABAR</t>
  </si>
  <si>
    <t>CHINCHINÁ</t>
  </si>
  <si>
    <t>DROGUERIA JOFARMA  CHINCHINA</t>
  </si>
  <si>
    <t>CL 9 # 15 05 BRR VERDUM</t>
  </si>
  <si>
    <t>OCAÑA</t>
  </si>
  <si>
    <t>COOMPECENS</t>
  </si>
  <si>
    <t>CR 14 # 9 60 / ED BARBATUSCO LC 1 SEC EL MERCADO BRR NO REGISTRA</t>
  </si>
  <si>
    <t>CL 11 A # 28 E 103 BRR BARRIO EL CARMEN</t>
  </si>
  <si>
    <t>PAPELERIA DAYMAFER</t>
  </si>
  <si>
    <t>CL 28 # 3 65 BRR SIMON BOLIVAR</t>
  </si>
  <si>
    <t>Tolima</t>
  </si>
  <si>
    <t>IBAGUÉ</t>
  </si>
  <si>
    <t>SAI INTERAMERICA</t>
  </si>
  <si>
    <t>SM 9 CA MZ 7 CA 1 BRR LAS AMERICAS</t>
  </si>
  <si>
    <t>INTERNET Y PAPELERIA EL PALACIO</t>
  </si>
  <si>
    <t>MZ 47 C CS 4</t>
  </si>
  <si>
    <t>Quindio</t>
  </si>
  <si>
    <t>ARMENIA</t>
  </si>
  <si>
    <t>PAPELERIA FOTOCOPIAS E IMPRESIONES PAO</t>
  </si>
  <si>
    <t>CR 27 # 34 53 / AP 2 BRR CENTRO</t>
  </si>
  <si>
    <t>PUERTO SALGAR</t>
  </si>
  <si>
    <t>RICONCITO DE DETALLES RD</t>
  </si>
  <si>
    <t>TV 1 # 15 D 34 BRR VILLA ANGELA</t>
  </si>
  <si>
    <t>Bogotá, D.C.</t>
  </si>
  <si>
    <t>BOGOTÁ, D.C.</t>
  </si>
  <si>
    <t>DIGITAL</t>
  </si>
  <si>
    <t>PUNTORED - PUNTO PAY SAS</t>
  </si>
  <si>
    <t>CL 100 # 19 61 / P 9 BRR CHICO</t>
  </si>
  <si>
    <t>CONFEMOVIL IBAGUE</t>
  </si>
  <si>
    <t>CR 5 # 20 97 / LC 3 BRR INTERLAKENT PARTE BAJA</t>
  </si>
  <si>
    <t>MÁLAGA</t>
  </si>
  <si>
    <t>COMPUSISTEMAS FL</t>
  </si>
  <si>
    <t>CR 8 # 14 74 BRR UNION</t>
  </si>
  <si>
    <t>BUCARAMANGA</t>
  </si>
  <si>
    <t>SUPERMERCADO EL SUPER</t>
  </si>
  <si>
    <t>CR 33 # 32 40 BRR GUARIN</t>
  </si>
  <si>
    <t xml:space="preserve">MARGARITA </t>
  </si>
  <si>
    <t>CRA. 1B #69-2 IBAGUï¿‰ TOLIMA COLOMBIA</t>
  </si>
  <si>
    <t>NELLA</t>
  </si>
  <si>
    <t>MZ D CA 24 URB BRR SAN FRANCISCO</t>
  </si>
  <si>
    <t>SOGAMOSO</t>
  </si>
  <si>
    <t>MACROCOMPUTADORES</t>
  </si>
  <si>
    <t>CR 14 # 10 05 BRR SANTA INES</t>
  </si>
  <si>
    <t>TUNJA</t>
  </si>
  <si>
    <t>BBT TOO</t>
  </si>
  <si>
    <t>CL. 4B #2A-17 TUNJA BOYACA COLOMBIA</t>
  </si>
  <si>
    <t>VILLA DEL ROSARIO</t>
  </si>
  <si>
    <t>MINIMERCADO SHARYSOMM</t>
  </si>
  <si>
    <t>CL 20 # 8 09 BRR SANTA BARBARA</t>
  </si>
  <si>
    <t>Risaralda</t>
  </si>
  <si>
    <t>DOSQUEBRADAS</t>
  </si>
  <si>
    <t>EL MUNDO DE LA TECNOLOGIA LOS NARANJOS</t>
  </si>
  <si>
    <t>CRA 12 50 19 NARANJOS - LOS NARANJOS</t>
  </si>
  <si>
    <t>PEREIRA</t>
  </si>
  <si>
    <t>PAPELERIA PLATYS</t>
  </si>
  <si>
    <t>CL 67 C # 1 A - 35 MZ 22 CS 4 MIRADOR DE LLANO GRANDE</t>
  </si>
  <si>
    <t>MOSQUERA</t>
  </si>
  <si>
    <t>COMOVIL MOSQUERA</t>
  </si>
  <si>
    <t>CR 3 # 3 45 BRR MOSQUERA</t>
  </si>
  <si>
    <t>TIGO PLAZA IMPERIAL</t>
  </si>
  <si>
    <t>CL 148 # 104 20 BRR CENTRO COMERCIAL PLAZA IMPERIAL</t>
  </si>
  <si>
    <t>VILLA DE SAN DIEGO DE UBATÉ</t>
  </si>
  <si>
    <t>PAPELERIA E Y G</t>
  </si>
  <si>
    <t>CR 8 # 10 - 57 / 67 BRR CENTRO</t>
  </si>
  <si>
    <t>Bolívar</t>
  </si>
  <si>
    <t>TIQUISIO</t>
  </si>
  <si>
    <t>FERRO MATERIALES LA MISCELANEA</t>
  </si>
  <si>
    <t>CL PRINCIPAL PUERTO RICO</t>
  </si>
  <si>
    <t>SIN ESTABLECIMIENTO DE COMERCIO</t>
  </si>
  <si>
    <t>CL 156 CON ALMENDROS AP 104 TO 23 BRR ARBOLEDA</t>
  </si>
  <si>
    <t>MULTIPAPER AS</t>
  </si>
  <si>
    <t>MZ 3 CA 1 BRR LIMONAR</t>
  </si>
  <si>
    <t>Valle del Cauca</t>
  </si>
  <si>
    <t>LA UNIÓN</t>
  </si>
  <si>
    <t>TIPOGRAFIA PIENDAMO</t>
  </si>
  <si>
    <t>CL 14 # 11 16 BRR BELEN</t>
  </si>
  <si>
    <t>CALARCÁ</t>
  </si>
  <si>
    <t>LLAMA YA AL INSTANTE</t>
  </si>
  <si>
    <t>CR 25 # 44 08 BRR CENTRO</t>
  </si>
  <si>
    <t>LA TEBAIDA</t>
  </si>
  <si>
    <t>DROGUERIA SERVISALUT DE LA 9</t>
  </si>
  <si>
    <t>CR 9 # 6 - 12 BRR MONTERREY</t>
  </si>
  <si>
    <t>PAPELERIA EL POBLADO II</t>
  </si>
  <si>
    <t>MZ 18 C 28 BRR POBLADO II</t>
  </si>
  <si>
    <t>CONFEMOVIL ZARZAMORA</t>
  </si>
  <si>
    <t>CL 72 A # 86 69 / LC 9 BRR CC PUNTO SETENTA Y DOS</t>
  </si>
  <si>
    <t>SPED PAPELERIA</t>
  </si>
  <si>
    <t>CL 11 # 4 20 BRR JUAN JOSE NEIRA</t>
  </si>
  <si>
    <t>COPYCENTRO LA 5</t>
  </si>
  <si>
    <t>CL 11 # 5 15 BRR CENTRO</t>
  </si>
  <si>
    <t>ESTUDIO FOTOGRÃFICO IMAGEN DIGITAL</t>
  </si>
  <si>
    <t>CL 12 # 10 48 / CEN LC 109 BRR EDIFICIO CONTINENTAL PLAZA</t>
  </si>
  <si>
    <t>DUITAMA</t>
  </si>
  <si>
    <t>JHA DISTRIBUCIONES</t>
  </si>
  <si>
    <t>CRA. 18 #8-63 DUITAMA BOYACA COLOMBIA</t>
  </si>
  <si>
    <t>SMARTMOBILE NORMANDIA</t>
  </si>
  <si>
    <t>AK 72 # 53 45 BRR NORMANDIA</t>
  </si>
  <si>
    <t>SERVI ROMA</t>
  </si>
  <si>
    <t>CL 26 # 17 56 BRR SANTANDER</t>
  </si>
  <si>
    <t>CENTRO DE CONEXIONES SOFI</t>
  </si>
  <si>
    <t>CR 11 # 11 12 BRR CENTRO</t>
  </si>
  <si>
    <t>BEMBOX</t>
  </si>
  <si>
    <t>CR 14 # 149 75 / LC 5 BRR SALADO</t>
  </si>
  <si>
    <t>PAZ DE RÍO</t>
  </si>
  <si>
    <t>RUIZDTELESERVICIOS</t>
  </si>
  <si>
    <t>CR 9 S # 1 15 / CEN BRR CENTRO</t>
  </si>
  <si>
    <t>DROGUERIA ALKOSTO TOTAL</t>
  </si>
  <si>
    <t>CRA. 26 #13-17 SOGAMOSO BOYACA COLOMBIA</t>
  </si>
  <si>
    <t>PAMPLONA</t>
  </si>
  <si>
    <t>LINDA PIATA TOYS</t>
  </si>
  <si>
    <t>CRA. 6 #3-92 PAMPLONA NORTE DE SANTANDER COLOMBIA</t>
  </si>
  <si>
    <t>TOCAIMA</t>
  </si>
  <si>
    <t>PUNTO DE PAGO TOCAIMA</t>
  </si>
  <si>
    <t>CL 3 # 10 75 BRR CENTRO</t>
  </si>
  <si>
    <t>CHÍA</t>
  </si>
  <si>
    <t>SOLUCIONES EN RED S A S</t>
  </si>
  <si>
    <t>CR 13 # 10 15 BRR CHIA</t>
  </si>
  <si>
    <t>CHIMA</t>
  </si>
  <si>
    <t>MEGACOMPUTSIL</t>
  </si>
  <si>
    <t>CL 5 # 5 9 BRR CENTRO</t>
  </si>
  <si>
    <t>MELGAR</t>
  </si>
  <si>
    <t>RECAUDOS COLOMBIA</t>
  </si>
  <si>
    <t>CR 24 # 6 42 BRR CENTRO</t>
  </si>
  <si>
    <t>PUERTO BOYACÁ</t>
  </si>
  <si>
    <t>KAMUBA TALLER Y RELOJERIA</t>
  </si>
  <si>
    <t>CR 2 # 13 67 BRR CENTRO</t>
  </si>
  <si>
    <t>DROGUERIA NANYROC III</t>
  </si>
  <si>
    <t>CL. 7B #13A-32 SOGAMOSO BOYACA COLOMBIA</t>
  </si>
  <si>
    <t>BERBEO</t>
  </si>
  <si>
    <t>MUÑOZ SANABRIA URIEL</t>
  </si>
  <si>
    <t>CR 3 # 4 24 BRR CENTRO</t>
  </si>
  <si>
    <t>VARIEDADES VALERYN</t>
  </si>
  <si>
    <t>CL 3 B # 56 103 BRR LOMAS DE GRANADA</t>
  </si>
  <si>
    <t>GUÁTICA</t>
  </si>
  <si>
    <t>VARIEDADES 1A GUATICA</t>
  </si>
  <si>
    <t>CR 8 # 7 08 BRR CENTRO</t>
  </si>
  <si>
    <t>RISARALDA</t>
  </si>
  <si>
    <t>PUNTO LED</t>
  </si>
  <si>
    <t>CR 2 # 2 61 BRR CENTRO</t>
  </si>
  <si>
    <t>JOSALUD</t>
  </si>
  <si>
    <t>CL 21 # 10 42 / LC 7 BRR CAMPOHERMOSO</t>
  </si>
  <si>
    <t>INTERNET</t>
  </si>
  <si>
    <t>CR 97 133B 17</t>
  </si>
  <si>
    <t>PUNTORED CALLE 100</t>
  </si>
  <si>
    <t>CL 100 # 19 61 / P 9 OF 901 BRR CHICO</t>
  </si>
  <si>
    <t>Antioquia</t>
  </si>
  <si>
    <t>MEDELLÍN</t>
  </si>
  <si>
    <t>TIGO PREMIUM PLAZA</t>
  </si>
  <si>
    <t>CL 29 # 45 10 / IN 3 BRR MEDELLIN ANTIOQUIA</t>
  </si>
  <si>
    <t>CONFINES</t>
  </si>
  <si>
    <t>EDITH</t>
  </si>
  <si>
    <t>CR 7 # 4 52 BRR CENTRO</t>
  </si>
  <si>
    <t>RÍO VIEJO</t>
  </si>
  <si>
    <t>VARIEDADES Y MISCELANEA OFIWORK</t>
  </si>
  <si>
    <t>AV PABLO SEXTO</t>
  </si>
  <si>
    <t>THE WORLD DIGITAL J.S</t>
  </si>
  <si>
    <t>SM 6 MZ 4 CA 19 BRR AMERICAS</t>
  </si>
  <si>
    <t>TIBASOSA</t>
  </si>
  <si>
    <t>SERVINET TIBASOSA</t>
  </si>
  <si>
    <t>CL 4 # 8 05 / PAR PRINCIPAL BRR CENTRO</t>
  </si>
  <si>
    <t>SAN EDUARDO</t>
  </si>
  <si>
    <t>SWEET SURPRISE</t>
  </si>
  <si>
    <t>CRA. 3 #5-18 SAN EDUARDO BOYAC COLOMBIA</t>
  </si>
  <si>
    <t>DROGUERIA VERSALLES</t>
  </si>
  <si>
    <t>CL. 3 #167 CUCUTA NORTE DE SANTANDER COLOMBIA</t>
  </si>
  <si>
    <t>HUMBERT COMUNICACIONES</t>
  </si>
  <si>
    <t>CR 19 # 32 23 BRR CENTRO</t>
  </si>
  <si>
    <t>NORCASIA</t>
  </si>
  <si>
    <t>JF CENTRO DE SOLUCIONES</t>
  </si>
  <si>
    <t>CL 10 # 5 29 / P 1B BRR CENTRO</t>
  </si>
  <si>
    <t>CYBER UNION</t>
  </si>
  <si>
    <t>CR 12 A # 62 80 BRR LA SULTANA</t>
  </si>
  <si>
    <t>PANALERA NINIVALENTINA</t>
  </si>
  <si>
    <t>CL 93 D # 72 - 47 SUR / CA 1 BRR QUINTAS DEL RECREO</t>
  </si>
  <si>
    <t>SANDRA PATRICIA CEBALLOS</t>
  </si>
  <si>
    <t>CL 51 SUR # 9 30 / LC 118 B BRR STA CECILIA</t>
  </si>
  <si>
    <t>MADRID</t>
  </si>
  <si>
    <t>CONFEMOVIL MADRID</t>
  </si>
  <si>
    <t>CL 7 # 1 A 91 / LC 76 CC CASA BLANCA BRR AMARILLO</t>
  </si>
  <si>
    <t>SOCORRO</t>
  </si>
  <si>
    <t>CENTRO DE PAGO LOS COMUNEROS</t>
  </si>
  <si>
    <t>CL 5 # 3 53 BRR PORTAL DE SANTAMARIA</t>
  </si>
  <si>
    <t>CARTAGENA DE INDIAS</t>
  </si>
  <si>
    <t>FERRERETIA MAYORISTA ON-LINE</t>
  </si>
  <si>
    <t>ET 3 MZ 33 LT 1 BRR CAMPESTRE</t>
  </si>
  <si>
    <t>DROGUERIA TIBASOSA</t>
  </si>
  <si>
    <t>CL. 3 #6A-23 TIBASOSA BOYACA COLOMBIA</t>
  </si>
  <si>
    <t>LUBRICENTRO LA ESTACION NM.</t>
  </si>
  <si>
    <t>AVENIDA CIRCUNVALAR #4C EDS TEXACO</t>
  </si>
  <si>
    <t>COMERCIALIZADORA GENTE PRODUCTIVA</t>
  </si>
  <si>
    <t>MZ 1 LT 2A AP 1 BRR MARIA GRACIA</t>
  </si>
  <si>
    <t>BALBOA</t>
  </si>
  <si>
    <t>MUNDO CELL BALBOA</t>
  </si>
  <si>
    <t>CL 3 # 3 - 70 BRR EL CENTRO</t>
  </si>
  <si>
    <t>VITERBO</t>
  </si>
  <si>
    <t>ENERGY GREEN CO</t>
  </si>
  <si>
    <t>CL 9 # 8 35 BRR CENTRO</t>
  </si>
  <si>
    <t>SANTA ROSA DE CABAL</t>
  </si>
  <si>
    <t>TRAMIRED.COM</t>
  </si>
  <si>
    <t>CL 32 # 12 B 15 BRR MANANTIAL UNO</t>
  </si>
  <si>
    <t>GÉNOVA</t>
  </si>
  <si>
    <t>AUTOSERVICIO GENOVA</t>
  </si>
  <si>
    <t>CR 11 # 24 08 BRR CENTRO</t>
  </si>
  <si>
    <t>QUINCHÍA</t>
  </si>
  <si>
    <t>KOMMUNIKEER</t>
  </si>
  <si>
    <t>CL 9 # 9 47 BRR CENTRO</t>
  </si>
  <si>
    <t>COTA</t>
  </si>
  <si>
    <t>CONFEMOVIL COTA</t>
  </si>
  <si>
    <t>CR 5 # 13 A 68 BRR CENTRO</t>
  </si>
  <si>
    <t>BARICHARA</t>
  </si>
  <si>
    <t>PAPELERIA LA MONA</t>
  </si>
  <si>
    <t>CR 5 # 7 06 BRR COMERCIO</t>
  </si>
  <si>
    <t>FARMATUNJA</t>
  </si>
  <si>
    <t>CL 8 # 2 B 14 BRR SAN ANTONIO</t>
  </si>
  <si>
    <t>CIRCASIA</t>
  </si>
  <si>
    <t>PAPELERIA CIRCASIA</t>
  </si>
  <si>
    <t>CL 7 # 9 - 13 / SEC BRR GALERIA</t>
  </si>
  <si>
    <t>ES ADELANTE BUSSINES SAS</t>
  </si>
  <si>
    <t>AV PRADILLA 1A 79 LC 105 BRR PRADILLA</t>
  </si>
  <si>
    <t>VARIEDADES SLITH</t>
  </si>
  <si>
    <t>CL 21 A # 3 34 BRR SANTA CATALINA</t>
  </si>
  <si>
    <t>CHINAVITA</t>
  </si>
  <si>
    <t>PAPELERIA Y MISCELANEA DORITA S</t>
  </si>
  <si>
    <t>CL 3 # 3 51 BRR M</t>
  </si>
  <si>
    <t>MULTISERVICIOS BAMBAMT</t>
  </si>
  <si>
    <t>CR 10 # 18 79 BRR SANTA BARBARA</t>
  </si>
  <si>
    <t>CAFE INTERNET CYBER ARABIA</t>
  </si>
  <si>
    <t>CR 2 # 2 44 BRR CGTO ARABIA</t>
  </si>
  <si>
    <t>1A COMUNICACIONES JE</t>
  </si>
  <si>
    <t>CR 5 # 9 - 17 BRR LOCAL SISTEMAS CENTRO</t>
  </si>
  <si>
    <t>RIOSUCIO</t>
  </si>
  <si>
    <t>MUNDONET RIOSUCIO</t>
  </si>
  <si>
    <t>CR 5 # 9 - 55 BRR CENTRO</t>
  </si>
  <si>
    <t>Meta</t>
  </si>
  <si>
    <t>VILLAVICENCIO</t>
  </si>
  <si>
    <t>SERVICIOS Y SERVICIOS YK</t>
  </si>
  <si>
    <t>CL 29 C # 45 - 21 BRR MONTECARLOS</t>
  </si>
  <si>
    <t>VILLA DE LEYVA</t>
  </si>
  <si>
    <t>SERVICOMUNICACIONES ALF</t>
  </si>
  <si>
    <t>CR 9 # 8 - 63 BRR LOS OLIVOS</t>
  </si>
  <si>
    <t>TTYS BOUTIQUE</t>
  </si>
  <si>
    <t>MZ 19 C CA 2 BRR CIUDAD JARDIN</t>
  </si>
  <si>
    <t>CENTRO SE SOLUCIONES GASAN</t>
  </si>
  <si>
    <t>CR 10 # 16 74 BRR EL VERGEL</t>
  </si>
  <si>
    <t>VARIEDADES NASA</t>
  </si>
  <si>
    <t>CL 49 A # 68 51 BRR LUIS MARIA FERNANDEZ</t>
  </si>
  <si>
    <t>PÁRAMO</t>
  </si>
  <si>
    <t>DROGUERIA Y PERFUMERIA NUESTRA SEÑORA DE LA SALUD</t>
  </si>
  <si>
    <t>CL 4 # 5 A 18 BRR EL TEJAR</t>
  </si>
  <si>
    <t>Huila</t>
  </si>
  <si>
    <t>ISNOS</t>
  </si>
  <si>
    <t>MUNDO Y TECNOLOGIA .COM</t>
  </si>
  <si>
    <t>CR 6 # 5 09 BRR SAN FERNANDO</t>
  </si>
  <si>
    <t>DROGUERIA URMEDICAS UNO A</t>
  </si>
  <si>
    <t>CL 11 14 35</t>
  </si>
  <si>
    <t>COOPERATIVA CAFICULTORES DEL ALTO DE OCCIDENTE</t>
  </si>
  <si>
    <t>VDA SAN LORENZO BRR PLAZA PRINCIPAL</t>
  </si>
  <si>
    <t>Atlántico</t>
  </si>
  <si>
    <t>SABANALARGA</t>
  </si>
  <si>
    <t>MULTISERVICIOS D  D</t>
  </si>
  <si>
    <t>CL 24 # 1 - 218 BRR VILLAS DEL PORVENIR</t>
  </si>
  <si>
    <t>EMPRESA DE ENERGIA DE PEREIRA S.A E.S.P.</t>
  </si>
  <si>
    <t>CR 17 # 17 35 / ED TORRE CENTRAL BRR CENTRO</t>
  </si>
  <si>
    <t>Córdoba</t>
  </si>
  <si>
    <t>MONTERÍA</t>
  </si>
  <si>
    <t>CR 3 # 10 01 BRR LOCAL J</t>
  </si>
  <si>
    <t>PUNTO DE SERVICIOS CIUDADELA NORTE</t>
  </si>
  <si>
    <t>CL 5 # 47 39 BRR SANTA CLARA</t>
  </si>
  <si>
    <t>PAPELERA ALEXA</t>
  </si>
  <si>
    <t>CRA. 2A #98A-40 IBAGU TOLIMA COLOMBIA</t>
  </si>
  <si>
    <t>MULTISERVICIOS LA 37</t>
  </si>
  <si>
    <t>CR 5 # 37 BIS 19 / ED FONTAINEBLEAU ZN CM 2 A BRR SAN SIMON PARTE ALTA</t>
  </si>
  <si>
    <t>CHIQUINQUIRÁ</t>
  </si>
  <si>
    <t>MISELANIA Y PAPELERIA JTZ</t>
  </si>
  <si>
    <t>CL 4 A # 8 19 / P 1 BRR EL BOSQUE</t>
  </si>
  <si>
    <t>SOLUCIONES Y COMUNICACIONES INGENSYS</t>
  </si>
  <si>
    <t>CL. 12 #11-54 SOGAMOSO BOYACA COLOMBIA</t>
  </si>
  <si>
    <t>LOS PATIOS</t>
  </si>
  <si>
    <t>WEB PHONE BETHEL COMUNICACIONES SEDE 2</t>
  </si>
  <si>
    <t>CL 16 # 6 A 19 BRR TIERRA LINDA</t>
  </si>
  <si>
    <t>DROGUERIA BERBESI</t>
  </si>
  <si>
    <t>AV 19 # 7 06 / LC 1 BRR TORCOROMA</t>
  </si>
  <si>
    <t>ANSERMA</t>
  </si>
  <si>
    <t>ANSERMATEL</t>
  </si>
  <si>
    <t>CR 4 A # 7 18 BRR CENTRO</t>
  </si>
  <si>
    <t>MISCELANEA YULED</t>
  </si>
  <si>
    <t>CL 8 # 6 15 BRR CENTRO</t>
  </si>
  <si>
    <t>RAPI TIENDA ALEX</t>
  </si>
  <si>
    <t>CL 4 # 3 - 24 / CRR SAN CLEMENTE BRR CENTRO</t>
  </si>
  <si>
    <t>SOACHA</t>
  </si>
  <si>
    <t>COMUNICACIONES JRCB S.A.S (CVS SIBATE)</t>
  </si>
  <si>
    <t>CL 9 # 7 05 BRR LOCAL 101</t>
  </si>
  <si>
    <t>FUSAGASUGÁ</t>
  </si>
  <si>
    <t>FAYMO SERVICE</t>
  </si>
  <si>
    <t>CR 62 # 20 A 04 / MZ G CASA 44 BRR CASCO URBANO</t>
  </si>
  <si>
    <t>ZETAQUIRA</t>
  </si>
  <si>
    <t>SUPERMAQUINAS RG</t>
  </si>
  <si>
    <t>CR 3 # 3 35 BRR CENTRO</t>
  </si>
  <si>
    <t>TOCA</t>
  </si>
  <si>
    <t>INTERNET Y MISCELANEA GABY</t>
  </si>
  <si>
    <t>CL 5 # 8 14 BRR PABLO SEXTO TOCA</t>
  </si>
  <si>
    <t>REENLLANTAS</t>
  </si>
  <si>
    <t>CR 41 Z # 10 05 BRR SEVILLA</t>
  </si>
  <si>
    <t>DROGUERIAS FARMA PREMIUN</t>
  </si>
  <si>
    <t>CL. 15 #12-33 DUITAMA BOYACA COLOMBIA</t>
  </si>
  <si>
    <t>DROGAS SAN JOSE</t>
  </si>
  <si>
    <t>CRA 4 5 A 15</t>
  </si>
  <si>
    <t>EL ZULIA</t>
  </si>
  <si>
    <t>MONERIAS GM</t>
  </si>
  <si>
    <t>KDX 95 A BRR ALFONSO LOPEZ</t>
  </si>
  <si>
    <t>CENTRO INTEGRAL DE TELECOMUNICACIONES</t>
  </si>
  <si>
    <t>CR 10 # 17 55 / ED TORRE CENTRAL LC 310 BRR CENTRO</t>
  </si>
  <si>
    <t>PUNTO DE PAGO SOGAMOSO</t>
  </si>
  <si>
    <t>CL 16 # 12 13 BRR CENTRO</t>
  </si>
  <si>
    <t>BARRANQUILLA</t>
  </si>
  <si>
    <t>ICELL VILLA CAROLINA</t>
  </si>
  <si>
    <t>CL 93 # 71 49 / LC 105 BRR VILLA CAROLINA</t>
  </si>
  <si>
    <t>CONFEMOVIL RESTREPO</t>
  </si>
  <si>
    <t>CR 24 # 17 30 BRR RESTREPO</t>
  </si>
  <si>
    <t>TIGO IBAGUÃ‰</t>
  </si>
  <si>
    <t>CR 5 # 67 37 BRR IBAGUE TOLIMA</t>
  </si>
  <si>
    <t>La Guajira</t>
  </si>
  <si>
    <t>MAICAO</t>
  </si>
  <si>
    <t>VALORES Y CONTRATOS- VALORCON</t>
  </si>
  <si>
    <t>CR 29 # 16 5 / LC 02 BRR BUENOS AIRES</t>
  </si>
  <si>
    <t>VILLANUEVA</t>
  </si>
  <si>
    <t>MULTISERVICIOS JANA</t>
  </si>
  <si>
    <t>CL 9 # 8 50 BRR LOS ANGELES</t>
  </si>
  <si>
    <t>SERVITEC W QUINONES</t>
  </si>
  <si>
    <t>CL 7 # 7 - 21 BRR CENTRO</t>
  </si>
  <si>
    <t>LA CABAÑA</t>
  </si>
  <si>
    <t>CL 1 A # 19 2 BRR VILLAS DEL NUEVO SIGLO</t>
  </si>
  <si>
    <t>SANTA ROSA</t>
  </si>
  <si>
    <t>TELEYA SERVICIOS DEL SUR VELASQUEZ</t>
  </si>
  <si>
    <t>CRA 8 A 13 14 BARRIO SAN ISIDRO</t>
  </si>
  <si>
    <t>MISCELANEA SARAY PAPELERIA</t>
  </si>
  <si>
    <t>CR 10 # 32 174 / TO 6 AP 102 BRR URBANIZACIÃ“N BELLAVISTA</t>
  </si>
  <si>
    <t>PAPELERIA Y MISCELANEA D&amp;D</t>
  </si>
  <si>
    <t>CL 12: 2 ESTE 0025 00001</t>
  </si>
  <si>
    <t>FIRAVITOBA</t>
  </si>
  <si>
    <t>VARIEDADES LIZ</t>
  </si>
  <si>
    <t>CR 4 # 6 34 BRR CENTRO FIRAVITOBA</t>
  </si>
  <si>
    <t>SAN PABLO DE BORBUR</t>
  </si>
  <si>
    <t>PHARMEDIC STB</t>
  </si>
  <si>
    <t>CR 1 # 4 04 BRR SANTA BARBOSA</t>
  </si>
  <si>
    <t>PAPELERIA Y VARIEDADES SYLIANA</t>
  </si>
  <si>
    <t>KDX H3 4-20</t>
  </si>
  <si>
    <t>DROGUERIA FARMALIBBY</t>
  </si>
  <si>
    <t>AV 47 # 2 A 100 BRR SABANA VERDE</t>
  </si>
  <si>
    <t>DVR.NET</t>
  </si>
  <si>
    <t>CL 5 # 50 164 / AP 101 A BRR LAS GARZAS</t>
  </si>
  <si>
    <t>LA DORADA</t>
  </si>
  <si>
    <t>MUSEO CELULAR</t>
  </si>
  <si>
    <t>CL 18 # 6 14 BRR LAS CRUCES</t>
  </si>
  <si>
    <t>PAPELERIA DONDE ANDRES</t>
  </si>
  <si>
    <t>CR 10 # 57 E - 02 / LC BRR LA CAROLA</t>
  </si>
  <si>
    <t>MISCELANEA VIVI</t>
  </si>
  <si>
    <t>MZ G CA 7 P 1 BRR PORTAL DE LAS MERCEDES</t>
  </si>
  <si>
    <t>PUNTO DE PAGO MOSQUERA</t>
  </si>
  <si>
    <t>CL 3 # 1 45 - ESTE BRR MOSQUERA</t>
  </si>
  <si>
    <t>COMOVIL ECOPLAZA</t>
  </si>
  <si>
    <t>CR 3 # 15 A 57 / LC 207 BRR CC ECOPLAZA</t>
  </si>
  <si>
    <t>CAJICÁ</t>
  </si>
  <si>
    <t>PUNTO DE PAGO CAJICA</t>
  </si>
  <si>
    <t>CL 2 # 4 57 BRR CENTRO</t>
  </si>
  <si>
    <t>LOS SANTOS</t>
  </si>
  <si>
    <t>CELUSOLUCIONES</t>
  </si>
  <si>
    <t>CL 3 # 8 10 BRR CENTRO</t>
  </si>
  <si>
    <t>OPORAPA</t>
  </si>
  <si>
    <t>DISTRIDROGAS LA ECONOMIA</t>
  </si>
  <si>
    <t>CR 6 # 6 34 BRR CENTRO</t>
  </si>
  <si>
    <t>TOGÜÍ</t>
  </si>
  <si>
    <t>FERRETERIA ENTREGAS EN UN MINUTI</t>
  </si>
  <si>
    <t>CRA. 4 #2-21 TOGUI BOYACA COLOMBIA</t>
  </si>
  <si>
    <t>TIENDA MEGA XITO</t>
  </si>
  <si>
    <t>CL 29 # 5 97 BRR BUENOS AIRES</t>
  </si>
  <si>
    <t>CL 33 B # 33 14 BRR BARZAL</t>
  </si>
  <si>
    <t>ORTEGA</t>
  </si>
  <si>
    <t>VARIEDADES VALENTINA</t>
  </si>
  <si>
    <t>VDA OLAYA HERRERA BRR OLAYA HERRERA</t>
  </si>
  <si>
    <t>CUTTER PEPELERIA  MISCELANEA</t>
  </si>
  <si>
    <t>CRA. 17 #2-125 DUITAMA BOYACA COLOMBIA</t>
  </si>
  <si>
    <t>PAPELERIA SABY</t>
  </si>
  <si>
    <t>CR 4 W # 9 63 - SUR BRR CENTRO</t>
  </si>
  <si>
    <t>MISCELANEAS Y SERVICIOS ZSAZABEL</t>
  </si>
  <si>
    <t>CR 10A #114 BRR LOS PATIOS</t>
  </si>
  <si>
    <t>LA VEGA</t>
  </si>
  <si>
    <t>INTERNET VEREDA SAN MIGUEL</t>
  </si>
  <si>
    <t>CRR VEREDA SAN MIGUEL BRR VEREDA SAN MIGUEL</t>
  </si>
  <si>
    <t>CHOCOSOFY</t>
  </si>
  <si>
    <t>DG 4 42 07 MZ 2 CA 2 BRR MONTEBONITO</t>
  </si>
  <si>
    <t>SEGUROS Y TRAMITES RISARALDA</t>
  </si>
  <si>
    <t>CR 5 # 20 - 02 BRR CENTRO AVENIDA</t>
  </si>
  <si>
    <t>APARTADÓ</t>
  </si>
  <si>
    <t>TIGO APARTADO</t>
  </si>
  <si>
    <t>CR 99 A # 96 07 BRR ANTIOQUIA</t>
  </si>
  <si>
    <t>PARIS NUMERO 10</t>
  </si>
  <si>
    <t>TV 5 NO. 13 04 BRR LA GRANJA</t>
  </si>
  <si>
    <t>PARIS NUMERO 27</t>
  </si>
  <si>
    <t>CL 60 NO. 10 - 72 CASTELLANA</t>
  </si>
  <si>
    <t>TECNO EXPERTOS</t>
  </si>
  <si>
    <t>CL T</t>
  </si>
  <si>
    <t>PITALITO</t>
  </si>
  <si>
    <t>EMICOMUNICACIONES</t>
  </si>
  <si>
    <t>CR 5 # 6 57 BRR INSPECCION DE BRUCELAS</t>
  </si>
  <si>
    <t>PARTES JYV</t>
  </si>
  <si>
    <t>CL 9 # 22 66 BRR NUEVO HORIZONTE</t>
  </si>
  <si>
    <t>DROGUERIA MASWUENO</t>
  </si>
  <si>
    <t>CL 21 11 78</t>
  </si>
  <si>
    <t>QUETAME</t>
  </si>
  <si>
    <t>JIMOBILE</t>
  </si>
  <si>
    <t>CR 4 # 2 - 22 BRR CENTRO</t>
  </si>
  <si>
    <t>Nariño</t>
  </si>
  <si>
    <t>POTOSÍ</t>
  </si>
  <si>
    <t>CRUZ CHAMORRO</t>
  </si>
  <si>
    <t>CR 4 # 6 - 09 BRR PORVENIR</t>
  </si>
  <si>
    <t>SAN JACINTO</t>
  </si>
  <si>
    <t>PANADERIA CENTRAL SAN JACINTO</t>
  </si>
  <si>
    <t>CRA. 41 #21-33 SAN JACINTO BOLIVAR COLOMBIA</t>
  </si>
  <si>
    <t>TIENDA YADIS</t>
  </si>
  <si>
    <t>CL 21 # 29 B 99 BRR LOS ARRAYANES</t>
  </si>
  <si>
    <t>Arauca</t>
  </si>
  <si>
    <t>SARAVENA</t>
  </si>
  <si>
    <t>JF SERVICE</t>
  </si>
  <si>
    <t>CL 28 # 13 85 BRR EL CENTRO</t>
  </si>
  <si>
    <t>MARIA NANCY UTIMA RUIZ</t>
  </si>
  <si>
    <t>CL 6 # 7 15 BRR CENTRO</t>
  </si>
  <si>
    <t>PAPELERIA FRAN</t>
  </si>
  <si>
    <t>CL 22 # 7 03 BRR PRIMERO DE MAYO</t>
  </si>
  <si>
    <t>ONE CLICK NET</t>
  </si>
  <si>
    <t>CR 4 # 6 63 BRR CENTRO</t>
  </si>
  <si>
    <t>SANTA ROSA DE VITERBO</t>
  </si>
  <si>
    <t>SOLUCIONES CONTABLES</t>
  </si>
  <si>
    <t>CR 4 # 7 45 BRR CENTRO</t>
  </si>
  <si>
    <t>DROGUERIA PROMEDIC INTEGRAL</t>
  </si>
  <si>
    <t>CL 6 NRO 13 - 36</t>
  </si>
  <si>
    <t>ASESORIAS SEGUROS Y COMUNICACIONES ACTIVA</t>
  </si>
  <si>
    <t>CL 9 # 4 - 39 BRR H O COMUNICACIONES CENTRO</t>
  </si>
  <si>
    <t>EMM TECNOLOGIA</t>
  </si>
  <si>
    <t>MZ 8 PERLA DEL SUR C 6 PERLA DEL SUR BRR PERLA DEL SUR</t>
  </si>
  <si>
    <t>PAPELERIA Y MISCELANEA INTERCOPIAS</t>
  </si>
  <si>
    <t>CR 21 # 12 40 BRR VILLA OLIMPICA</t>
  </si>
  <si>
    <t>VARIEDADES SARA LU</t>
  </si>
  <si>
    <t>CL. 20 #11B SUR-299 IBAGU TOLIMA COLOMBIA</t>
  </si>
  <si>
    <t>CHINÁCOTA</t>
  </si>
  <si>
    <t>VARIEDADES FERNEY</t>
  </si>
  <si>
    <t>CL. 2 #267 CHINACOTA NORTE DE SANTANDER COLOMBIA</t>
  </si>
  <si>
    <t>COOMPECENS MISCELANEA BELLA LUZ</t>
  </si>
  <si>
    <t>CL 28 # 13 46 BRR BELLAVISTA</t>
  </si>
  <si>
    <t>CARMEN DE CARUPA</t>
  </si>
  <si>
    <t>INTERNET NESTORNET</t>
  </si>
  <si>
    <t>CR 4 # 3 54 BRR CENTRO</t>
  </si>
  <si>
    <t>PAPELERIA Y VARIEDADES SORIANO</t>
  </si>
  <si>
    <t>CR 88 MZ 221-13 BRR EL POZON</t>
  </si>
  <si>
    <t>SUTAMARCHÁN</t>
  </si>
  <si>
    <t>AUTOSERVICIO LA ECONOMIA H.G</t>
  </si>
  <si>
    <t>C 4 N 3-55 PANADERIA</t>
  </si>
  <si>
    <t>EL CYBER DE ANDRES</t>
  </si>
  <si>
    <t>CL 18 # 15 06 BRR CENTRO</t>
  </si>
  <si>
    <t>MISTRATÓ</t>
  </si>
  <si>
    <t>EL PUNTO DEL CELULAR MISTRATO</t>
  </si>
  <si>
    <t>CR 6 # 6 - 66 BRR CENTRO</t>
  </si>
  <si>
    <t>UNE</t>
  </si>
  <si>
    <t>DONDE YIMMI</t>
  </si>
  <si>
    <t>CR 4 # 4 - 37 BRR CENTRO</t>
  </si>
  <si>
    <t>PIEDECUESTA</t>
  </si>
  <si>
    <t>PICHINCHA PIEDECUESTANA DE SERVICIOS</t>
  </si>
  <si>
    <t>CR 8 # 12 28 BRR LA CANDELARIA</t>
  </si>
  <si>
    <t>FUNZA</t>
  </si>
  <si>
    <t>PROVETAL SAS</t>
  </si>
  <si>
    <t>CL 15 # 10 50 / BL 1 LOCAL 5 BRR CHAMALU</t>
  </si>
  <si>
    <t>TIGO PUERTA DEL NORTE</t>
  </si>
  <si>
    <t>AV 34 # 55 42 / IN 3 BRR BELLO ANTIOQUIA</t>
  </si>
  <si>
    <t>TALAIGUA NUEVO</t>
  </si>
  <si>
    <t>PAPELERIA Y VARIEDADES LOS DOS HERMANOS</t>
  </si>
  <si>
    <t>CL 14 # 4 71 / PT 1 LC 1 BRR CENTRO</t>
  </si>
  <si>
    <t>VÉLEZ</t>
  </si>
  <si>
    <t>SERVICENTROVELEZ</t>
  </si>
  <si>
    <t>CL 11 # 5 85 BRR JOSE ANTONIO GALAN</t>
  </si>
  <si>
    <t>VILLAHERMOSA</t>
  </si>
  <si>
    <t>MISCELANEA Y PAPELERIA PAPIROS Y ORIGAMI</t>
  </si>
  <si>
    <t>CL 12 # 3 60 BRR CENTRO</t>
  </si>
  <si>
    <t>CUBARÁ</t>
  </si>
  <si>
    <t>DROGUERIA GALENA</t>
  </si>
  <si>
    <t>DG 1 # 4 65 BRR LIBERTADORES</t>
  </si>
  <si>
    <t>PAIPA</t>
  </si>
  <si>
    <t>AUTOSERVICIO EL CUCHO</t>
  </si>
  <si>
    <t>CRA. 17 #25A-2 PAIPA BOYAC COLOMBIA</t>
  </si>
  <si>
    <t>DROGUERIA SANAR 3</t>
  </si>
  <si>
    <t>CL. 11 #26-2 SOGAMOSO BOYACA COLOMBIA</t>
  </si>
  <si>
    <t>SOLO FUTBOL SPORTS</t>
  </si>
  <si>
    <t>AV 7 B # 16 03 BRR COMFANORTE</t>
  </si>
  <si>
    <t>PAULA NET</t>
  </si>
  <si>
    <t>DG 14 # 41 02 BRR VEREDA TORRES DIAGONAL EL PLANCHON</t>
  </si>
  <si>
    <t>CYBERCONEXIONES</t>
  </si>
  <si>
    <t>CL 75 A # 16 A 12 / MZ 3 CA 1 BRR JUPITER</t>
  </si>
  <si>
    <t>DROGUERIA POZO DONATO</t>
  </si>
  <si>
    <t>CR 6 # 42 - 29 BRR POZO DONATO</t>
  </si>
  <si>
    <t>LA PLATA</t>
  </si>
  <si>
    <t>COOPERATIVA DEPTAL DE CAFICULTORES DEL HUILA LTDA</t>
  </si>
  <si>
    <t>CL 4 # 3 37 BRR CENTRO</t>
  </si>
  <si>
    <t>MOGOTES</t>
  </si>
  <si>
    <t>DISTRIBUCIONES KGBL</t>
  </si>
  <si>
    <t>CL 3 # 5 2 BRR CENTRO</t>
  </si>
  <si>
    <t>TALLER DE MOTOS EL WICHO LA 10</t>
  </si>
  <si>
    <t>CL 10 # 15 16 BRR SAN ANTONIO</t>
  </si>
  <si>
    <t>Cesar</t>
  </si>
  <si>
    <t>EL PASO</t>
  </si>
  <si>
    <t>SERVICIOS CT</t>
  </si>
  <si>
    <t>CL 10 # 12 05 BRR LA LOMA</t>
  </si>
  <si>
    <t>SU DROGUERIA BELENCITO 1</t>
  </si>
  <si>
    <t>CRA. 14 #14A-10 SOGAMOSO BOYACA COLOMBIA</t>
  </si>
  <si>
    <t>SOCHA</t>
  </si>
  <si>
    <t>DROGUERIA PHARMASION</t>
  </si>
  <si>
    <t>CL 3 # 8 - 44</t>
  </si>
  <si>
    <t>MULTISERVIFR</t>
  </si>
  <si>
    <t>CL 11 # 9 48 BRR CENTRO</t>
  </si>
  <si>
    <t>LUJUKA INVERSIONES</t>
  </si>
  <si>
    <t>AV 6 # 9 72 / CC MARACAY LC 37 BRR CENTRO</t>
  </si>
  <si>
    <t>TELENUEVE DEL NORTE</t>
  </si>
  <si>
    <t>CL 14 # 19 A - 50 / LC 4 BRR CENTRO</t>
  </si>
  <si>
    <t>TECNODOCTOR</t>
  </si>
  <si>
    <t>CR 9 # 13 33 BRR CENTRO</t>
  </si>
  <si>
    <t>PAPEL LIBRO  CAFE</t>
  </si>
  <si>
    <t>CL 48 X SUR # 1 A 28 BRR DIANA TURBAY</t>
  </si>
  <si>
    <t>RÍO DE ORO</t>
  </si>
  <si>
    <t>DOMICILIOS Y ENCOMIENDAS PEISAN</t>
  </si>
  <si>
    <t>CL 2 S # 1 6 BRR LA QUINTA</t>
  </si>
  <si>
    <t>ALVARADO</t>
  </si>
  <si>
    <t>EL UNIVERSO DE LA PAPELERIA</t>
  </si>
  <si>
    <t>CR 3 # 3 56 BRR CENTRO</t>
  </si>
  <si>
    <t>PAGUEMENOS GANAMAS</t>
  </si>
  <si>
    <t>CR 6 # 19 127 BRR EL CARMEN</t>
  </si>
  <si>
    <t>AQUITANIA</t>
  </si>
  <si>
    <t>PAPELERA EL LAGO AZUL</t>
  </si>
  <si>
    <t>CL 7 # 5 96 BRR CENTRO</t>
  </si>
  <si>
    <t>ENVIOS Y GIROS TONY</t>
  </si>
  <si>
    <t>CL 50 25 1 LC 5- 6 BRR SUPER INTER PLAZA</t>
  </si>
  <si>
    <t>LA ESQUINA DEL ORIENTE</t>
  </si>
  <si>
    <t>CR 4 BIS # 4 12 / MZ A CA 8 BRR SOL DEL ORIENTE</t>
  </si>
  <si>
    <t>PUBLIAVISOS</t>
  </si>
  <si>
    <t>AV SANTANDER #19A 68 LC 301 BRR SAN MARTIN</t>
  </si>
  <si>
    <t>PAPELERIA@.COM</t>
  </si>
  <si>
    <t>CL 132 D # 151 A 17 BRR LISBOA</t>
  </si>
  <si>
    <t>PAPELERIA KATA</t>
  </si>
  <si>
    <t>CR 8 # 11 65 BRR LA LEGUA</t>
  </si>
  <si>
    <t>VARIEDADES JD.</t>
  </si>
  <si>
    <t>CL 16 # 1 84 BRR JOSE GALO DAZA</t>
  </si>
  <si>
    <t>VARIEDADES MARIANGEL CHUY</t>
  </si>
  <si>
    <t>CR 10 # 25 115 BRR VILLA DEL ROSARIO</t>
  </si>
  <si>
    <t>INVERSIONES MORALUZ AG</t>
  </si>
  <si>
    <t>AV 11 # 8 03 BRR EL LLANO</t>
  </si>
  <si>
    <t>DROGUERIA PRADOS DEL ESTE</t>
  </si>
  <si>
    <t>AV 6 NO6 137</t>
  </si>
  <si>
    <t>AGUADAS</t>
  </si>
  <si>
    <t>CELUMAX</t>
  </si>
  <si>
    <t>AGUADAS-ARMA #6-45 AGUADAS CALDAS COLOMBIA</t>
  </si>
  <si>
    <t>SUPÍA</t>
  </si>
  <si>
    <t>MISCELANEA Y PAPELERIA LA 32</t>
  </si>
  <si>
    <t>CL 32 # 7 33 BRR CENTRO</t>
  </si>
  <si>
    <t>CACHARRERIA FANNY GONZALEZ</t>
  </si>
  <si>
    <t>CL 46 # 11 B - 02 / P 1 BRR FANNY GONZALEZ</t>
  </si>
  <si>
    <t>MULTISERVICIOS SAMMY</t>
  </si>
  <si>
    <t>MZ D CASA 10 BRR URBANIZACION BASCONIA IBAGUE</t>
  </si>
  <si>
    <t>MIRAFLORES</t>
  </si>
  <si>
    <t>PAPELERIA Y MISCELANEA NOVA</t>
  </si>
  <si>
    <t>CL 3 # 10 03 BRR CENTRO MIRAFLORES</t>
  </si>
  <si>
    <t>SITRAN-SOLUCIONES INTEGRALES DE TRNSITO</t>
  </si>
  <si>
    <t>CR 9 # 20 98 BRR CENTRO</t>
  </si>
  <si>
    <t>DROGUERIA ECONMED</t>
  </si>
  <si>
    <t>CL 9 # 29 04 BRR SAN FRANCISCO AVENIDA LAS AMÃ‰RICAS</t>
  </si>
  <si>
    <t>TÓPAGA</t>
  </si>
  <si>
    <t>CARVAR</t>
  </si>
  <si>
    <t>CR 5 # 5 16 BRR BOYACA</t>
  </si>
  <si>
    <t>DROGUERIA EL LAGUITO SOGAMOSO 3</t>
  </si>
  <si>
    <t>CL. 11 #20-64 SOGAMOSO BOYACA COLOMBIA</t>
  </si>
  <si>
    <t>SAMACÁ</t>
  </si>
  <si>
    <t>TECHNOGAMES TOAC</t>
  </si>
  <si>
    <t>VDA SALAMANCA BRR LA FABRICA</t>
  </si>
  <si>
    <t>MISCELEA Y PAPELERA LA CALEITA</t>
  </si>
  <si>
    <t>CR 4 E # 4 A 22 BRR DONA EVA</t>
  </si>
  <si>
    <t>PAPELERIA MYJ SOTO</t>
  </si>
  <si>
    <t>SEC PLAZA DE FERIAS C 4 PLAZA DE FERIAS VARIANTE BRR NUEVA ESPERANZA</t>
  </si>
  <si>
    <t>INTERRAPIDISIMO PINARES</t>
  </si>
  <si>
    <t>ET 2 MZ 1 CA 18 BRR PINARES</t>
  </si>
  <si>
    <t>SUPINET</t>
  </si>
  <si>
    <t>CR 8 # 25 - 43 / ESQ BRR POPULAR</t>
  </si>
  <si>
    <t>ICELL BOLSA DE VALORES</t>
  </si>
  <si>
    <t>CL 12 C # 8 93 BRR BOGOTA</t>
  </si>
  <si>
    <t>PAPELERIA Y MISCELANEA DANISAM</t>
  </si>
  <si>
    <t>CL 8 # 7 46 BRR SANTA CLARA II</t>
  </si>
  <si>
    <t>FLORIÁN</t>
  </si>
  <si>
    <t>AUTOSERVICIO SURTI HOGAR</t>
  </si>
  <si>
    <t>CR 2 # 3 39 BRR LA UNIOM</t>
  </si>
  <si>
    <t>FENIX STORE</t>
  </si>
  <si>
    <t>CR 20 # 4 A - 63 BRR CENTRO</t>
  </si>
  <si>
    <t>LYFHERCOMUNICACIONES</t>
  </si>
  <si>
    <t>CRA. 15 #9A-114 TUNJA BOYACA COLOMBIA</t>
  </si>
  <si>
    <t>VARIEDADES  DON JOSE</t>
  </si>
  <si>
    <t>CL 4 # 22 23 BRR VILLA DEL SOL</t>
  </si>
  <si>
    <t>DROGUERIA SUPER ECONOMIA SAMACA</t>
  </si>
  <si>
    <t>CRA. 5 #6-117 SAMACA BOYACA COLOMBIA</t>
  </si>
  <si>
    <t>CONEXION.NET</t>
  </si>
  <si>
    <t>CR 3 # 3 03 BRR CONJUNTO MONACO</t>
  </si>
  <si>
    <t>LA ESPERANZA</t>
  </si>
  <si>
    <t>SUMINISTROS JTG</t>
  </si>
  <si>
    <t>CRADX 20 CORREGIMIENTO DE PUEBLO NUEVO</t>
  </si>
  <si>
    <t>GESTIONAR.COM</t>
  </si>
  <si>
    <t>CL. 15A #1 ESTE-8 CCUTA NORTE DE SANTANDER COLOMBIA</t>
  </si>
  <si>
    <t>LICORES Y BEBIDAS LA 18</t>
  </si>
  <si>
    <t>CLL 18 8 15 CABRERO - EL CABRERO</t>
  </si>
  <si>
    <t>MÃ“VILES MAICAO</t>
  </si>
  <si>
    <t>CR 9 # 11 23 / LC 2 BRR CENTRO</t>
  </si>
  <si>
    <t>TURBACO</t>
  </si>
  <si>
    <t>MULTISERVICIOS LBM</t>
  </si>
  <si>
    <t>CL. 18 #30-225 TURBACO BOLVAR COLOMBIA</t>
  </si>
  <si>
    <t>DISTRIJOTAS</t>
  </si>
  <si>
    <t>CRA. 4 #16 SERVIEZ PUERTO BOYACA BOYACA COLOMBIA</t>
  </si>
  <si>
    <t>SUMPAPER</t>
  </si>
  <si>
    <t>CR 11 # 16 16 BRR SANTA BARBARA</t>
  </si>
  <si>
    <t>SABOYÁ</t>
  </si>
  <si>
    <t>TIENDA NATURISTA SAN FERRER</t>
  </si>
  <si>
    <t>CL 10 # 7 03 BRR CENTRO</t>
  </si>
  <si>
    <t>DROGUERIA CARDENAS G.2</t>
  </si>
  <si>
    <t>CRA. 18 #9-28 SOGAMOSO BOYACA COLOMBIA</t>
  </si>
  <si>
    <t>KAPRICHOS LENCERIA</t>
  </si>
  <si>
    <t>AV 6 # 9 74 / LC 37 BRR CENTRO</t>
  </si>
  <si>
    <t>INTERCOM POPAYAN</t>
  </si>
  <si>
    <t>CL 15 # 18 A 60 BRR LA LADERA</t>
  </si>
  <si>
    <t>ALAMOS DEL QUINDIO</t>
  </si>
  <si>
    <t>CR 23 # 12 31 / LC 1 BRR LOS ALAMOS</t>
  </si>
  <si>
    <t>CENTRO DE SOLUCIONES AMPR</t>
  </si>
  <si>
    <t>CR 13 # 12 - 67 BRR LOS ANGELES</t>
  </si>
  <si>
    <t>JACQUELINE RODRIGUEZ</t>
  </si>
  <si>
    <t>CR 13 # 9 65 BRR CHIQUINQUIRA</t>
  </si>
  <si>
    <t>SILVANIA</t>
  </si>
  <si>
    <t>COMUNICACIONES EL VERGEL</t>
  </si>
  <si>
    <t>KM 40 VIA BOGOTA - GIRARDOT BRR VERGEL</t>
  </si>
  <si>
    <t>VENTAQUEMADA</t>
  </si>
  <si>
    <t>FERRETERA PRINCIPAL</t>
  </si>
  <si>
    <t>CRA. 5 #5-31 VENTAQUEMADA BOYAC COLOMBIA</t>
  </si>
  <si>
    <t>GOOGLE SERVICE</t>
  </si>
  <si>
    <t>CR 25 # 3 35 BRR VILLAS DEL MUNDIAL</t>
  </si>
  <si>
    <t>SAN LUIS DE GACENO</t>
  </si>
  <si>
    <t>NETPHONE COMUNICA</t>
  </si>
  <si>
    <t>CL 5 # 3 53 BRR CENTRO</t>
  </si>
  <si>
    <t>CERINZA</t>
  </si>
  <si>
    <t>MENSAJERIA Y RECAUDO DORIS</t>
  </si>
  <si>
    <t>CL 7 # 6 24 BRR CENTRO</t>
  </si>
  <si>
    <t>MISCELANEA JESSDAN</t>
  </si>
  <si>
    <t>CALLE 3 # 18 - 70</t>
  </si>
  <si>
    <t>STARBIT AEROPUERTO</t>
  </si>
  <si>
    <t>AV 2 # 4 16 BRR AEROPUERTO</t>
  </si>
  <si>
    <t>MARMATO</t>
  </si>
  <si>
    <t>CENTRO DE LA TECNOLOGIA Y MULTISERVICIOS</t>
  </si>
  <si>
    <t>VDA EL LLANO BRR FINCA EL DIAMANTE</t>
  </si>
  <si>
    <t>ANGELA MARIA VELEZ GIRALDO</t>
  </si>
  <si>
    <t>CR 1 A # 68 B 09 / ET J BL 34 AP 3452 BRR MIRADOR DEL LLANO GRANDE</t>
  </si>
  <si>
    <t>NEIVA</t>
  </si>
  <si>
    <t>CL P BRR VEGALARGA</t>
  </si>
  <si>
    <t>BARBOSA</t>
  </si>
  <si>
    <t>TIENDA Y MISCELANEA EL TRIUNFO</t>
  </si>
  <si>
    <t>CR 5 # 12 53 BRR SAMAN</t>
  </si>
  <si>
    <t>INTERMLW</t>
  </si>
  <si>
    <t>CL 9 # 35 - 07 BRR LA PERLA</t>
  </si>
  <si>
    <t>PUNTO FACIL MELGAR</t>
  </si>
  <si>
    <t>CLL 12 N 12A-116 LOCAL 1 EL RECUERDO</t>
  </si>
  <si>
    <t>SALDAÑA</t>
  </si>
  <si>
    <t>SERVIAGRICOLA SALDAÑA LIMITADA</t>
  </si>
  <si>
    <t>CR 18 # 11 126 BRR CENTRO</t>
  </si>
  <si>
    <t>DROGUERIA LA SUPER REBAJA EDQS</t>
  </si>
  <si>
    <t>C 3 N5 72</t>
  </si>
  <si>
    <t>ARBOLEDAS</t>
  </si>
  <si>
    <t>MISCELANEA Y PAPELERIA CLAUDIA</t>
  </si>
  <si>
    <t>CL 3 # 6 29 BRR HOSPITAL</t>
  </si>
  <si>
    <t>LOURDES</t>
  </si>
  <si>
    <t>PAPELERIA Y MICELANEA PUNTO NET</t>
  </si>
  <si>
    <t>C tarsformador</t>
  </si>
  <si>
    <t>MONTENEGRO</t>
  </si>
  <si>
    <t>VARIEDADES KAT</t>
  </si>
  <si>
    <t>MZ 8 CA 27 BRR COMUNEROS</t>
  </si>
  <si>
    <t>ESTACION DE SERVICIO LA 11</t>
  </si>
  <si>
    <t>CR 11 # 17 06 BRR CENTRO</t>
  </si>
  <si>
    <t>SAN ANTONIO</t>
  </si>
  <si>
    <t>FERRETERIA Y VARIEDADES EL CALEÑO</t>
  </si>
  <si>
    <t>CR 4 # 7 38 BRR CENTRO</t>
  </si>
  <si>
    <t>ESPINAL</t>
  </si>
  <si>
    <t>TORRES MENSAJEROS</t>
  </si>
  <si>
    <t>CALLE 8 NUMERO 4-67 CENTRO</t>
  </si>
  <si>
    <t>DROGUERIA 24 HORAS</t>
  </si>
  <si>
    <t>CRA. 17 #11-2 DUITAMA BOYACA COLOMBIA</t>
  </si>
  <si>
    <t>FOSCA</t>
  </si>
  <si>
    <t>CT MOVIL COMUNICACIONES</t>
  </si>
  <si>
    <t>CR 2 # 2 - 33 BRR CENTRO</t>
  </si>
  <si>
    <t>CL 8 # 3 60 BRR LATINO</t>
  </si>
  <si>
    <t>EL ASADERO PARRILLA Y SAZON</t>
  </si>
  <si>
    <t>CL 14 MZ118-2</t>
  </si>
  <si>
    <t>MORENOS PELUQUERA  Y BARBERA</t>
  </si>
  <si>
    <t>CL 57 # 4 A 56 BRR PIEDRA PINTADA</t>
  </si>
  <si>
    <t>TIENDA NICOL.COM</t>
  </si>
  <si>
    <t>CRA. 11 #11-35 ESPINAL EL ESPINAL TOLIMA COLOMBIA</t>
  </si>
  <si>
    <t>ON-SAI</t>
  </si>
  <si>
    <t>CL 16 # 15 55 BRR CENTRO</t>
  </si>
  <si>
    <t>EL PLAYÓN</t>
  </si>
  <si>
    <t>INVERSIONES RODRIGUEZ</t>
  </si>
  <si>
    <t>CR 6 # 8 30 BRR ROBERTO ORTEGA</t>
  </si>
  <si>
    <t>AK SNOOPY STORE</t>
  </si>
  <si>
    <t>C E N S</t>
  </si>
  <si>
    <t>DROGUERIA ENTRE VERDES</t>
  </si>
  <si>
    <t>MZ 13 CA 1 BRR ENTRE VERDES</t>
  </si>
  <si>
    <t>STAR WEB</t>
  </si>
  <si>
    <t>CR 12 # 10 74 BRR CENTRO</t>
  </si>
  <si>
    <t>EL ESQUINAZO  AR</t>
  </si>
  <si>
    <t>CL 4 # 2 01 BRR CENTRO</t>
  </si>
  <si>
    <t>Vichada</t>
  </si>
  <si>
    <t>CUMARIBO</t>
  </si>
  <si>
    <t>VARIEDADES GEORGE DEL LLANO</t>
  </si>
  <si>
    <t>CL 6 # 12 - 70 BRR CENTRO</t>
  </si>
  <si>
    <t>FONSECA</t>
  </si>
  <si>
    <t>ADORNOS Y VARIEDADES EMI</t>
  </si>
  <si>
    <t>CL 13 # 19 122 BRR CENTRO</t>
  </si>
  <si>
    <t>VIA BALOTO MAICAO</t>
  </si>
  <si>
    <t>CL 15 # 14 10 BRR CENTRO</t>
  </si>
  <si>
    <t>LA PAZ</t>
  </si>
  <si>
    <t>INTERCELL.COM LAPAZ</t>
  </si>
  <si>
    <t>CR 4 # 4 20 BRR SANTA ELENA UNO</t>
  </si>
  <si>
    <t>EXPRECAR</t>
  </si>
  <si>
    <t>CR 10 # 6 49 BRR RAGONESSI</t>
  </si>
  <si>
    <t>SALA DE BELLEZA MONICA</t>
  </si>
  <si>
    <t>CR 6 A # 21 16 BRR ROJAS PINILLA</t>
  </si>
  <si>
    <t>ALPUJARRA</t>
  </si>
  <si>
    <t>HALCELL COMUNICACIONES</t>
  </si>
  <si>
    <t>CRA 5 4-80</t>
  </si>
  <si>
    <t>PAPELERA Y MISCELANEA MUNDO COLOR</t>
  </si>
  <si>
    <t>CL 35 # 10 C 85 BRR SAN CRISTOBAL</t>
  </si>
  <si>
    <t>CHITARAQUE</t>
  </si>
  <si>
    <t>PAPELERIA PAPERNET</t>
  </si>
  <si>
    <t>CL 3 # 2 14 BRR CENTRO</t>
  </si>
  <si>
    <t>MINI MERCADO JUAN DIEGO</t>
  </si>
  <si>
    <t>CR 22 F # 37 A 4 / MZ 16 CA 20 BRR EL PROGRESO</t>
  </si>
  <si>
    <t>SMARTMOBILE BOSA</t>
  </si>
  <si>
    <t>TV 78 L # 68 D 12 - SUR BRR BOSA PIAMONTE</t>
  </si>
  <si>
    <t>CEPITÁ</t>
  </si>
  <si>
    <t>EL CORAZON DEL CHICAMOCHA</t>
  </si>
  <si>
    <t>CL 3 # 1 41 BRR CEPITA CENTRO</t>
  </si>
  <si>
    <t>CURITÍ</t>
  </si>
  <si>
    <t>PAPELERIA EL COMUN</t>
  </si>
  <si>
    <t>FCA EL PARAISO BRR EL COMUN</t>
  </si>
  <si>
    <t>ENCINO</t>
  </si>
  <si>
    <t>ASESORIAS Y COMUNICACIONES  ASECOMCI</t>
  </si>
  <si>
    <t>CR 3 # 4 429 BRR CENTRO</t>
  </si>
  <si>
    <t>PAPEL IMPERIO</t>
  </si>
  <si>
    <t>SEC 2 MZ C-3 P 1 APTO 1 BRR URB VILLA ANDREA - TURBACO</t>
  </si>
  <si>
    <t>MISCELANIA Y PAPELERIA KILOMETRICO</t>
  </si>
  <si>
    <t>MZ 11 A CA 6 BRR TOPACIO</t>
  </si>
  <si>
    <t>PAPELERIA LAPIZ Y PAPEL</t>
  </si>
  <si>
    <t>AV Villasy Occidentey Corresponsales Bancarios.</t>
  </si>
  <si>
    <t>VARIEDADES SARAY 1</t>
  </si>
  <si>
    <t>CL 21 # 5 57 BRR BELENCITO</t>
  </si>
  <si>
    <t>SAPHONET</t>
  </si>
  <si>
    <t>CL. 11 #1-88 CCUTA NORTE DE SANTANDER COLOMBIA</t>
  </si>
  <si>
    <t>DIMONEX SEIS DE OCTUBRE</t>
  </si>
  <si>
    <t>CR 16 A # 22 A 67 BRR SEIS DE OCTUBRE</t>
  </si>
  <si>
    <t>DULCE AMOR TIENDA INFANTIL</t>
  </si>
  <si>
    <t>AV 1 E # 33 22 BRR DOCE DE OCTUBRE</t>
  </si>
  <si>
    <t>MAX POLLO</t>
  </si>
  <si>
    <t>CR 3 # 13 48S BRR JARDIN - PITALITO</t>
  </si>
  <si>
    <t>MANTENIMIENTOS CT</t>
  </si>
  <si>
    <t>CL 8 # 9 41 BRR CENTRO</t>
  </si>
  <si>
    <t>MONIQUIRÁ</t>
  </si>
  <si>
    <t>JN COMUNICACIONES</t>
  </si>
  <si>
    <t>CRA. 7 #19-61 MONIQUIRï¿ BOYACï¿ COLOMBIA</t>
  </si>
  <si>
    <t>DEPOSITO LA FONDA DEL NONO</t>
  </si>
  <si>
    <t>CALLE 5 # 2-15 BARRIO COMUNEROS</t>
  </si>
  <si>
    <t>DYD MULTISERVICIOS</t>
  </si>
  <si>
    <t>CL 20 # 11 05 BRR CABRERO</t>
  </si>
  <si>
    <t>PUNTO MAK</t>
  </si>
  <si>
    <t>TV 11 A # 12 18 BRR CENTRO</t>
  </si>
  <si>
    <t>CHIPAQUE</t>
  </si>
  <si>
    <t>SUMINISTROS SURTIHOGAR GYC</t>
  </si>
  <si>
    <t>CL 4 # 4 - 25 BRR CENTRO</t>
  </si>
  <si>
    <t>CR 11 D # 18 B 10 - SUR BRR CENTRO</t>
  </si>
  <si>
    <t>LA COLONIA ICONONZUNA</t>
  </si>
  <si>
    <t>CR 7 # 6 45 BRR GARAJE BELEN</t>
  </si>
  <si>
    <t>SANTA SOFÍA</t>
  </si>
  <si>
    <t>AQUI DONDE SAMUELITO</t>
  </si>
  <si>
    <t>CL 5 # 3 16 BRR SANTA SOFIA</t>
  </si>
  <si>
    <t>RÁQUIRA</t>
  </si>
  <si>
    <t>PAPELERA  EL COMERCIO RAQUIRA</t>
  </si>
  <si>
    <t>CR 3 # 6 A 04 BRR CALLE DEL COMERCIO</t>
  </si>
  <si>
    <t>DROGUERIA ALTOS DE VERSALLES</t>
  </si>
  <si>
    <t>CRA ZULIA 11 A 30</t>
  </si>
  <si>
    <t>SUPER CALZADO GONZALEZ</t>
  </si>
  <si>
    <t>CR 6 # 6 15 BRR CENTRO</t>
  </si>
  <si>
    <t>TIENDA Y MISCELANEA LILI DEL CACIQUE</t>
  </si>
  <si>
    <t>MZ 24 CA 1 URB BRR LLANITOS</t>
  </si>
  <si>
    <t>GRANERO LA PRIMAVERA</t>
  </si>
  <si>
    <t>CL PLAZA DE MERCADO BRR PLAZA</t>
  </si>
  <si>
    <t>LA VIRGINIA</t>
  </si>
  <si>
    <t>SERVIYA LA VIRGINIA</t>
  </si>
  <si>
    <t>CR 8 # 8 64 BRR CENTRO</t>
  </si>
  <si>
    <t>OIBA</t>
  </si>
  <si>
    <t>AGROSAN DISTRIBUCIONES</t>
  </si>
  <si>
    <t>CR 9 # 5 13 BRR BAHIA CHALA</t>
  </si>
  <si>
    <t>TELEFONIA ORBA MOVIL</t>
  </si>
  <si>
    <t>CR 9 # 8 44 BRR OIBA</t>
  </si>
  <si>
    <t>CONSSER SAS</t>
  </si>
  <si>
    <t>CR 12 A SUR # 4 17 / LC 102 BRR LA FLORESTA</t>
  </si>
  <si>
    <t>J.E</t>
  </si>
  <si>
    <t>CL 78 A # 63 84 BRR SIMON BOLIVAR</t>
  </si>
  <si>
    <t>PAPELERIA</t>
  </si>
  <si>
    <t>CL 7 # 4 126 BRR CENTRO</t>
  </si>
  <si>
    <t>SOPÓ</t>
  </si>
  <si>
    <t>INTERCOM SOLUCIONES INFORMATICAS</t>
  </si>
  <si>
    <t>CR 4 # 2 A 15 - SUR BRR MONTANA</t>
  </si>
  <si>
    <t>SHADAY.COM</t>
  </si>
  <si>
    <t>CR 6 # 22 123 BRR EL CARMEN</t>
  </si>
  <si>
    <t>BOYACÁ</t>
  </si>
  <si>
    <t>AUTOSERVICIO LA CABANA</t>
  </si>
  <si>
    <t>CRA. 4 #405 BOYACA COLOMBIA</t>
  </si>
  <si>
    <t>TIENDA SERVICIOS EMMANUEL</t>
  </si>
  <si>
    <t>CR 4 # 14 03 BRR CENTRO</t>
  </si>
  <si>
    <t>BOCHALEMA</t>
  </si>
  <si>
    <t>TELECOMUNICACIONES BOCHALEMA</t>
  </si>
  <si>
    <t>CL 3 # 3 32 BRR CENTRO</t>
  </si>
  <si>
    <t>PAPELERIA Y VARIEDADES JACO</t>
  </si>
  <si>
    <t>CR 22 # 44 - 87 / P 3 BRR SANTA HELENA</t>
  </si>
  <si>
    <t>MATTITOS NET VARIEDADES</t>
  </si>
  <si>
    <t>CR 25 # 49 77 BRR VERSALLES</t>
  </si>
  <si>
    <t>TIGO ANDINO CALLE 85</t>
  </si>
  <si>
    <t>CL 26 # 96 J 66 / P 8 BRR FONTIBON</t>
  </si>
  <si>
    <t>OFIS@PUNTONET</t>
  </si>
  <si>
    <t>CR 5 # 13 49 BRR LA LEGUA</t>
  </si>
  <si>
    <t>MINIMARKET JAISOL</t>
  </si>
  <si>
    <t>CR 14 # 149 45 / LC 1 BRR SALADO</t>
  </si>
  <si>
    <t>SU DROGUERIA BELENCITO 2</t>
  </si>
  <si>
    <t>CRA. 14 #18-15 SOGAMOSO BOYACA COLOMBIA</t>
  </si>
  <si>
    <t>CIÉNEGA</t>
  </si>
  <si>
    <t>DROGUERIA VITAL VID PLUS</t>
  </si>
  <si>
    <t>CL 3 # 4 72 BRR CENTRO</t>
  </si>
  <si>
    <t>PAPELERIA Y VARIEDADES YOWILL</t>
  </si>
  <si>
    <t>AV 10 # 27 B 15 / LC 2 BRR PATIO ANTIGUO</t>
  </si>
  <si>
    <t>SAN CALIXTO</t>
  </si>
  <si>
    <t>PAPELERIA MISCELANEA CAOLY Y TELECOMUNICACIONES</t>
  </si>
  <si>
    <t>CRADX C 2 350</t>
  </si>
  <si>
    <t>PAPEL PLUS MULTISERVICIOS</t>
  </si>
  <si>
    <t>CR 23 # 8 45 BRR GRANADA</t>
  </si>
  <si>
    <t>MAOCEL</t>
  </si>
  <si>
    <t>CR 7 # 9 - 28 BRR GALERIA</t>
  </si>
  <si>
    <t>BELÉN DE UMBRÍA</t>
  </si>
  <si>
    <t>PAPELERIA METROPOLY</t>
  </si>
  <si>
    <t>CL 6 # 11 - 17 BRR CENTRO</t>
  </si>
  <si>
    <t>VARIEDADES EVELYN</t>
  </si>
  <si>
    <t>CR 3 C # 6 03 BRR BUENA VISTA</t>
  </si>
  <si>
    <t>TIGO MOLINOS</t>
  </si>
  <si>
    <t>CL 30 A # 82 A 26 BRR MEDELLIN</t>
  </si>
  <si>
    <t>GIRARDOT</t>
  </si>
  <si>
    <t>CR 10 # 18 18 BRR CENTRO</t>
  </si>
  <si>
    <t>ARATOCA</t>
  </si>
  <si>
    <t>COMUNICACIONES ANYESA</t>
  </si>
  <si>
    <t>CR 5 # 4 31 BRR CENTRO</t>
  </si>
  <si>
    <t>INTERNET Y CAFE LA ESTACION</t>
  </si>
  <si>
    <t>CL 8 # 6 36 BRR CENTRO</t>
  </si>
  <si>
    <t>ALMACEN DE REPUESTOS ELECTRICOS PRAMEN</t>
  </si>
  <si>
    <t>CL. 3 #4-46 ORTEGA TOLIMA COLOMBIA</t>
  </si>
  <si>
    <t>INTERNET BANDA ANCHA.@COM</t>
  </si>
  <si>
    <t>CR 4 # 36 46 BRR CADIZ</t>
  </si>
  <si>
    <t>WOOW COLORS TUDIO</t>
  </si>
  <si>
    <t>CARRERA 12 # 20-25</t>
  </si>
  <si>
    <t>PAGOS Y SERVICIOS MEJIA</t>
  </si>
  <si>
    <t>CARRERA 3N6 1-48 PUEBLO NUEVO</t>
  </si>
  <si>
    <t>HELADERIA Y FRUTERIA DRAC</t>
  </si>
  <si>
    <t>CRA. 19 A #33A-13 TUNJA BOYACA COLOMBIA</t>
  </si>
  <si>
    <t>JACROS BOUTIQUE</t>
  </si>
  <si>
    <t>MZ M LT 4-2 BRR LA PARADA</t>
  </si>
  <si>
    <t>DROGUERIA FARMAECONOMIK PLUS</t>
  </si>
  <si>
    <t>AV 3 # 17-01 SAN LUIS</t>
  </si>
  <si>
    <t>EL PUNTO DE LA BELLEZA</t>
  </si>
  <si>
    <t>CR 11 # 9 22 / LC 1 BRR CENTRO</t>
  </si>
  <si>
    <t>DROGUERIA MERDROGAS MANIZALES #2</t>
  </si>
  <si>
    <t>CR 12 # 62 A 31 / LC 3 BRR VIVEROS</t>
  </si>
  <si>
    <t>MISCELANEA ML-RB</t>
  </si>
  <si>
    <t>CR 5 # 34 BARRIO LAS ACACIAS CALLE PRINCIPAL</t>
  </si>
  <si>
    <t>A.M COMUNICACIONES</t>
  </si>
  <si>
    <t>CL 36 # 15 16 BRR GUADALUPE</t>
  </si>
  <si>
    <t>APÍA</t>
  </si>
  <si>
    <t>SURTICAMPO APIA</t>
  </si>
  <si>
    <t>CL 8 # 9 - 12 BRR CENTRO</t>
  </si>
  <si>
    <t>EPAGO DUITAMA</t>
  </si>
  <si>
    <t>CL 16 A # 15 60 BRR DUITAMA</t>
  </si>
  <si>
    <t>DROGUERIA SUTIMEDIC</t>
  </si>
  <si>
    <t>CL 160 N 21 SUR 19 ARBOLEDA DEL CAMPESTRE CONJUNTO GUALANDAY LC 3</t>
  </si>
  <si>
    <t>PURIFICACIÓN</t>
  </si>
  <si>
    <t>LA OFICINA JM</t>
  </si>
  <si>
    <t>CR 7 # 6 82 BRR EL CRUCE</t>
  </si>
  <si>
    <t xml:space="preserve">INTERRAPIDISIMO </t>
  </si>
  <si>
    <t>CRA. 8 #9-41 ESPINAL EL ESPINAL TOLIMA COLOMBIA</t>
  </si>
  <si>
    <t>MERCADOS DON MANUEL GOURMET</t>
  </si>
  <si>
    <t>CR 13 # 12 05 BRR CENTRO</t>
  </si>
  <si>
    <t>PIQUETEADERO EL CHICHARRON DORADO</t>
  </si>
  <si>
    <t>CL 12 # 7 49 BRR CENTRO</t>
  </si>
  <si>
    <t>PAPELERIA MATIAS ANI</t>
  </si>
  <si>
    <t>CR 11 # 6 44 BRR GRAMALOTE</t>
  </si>
  <si>
    <t>PAGA SERO</t>
  </si>
  <si>
    <t>CL. 5 #6-52 CCUTA NORTE DE SANTANDER COLOMBIA</t>
  </si>
  <si>
    <t>TIENDA INESITA</t>
  </si>
  <si>
    <t>CR 19 # 31 07 / P 2 BRR LAS DELICIAS</t>
  </si>
  <si>
    <t>FARMACIA EL BOSQUE</t>
  </si>
  <si>
    <t>CL 4 BIS SUR # 28 - 173 / LC 1 BRR BOSQUES DE ROSABLANCA</t>
  </si>
  <si>
    <t>PAPELERIA J Y D</t>
  </si>
  <si>
    <t>CR 90 # 80 C 33 BRR CEREZOS</t>
  </si>
  <si>
    <t>CANTAGALLO</t>
  </si>
  <si>
    <t>GREGORIA MARTINEZ DIAZ</t>
  </si>
  <si>
    <t>CLL 4648 CANTAGALLO</t>
  </si>
  <si>
    <t>INFINITY TEC - DUITAMA</t>
  </si>
  <si>
    <t>CL 17 # 13 40 / LC 1 BRR DUITAMA</t>
  </si>
  <si>
    <t>DROGUERIA SURTIDROGAS</t>
  </si>
  <si>
    <t>CRA 26 # 4 03</t>
  </si>
  <si>
    <t>FERRETERIA SANYIBE</t>
  </si>
  <si>
    <t>CL 4 A # 18 04 BRR ANIVERSARIO II</t>
  </si>
  <si>
    <t>DROGUERIA ARANJUEZ RIOS</t>
  </si>
  <si>
    <t>CR 42 # 69 A 26 BRR PALERMO</t>
  </si>
  <si>
    <t>MISCELANEA POWER</t>
  </si>
  <si>
    <t>MZ 23 CA 454 BRR LAS MERCEDES</t>
  </si>
  <si>
    <t>PAPELERIA L Y N</t>
  </si>
  <si>
    <t>MZ 8 CA 16 LC 2 BRR BOSQUES DE PINARES</t>
  </si>
  <si>
    <t>PAPELERIA MERCASA</t>
  </si>
  <si>
    <t>BG VERDE LC PT 10 BRR MERCASA</t>
  </si>
  <si>
    <t>SUPERMERCADO LA SUERTE DE FLOR</t>
  </si>
  <si>
    <t>CL 3 # 5 - 12 BRR CENTRO</t>
  </si>
  <si>
    <t>DIVAL.COM</t>
  </si>
  <si>
    <t>CR 1 # 18 C 24 / LC 101</t>
  </si>
  <si>
    <t>AGUACHICA</t>
  </si>
  <si>
    <t>HAPPY TIME LA 14</t>
  </si>
  <si>
    <t>CR 14 # 5 125 / LC 2 BRR CENTRO</t>
  </si>
  <si>
    <t>PAPELERIA CAMI.NET</t>
  </si>
  <si>
    <t>CL 20 # 30 08 BRR LOS ALPES</t>
  </si>
  <si>
    <t>BRICEÑO</t>
  </si>
  <si>
    <t>TECNI PAC BRICEÑO</t>
  </si>
  <si>
    <t>CR 3 # 4 68 BRR CENTRO</t>
  </si>
  <si>
    <t>CUCAITA</t>
  </si>
  <si>
    <t>ALMACEN SUPER MAX</t>
  </si>
  <si>
    <t>CL 8 # 7 10 BRR CENTRO</t>
  </si>
  <si>
    <t>DROGUERIA SUPERIOR DUITAMA</t>
  </si>
  <si>
    <t>CRA. 31 #9-139 DUITAMA BOYACA COLOMBIA</t>
  </si>
  <si>
    <t>FABIO ENRIQUE BECERRA  CIA LTDA</t>
  </si>
  <si>
    <t>CL 14 # 3 65 BRR LA PLAYA</t>
  </si>
  <si>
    <t>SEVILLA</t>
  </si>
  <si>
    <t>LA OFICINA SEVILLANA</t>
  </si>
  <si>
    <t>CR 50 # 51 - 42 BRR CENTRO CONCORDIA</t>
  </si>
  <si>
    <t>OSCAR ENCISO</t>
  </si>
  <si>
    <t>CL 143 A # 127 D 16 BRR SUBA</t>
  </si>
  <si>
    <t>APULO</t>
  </si>
  <si>
    <t>PAPELERIA@CENTRO.COM</t>
  </si>
  <si>
    <t>CR 9 # 5 A 22 BRR CENTRO</t>
  </si>
  <si>
    <t>CACHIPAY</t>
  </si>
  <si>
    <t>INTERNET PRINOX</t>
  </si>
  <si>
    <t>CR 19 # 7 46 BRR TIERRA DE SUENOS</t>
  </si>
  <si>
    <t>ABCMASKOTAS   PET SHOP VETERINARIA</t>
  </si>
  <si>
    <t>CL 2 # 8 A 28 BRR FLORIDA</t>
  </si>
  <si>
    <t>JUAN ALEXANDER BONILLA AYALA</t>
  </si>
  <si>
    <t>CL 142-47 LA PLAYA</t>
  </si>
  <si>
    <t>KATHALEYA VARIEDADES</t>
  </si>
  <si>
    <t>CRA. 4 #35-49 LOS PATIOS NORTE DE SANTANDER COLOMBIA</t>
  </si>
  <si>
    <t>PUNTO DE PAGOS Y ENVIOS VILLA DEL CAMPO</t>
  </si>
  <si>
    <t>DG 52 10A 17 LC 1 MZ 12 CA 6 BRR VILLA DEL CAMPO</t>
  </si>
  <si>
    <t>CAFE Y MONTANA TRAVEL</t>
  </si>
  <si>
    <t>CR 9 # 10 - 43 / OF 201 BRR CENTRO</t>
  </si>
  <si>
    <t>SANDRA UMANA</t>
  </si>
  <si>
    <t>AV CALLE 72 # 69M 40</t>
  </si>
  <si>
    <t>VARIEDADES SHARIK</t>
  </si>
  <si>
    <t>MZA 27 CASA 2</t>
  </si>
  <si>
    <t>DONDE LUZ</t>
  </si>
  <si>
    <t>MZ H CA 22 BRR BELLO HORIZONTE</t>
  </si>
  <si>
    <t>VARIEDADES MANU STORE</t>
  </si>
  <si>
    <t>CL 146 # 3 A 50 BRR PICALENA</t>
  </si>
  <si>
    <t>DROGUERIA LA ECONOMIA TUNJA</t>
  </si>
  <si>
    <t>CL. 8B #6-123 TUNJA BOYACA COLOMBIA</t>
  </si>
  <si>
    <t>DROGUERIA PHARMASION 2</t>
  </si>
  <si>
    <t>K 11 N 20 19S</t>
  </si>
  <si>
    <t>BOAVITA</t>
  </si>
  <si>
    <t>VARIEDADES YEYA</t>
  </si>
  <si>
    <t>CL 6 # 6 66 BRR BOAVITA</t>
  </si>
  <si>
    <t>GARAGOA</t>
  </si>
  <si>
    <t>DROGUERIA ECOFARMA LA 11</t>
  </si>
  <si>
    <t>CR 11 # 12 51 BRR CIUDAD JARDIN</t>
  </si>
  <si>
    <t>UN SENOR ALMUERZO</t>
  </si>
  <si>
    <t>TECNOLEE</t>
  </si>
  <si>
    <t>CR 6 # 8 45 BRR CENTRO BAJOS</t>
  </si>
  <si>
    <t>FARMA DEPOSITO</t>
  </si>
  <si>
    <t>CR 24 # 40 - 00 BRR CENTRO</t>
  </si>
  <si>
    <t>CARAMELO TIENDA REGALOS</t>
  </si>
  <si>
    <t>CL 3 # 1 95 BRR LOS ANDES</t>
  </si>
  <si>
    <t>CL 10 # 9 47 / OF 206 BRR CENTRO</t>
  </si>
  <si>
    <t>MOMPÓS</t>
  </si>
  <si>
    <t>DROGUERIA Y MISCELANEA EL EXITO MOMPOX</t>
  </si>
  <si>
    <t>CR 2 # 22 10 BRR JAEN</t>
  </si>
  <si>
    <t>MISCELANEA PUNTO NUEVO</t>
  </si>
  <si>
    <t>MZ M CA 1 BRR LA ESMERALDA</t>
  </si>
  <si>
    <t>SALSAMENTARIA LOS MUISCAS</t>
  </si>
  <si>
    <t>DG 67 # 2 66 BRR CENTRO</t>
  </si>
  <si>
    <t>RAGONVALIA</t>
  </si>
  <si>
    <t>ZONA DE JUEGO ESTACION 1</t>
  </si>
  <si>
    <t>CL 5 5 83</t>
  </si>
  <si>
    <t>KASA LIMPIA EXPRESS</t>
  </si>
  <si>
    <t>CL 5 # 6 A 17 BRR PRADOS DEL ESTE</t>
  </si>
  <si>
    <t>EL BARATON PAISA</t>
  </si>
  <si>
    <t>CL 1 # 3 A 16 BRR RENAN BARCO</t>
  </si>
  <si>
    <t>REMATE OH LA LA</t>
  </si>
  <si>
    <t>CR 4 # 45 87 BRR LAS FERIAS</t>
  </si>
  <si>
    <t>OFICCE.COM.ES</t>
  </si>
  <si>
    <t>CR 15 B # 4 B 12 BRR CORDOBA</t>
  </si>
  <si>
    <t>ANIMAL SITE PET SHOP</t>
  </si>
  <si>
    <t>CR 22 SUR # 154 81 / LC 3 BRR ARBOLEDA CAMPESTRE</t>
  </si>
  <si>
    <t>CLINICA DE BATERAS</t>
  </si>
  <si>
    <t>CL 4 # 6 57 BRR SEXTA</t>
  </si>
  <si>
    <t>AMBALEMA</t>
  </si>
  <si>
    <t>MOVILES Y SERVICIOS RA</t>
  </si>
  <si>
    <t>CL 9 # 4 08 BRR CENTRO</t>
  </si>
  <si>
    <t>PAPELERIA Y MISCELANEA CRISOL</t>
  </si>
  <si>
    <t>VDA LA CABAÃ‘A BRR CABANA</t>
  </si>
  <si>
    <t>SALAMINA</t>
  </si>
  <si>
    <t>COMUNICACIONES EL PARQUE</t>
  </si>
  <si>
    <t>CL 4 # 6 27 BRR CENTRO</t>
  </si>
  <si>
    <t>VARIEDADES EL CREADOR</t>
  </si>
  <si>
    <t>CR 4 # 20 B 39 BRR MIRADORES DEL BOSQUE</t>
  </si>
  <si>
    <t>PAYSERV</t>
  </si>
  <si>
    <t>CL 4 # 10 05 BRR BOYACA</t>
  </si>
  <si>
    <t>PAPELERIA LAS PRADILLAS</t>
  </si>
  <si>
    <t>AV 1 # 8 80 BRR EL TRIUNFO</t>
  </si>
  <si>
    <t>INTERCOMUNICACIONES TODARED</t>
  </si>
  <si>
    <t>AV 9 # 3 55 BRR EL CALLEJON</t>
  </si>
  <si>
    <t>UNIVERSAL DE SUMINISTROS MYV</t>
  </si>
  <si>
    <t>CL. 105 #2-9 IBAGU TOLIMA COLOMBIA</t>
  </si>
  <si>
    <t>MOTAVITA</t>
  </si>
  <si>
    <t>AUTOSERVICIO SANTA CRUZ</t>
  </si>
  <si>
    <t>CL 3 # 4 69 BRR CENTRO MOTAVITA</t>
  </si>
  <si>
    <t>TECNISERVIS</t>
  </si>
  <si>
    <t>CL. 23 #10 CCUTA NORTE DE SANTANDER COLOMBIA</t>
  </si>
  <si>
    <t>PINARES MARKET</t>
  </si>
  <si>
    <t>AV JUAN B GUTIERREZ 1721 LC 22 BRR PINARES D</t>
  </si>
  <si>
    <t>IPIALES</t>
  </si>
  <si>
    <t>PUNTO DE PAGO</t>
  </si>
  <si>
    <t>CR 7 # 9 39 / CC VICTORIA PLAZA BRR CENTRO</t>
  </si>
  <si>
    <t>TIGO UNICENTRO BOGOTÃ</t>
  </si>
  <si>
    <t>CR 15 # 124 30 / CC UNICENTRO LC 1122 BRR UNICENTRO</t>
  </si>
  <si>
    <t>COROMORO</t>
  </si>
  <si>
    <t>LA PALMIRA</t>
  </si>
  <si>
    <t>CL 6 # 5 18 BRR LAURELES</t>
  </si>
  <si>
    <t>FARMACOUNTRY</t>
  </si>
  <si>
    <t>CRA. 8 #17-66 IBAGUE TOLIMA COLOMBIA</t>
  </si>
  <si>
    <t>SERVIGUSTAR</t>
  </si>
  <si>
    <t>CALLE 6#27_22 LOCAL</t>
  </si>
  <si>
    <t>DROGAS SALUDMAR</t>
  </si>
  <si>
    <t>CRA 6 11 08</t>
  </si>
  <si>
    <t>TORNILLOS Y ACCESORIOS LA 11</t>
  </si>
  <si>
    <t>CR 11 # 6 69 BRR LIBERTADOR</t>
  </si>
  <si>
    <t>SERVICOPIAS PARLE</t>
  </si>
  <si>
    <t>CL 14 # 0 50 / LC 101 BRR LA PLAYA</t>
  </si>
  <si>
    <t>FILADELFIA</t>
  </si>
  <si>
    <t>CENTRO DE SERVICIOS FILADELFIA</t>
  </si>
  <si>
    <t>CR 4 # 6 - 15 BRR FILIPINAS</t>
  </si>
  <si>
    <t>ACEVEDO</t>
  </si>
  <si>
    <t>CR 5 NO. 2 - 51 BRR SAN FRANCISCO</t>
  </si>
  <si>
    <t>VARIEDADES LUZ</t>
  </si>
  <si>
    <t>CL 20 # 12 84 / CC BRR CENTRO COMERCIAL PLAZA REAL CAJERO A</t>
  </si>
  <si>
    <t>SERVIRAP</t>
  </si>
  <si>
    <t>CL 18 # 5 86 / AG SERVIRAP BRR CENTRO</t>
  </si>
  <si>
    <t>CHITA</t>
  </si>
  <si>
    <t>CIBER.COM</t>
  </si>
  <si>
    <t>CL 4 # 3 12 BRR CENTRO</t>
  </si>
  <si>
    <t>GUAYATÁ</t>
  </si>
  <si>
    <t>EMPRENDER COMUNICACIONES</t>
  </si>
  <si>
    <t>CR 4 # 3 18 BRR CENTRO</t>
  </si>
  <si>
    <t>FARMAECONOMIK PLUS</t>
  </si>
  <si>
    <t>AV 10 # 1 N 65</t>
  </si>
  <si>
    <t>FERROELECTRICOS SHARON</t>
  </si>
  <si>
    <t>CR 10 # 11 08 BRR CARRETERO</t>
  </si>
  <si>
    <t>MISCELANEA Y PAPELERIA ORAIS</t>
  </si>
  <si>
    <t>CL 18 # 25 10 BRR SIMON BOLIVAR</t>
  </si>
  <si>
    <t>LINK DOT NET</t>
  </si>
  <si>
    <t>MZ 12 CA 9 URB BRR BOSQUES DE PINARES</t>
  </si>
  <si>
    <t>PUNTO DE PAGO UBATE</t>
  </si>
  <si>
    <t>CL 6 # 6 39 BRR PARQUE PPAL</t>
  </si>
  <si>
    <t>OCAMONTE</t>
  </si>
  <si>
    <t>OCACIMA COMUNICACIONES</t>
  </si>
  <si>
    <t>CL 5 # 3 13 BRR ISIDRO MOLINA</t>
  </si>
  <si>
    <t>FIBRAS EL TURCO</t>
  </si>
  <si>
    <t>CR 4 # 15 19 BRR CARRETERA TRONCAL</t>
  </si>
  <si>
    <t>VARIEDADES B. C.</t>
  </si>
  <si>
    <t>MZ E LT 6 AP 101 BRR NUEVA CARTAGENA</t>
  </si>
  <si>
    <t>NATAGAIMA</t>
  </si>
  <si>
    <t>DEPOSITO EL MILAGRO</t>
  </si>
  <si>
    <t>CR 6 # 6 72 BRR CENTRO</t>
  </si>
  <si>
    <t>BUGALNETCOM</t>
  </si>
  <si>
    <t>CR 4 # 3 17 BRR CENTRO</t>
  </si>
  <si>
    <t>SOTAQUIRÁ</t>
  </si>
  <si>
    <t>AGRO SOTAQUIRA</t>
  </si>
  <si>
    <t>C 6 N 7 - 39</t>
  </si>
  <si>
    <t>DROGUERIA YOKADA</t>
  </si>
  <si>
    <t>CL 9 # 14 64 BRR CHAPINERO</t>
  </si>
  <si>
    <t>DIGIMAX</t>
  </si>
  <si>
    <t>CR 7 # 10 54 BRR CENTRO</t>
  </si>
  <si>
    <t>SAN BENITO</t>
  </si>
  <si>
    <t>ISAFARMAK</t>
  </si>
  <si>
    <t>CR 2 # 5 70 BRR SAN BENITO</t>
  </si>
  <si>
    <t>HONDA</t>
  </si>
  <si>
    <t>TITAN ZONA ROSA</t>
  </si>
  <si>
    <t>CL. 9 #21-21-12 HONDA TOLIMA COLOMBIA</t>
  </si>
  <si>
    <t>DIGITAL CASE</t>
  </si>
  <si>
    <t>CL 16 # 17 34 BRR CENTRO</t>
  </si>
  <si>
    <t>DROGUERIA SURTIFARMA SOGAMOSO</t>
  </si>
  <si>
    <t>CR 14 # 3 11 / LC 2 BRR SOGAMOSO</t>
  </si>
  <si>
    <t>DOLCINATURAL</t>
  </si>
  <si>
    <t>CL 11 # 12 B 103 BRR ANIVERSARIO UNO</t>
  </si>
  <si>
    <t>KAROLS PARTY</t>
  </si>
  <si>
    <t>CL 67 # 10 A - 44 / LC 1 BRR LA SULTANA</t>
  </si>
  <si>
    <t>LÍBANO</t>
  </si>
  <si>
    <t>MARYLUNA COMUNICACIONES</t>
  </si>
  <si>
    <t>CR 8 # 3 67 BRR CENTRO</t>
  </si>
  <si>
    <t>DROGUERIA SU SALUD SU VIDA</t>
  </si>
  <si>
    <t>CR 12 A # 2 B 20 / AP 101 BRR BELLA ISLA</t>
  </si>
  <si>
    <t>ORTOMEDICAL</t>
  </si>
  <si>
    <t>CR 6 # 57 29 BRR LIMONAR</t>
  </si>
  <si>
    <t>DROGUERIA MISCELANE UNO A</t>
  </si>
  <si>
    <t>CL 3 # 3 57 / AV BRR CENTRO</t>
  </si>
  <si>
    <t>TIBÚ</t>
  </si>
  <si>
    <t>DROGUERIA DE LOS MEDICOS</t>
  </si>
  <si>
    <t>CL 5 6 24-30</t>
  </si>
  <si>
    <t>EL PINAR DE BENGALA</t>
  </si>
  <si>
    <t>CL 48 I # 6 119 BRR BENGALA</t>
  </si>
  <si>
    <t>PAPELERIA Y FOTOCOPIADORA JHOJAN</t>
  </si>
  <si>
    <t>CL 96 # 23 15 BRR GAVIOTA</t>
  </si>
  <si>
    <t>FARMACIA NUMERO 13</t>
  </si>
  <si>
    <t>CR 3W NO. 18 - 25</t>
  </si>
  <si>
    <t>ASESORIAS Y SERVICIOS INTEGRALES</t>
  </si>
  <si>
    <t>CR 13 A # 9 66 BRR LA CHIQUINQUIRA</t>
  </si>
  <si>
    <t>PENSILVANIA</t>
  </si>
  <si>
    <t>PAÑALERA BABY STAR</t>
  </si>
  <si>
    <t>CR 6 # 5 54 / P 1 BRR CENTRO</t>
  </si>
  <si>
    <t>PAPELERIA NEPAL</t>
  </si>
  <si>
    <t>CR 6 # 34 - 05 BRR LA PISTA</t>
  </si>
  <si>
    <t>MULTISERVICIOS ATH</t>
  </si>
  <si>
    <t>CR 17 # 9 - 76 BRR NUEVA FLORESTA</t>
  </si>
  <si>
    <t>DROGUERIA OPTISALUD JM</t>
  </si>
  <si>
    <t>CL 18 # 5 - 02 / LC 2 BRR DANUBIO</t>
  </si>
  <si>
    <t>SANTI MOVIL</t>
  </si>
  <si>
    <t>CR 19 # 13 A 34 BRR LA VILLA OLIMPICA</t>
  </si>
  <si>
    <t>ANAPOIMA</t>
  </si>
  <si>
    <t>VARIEDADES COSMOS</t>
  </si>
  <si>
    <t>CR 2 # 4 08 BRR CENTRO</t>
  </si>
  <si>
    <t>CENTRAL PAGOS  SERVICIOS</t>
  </si>
  <si>
    <t>CL 9 # 21 A 15 BRR RINCON SANTO</t>
  </si>
  <si>
    <t>AUTOSERVICIO MILAGRO DE DIOS</t>
  </si>
  <si>
    <t>MANZANA F CASA 5</t>
  </si>
  <si>
    <t>FARMACIA LA CURVA</t>
  </si>
  <si>
    <t>AV. 6A B BIS #455 Cï¿šCUTA NORTE DE SANTANDER COLOMBIA</t>
  </si>
  <si>
    <t>TIENDA DANI DANI</t>
  </si>
  <si>
    <t>CL 22 # 22 68 BRR PARQUE VALENCIA</t>
  </si>
  <si>
    <t>VARIEDADES FF</t>
  </si>
  <si>
    <t>VDA BRR BONAFONT PLAZA PRINCIPAL</t>
  </si>
  <si>
    <t>VILLETA</t>
  </si>
  <si>
    <t>TECPHONE-VILLETA</t>
  </si>
  <si>
    <t>CR 7 # 3 A 62 BRR CENTRO VILLETA</t>
  </si>
  <si>
    <t>DROGUERIA FAMILIAR JD</t>
  </si>
  <si>
    <t>TV. 15 SUR #6 IBAGUE TOLIMA COLOMBIA</t>
  </si>
  <si>
    <t>TIENDA DONDE JULIANA</t>
  </si>
  <si>
    <t>CL. 29C #1C SUR-5 IBAGUï¿‰ TOLIMA COLOMBIA</t>
  </si>
  <si>
    <t>DROGUERIA CAICEDO</t>
  </si>
  <si>
    <t>MZ C CS 2 LC 1</t>
  </si>
  <si>
    <t>TURMEQUÉ</t>
  </si>
  <si>
    <t>DEPOSITO DE COCA COLA MARU</t>
  </si>
  <si>
    <t>CL. 4 #2-85 TURMEQUE BOYACA COLOMBIA</t>
  </si>
  <si>
    <t>PAPELERIA Y VARIEDADES MAFER Y JUANPA</t>
  </si>
  <si>
    <t>CL 26 A # 9 72 BRR GRAN COLOMBIA</t>
  </si>
  <si>
    <t>DISTRIBUIDORA LA SUIZA</t>
  </si>
  <si>
    <t>CR 26 # 38 01 BRR CENTRO</t>
  </si>
  <si>
    <t>FARMYLIFE YC</t>
  </si>
  <si>
    <t>CL 16 D # 42 A - 04 BRR SAN ANTONIO</t>
  </si>
  <si>
    <t>PARIS NUMERO 19</t>
  </si>
  <si>
    <t>CR 2 NO. 28 20</t>
  </si>
  <si>
    <t>MISCELANEA PAPELITOS Y DETALLES</t>
  </si>
  <si>
    <t>CR 7 # 6 53 BRR VILLA DEL ROSARIO</t>
  </si>
  <si>
    <t>HELLENDAY PAPELERIA - MISCELANEA</t>
  </si>
  <si>
    <t>CR 10 # 9 21 BRR MARIA AUXILIADORA</t>
  </si>
  <si>
    <t>TIENDA Y VIVERES RANCHO VIEJO</t>
  </si>
  <si>
    <t>CR 9 # 7 S 09 BRR VILLA MERCEDES</t>
  </si>
  <si>
    <t>FOTOCOPIAS MICHELIN</t>
  </si>
  <si>
    <t>CR 7 D # 29 A 03 BRR COOVIP</t>
  </si>
  <si>
    <t>CL. 23 #69-79 CARTAGENA PROVINCIA DE CARTAGENA BOLVAR COLOMBIA</t>
  </si>
  <si>
    <t>CAFE ROOS</t>
  </si>
  <si>
    <t>MZ 26 CA 14 BRR JORDAN</t>
  </si>
  <si>
    <t>MERCAJUAN</t>
  </si>
  <si>
    <t>CRR SAN JUAN DE LA CHINA</t>
  </si>
  <si>
    <t>MULTISERVICIOS ICACAL</t>
  </si>
  <si>
    <t>CR 13 # 12 39 BRR ICACAL</t>
  </si>
  <si>
    <t>PAPELERIA EL PRIMO SLG</t>
  </si>
  <si>
    <t>CR 5 # 6 71 BRR COLINA</t>
  </si>
  <si>
    <t>ACA.NET</t>
  </si>
  <si>
    <t>CR 5 # 18 19 / LC 103 BRR CENTRO</t>
  </si>
  <si>
    <t>COOTRANSVALLE SAMACA OC</t>
  </si>
  <si>
    <t>CR 2 ESTE # 76 04 BRR CONJUNTO ARBOLEDA BARRIO ARBOLEDA</t>
  </si>
  <si>
    <t>INTERCOMUNICACIONES</t>
  </si>
  <si>
    <t>CALLE 17 # 17-58</t>
  </si>
  <si>
    <t>PAPELERIA MEGASPORT</t>
  </si>
  <si>
    <t>K 30 N 19B 16</t>
  </si>
  <si>
    <t>PUNTO FACIL</t>
  </si>
  <si>
    <t>CR 4 B # 45 78 BRR LAS FERIAS</t>
  </si>
  <si>
    <t>MISCELANEA JUSAN</t>
  </si>
  <si>
    <t>CL 26 B # 1 N 54 BRR REGADEROS</t>
  </si>
  <si>
    <t>DIEGO CARREÑO PEREZ</t>
  </si>
  <si>
    <t>CL 13 # 14 45 BRR CRISTO REY</t>
  </si>
  <si>
    <t>SUAITA</t>
  </si>
  <si>
    <t>GARAVITO DIAZ RUBIEL</t>
  </si>
  <si>
    <t>CL 5 # 6 86 BRR VADO REAL</t>
  </si>
  <si>
    <t xml:space="preserve">ARAUCANA DE TELEVISION </t>
  </si>
  <si>
    <t>CL. 20 #24-95 SARAVENA ARAUCA COLOMBIA</t>
  </si>
  <si>
    <t>ARAUCA</t>
  </si>
  <si>
    <t>PAPELERA E IMPRESIONES OFFIMUNDO</t>
  </si>
  <si>
    <t>CL. 24 #29-18, ARAUCA, COLOMBIA</t>
  </si>
  <si>
    <t>AV 11 E # 5AN 136 BRR GUAIMARAL</t>
  </si>
  <si>
    <t>BARRANCABERMEJA</t>
  </si>
  <si>
    <t>KS SOLUCIONES</t>
  </si>
  <si>
    <t>CR 64 # 41 13 BRR PRADO CAMPESTRE</t>
  </si>
  <si>
    <t>MICROMERCADO ADELL</t>
  </si>
  <si>
    <t>CR 25 A # 1 60 BRR REGADEROS</t>
  </si>
  <si>
    <t>MEGACELL BRICENO</t>
  </si>
  <si>
    <t>CL 6 # 5 - 55 BRR BRICENO</t>
  </si>
  <si>
    <t>VILLACOPIAS</t>
  </si>
  <si>
    <t>CL 6 # 9 86 BRR BAYUNCA</t>
  </si>
  <si>
    <t>VARIEDADES LA COSTENA</t>
  </si>
  <si>
    <t>MZ 23 CASA 1 CASA 1 BRR PROTECHO IBAGUE</t>
  </si>
  <si>
    <t>JF ESTAMPADOS</t>
  </si>
  <si>
    <t>CL 36 # 16 A 10 BRR FUENTE</t>
  </si>
  <si>
    <t>DROGUERIA SUPER ECONOMIA</t>
  </si>
  <si>
    <t>CRA. 19 #19-80 DUITAMA BOYACA COLOMBIA</t>
  </si>
  <si>
    <t>EFISERVICIOS SAS</t>
  </si>
  <si>
    <t>CL 16 # 7 A 24 / ADL PASOS ABAJO LAS VILLAS BRR CENTRO</t>
  </si>
  <si>
    <t>RAPI EXPRESS</t>
  </si>
  <si>
    <t>AV 6 # 34 139 BRR SAN GERARDO</t>
  </si>
  <si>
    <t>SWEET GIRL BY EMILY MARIN</t>
  </si>
  <si>
    <t>CR 8 # 8 - 35 BRR ALTOS ESCUELA DE MUSICA</t>
  </si>
  <si>
    <t>COPYARTE PAPELERIA Y DESECHABLES</t>
  </si>
  <si>
    <t>CR 11 # 9 - 60 BRR CENTRO</t>
  </si>
  <si>
    <t>SANTAN ANA PAGOS</t>
  </si>
  <si>
    <t>URB MZ 21 CA 7 BRR SANTA ANA</t>
  </si>
  <si>
    <t>TULUÁ</t>
  </si>
  <si>
    <t>DPAGOS SERVICIOS S.A.S.  TULUA</t>
  </si>
  <si>
    <t>CL 27 # 30 49 / LC 111 CC MADEIRA PLAZA BRR CENTRO</t>
  </si>
  <si>
    <t>VILLAPINZÓN</t>
  </si>
  <si>
    <t>PP COMUNICACIONES</t>
  </si>
  <si>
    <t>CL 3 # 4 - 85 BRR CARLOS ANTONIO</t>
  </si>
  <si>
    <t>COMOVIL TUNAL</t>
  </si>
  <si>
    <t>CL 47 B SUR # 24 B 33 / LC 1048 BRR CC EL TUNAL</t>
  </si>
  <si>
    <t>PAPELERIA E INTERNET SAMUEL . WEB</t>
  </si>
  <si>
    <t>CR 5 # 14 A 43 BRR LA LEGUA</t>
  </si>
  <si>
    <t>COMPU@NGELUS</t>
  </si>
  <si>
    <t>CL 8 # 17 25 BRR CENTRO</t>
  </si>
  <si>
    <t>AUTOSERVICIO ASS</t>
  </si>
  <si>
    <t>MZ F CA 56 URB LEIDY DI SALADO AUTOSERVICIO ASS BRR AUTOSERVICIO ASS</t>
  </si>
  <si>
    <t>CAPRICHOS</t>
  </si>
  <si>
    <t>K 9 N 8-07</t>
  </si>
  <si>
    <t>FERROELECTRICOS SAN VICENTE</t>
  </si>
  <si>
    <t>AV 9 # 11 65 BRR EL CENTRO</t>
  </si>
  <si>
    <t>GUARDIANES AMAR DE ANGELES</t>
  </si>
  <si>
    <t>ET 7 MZ V CA 40 URB BRR VILLA LILIANA</t>
  </si>
  <si>
    <t>TIENDA MEGA EXPRESS</t>
  </si>
  <si>
    <t>CL 154 # 21 22 - SUR BRR ARBOLEDA CAMPESTRE</t>
  </si>
  <si>
    <t>PELUQUERIA JUNIOR</t>
  </si>
  <si>
    <t>CL 4 CARRERA 21 BRR EL RECREO</t>
  </si>
  <si>
    <t>AV 8 # 43 35 BRR CAMILO DAZA</t>
  </si>
  <si>
    <t>TIGO POPAYAN</t>
  </si>
  <si>
    <t>CR 9 # 9 15 / IN 3 BRR PAPAYAN CAUCA</t>
  </si>
  <si>
    <t>GPS PROJECT MANAGEMENT</t>
  </si>
  <si>
    <t>CL 15 A # 10 02 BRR HORMIGUERAL</t>
  </si>
  <si>
    <t>MASKOPIAS</t>
  </si>
  <si>
    <t>CR 10 # 11 72 BRR CENTRO</t>
  </si>
  <si>
    <t>MINIMARKET BOQUERN</t>
  </si>
  <si>
    <t>CR 21 # 38 A 22 BRR BOQUERON</t>
  </si>
  <si>
    <t>MONGUA</t>
  </si>
  <si>
    <t>ALMACEN LOS DOS DIAMANTES</t>
  </si>
  <si>
    <t>CR 3 # 4 18 BRR CENTRO</t>
  </si>
  <si>
    <t>NOVACELL ACCESORIOS</t>
  </si>
  <si>
    <t>AV 12 # 17 13 BRR LIBERTAD</t>
  </si>
  <si>
    <t>CACHARRERIA Y PAPELERIA PATY</t>
  </si>
  <si>
    <t>CR 25 # 47 21 / LC 1 BRR LLERAS</t>
  </si>
  <si>
    <t>ACACÍAS</t>
  </si>
  <si>
    <t>MULTISERVICIOS STELLA</t>
  </si>
  <si>
    <t>CL 13 # 18 - 58 BRR CENTRO</t>
  </si>
  <si>
    <t>CALI</t>
  </si>
  <si>
    <t>ICELL PALMIRA</t>
  </si>
  <si>
    <t>KM 2 VIA PALMIRA PALMIRA LC 210 BRR CENTRO COMERCIAL LLANO GRANDE PLAZA</t>
  </si>
  <si>
    <t>CALL CENTER DELICIAS</t>
  </si>
  <si>
    <t>CL 11 # 11 63 BRR LAS DELICIAS</t>
  </si>
  <si>
    <t>CABRERA</t>
  </si>
  <si>
    <t>SARITH TELECOMUNICACIONES</t>
  </si>
  <si>
    <t>CR 7 # 7 - 43 BRR CENTRO</t>
  </si>
  <si>
    <t>ARJHOCRIS CIBER PAPELERIA</t>
  </si>
  <si>
    <t>BARRIO LA CANDELARIA CRA 40 N 33 - 08</t>
  </si>
  <si>
    <t>MULTIREPUESTOS FRANK</t>
  </si>
  <si>
    <t>CL 1B 5 104 LC 2</t>
  </si>
  <si>
    <t>SAN VERANO 1</t>
  </si>
  <si>
    <t>CR 8 A # 8 19 BRR CENTRO</t>
  </si>
  <si>
    <t>CHARALÁ</t>
  </si>
  <si>
    <t>TIENDA DOÑA IRENE</t>
  </si>
  <si>
    <t>CL 11 # 17 43 BRR CHARALA</t>
  </si>
  <si>
    <t>VARIEDADES MARY JUST IN TIME</t>
  </si>
  <si>
    <t>CR 4 # 5 138 BRR EL CORTEZ</t>
  </si>
  <si>
    <t>COMPUCRISSISTEMAS</t>
  </si>
  <si>
    <t>CL 12 # 10 48 BRR CENTRO</t>
  </si>
  <si>
    <t>CÓMBITA</t>
  </si>
  <si>
    <t>CAFE EL SOTE</t>
  </si>
  <si>
    <t>VDA CONCEPCION - ALTO DE SOTE BRR COMBITA</t>
  </si>
  <si>
    <t>FORTUL</t>
  </si>
  <si>
    <t>SUPER DROGAS FORTUL</t>
  </si>
  <si>
    <t>CL 7 # 15 63 BRR RAMIREZ</t>
  </si>
  <si>
    <t>MISCELANEA BOQUERON</t>
  </si>
  <si>
    <t>CR 38 SUR # 20 07 / LC BRR BOQUERON</t>
  </si>
  <si>
    <t>CÓRDOBA</t>
  </si>
  <si>
    <t>EL PUNTO DEL CELULAR DE CORDOBA</t>
  </si>
  <si>
    <t>CR 10 # 12 - 14 BRR CENTRO</t>
  </si>
  <si>
    <t>ARCABUCO</t>
  </si>
  <si>
    <t>AGROGACHA</t>
  </si>
  <si>
    <t>CL 3 # 7 - 132 BRR CENTRO</t>
  </si>
  <si>
    <t>CAFETERIA</t>
  </si>
  <si>
    <t>TV 26 C # 23 - 19 BRR ANTONIO RICAUTE</t>
  </si>
  <si>
    <t>COMUNICACIONES JRCB S.A.S (CVS TUNAL)</t>
  </si>
  <si>
    <t>CL 47 # 24 33 - SUR BRR LOCAL 2161</t>
  </si>
  <si>
    <t>MULTISERVICIOS ESTUDIANTIL</t>
  </si>
  <si>
    <t>CL 12 # 10 56 BRR CENTRO</t>
  </si>
  <si>
    <t>PRODUCTOS DINA LA MESA</t>
  </si>
  <si>
    <t>CL 4 A # 22 19 BRR RECREO</t>
  </si>
  <si>
    <t>ELÍAS</t>
  </si>
  <si>
    <t>JOSE MANUEL MUÑOZ</t>
  </si>
  <si>
    <t>CL 3 # 5 10 BRR PARQUE PRINCIPAL</t>
  </si>
  <si>
    <t>VARIEDADES NAGI</t>
  </si>
  <si>
    <t>CRA. 2 #15-38 TUNJA BOYAC COLOMBIA</t>
  </si>
  <si>
    <t>SOLUCIONES Y SERVICIOS PROFESIONALES SAS</t>
  </si>
  <si>
    <t>CL 47 A # 6 36 / LC 1 BRR CENTRO</t>
  </si>
  <si>
    <t>CLASS MODA</t>
  </si>
  <si>
    <t>CR 4 # 3 15 BRR PAPELERIA</t>
  </si>
  <si>
    <t>SALAZAR</t>
  </si>
  <si>
    <t>TINEDA LA ESMERALDA</t>
  </si>
  <si>
    <t>CL 3 # 4 11 BRR CENTRO</t>
  </si>
  <si>
    <t>CENTRO DE COMUNICACIONES RONALD</t>
  </si>
  <si>
    <t>CL 2 N # 12 75 BRR SAN GREGORIO</t>
  </si>
  <si>
    <t>GIROS POSTALES NACIONALES</t>
  </si>
  <si>
    <t>CL 7 # 8 62 BRR CENTRO</t>
  </si>
  <si>
    <t>TIENDA EL BUGAMBIL</t>
  </si>
  <si>
    <t>TINJACÁ</t>
  </si>
  <si>
    <t>TIENDA LA AVENIDA</t>
  </si>
  <si>
    <t>CR 2 # 4 - 23 BRR CENTRO</t>
  </si>
  <si>
    <t>LA GRANJA MARY</t>
  </si>
  <si>
    <t>CL 7 A # 15 25 BRR CENTRO</t>
  </si>
  <si>
    <t>COMERCIALIZADORA LA ESQUINA VERDE BOCHALEMA</t>
  </si>
  <si>
    <t>CL 5 # 3 89 BRR LOS PINOS</t>
  </si>
  <si>
    <t>GIRÓN</t>
  </si>
  <si>
    <t>MISCELANEA LILI</t>
  </si>
  <si>
    <t>CL 60 E # 16 F 25 / CA 5 BRR MORADA SAN JUAN</t>
  </si>
  <si>
    <t>RIONET</t>
  </si>
  <si>
    <t>CL 10 # 8 36 BRR CENTRO</t>
  </si>
  <si>
    <t>PAPELERIA CAPRICHOS</t>
  </si>
  <si>
    <t>CL TELECOM CL TELECOM BOLIVIA BRR CENTRO</t>
  </si>
  <si>
    <t>CIGARRERIA CHAMPIOM</t>
  </si>
  <si>
    <t>CR 14 A ESTE # 41 48 - SUR BRR ALTOS DE ZIPA</t>
  </si>
  <si>
    <t>CR 24 C # 17 15 - SUR BRR CENTRO</t>
  </si>
  <si>
    <t>FÓMEQUE</t>
  </si>
  <si>
    <t>PUNTO DE PAGO FOMEQUE</t>
  </si>
  <si>
    <t>CL 5 # 1 59 BRR CENTRO</t>
  </si>
  <si>
    <t>MISCELANEA CINCELADA</t>
  </si>
  <si>
    <t>CL 4 # 4 45 BRR CORREGIMIENTO CINCELADA</t>
  </si>
  <si>
    <t>WEBSISTE GIROS E INGENIERIA</t>
  </si>
  <si>
    <t>CR 17 # 15 65 BRR VILLA OLIMPICA</t>
  </si>
  <si>
    <t>FAST TECHNOLOGY</t>
  </si>
  <si>
    <t>CR 15 # 11 67 BRR SOCORRO</t>
  </si>
  <si>
    <t>MISCELANEA EL PORTAL</t>
  </si>
  <si>
    <t>CR 16 # 10 71 BRR PORTAL DE LA CRUZ</t>
  </si>
  <si>
    <t>ARMERO</t>
  </si>
  <si>
    <t>AGROVETERINARIA CAMPO VERDE TC</t>
  </si>
  <si>
    <t>CR 5 # 6 30 BRR CENTRO</t>
  </si>
  <si>
    <t>TAVOCORP MULTISERVICES</t>
  </si>
  <si>
    <t>CR 3 # 15 220 BRR CENTRO</t>
  </si>
  <si>
    <t>NUEVO COLÓN</t>
  </si>
  <si>
    <t>TIENDA MI CLANITO</t>
  </si>
  <si>
    <t>VDA LLANO GRANDE BRR FINCA SAN EDUARDO</t>
  </si>
  <si>
    <t>MONGUÍ</t>
  </si>
  <si>
    <t>TELECOMUNICACIONES CAJORAL</t>
  </si>
  <si>
    <t>CR 6 # 6 24 BRR MONGUI</t>
  </si>
  <si>
    <t>PUERTO SANTANDER</t>
  </si>
  <si>
    <t>PUNTO ENCANTO</t>
  </si>
  <si>
    <t>CR 2 # 1 28 BRR LA PIRAGUA</t>
  </si>
  <si>
    <t>EL BARATON 4G</t>
  </si>
  <si>
    <t>CR 3 # 3 07 BRR SANTA ANA</t>
  </si>
  <si>
    <t>PÁCORA</t>
  </si>
  <si>
    <t>INUZUAL</t>
  </si>
  <si>
    <t>CL 7 CR 44 ESQUINA BRR CENTRO</t>
  </si>
  <si>
    <t>DIAMOND CEL</t>
  </si>
  <si>
    <t>CR 9 E # 31 93 BRR SAN MATEO</t>
  </si>
  <si>
    <t>RECAUDOS GUANE</t>
  </si>
  <si>
    <t>CR 10 # 13 17 BRR CENTRO</t>
  </si>
  <si>
    <t>SANTA ROSA DEL SUR</t>
  </si>
  <si>
    <t>TELESAN SERVICIOS DEL SUR</t>
  </si>
  <si>
    <t>CRA 12 A 11 31</t>
  </si>
  <si>
    <t>MUNDOVET</t>
  </si>
  <si>
    <t>CR 5 # 8 A 25 BRR LA CASTELLANA</t>
  </si>
  <si>
    <t>SUMINISTROS Y PAPELERIA MUNDIAL</t>
  </si>
  <si>
    <t>CR 25 # 3 17 / LC 3 BRR VILLAS DEL MUNDIAL</t>
  </si>
  <si>
    <t>MULTISERVI SAN LUIS</t>
  </si>
  <si>
    <t>AV. 3 #10-100 CUCUTA NORTE DE SANTANDER COLOMBIA</t>
  </si>
  <si>
    <t>HACARÍ</t>
  </si>
  <si>
    <t>CAFE BAR LYZ</t>
  </si>
  <si>
    <t>ESQ D3 95 BRR CENTRO</t>
  </si>
  <si>
    <t>ON LIVE INTERNET</t>
  </si>
  <si>
    <t>CR 6 # 6 35 BRR CENTRO</t>
  </si>
  <si>
    <t>MY IS SHOPS</t>
  </si>
  <si>
    <t>CL 48 # 1 43 BRR LOS ANDES</t>
  </si>
  <si>
    <t>PAPELERIA J Y P</t>
  </si>
  <si>
    <t>CL 22 40 35 BRR MONTEBLANCO</t>
  </si>
  <si>
    <t>ASESORIAS CONTABLE Y TRIBUTARIAS EMT</t>
  </si>
  <si>
    <t>CR 6 # 3 09 BRR CENTRO</t>
  </si>
  <si>
    <t>PUEBLO RICO</t>
  </si>
  <si>
    <t>SUPERTIENDA LA LORENA</t>
  </si>
  <si>
    <t>CR 4 # 8 06 BRR CENTRO</t>
  </si>
  <si>
    <t>EUGENIA NOVOA BRICENO</t>
  </si>
  <si>
    <t>CR 3 ESTE # 25 39 BRR CAMINO REAL</t>
  </si>
  <si>
    <t>TIGO TUNJA</t>
  </si>
  <si>
    <t>CR 12 # 18 76 BRR TUNJA</t>
  </si>
  <si>
    <t>CR 2 # 50 43 / L LC 2 BRR CENTRO</t>
  </si>
  <si>
    <t>SURTIDEKO SAN GIL</t>
  </si>
  <si>
    <t>CR 16 # 18 03 BRR ALPES</t>
  </si>
  <si>
    <t>DS SOLUCIONES EMPRESARIALES</t>
  </si>
  <si>
    <t>CL 10 # 10 87 BRR CENTRO</t>
  </si>
  <si>
    <t>SOLUCIONES Y SERVICIOS  DONDE KT</t>
  </si>
  <si>
    <t>MZ 15 CASA 6 BARRIO NAZARETH</t>
  </si>
  <si>
    <t>UNIVERSAL MARKET S.A.S</t>
  </si>
  <si>
    <t>CL 10 # 36 5 BRR CENTRO</t>
  </si>
  <si>
    <t>BUEN RECAUDO</t>
  </si>
  <si>
    <t>CR 9 # 17 38 BRR SANTANDER</t>
  </si>
  <si>
    <t>VALME COMUNICACIONES</t>
  </si>
  <si>
    <t>CL 5 # 4 32 BRR EL CENTRO</t>
  </si>
  <si>
    <t>PAPELERIA LINDSAY</t>
  </si>
  <si>
    <t>CL 65 # 30 B 11 BRR FATI MA</t>
  </si>
  <si>
    <t>DONDEJUANCHO.COMVARIEDADESY+</t>
  </si>
  <si>
    <t>CL 10 # 6 53 BRR PRIMERO DE MAYO</t>
  </si>
  <si>
    <t>MULTISERVICIOS Y MISCELANEA SAN JOSE</t>
  </si>
  <si>
    <t>CL. 76 #1A-30 IBAGUE TOLIMA COLOMBIA</t>
  </si>
  <si>
    <t>SERVICELL007</t>
  </si>
  <si>
    <t>CR 11 # 18 92 BRR CENTRO</t>
  </si>
  <si>
    <t>VILLAMARÍA</t>
  </si>
  <si>
    <t>MISCELANEA MIRADOR DE LAS LOMAS</t>
  </si>
  <si>
    <t>CR 9 # 15 02 BRR MIRADOR DE LAS LOMAS</t>
  </si>
  <si>
    <t>DETALLES SAMY</t>
  </si>
  <si>
    <t>CR 5 B # 66 02 / MZ 13 C 8 BRR CONFAMILIAR PARQUE INDUSTRIAL</t>
  </si>
  <si>
    <t>MERCA AVICOLA PEZ POLLO</t>
  </si>
  <si>
    <t>CL 45 # 24 B - 05 / LC 4 BRR ESQUINA RAPIHUEVOS</t>
  </si>
  <si>
    <t>COMOVIL FUNZA</t>
  </si>
  <si>
    <t>CL 13 # 12 34 / 41 BRR CENTRO</t>
  </si>
  <si>
    <t>MARIA ALEJANDRA LONDONO TORRES</t>
  </si>
  <si>
    <t>CL 9 SUR # 10 A 08 BRR RINCON DEL VIRREY</t>
  </si>
  <si>
    <t>SIN ESTABLECIMIENTO</t>
  </si>
  <si>
    <t>CRA. 16 #30-57 TUNJA BOYACï¿ COLOMBIA</t>
  </si>
  <si>
    <t>CHIVOR</t>
  </si>
  <si>
    <t>FERRECHIVOR</t>
  </si>
  <si>
    <t>K 4 4 62</t>
  </si>
  <si>
    <t>LUXXOR ACCESORIOS</t>
  </si>
  <si>
    <t>CL 14 # 2 51 / LC 1 BRR SAN LUIS</t>
  </si>
  <si>
    <t>COMUNICACIONES JRCB S.A.S (CVS CHAPINERO)</t>
  </si>
  <si>
    <t>CR 13 # 52 16 BRR CHAPINERO</t>
  </si>
  <si>
    <t>DROGUERIA EL LAGUITO SOGAMOSO</t>
  </si>
  <si>
    <t>CRA. 11 BIS 2 #2204 SOGAMOSO BOYACA COLOMBIA</t>
  </si>
  <si>
    <t>DURANIA</t>
  </si>
  <si>
    <t>AGROPECUARIA LA FINCA DE JUANJO</t>
  </si>
  <si>
    <t>AV 2 # 6 03 / KDX 233 BRR CACHIRI</t>
  </si>
  <si>
    <t>CONECT@-2 TECNOLOGIA Y RAPIDEZ</t>
  </si>
  <si>
    <t>VIA A DURANIA #4 LA DONJUANA BOCHALEMA NORTE DE SANTANDER COLOMBIA</t>
  </si>
  <si>
    <t>SUPERMERCADO LA CANASTA NO 2</t>
  </si>
  <si>
    <t>AUT LOS PATIOS CRAM 3 SECTOR LA FLORESTA LOC 104</t>
  </si>
  <si>
    <t>FERRE AGRO LA RIVERA</t>
  </si>
  <si>
    <t>CR 5 # 11 47 BRR CRR SAN FELIX CALLE LARGA</t>
  </si>
  <si>
    <t>GUAMAL</t>
  </si>
  <si>
    <t>MISCELANEA EL VERGEL</t>
  </si>
  <si>
    <t>TV 3 A # 21 - 97 BRR EL VERGEL</t>
  </si>
  <si>
    <t>PUNTO DE PAGO VILLAPINZON</t>
  </si>
  <si>
    <t>CL 2 # 12 8 BRR CENTRO</t>
  </si>
  <si>
    <t>LA JAGUA DE IBIRICO</t>
  </si>
  <si>
    <t>SUEÑITOS KIDS BOUTIQUE</t>
  </si>
  <si>
    <t>CL 8 # 6 57 BRR OVELIO JIMENEZ</t>
  </si>
  <si>
    <t>RECARGA TU TAXI</t>
  </si>
  <si>
    <t>MZ 16 LT 12 BRR CENTRO</t>
  </si>
  <si>
    <t>CL. 15A #42 DUITAMA BOYAC COLOMBIA</t>
  </si>
  <si>
    <t>PAPELERIA EL ROMBOI</t>
  </si>
  <si>
    <t>AV CIRCUNVALAR 20 - 46 BRR SAN JOSE</t>
  </si>
  <si>
    <t>TIENDA J Y E</t>
  </si>
  <si>
    <t>CR 3 # 4 40 BRR TINJACA</t>
  </si>
  <si>
    <t>DROGUERIA VILLA REPUBLICANA</t>
  </si>
  <si>
    <t>CL. 9 #4-85 SANTA ROSA DE VITERBO BOYACA COLOMBIA</t>
  </si>
  <si>
    <t>SARDINATA</t>
  </si>
  <si>
    <t>HOTEL EL PRADO SARDINATA</t>
  </si>
  <si>
    <t>CL 4 5 53</t>
  </si>
  <si>
    <t>PIJAO</t>
  </si>
  <si>
    <t>MISCELANEA ANA GUZMAN</t>
  </si>
  <si>
    <t>CR 06 # 13 38 BRR CENTRO</t>
  </si>
  <si>
    <t>TOCANCIPÁ</t>
  </si>
  <si>
    <t>CVS MELTEC DE ORIENTE TOCANCIPA</t>
  </si>
  <si>
    <t>CR 5 # 9 73 BRR CENTRO TOCANCIPA</t>
  </si>
  <si>
    <t>SAN ALBERTO</t>
  </si>
  <si>
    <t>CENTRO DE IMPRESIONES KHALUP</t>
  </si>
  <si>
    <t>CARRERA 4 1C-33</t>
  </si>
  <si>
    <t>PAPELERIA 360</t>
  </si>
  <si>
    <t>CR 19 # 14 09 BRR SAN GIL</t>
  </si>
  <si>
    <t>@SAMINET</t>
  </si>
  <si>
    <t>CL 64 A # 23 A 09 BRR AMBALA</t>
  </si>
  <si>
    <t>PAPELERIA Y ACCESORIOS SALOME</t>
  </si>
  <si>
    <t>SM 2 MZ 3 CA 7 BRR NUEVA CASTILLA</t>
  </si>
  <si>
    <t>COYAIMA</t>
  </si>
  <si>
    <t>COMERCIALIZADORA DISTRIPLASTICOS COYAIMA</t>
  </si>
  <si>
    <t>CL 3 # 4 16 BRR CENTRO</t>
  </si>
  <si>
    <t>VETERINARIA Y FERRETERA AGROVIDA</t>
  </si>
  <si>
    <t>CL 3 # 5 24 BRR LIBERTADORES</t>
  </si>
  <si>
    <t>CELU&amp;REPARAMOS</t>
  </si>
  <si>
    <t>CRA. 22 #25-28 PAIPA BOYACA COLOMBIA</t>
  </si>
  <si>
    <t>SOCOTÁ</t>
  </si>
  <si>
    <t>QUIRAL VIVERES PAPELERIA Y SERVICIOS</t>
  </si>
  <si>
    <t>CR 3 # 3 39 BRR CENTRO</t>
  </si>
  <si>
    <t>MISCELANEA DANA</t>
  </si>
  <si>
    <t>CR 15 # 23 21 BRR CENTRO</t>
  </si>
  <si>
    <t>SILOS</t>
  </si>
  <si>
    <t>TIENDA KARINA</t>
  </si>
  <si>
    <t>CL 1 A # 0 62 / CRR BABEGA BRR PARAISO</t>
  </si>
  <si>
    <t>SERVICIOS HELENS</t>
  </si>
  <si>
    <t>AV 5 # 15 45 BRR OSPINA PEREZ</t>
  </si>
  <si>
    <t>ARAUQUITA</t>
  </si>
  <si>
    <t>EL CRISTAL FOTOGRAFA</t>
  </si>
  <si>
    <t>CL. 2 #4-62 ARAUQUITA ARAUCA COLOMBIA</t>
  </si>
  <si>
    <t>LA TOSCANA</t>
  </si>
  <si>
    <t>CR 15 A # 63 - 73 BRR LA TOSCANA</t>
  </si>
  <si>
    <t>PAPELERIA PAPIRO LA 21</t>
  </si>
  <si>
    <t>CL 21 # 17 35 / LC 1 BRR GALERIA</t>
  </si>
  <si>
    <t>PAPELERIA OCUZCA</t>
  </si>
  <si>
    <t>CR 4 # 6 - 52 BRR CENTRO</t>
  </si>
  <si>
    <t>ICELL PLAZA CAICEDO</t>
  </si>
  <si>
    <t>CR 5 # 10 16 BRR CENTRO</t>
  </si>
  <si>
    <t>COMUNICACIONES JRCB S.A.S (CVS METROPOLIS)</t>
  </si>
  <si>
    <t>CR 68 # 75 A 50 BRR LOCAL 128</t>
  </si>
  <si>
    <t>CONFEMOVIL SAN JUAN</t>
  </si>
  <si>
    <t>CR 16 # 41 72 BRR NEIVA</t>
  </si>
  <si>
    <t>SUCRE</t>
  </si>
  <si>
    <t>AGRO SUCRE</t>
  </si>
  <si>
    <t>CL 6 # 4 18 BRR SUCRE</t>
  </si>
  <si>
    <t>TEC CELL 156</t>
  </si>
  <si>
    <t>CL 156 # 7 B 06 BRR BARRANCAS</t>
  </si>
  <si>
    <t>PESCA</t>
  </si>
  <si>
    <t>DROGUERIA FARMAHOGAR  PESCA</t>
  </si>
  <si>
    <t>CL 6 # 4 58 BRR CATEDRAL</t>
  </si>
  <si>
    <t>DROGUERIA ECO FARMA</t>
  </si>
  <si>
    <t>CL 19 # 19 40 BRR CENTRO</t>
  </si>
  <si>
    <t>SERVINET MOVIL</t>
  </si>
  <si>
    <t>AV 3 ENTRE CL 11 12 CM 7 BRR MOTILONES</t>
  </si>
  <si>
    <t>C Y G MULTISERVICIOS</t>
  </si>
  <si>
    <t>CR 55 # 2 C 11 BRR LOMAS DE GRANADA</t>
  </si>
  <si>
    <t>MIS COSITAS</t>
  </si>
  <si>
    <t>CL 54 # 23 41 BRR CENTRO</t>
  </si>
  <si>
    <t>CROQUETEANDO</t>
  </si>
  <si>
    <t>CL 24 A # 8 76 BRR LA ESPERANZA</t>
  </si>
  <si>
    <t>SERVI OFFIC</t>
  </si>
  <si>
    <t>CR 7 # 26 09 BRR CENTRO</t>
  </si>
  <si>
    <t>SUPERMERCADO LEONCITOS</t>
  </si>
  <si>
    <t>AV 17 E # 15 N 07 BRR NIZA</t>
  </si>
  <si>
    <t>MISCELANEA Y PAPELERIA MAJO</t>
  </si>
  <si>
    <t>CR 7 # 26 53 BRR CIUDADELA DEL FONCE</t>
  </si>
  <si>
    <t>BUNDAKU..UN MUNDO DE REGALOS Y DETALLES</t>
  </si>
  <si>
    <t>CRA. 9 #22-60 TUNJA BOYAC COLOMBIA</t>
  </si>
  <si>
    <t>PALESTINA</t>
  </si>
  <si>
    <t>DISTRIBUIDRA LA VIÑA DEL SOL</t>
  </si>
  <si>
    <t>CL 8 # 10 32 / P 2 BRR CENTRO</t>
  </si>
  <si>
    <t>INTERNET T PAPELERIA A3</t>
  </si>
  <si>
    <t>CL 6 # 5 63 BRR SAN ROQUE</t>
  </si>
  <si>
    <t>VENADILLO</t>
  </si>
  <si>
    <t>SAYA ACCESORIOS</t>
  </si>
  <si>
    <t>CR 5 # 6 10 BRR SANTA BARBARA</t>
  </si>
  <si>
    <t xml:space="preserve">MISCELANEA Y PERFUMERIA </t>
  </si>
  <si>
    <t>CRA. 3 #9-62 PAZ DE RIO BOYACA COLOMBIA</t>
  </si>
  <si>
    <t>SANTA ANA MARKET</t>
  </si>
  <si>
    <t>AV 11 E 7 49</t>
  </si>
  <si>
    <t>DULCE MUJER</t>
  </si>
  <si>
    <t>CL 39 # 18 33 / P 1 BRR LA ESPERANZA</t>
  </si>
  <si>
    <t>TIENDA MERCADITO DON PANCHO</t>
  </si>
  <si>
    <t>CR 11 # 11 39 BRR LAS PALMAS</t>
  </si>
  <si>
    <t>CÁQUEZA</t>
  </si>
  <si>
    <t>GS TECHNOLOGY</t>
  </si>
  <si>
    <t>CR 6 # 4 A - 04 BRR RAFAEL NUNEZ</t>
  </si>
  <si>
    <t>PUNTO DE PAGO ACACIAS</t>
  </si>
  <si>
    <t>CR 14 # 13 54 / LC 1 BRR JUAN MELLAO</t>
  </si>
  <si>
    <t>@SERVINET</t>
  </si>
  <si>
    <t>CL 6 # 2 56 BRR LA PALMA</t>
  </si>
  <si>
    <t>HATO</t>
  </si>
  <si>
    <t>VARIEDADES SARMIENTO CASTRO</t>
  </si>
  <si>
    <t>CL 7 # 6 16 BRR HATO</t>
  </si>
  <si>
    <t>SORA</t>
  </si>
  <si>
    <t>DONDE TERE L</t>
  </si>
  <si>
    <t>CR 3 # 2 35 BRR CENTRO</t>
  </si>
  <si>
    <t>PAPELERIA ESTUPIÑAN JM</t>
  </si>
  <si>
    <t>KDX 252 30 BRR JOSE ANTONIO GALAN</t>
  </si>
  <si>
    <t>AREA DIGITAL MANIZALES</t>
  </si>
  <si>
    <t>CR 20 # 26 45 / LC 1 BRR CENTRO</t>
  </si>
  <si>
    <t>PUNTO DE PAGO FUNZA</t>
  </si>
  <si>
    <t>CR 14 # 12 30 BRR CENTRO</t>
  </si>
  <si>
    <t>ICELL SUBA GAITANA</t>
  </si>
  <si>
    <t>TV 127 # 137 26 BRR SUBA GAITAN</t>
  </si>
  <si>
    <t>TIGO NEIVA</t>
  </si>
  <si>
    <t>CR 8 A # 38 42 BRR C.C SAN PEDRO PLAZA NEIVA</t>
  </si>
  <si>
    <t>CASASHOP</t>
  </si>
  <si>
    <t>CL 5 # 8 36 BRR ALEGRIA</t>
  </si>
  <si>
    <t>RONCESVALLES</t>
  </si>
  <si>
    <t>DROGUERIA TALIANA</t>
  </si>
  <si>
    <t>CR 2 # 5 32 BRR CENTRO</t>
  </si>
  <si>
    <t>DISTRIPLAST TOPACIO</t>
  </si>
  <si>
    <t>CL. 10 #2A-45 IBAGUï¿‰ TOLIMA COLOMBIA</t>
  </si>
  <si>
    <t>SUPER ICE</t>
  </si>
  <si>
    <t>CALLE 12 9A 58 OSPINA PEREZ PURIFICACIN TOLIMA COLOMBIA</t>
  </si>
  <si>
    <t>AQU.ES</t>
  </si>
  <si>
    <t>CL 3 # 8 11 BRR CENTRO</t>
  </si>
  <si>
    <t>TOTA</t>
  </si>
  <si>
    <t>AVANCE DIGITAL TOTA</t>
  </si>
  <si>
    <t>CR 2 # 4 64 BRR SANTA BARBARA</t>
  </si>
  <si>
    <t>COMERCIALIZADORA CAPIBARA</t>
  </si>
  <si>
    <t>AV. 2 #21-58 CCUTA NORTE DE SANTANDER COLOMBIA</t>
  </si>
  <si>
    <t>CL 12 # 10 47 BRR LA CASONA</t>
  </si>
  <si>
    <t>CENTRO DE SERVICIOS S@NTUARIO .NET</t>
  </si>
  <si>
    <t>CL 7 # 1 56 BRR PARAMO SANTANDER</t>
  </si>
  <si>
    <t>COMUNICACIONES NUEVO AMANECER</t>
  </si>
  <si>
    <t>PEDRO NEL</t>
  </si>
  <si>
    <t>CR 5 # 5 15 BRR CENTRO</t>
  </si>
  <si>
    <t>AM EXPRESS</t>
  </si>
  <si>
    <t>CL 11 A # 9 23 BRR SAN JORGE</t>
  </si>
  <si>
    <t>DROGUERIA Y VARIEDADES ECOPHARMA</t>
  </si>
  <si>
    <t>CL. 13 #25-210 TURBACO BOLIVAR COLOMBIA</t>
  </si>
  <si>
    <t>SOFYNET</t>
  </si>
  <si>
    <t>CL. 111A #3A-29 IBAGUE TOLIMA COLOMBIA</t>
  </si>
  <si>
    <t>DROGUERIA SANAR</t>
  </si>
  <si>
    <t>CRA. 17 #2-99 SOGAMOSO BOYACA COLOMBIA</t>
  </si>
  <si>
    <t>SAN MATEO</t>
  </si>
  <si>
    <t>COMUNICACIONES CAWER</t>
  </si>
  <si>
    <t>CR 4 # 3 45 BRR CENTRO</t>
  </si>
  <si>
    <t>SERVIFOTOS ARIARI</t>
  </si>
  <si>
    <t>CL 2 # 3 80 BRR LA ESPERANZA</t>
  </si>
  <si>
    <t>PERGAMINO AZUL</t>
  </si>
  <si>
    <t>CRA. 12 #24-99 TUNJA BOYAC COLOMBIA</t>
  </si>
  <si>
    <t>PAPELERIA Y MISCELANEA UNIVERSAL DUITAMA</t>
  </si>
  <si>
    <t>CL 22 # 22 62 BRR CENTRO DUITAMA</t>
  </si>
  <si>
    <t>TECNICEL OCOBOS - VIVERO SAN ALEJO</t>
  </si>
  <si>
    <t>CR 13 # 3 17 BRR COGOYO</t>
  </si>
  <si>
    <t>MANZANARES</t>
  </si>
  <si>
    <t>PAÑALERA STAR BABY</t>
  </si>
  <si>
    <t>CR 4 # 3 24 BRR CENTRO</t>
  </si>
  <si>
    <t>MARSELLA</t>
  </si>
  <si>
    <t>VARIEDADES HAPPY DAY PAPELERIA Y PINATERIA</t>
  </si>
  <si>
    <t>CR 10 # 8 - 50 BRR CENTRO</t>
  </si>
  <si>
    <t>MISCELANEA CHILINA</t>
  </si>
  <si>
    <t>CL 65 # 23 C 02 BRR PALOGRANDE</t>
  </si>
  <si>
    <t>SAN SEBASTIÁN DE MARIQUITA</t>
  </si>
  <si>
    <t>VARIEDADES LIA</t>
  </si>
  <si>
    <t>CR 6 # 13 - 35 BRR LA CONCORDIA</t>
  </si>
  <si>
    <t>INTERGISS</t>
  </si>
  <si>
    <t>CL 10 # 8 - 22 BRR CENTRO</t>
  </si>
  <si>
    <t>CREACIONES Y PAPELERIA EMILY</t>
  </si>
  <si>
    <t>CL 62 C SUR # 91 - 94 BRR LAS MARGARITAS</t>
  </si>
  <si>
    <t>ROINET COMUNICACIONES</t>
  </si>
  <si>
    <t>CR 9 # 19 58 BRR EL DEAN</t>
  </si>
  <si>
    <t>SURTIMESA</t>
  </si>
  <si>
    <t>CR 37 # 29 67 BRR PALMAR DE VILLA</t>
  </si>
  <si>
    <t>INTERNET POPULAR.COM #2</t>
  </si>
  <si>
    <t>CL 31 # 20 2 / LC 1 BRR CENTRO</t>
  </si>
  <si>
    <t>TALLER TECNIINDUSTRIAL</t>
  </si>
  <si>
    <t>CR 2 # 17 31 BRR OBRERO</t>
  </si>
  <si>
    <t>TIGO HAYUELOS</t>
  </si>
  <si>
    <t>CL 20 # 82 52 BRR CENTRO COMERCIAL HAYUELOS</t>
  </si>
  <si>
    <t>TESALIA</t>
  </si>
  <si>
    <t>CL 6 # 3 79 BRR CENTRO</t>
  </si>
  <si>
    <t>VALLE DE SAN JOSÉ</t>
  </si>
  <si>
    <t>ASARVA</t>
  </si>
  <si>
    <t>CL 6 # 8 62 LC 2 BRR SAN ROQUE</t>
  </si>
  <si>
    <t>TU CELULAR TU CELL.COM</t>
  </si>
  <si>
    <t>CL 9 # 10 08 BRR LA VARIANTE</t>
  </si>
  <si>
    <t>VARIEDADES ZOHE</t>
  </si>
  <si>
    <t>CR 10 # 20 A 17 / LC 1 BRR EL VERGEL</t>
  </si>
  <si>
    <t>EL PALACIO AROS</t>
  </si>
  <si>
    <t>CL 16 SUR # 5 312 BRR COMPARTIR</t>
  </si>
  <si>
    <t>CR 7 # 6 65 BRR CENTRO</t>
  </si>
  <si>
    <t>PAPELERA YOLIS</t>
  </si>
  <si>
    <t>CR 9 # 42 A 13 BRR ROSALES</t>
  </si>
  <si>
    <t>CHENCHO@.NET</t>
  </si>
  <si>
    <t>CL. 23A #1B-40 CCUTA NORTE DE SANTANDER COLOMBIA</t>
  </si>
  <si>
    <t>MARSOFA</t>
  </si>
  <si>
    <t>CL. 1 #54 ARAUCA COLOMBIA</t>
  </si>
  <si>
    <t>CAFE AURORA</t>
  </si>
  <si>
    <t>CL 12 # 21 B 22 BRR AURORA</t>
  </si>
  <si>
    <t>RED DE SERVICIOS</t>
  </si>
  <si>
    <t>CR 4 # 16 47 BRR CENTRO</t>
  </si>
  <si>
    <t>MISCELANEA RINCONCITO</t>
  </si>
  <si>
    <t>CL 47 B # 11 A 15 BRR ALTO CARIBE</t>
  </si>
  <si>
    <t>PAPELERIA Y DULCERIA CHIPIRIQUIN</t>
  </si>
  <si>
    <t>CL 2 N # 18 - 194 / LC ED ADRIANA BRR NUEVA CECILIA</t>
  </si>
  <si>
    <t>NET-@CCES</t>
  </si>
  <si>
    <t>CL 45 # 5 B 22 BRR LAS FERIAS</t>
  </si>
  <si>
    <t>PAPELERIA Y MISCELANES RUTA 15</t>
  </si>
  <si>
    <t>CR 102 0 # 72 - 47 SUR BRR BOSA RECREO</t>
  </si>
  <si>
    <t>TENJO</t>
  </si>
  <si>
    <t>PUNTO DE PAGO TENJO</t>
  </si>
  <si>
    <t>CL 4 # 2 37 BRR CENTRO</t>
  </si>
  <si>
    <t>AGUA DE DIOS</t>
  </si>
  <si>
    <t>PUNTO DE PAGO AGUA DE DIOS</t>
  </si>
  <si>
    <t>CR 9 # 13 31 BRR CENTRO</t>
  </si>
  <si>
    <t>TIGO MAYORCA</t>
  </si>
  <si>
    <t>CL 51 SUR # 48 57 / IN 3 BRR SHOPPING MALL MAYORCA LOCAL 2197 SABANETA ANTIOQUIA</t>
  </si>
  <si>
    <t>DICOEXPRES</t>
  </si>
  <si>
    <t>TV. 20 #35-149 DUITAMA BOYAC COLOMBIA</t>
  </si>
  <si>
    <t>CORRALES</t>
  </si>
  <si>
    <t>MICELANEA LA CORRALEï¿±A</t>
  </si>
  <si>
    <t>C 8 4 - 19 -</t>
  </si>
  <si>
    <t>TIENDA MIXTA KOMERCIAL SERMARI</t>
  </si>
  <si>
    <t>CL 10 N 4 A 06</t>
  </si>
  <si>
    <t>DROGUERIA REAL</t>
  </si>
  <si>
    <t>CL 2 # 3 73</t>
  </si>
  <si>
    <t>FULL TECNOLOGY CHINCHINA</t>
  </si>
  <si>
    <t>CR 5 # 15 67 BRR NEPAL</t>
  </si>
  <si>
    <t>LA BARRA DEL SAZON</t>
  </si>
  <si>
    <t>CL 20 SUR # 37 10 BRR BOQUERON</t>
  </si>
  <si>
    <t>COM-MOVIL EMISORA OLIMPICA</t>
  </si>
  <si>
    <t>CR 9 # 12 31 / LC 1 ED EDIFICIO OLIMPICA STEREO BRR CENTRO</t>
  </si>
  <si>
    <t>INVERSIONES RRR 222</t>
  </si>
  <si>
    <t>AV 6 # 9 50 BRR CENTRO</t>
  </si>
  <si>
    <t>PIKIÑA COMERCIALIZADORA</t>
  </si>
  <si>
    <t>CL 5 A # 21 48 BRR JOSE MARIA OBANDO</t>
  </si>
  <si>
    <t>TIGO PLAZA DE LAS AMÃ‰RICAS</t>
  </si>
  <si>
    <t>TV 71 D # 06 94 - SUR BRR CC PLAZA DE LAS AMERICAS</t>
  </si>
  <si>
    <t>ESTACION 66</t>
  </si>
  <si>
    <t>TV 17 B # 7 B - 52 BRR ALICANTE</t>
  </si>
  <si>
    <t>SIMACOTA</t>
  </si>
  <si>
    <t>MISCELANEA MIGUEL SIMATOCA</t>
  </si>
  <si>
    <t>CL 4 # 4 49 BRR SIMACOTA</t>
  </si>
  <si>
    <t>PAPELERIA Y MISCELANEA JEGLEN</t>
  </si>
  <si>
    <t>CL. 48 #18-2 PAIPA BOYAC COLOMBIA</t>
  </si>
  <si>
    <t>DROGUERIA FARMAPLAZA</t>
  </si>
  <si>
    <t>CR 11 # 17 108 BRR CENTRO</t>
  </si>
  <si>
    <t>CM CONTRATOS Y SUMINISTROS</t>
  </si>
  <si>
    <t>CRA. 10 #1743 TUNJA BOYACï¿ COLOMBIA</t>
  </si>
  <si>
    <t>INTERCOMUNICACIONES EDWIN</t>
  </si>
  <si>
    <t>CL 9 # 10 42 BRR EL LLANO</t>
  </si>
  <si>
    <t>CENTRO DE SERVICIOS 10</t>
  </si>
  <si>
    <t>CC COMBEIMA LC 207 A BRR CENTRO</t>
  </si>
  <si>
    <t>FRANNET</t>
  </si>
  <si>
    <t>CL 14 # 7 76 BRR COMANDO POLICIA</t>
  </si>
  <si>
    <t>NEIRA</t>
  </si>
  <si>
    <t>MUNDO XXI</t>
  </si>
  <si>
    <t>CR 10 # 8 27 BRR CENTRO</t>
  </si>
  <si>
    <t>AV 9 E # 9 49 BRR LA RIVIERA</t>
  </si>
  <si>
    <t>COMUNICACIONES JRCB S.A.S (CVS SAN HUMBERTO)</t>
  </si>
  <si>
    <t>CL 15 # 2 25 BRR LOCAL 1 SAN HUMBERTO SOACHA</t>
  </si>
  <si>
    <t>VARIEDADES MARIATE</t>
  </si>
  <si>
    <t>CR 16 B # 9 B 15 BRR EL POBLADO</t>
  </si>
  <si>
    <t>SERVICOMBEIMA</t>
  </si>
  <si>
    <t>CRA 2 SUR 11 74 COMBEIMA</t>
  </si>
  <si>
    <t>VARIEDADES ANDRIU( DIMONEX)</t>
  </si>
  <si>
    <t>CL 2 # 8 09 BRR LA REINA</t>
  </si>
  <si>
    <t>TIENDA JUANICA</t>
  </si>
  <si>
    <t>CR 2 # 15 79 BRR CARACOLI</t>
  </si>
  <si>
    <t>RONDÓN</t>
  </si>
  <si>
    <t>DONDEGORDO.COM</t>
  </si>
  <si>
    <t>CR 6 # 6 18 BRR SAN JOSE</t>
  </si>
  <si>
    <t>VARIEDADES CHELS</t>
  </si>
  <si>
    <t>AV 49 # 16 02 BRR ANTONIA SANTOS</t>
  </si>
  <si>
    <t>AV 3 # 10 83 / LC 4 BRR SAN LUIS</t>
  </si>
  <si>
    <t>DISTRIBUIDORA HELEN</t>
  </si>
  <si>
    <t>CR 10 # 14 30 BRR CENTRO</t>
  </si>
  <si>
    <t>LA CASA DEL ASEO HM</t>
  </si>
  <si>
    <t>CR 5 # 5 - 13 BRR CENTRO</t>
  </si>
  <si>
    <t>SIVERNET JP</t>
  </si>
  <si>
    <t>CL 5 # 6 83 BRR CENTRO</t>
  </si>
  <si>
    <t>AUTOSERVICIO MERCAOLIMPICO</t>
  </si>
  <si>
    <t>CL 10 # 9 A 37 BRR LAS FERIAS</t>
  </si>
  <si>
    <t>PAPELERIA Y PAGOS  PUNTO A LA MANO LYJ</t>
  </si>
  <si>
    <t>CR 4 # 6 31 BRR PARAISO</t>
  </si>
  <si>
    <t>ABARROTES</t>
  </si>
  <si>
    <t>AV 9 E # 2 66 BRR QUINTA ORIENTAL</t>
  </si>
  <si>
    <t>PAPELERIA E INTERNET KATHE.COM</t>
  </si>
  <si>
    <t>CR 6 # 10 42 BRR CENTRO</t>
  </si>
  <si>
    <t>PAPELERIA SARA</t>
  </si>
  <si>
    <t>CR 9 C # 57 F - 16 BRR LA CAROLA</t>
  </si>
  <si>
    <t>PAPELERIA TRIPLE A</t>
  </si>
  <si>
    <t>CL 54 # 23 - 163 BARRIO ARBOLEDA</t>
  </si>
  <si>
    <t>DISTRIPRACTICOS ROSSY</t>
  </si>
  <si>
    <t>CR 7 # 10 71 BRR CENTRO</t>
  </si>
  <si>
    <t>TIGO SANTAFÃ‰</t>
  </si>
  <si>
    <t>CL 185 # 45 03 BRR CENTRO COMERCIAL SANTAFE</t>
  </si>
  <si>
    <t>PAPELERIA Y PANALERA NANA</t>
  </si>
  <si>
    <t>CR 36 SUR # 20 45 BRR BOQUERON</t>
  </si>
  <si>
    <t>MISCELANEA ANGELES</t>
  </si>
  <si>
    <t>CL 5 # 4 61 BRR LAS DELICIAS</t>
  </si>
  <si>
    <t>MONADETALLES21</t>
  </si>
  <si>
    <t>CL 18 A # 17 69 BRR AGUAS CALIENTES</t>
  </si>
  <si>
    <t>SUPER DROGAS EL RECUERDO</t>
  </si>
  <si>
    <t>CR 12 # 70 N 13 / LC 3 BRR BELLO HORIZONTE</t>
  </si>
  <si>
    <t>INTERNET STUDIO</t>
  </si>
  <si>
    <t>CR 25 # 32 37 BRR LINARES</t>
  </si>
  <si>
    <t>DROGUERIA PENSILFARMA</t>
  </si>
  <si>
    <t>CL 3 # 7 - 04 / P 1 BRR SECTOR SANTA IMELDA</t>
  </si>
  <si>
    <t>PARIS N 01</t>
  </si>
  <si>
    <t>CL 41 NO. 7-05</t>
  </si>
  <si>
    <t>DETALLES Y REGALOS CAPRICHOS</t>
  </si>
  <si>
    <t>CR 8 # 10 51 BRR CENTRO</t>
  </si>
  <si>
    <t>MUZO</t>
  </si>
  <si>
    <t>JUSLIN</t>
  </si>
  <si>
    <t>CL 3 # 5 39 BRR CENTRO</t>
  </si>
  <si>
    <t>LA CABAÑA MINIMARKET</t>
  </si>
  <si>
    <t>CL 26 # 44 91 BRR PARQUES BULEVAR</t>
  </si>
  <si>
    <t>DISIS.NET</t>
  </si>
  <si>
    <t>CL 6 # 4 75 / LC 2 BRR VILLA HOLANADA</t>
  </si>
  <si>
    <t>AV 25 # 25 40 BRR CONJ PARQUE DE BOLIVAR DOS LOCAL DOS</t>
  </si>
  <si>
    <t>TAMID COMUNICACIONES</t>
  </si>
  <si>
    <t>CL 4 NO. 3 - 30 CENTRO</t>
  </si>
  <si>
    <t>PAPELERIA Y PLASTICOS PAO</t>
  </si>
  <si>
    <t>CR 11 # 20 26 BRR EL VERGEL</t>
  </si>
  <si>
    <t>BIZCOTELAS</t>
  </si>
  <si>
    <t>MZ 6 CA 13 ET 9 BRR JORDAN</t>
  </si>
  <si>
    <t>DOLORES</t>
  </si>
  <si>
    <t>DINSUAGRO DEL TOLIMA</t>
  </si>
  <si>
    <t>CR 7 # 5 01 BRR CENTRO</t>
  </si>
  <si>
    <t>R Y M SEGUROS Y SERVICIOS S.A.S.</t>
  </si>
  <si>
    <t>CR 42 # 15 38 / OF 201 BRR VILLA ZULMA</t>
  </si>
  <si>
    <t>PUNTO DE SERVICIO LA CALLEJA TUNJA</t>
  </si>
  <si>
    <t>CL 36 A # 16 A 03 BRR LA CALLEJA</t>
  </si>
  <si>
    <t>ARODCIBER.COM</t>
  </si>
  <si>
    <t>CL. 25 #19-133 PAIPA BOYACï¿ COLOMBIA</t>
  </si>
  <si>
    <t xml:space="preserve">DROGUERIA FARMA ECONOMIA </t>
  </si>
  <si>
    <t>CRA. 18 #11-46 DUITAMA BOYACA COLOMBIA</t>
  </si>
  <si>
    <t>PIATERIA ARLEQUIN</t>
  </si>
  <si>
    <t>CL. 6 #6-26 PAMPLONA NORTE DE SANTANDER COLOMBIA</t>
  </si>
  <si>
    <t>VENTANILLA S  S</t>
  </si>
  <si>
    <t>CA 1 MZ 32 BRR LA GRECIA</t>
  </si>
  <si>
    <t>CONEXRED S.A.S</t>
  </si>
  <si>
    <t>CL 100 # 19 61 BRR CHICO NAVARRA</t>
  </si>
  <si>
    <t>ESTACION DE SERVICIO GUANENTA</t>
  </si>
  <si>
    <t>K 3 VIA BRR SAN GIL SOCORRO</t>
  </si>
  <si>
    <t>TIENDA WALAW</t>
  </si>
  <si>
    <t>CONJ TORRES BLANCAS LC 6PISO 1 BRR CENTRO</t>
  </si>
  <si>
    <t>POLLOS Y POLLAS DE LA GRANJA</t>
  </si>
  <si>
    <t>CRA 3 13 80</t>
  </si>
  <si>
    <t>COMUNICACIOEN ALEJANDRA</t>
  </si>
  <si>
    <t>AV 6 # 6 40 / AV LA PAZ BRR CENTRO</t>
  </si>
  <si>
    <t>SERVICOLPET</t>
  </si>
  <si>
    <t>AV 5 # 4 A 09 - NORTE / LC 3 BRR COLPET</t>
  </si>
  <si>
    <t>MISCELANEA LA CIMA</t>
  </si>
  <si>
    <t>CR 10 E # 57 F 45 / CON TERRAZA DEL RIO T 4 A 5 BRR LAS CAROLAS</t>
  </si>
  <si>
    <t>MANTA</t>
  </si>
  <si>
    <t>DBEL COMUNICACIONES</t>
  </si>
  <si>
    <t>CR 6 # 3 - 7 BRR CENTRO</t>
  </si>
  <si>
    <t>TELLO</t>
  </si>
  <si>
    <t>CL 5 NO. 5 56 CRR SAN ANDRES TELLO</t>
  </si>
  <si>
    <t>VARIEDADES JUDAPASA</t>
  </si>
  <si>
    <t>CL 156 # 8 B 04 BRR BARRANCAS</t>
  </si>
  <si>
    <t>TAUSA</t>
  </si>
  <si>
    <t>M A COMUNICACIONES</t>
  </si>
  <si>
    <t>CR 4 # 2 04 BRR CENTRO</t>
  </si>
  <si>
    <t>NOVEDADES SOFI VENADILLO</t>
  </si>
  <si>
    <t>CL 6 # 5 35 BRR SANTA BARBARA</t>
  </si>
  <si>
    <t>IZA</t>
  </si>
  <si>
    <t>BOGSBONNY</t>
  </si>
  <si>
    <t>C 5 4 54 290015</t>
  </si>
  <si>
    <t>GM SERVIBAN</t>
  </si>
  <si>
    <t>TAME - CRAVO NTE. #85 ARAUQUITA ARAUCA COLOMBIA</t>
  </si>
  <si>
    <t>BET@</t>
  </si>
  <si>
    <t>CL 10 # 6 19 BRR CENTRO</t>
  </si>
  <si>
    <t>INTERMARUJ3</t>
  </si>
  <si>
    <t>CL 6 # 6 20 BRR CENTRO</t>
  </si>
  <si>
    <t>OMAIRA MENESES</t>
  </si>
  <si>
    <t>CR 3 # 4 74 BRR JERUSALEN</t>
  </si>
  <si>
    <t>BUENAVISTA</t>
  </si>
  <si>
    <t>INTERNET DONDE JULIS</t>
  </si>
  <si>
    <t>CL 3 # 2 100 BRR CENTRO</t>
  </si>
  <si>
    <t>MINIMERCADO TERRES DE SANTA ISABEL</t>
  </si>
  <si>
    <t>CR 41 A # 21 B 24 BRR CAMILO TORRES</t>
  </si>
  <si>
    <t xml:space="preserve">MULTISERVICIOS GARCIA HERREROS </t>
  </si>
  <si>
    <t>VARIEDADES MADINET</t>
  </si>
  <si>
    <t>CR 7 # 46 43 BRR FERIAS</t>
  </si>
  <si>
    <t>EFECTYSERVICIOS</t>
  </si>
  <si>
    <t>MZ 3 CA 2 BRR COMFENALCO</t>
  </si>
  <si>
    <t>TIENDA ALEXANDER C.L</t>
  </si>
  <si>
    <t>MZ 16 23 BRR GIBRALTAR</t>
  </si>
  <si>
    <t>MUNDO PAPEL LAPIZ Y COLOR</t>
  </si>
  <si>
    <t>CR 15 CL 23 45 BRR CENTRO</t>
  </si>
  <si>
    <t>INTERSEGUROS</t>
  </si>
  <si>
    <t>CL 7 # 46 - 80 BRR ESPERANZA 4 ETAPA</t>
  </si>
  <si>
    <t>CAFFE INTERNET EL PAISA</t>
  </si>
  <si>
    <t>CR 14 # 22 68 BRR JOSE ANTONIO GALAN</t>
  </si>
  <si>
    <t>INTERRAPIDISIMO</t>
  </si>
  <si>
    <t>MZ 4 CA 1 ET I BRR CIUDADELA CONFENALCO</t>
  </si>
  <si>
    <t>LEBRIJA</t>
  </si>
  <si>
    <t>CACAOS DE LEBRIJA</t>
  </si>
  <si>
    <t>DG 18 # 13 05 BRR CAMPO ALEGRE III</t>
  </si>
  <si>
    <t>SERVIPAGOS</t>
  </si>
  <si>
    <t>CR 14 # 142 60 BRR SALADO</t>
  </si>
  <si>
    <t>ARANZAZU</t>
  </si>
  <si>
    <t>PAPELERIA LA MEJOR IMPRESION</t>
  </si>
  <si>
    <t>CRA. 6 #5-16 ARANZAZU CALDAS COLOMBIA</t>
  </si>
  <si>
    <t>TIGO CASTELLANA</t>
  </si>
  <si>
    <t>CL 31 # 71 48 BRR CARTAGENA</t>
  </si>
  <si>
    <t>CONFEMOVIL MERCURIO</t>
  </si>
  <si>
    <t>CR 7 # 32 35 / LC 226 BRR CC MERCURIO</t>
  </si>
  <si>
    <t>CELUPARTES DE LA COSTA</t>
  </si>
  <si>
    <t>CR 88D MZ 19-17 P 1 APTO 1</t>
  </si>
  <si>
    <t>CUNDAY</t>
  </si>
  <si>
    <t>SURTIVARIEDADES JULIANA</t>
  </si>
  <si>
    <t>CR 5 # 7 11 BRR VALLE DEL ASIPO</t>
  </si>
  <si>
    <t>FARAD CREDIJOYAS</t>
  </si>
  <si>
    <t>CL. 64 #8-128 IBAGU TOLIMA COLOMBIA</t>
  </si>
  <si>
    <t>VARIEDADES ALEXALEJO</t>
  </si>
  <si>
    <t>CL. 20C #11D SUR-2 IBAGUï¿‰ TOLIMA COLOMBIA</t>
  </si>
  <si>
    <t>DROGUERIA CARDENAS G</t>
  </si>
  <si>
    <t>CL. 11B #17-92 SOGAMOSO BOYACA COLOMBIA</t>
  </si>
  <si>
    <t>FLORESTA</t>
  </si>
  <si>
    <t>SERVITEC DC</t>
  </si>
  <si>
    <t>CR 4 # 4 39 BRR CENTRO</t>
  </si>
  <si>
    <t>CYBERGAMES JM</t>
  </si>
  <si>
    <t>CL. 18 #4-22 LOS PATIOS NORTE DE SANTANDER COLOMBIA</t>
  </si>
  <si>
    <t>CR 4 NO. 4 - 48</t>
  </si>
  <si>
    <t>ARQUICELL COMUNICACIONES</t>
  </si>
  <si>
    <t>CR 9 # 4 40 / PAR ECOTURISTICO BRR CENTRO</t>
  </si>
  <si>
    <t>SAMANÁ</t>
  </si>
  <si>
    <t>ALMACEN PARIS SAN DIEGO</t>
  </si>
  <si>
    <t>CR 7 # 6 42 BRR CENTRO</t>
  </si>
  <si>
    <t>SERVITEC SOCORRO</t>
  </si>
  <si>
    <t>CR 16 # 11 61 BRR ACACIAS</t>
  </si>
  <si>
    <t>VARIEDADES OIF</t>
  </si>
  <si>
    <t>MZ 23 CA 38 ET 2 BRR CIUDADELA COMFENALCO</t>
  </si>
  <si>
    <t>JOVEN PRO S.A.S</t>
  </si>
  <si>
    <t>CL. 15 #9A-34 SOGAMOSO BOYAC COLOMBIA</t>
  </si>
  <si>
    <t>MULTISERVICIOS BASAM</t>
  </si>
  <si>
    <t>AV 10 # 8 AS 31 BRR SAN FERNANDO</t>
  </si>
  <si>
    <t>TIENDA MIXTA LOS PIPES</t>
  </si>
  <si>
    <t>AV 9 # 8 05 BRR PIZARREAL</t>
  </si>
  <si>
    <t>JOSEPTH.NET</t>
  </si>
  <si>
    <t>CL 2 # 2 171 BRR BOSQUES DE OCCIDENTE</t>
  </si>
  <si>
    <t>TIENDA MIXTA MARLBORO</t>
  </si>
  <si>
    <t>CR 4 # 40 06 / LC 4 BRR PITALITO</t>
  </si>
  <si>
    <t>TECHNOLOGY ACCESORIOS</t>
  </si>
  <si>
    <t>CL 12 B # 8 29 / LC 105 BRR CANDELARIA LA NUEVA</t>
  </si>
  <si>
    <t>COSMOCEL</t>
  </si>
  <si>
    <t>CL 5 # 8 03 / LC 1 BRR CENTRO</t>
  </si>
  <si>
    <t>GUAPOTÁ</t>
  </si>
  <si>
    <t>VARIEDADES COMPUMAXI</t>
  </si>
  <si>
    <t>CR 2 # 2 12 BRR CENTRO</t>
  </si>
  <si>
    <t>TENA</t>
  </si>
  <si>
    <t>VARIEDADES SANTY LG</t>
  </si>
  <si>
    <t>CL 2 # 05 03 BRR CENTRO LA GRAN VIA</t>
  </si>
  <si>
    <t>CAJAMARCA</t>
  </si>
  <si>
    <t>SPORT 2000 CAJAMARCA</t>
  </si>
  <si>
    <t>VARIANTE IBAGU - ARMENIA #8-42 CAJAMARCA TOLIMA COLOMBIA</t>
  </si>
  <si>
    <t>TODO DONDE LUKAS</t>
  </si>
  <si>
    <t>CL. 20C #11D SUR-2 IBAGUE TOLIMA COLOMBIA</t>
  </si>
  <si>
    <t>FLASHPOLLOS</t>
  </si>
  <si>
    <t>MZ E # 1 BRR ARKALA</t>
  </si>
  <si>
    <t>INTERNET GAMES PIPE</t>
  </si>
  <si>
    <t>CRA. 11 #6-46 ESPINAL EL ESPINAL TOLIMA COLOMBIA</t>
  </si>
  <si>
    <t>EL LEGADO DE MI ABUELO</t>
  </si>
  <si>
    <t>CL 6 # 4 37 BRR PARAISO</t>
  </si>
  <si>
    <t>SERVICENTRO TURMEQUE</t>
  </si>
  <si>
    <t>CALLE 3 # 4-29</t>
  </si>
  <si>
    <t>ACUARELA WEB</t>
  </si>
  <si>
    <t>AV 3 A # 24 16 BRR SAN RAFAEL</t>
  </si>
  <si>
    <t>LA CELIA</t>
  </si>
  <si>
    <t>PAPELERIA FENIX PC</t>
  </si>
  <si>
    <t>CR 3 # 4 27 BRR CENTRO</t>
  </si>
  <si>
    <t>PLANTAS MEDICINALES LLUVIA DE ORO</t>
  </si>
  <si>
    <t>CL 8 # 20 76 / LC 10 BRR SECTOR GALERIA</t>
  </si>
  <si>
    <t>TECPHONE-SOACHA 2</t>
  </si>
  <si>
    <t>CL 13 # 8 88 BRR SOACHA CENTRO</t>
  </si>
  <si>
    <t>EQUIPOS Y ACCESORIOS PATIAMARILLOS</t>
  </si>
  <si>
    <t>CR 6 # 4 46 BRR SAN LUIS</t>
  </si>
  <si>
    <t>MOEZ 2.0</t>
  </si>
  <si>
    <t>CLL 39A # 7-07</t>
  </si>
  <si>
    <t>PAPELERIA E INTERNET CHOCO</t>
  </si>
  <si>
    <t>CRA 12 30-58 BRR OBRERO</t>
  </si>
  <si>
    <t>MICELANEA SYM</t>
  </si>
  <si>
    <t>C 3370.36</t>
  </si>
  <si>
    <t>ZONAWEBCEL</t>
  </si>
  <si>
    <t>AV 8 # 16 08 BRR PARAMO</t>
  </si>
  <si>
    <t>INTERNET VEREDA GONZALES</t>
  </si>
  <si>
    <t>CL 66 N # 02 64 BRR GONZALEZ</t>
  </si>
  <si>
    <t>CACHARRERIA Y PAPELERIA ML</t>
  </si>
  <si>
    <t>CR 25 # 67 144 / LC 1 BRR PALERMO</t>
  </si>
  <si>
    <t>DROGUERIA GUARIN</t>
  </si>
  <si>
    <t>BRR CIUDAD DORADA MNZ 42 21 - ARMENIA</t>
  </si>
  <si>
    <t>GACHANTIVÁ</t>
  </si>
  <si>
    <t>AGRODISTRIBUCIONES SAN ESTEBAN</t>
  </si>
  <si>
    <t>CL 5 # 4 - 20 BRR CENTRO</t>
  </si>
  <si>
    <t>EDGA VELASQUEZ</t>
  </si>
  <si>
    <t>CL 167 # 45 25 BRR GRANADA NORTE</t>
  </si>
  <si>
    <t>SOAT EXPRESS</t>
  </si>
  <si>
    <t>CR 2 # 1 05 - SUR BRR SAN JOSE</t>
  </si>
  <si>
    <t>GUADALUPE SHOP</t>
  </si>
  <si>
    <t>CL 2 # 2 24 BRR LA PAZ</t>
  </si>
  <si>
    <t>VARIEDADES TIMOTHEA</t>
  </si>
  <si>
    <t>CL 13 # 4 - 46 BRR CENTRO</t>
  </si>
  <si>
    <t>SMARTMOBILE TINTAL</t>
  </si>
  <si>
    <t>AK 86 # 6 37 / CC TINTAL PLAZA LC 135 BRR TINTAL</t>
  </si>
  <si>
    <t>TIGO KENNEDY</t>
  </si>
  <si>
    <t>CL 41 F SUR # 79 05 BRR KENNEDY</t>
  </si>
  <si>
    <t>CAPITANEJO</t>
  </si>
  <si>
    <t>MICROMERCADO DONDE MARY</t>
  </si>
  <si>
    <t>CR 4 # 1 123 BRR LIBERTADORES</t>
  </si>
  <si>
    <t>COMUNICACIONES CENTAUROS</t>
  </si>
  <si>
    <t>CL 7 A # 12 61 BRR LUXEMBURGO</t>
  </si>
  <si>
    <t>SAYMA GESTION DOCUMENTAL</t>
  </si>
  <si>
    <t>CL 7 # 4 57 BRR VILLA HOLANDA</t>
  </si>
  <si>
    <t>DLPAPIROS PAPELERIA</t>
  </si>
  <si>
    <t>CL 6 # 7 23 BRR CENTRO</t>
  </si>
  <si>
    <t>LA BOUTIQUE</t>
  </si>
  <si>
    <t>CL 19 # 6 33 BRR MONIGUIRA</t>
  </si>
  <si>
    <t>TIENDA ESKALA REAL</t>
  </si>
  <si>
    <t>DG. 38 #10-154 TUNJA BOYACA COLOMBIA</t>
  </si>
  <si>
    <t>MUTISCUA</t>
  </si>
  <si>
    <t>MAESPA</t>
  </si>
  <si>
    <t>CR 3 # 7 22 BRR CENTRO</t>
  </si>
  <si>
    <t>TAME</t>
  </si>
  <si>
    <t>EDS NUEVO SANTADER</t>
  </si>
  <si>
    <t>CL 14 # 11 09 BRR SANTANDER</t>
  </si>
  <si>
    <t>PUNTO VARIADO</t>
  </si>
  <si>
    <t>CL 27 # 34 04 BRR LA CLARITA</t>
  </si>
  <si>
    <t>VARIEDADES A SU ALCANCE A R</t>
  </si>
  <si>
    <t>90 #81-178 CARTAGENA PROVINCIA DE CARTAGENA BOLVAR COLOMBIA</t>
  </si>
  <si>
    <t>PAPELERIA LA ESQUINA 68</t>
  </si>
  <si>
    <t>MZ 68 CA 13 ET 3 BRR CIUDADELA SIMON BOLIVAR</t>
  </si>
  <si>
    <t>RAPIRED</t>
  </si>
  <si>
    <t>MZ 3 CASA 3 BRR JARDIN SANTANDER</t>
  </si>
  <si>
    <t>EUROS</t>
  </si>
  <si>
    <t>CR 11 SUR # 23 B 01 BRR KENNEDY</t>
  </si>
  <si>
    <t>PAPELERIA PAPEL Y CRAYOLA</t>
  </si>
  <si>
    <t>CL 25 # 20 46 BRR CENTRO PAIPA</t>
  </si>
  <si>
    <t>PANALERA SAN ANDRESITO</t>
  </si>
  <si>
    <t>CL 5 # 3 - 44 BRR BELLAVISTA</t>
  </si>
  <si>
    <t>TIGO FONTANAR CHIA</t>
  </si>
  <si>
    <t>CL 0 # 0 0 BRR KM 2.5 VIA CHIA - CAJICA</t>
  </si>
  <si>
    <t>ENCOMIENDAS POSTACOL SANTANDER</t>
  </si>
  <si>
    <t>CR 8 # 12 20 BRR CENTRO</t>
  </si>
  <si>
    <t>DULCES Y VARIEDADES ROLETTO</t>
  </si>
  <si>
    <t>CR 8 # 11 80 BRR EL EMPEDRADO</t>
  </si>
  <si>
    <t>1000 COSITAS PARA SU HOGAR</t>
  </si>
  <si>
    <t>CR 5 # 5 34 BRR CENTRO</t>
  </si>
  <si>
    <t>CR 7 E # 16 B 21 BRR MOSQUERA</t>
  </si>
  <si>
    <t>CVS MELTEC DE ORIENTE TUNJA</t>
  </si>
  <si>
    <t>CR 11 # 18 35 BRR CENTRO</t>
  </si>
  <si>
    <t>NUTRIPLUSVIT</t>
  </si>
  <si>
    <t>CR 12 # 16 A 03 BRR EMPON</t>
  </si>
  <si>
    <t>CAFE INTERNET NORMA</t>
  </si>
  <si>
    <t>CL 79 # 6 A 50 - SUR / CA 18 URB COOPDIASAM BRR VILLA CAFE</t>
  </si>
  <si>
    <t>SAN JOSÉ</t>
  </si>
  <si>
    <t>COOPERATIVA DE CAFICULTORES DE ANSERMA</t>
  </si>
  <si>
    <t>CR 2 # 7 60 BRR CENTRO</t>
  </si>
  <si>
    <t>DISTRIBUIDORA YEMIL</t>
  </si>
  <si>
    <t>CR 2 C # 1 - 94 BRR CENTRO</t>
  </si>
  <si>
    <t>CVS MELTEC DE ORIENTE DUITAMA</t>
  </si>
  <si>
    <t>CR 15 # 14 90 BRR CENTRO</t>
  </si>
  <si>
    <t>COLPAGOS</t>
  </si>
  <si>
    <t>CL. 19 #269 MOMPOS BOLIVAR COLOMBIA</t>
  </si>
  <si>
    <t>EL COCUY</t>
  </si>
  <si>
    <t>DESTINOCOCUY</t>
  </si>
  <si>
    <t>K 3N9-7 79</t>
  </si>
  <si>
    <t>COPIRED EXPRESS</t>
  </si>
  <si>
    <t>AV 0 5 22</t>
  </si>
  <si>
    <t>DISTRIBUCIONES SERVICIOS  CONSTRUCCIONES SAS ZESE</t>
  </si>
  <si>
    <t>CR 15 # 25 50 BRR CENTRO</t>
  </si>
  <si>
    <t>RÃPIDO MARKET</t>
  </si>
  <si>
    <t>CL 55 N # 11 91 BRR VILLA DEL VIENTO</t>
  </si>
  <si>
    <t>PRINTER SERVICIOS DEL QUINDIO</t>
  </si>
  <si>
    <t>CL 14 13 32 LC 2 BRR CENTRO</t>
  </si>
  <si>
    <t>PAPELERIA PERALONSO</t>
  </si>
  <si>
    <t>CR 11 C # 46 30 BRR PERALONSO</t>
  </si>
  <si>
    <t>JJ CAFE INTERNET</t>
  </si>
  <si>
    <t>CL 69 BIS A SUR # 91 - 97 BRR BOSA MARGARITAS</t>
  </si>
  <si>
    <t>MINIMERCADOADRIAN</t>
  </si>
  <si>
    <t>CR 93 D # 65 - 42 SUR / BL 6 C 34 BRR EL RECREO</t>
  </si>
  <si>
    <t>AV 3 E # 3 27 BRR LA CEIBA</t>
  </si>
  <si>
    <t>SUPERMECADO DUARTE</t>
  </si>
  <si>
    <t>CR 5 # 13 - 27 BRR AV.COLOMBIA</t>
  </si>
  <si>
    <t>Casanare</t>
  </si>
  <si>
    <t>YOPAL</t>
  </si>
  <si>
    <t>H@BLEE COMUNICACIONES</t>
  </si>
  <si>
    <t>CR 19 # 7 56 BRR CENTRO</t>
  </si>
  <si>
    <t>COMUNICACIONES LA 40</t>
  </si>
  <si>
    <t>CL 40 # 7 28 BRR RESTREPO</t>
  </si>
  <si>
    <t>COMUNICACIONES DUCAS</t>
  </si>
  <si>
    <t>CL 3 # 5 21 BRR CENTRO</t>
  </si>
  <si>
    <t>MI TIENDA DE VARIEDADES</t>
  </si>
  <si>
    <t>CL 6 A # 13 118 BRR VEITE JULIO</t>
  </si>
  <si>
    <t>TECPHONE-PERDOMO</t>
  </si>
  <si>
    <t>CL 63 SUR # 71 F 86 BRR BOGOTA PERDOMO</t>
  </si>
  <si>
    <t>MULTISERVICIOS MEZQUIDA</t>
  </si>
  <si>
    <t>CL 17 # 20 76 BRR PARAISO</t>
  </si>
  <si>
    <t>FRUTICOPIA</t>
  </si>
  <si>
    <t>CL 59 # 2 A 05 BRR LA FLORESTA</t>
  </si>
  <si>
    <t>PAPELERIA Y MISCELANEA EL RAMAL</t>
  </si>
  <si>
    <t>CR 2 G # 6 32 BRR EL RAMAL DE ARATOCA</t>
  </si>
  <si>
    <t>CL 7 # 2 A 33 - ESTE BRR PUENTE VARGAS</t>
  </si>
  <si>
    <t>AS CONDOMINIOS</t>
  </si>
  <si>
    <t>CL. 23 #1-40 CUCUTA NORTE DE SANTANDER COLOMBIA</t>
  </si>
  <si>
    <t>WEB PHONE BETHEL COMUNICACIONES</t>
  </si>
  <si>
    <t>CL 16 # 7 B 03 / LC 2 BRR TIERRA LINDA</t>
  </si>
  <si>
    <t>COOD SALUD</t>
  </si>
  <si>
    <t>AV 4 # 28 26 BRR LOCAL LA CORDIALIDADA</t>
  </si>
  <si>
    <t>GLAMOUR CENTRO DE BELLEZA</t>
  </si>
  <si>
    <t>CR 12 B # 45 G 21 / LC 1 BRR PERALONZO</t>
  </si>
  <si>
    <t>PAPELERIA Y VARIEDADES SAMARA</t>
  </si>
  <si>
    <t>MZ F CA 7 LC 2 BRR MODELO</t>
  </si>
  <si>
    <t>LAS TRES FRAGATAS</t>
  </si>
  <si>
    <t>CR 22 # 47 14 / LC 2 BRR SAN JORGE</t>
  </si>
  <si>
    <t>RETAIL RED DE REDES</t>
  </si>
  <si>
    <t>IVAN BOTERO GOMEZ SA</t>
  </si>
  <si>
    <t>CARRERA 19 CON CALLE 21 ESQUINA</t>
  </si>
  <si>
    <t>RAPPIQUICK MENSAJERIA EXPRESS SAS</t>
  </si>
  <si>
    <t>CL 4 # 1 E 38 BRR CARMEN ELENA</t>
  </si>
  <si>
    <t>BETULIA</t>
  </si>
  <si>
    <t>DONDE CHATY</t>
  </si>
  <si>
    <t>CL 5 # 6 23 BRR DIVINO NIÃ‘O</t>
  </si>
  <si>
    <t>PAPELERIA CAMPESTRE</t>
  </si>
  <si>
    <t>CL 145 TO 31 AP 102 BRR EL YARUMO</t>
  </si>
  <si>
    <t>SAI LA POLA</t>
  </si>
  <si>
    <t>CRA 3 # 8-16</t>
  </si>
  <si>
    <t>PLASTIBASOSA</t>
  </si>
  <si>
    <t>C 3 N 8 - 25</t>
  </si>
  <si>
    <t>EL TARRA</t>
  </si>
  <si>
    <t>DROGUERIA SANTA CRUZ</t>
  </si>
  <si>
    <t>CL 18 # 4 45 BRR EL TARRA</t>
  </si>
  <si>
    <t>SR SYSTEM CHAUSTRE</t>
  </si>
  <si>
    <t>CL 29 # 25 90 BRR CUCUTA</t>
  </si>
  <si>
    <t>CHARCUTERIA ANDRES Y PAO</t>
  </si>
  <si>
    <t>AVE 4 4-44 LTE 2</t>
  </si>
  <si>
    <t>TIENDA Y PAPELERIA CALDAS</t>
  </si>
  <si>
    <t>CL 46N SEC PANCOGER 2 CA 3 BRR VICTORIA REAL</t>
  </si>
  <si>
    <t>MULTISERVICIOS PA</t>
  </si>
  <si>
    <t>CR 3 # 15 - 41 / LC 16 BRR CENTRO</t>
  </si>
  <si>
    <t>MADELA TECHNOLOGY</t>
  </si>
  <si>
    <t>CL 8 # 9 - 56 BRR LOS OLIVOS</t>
  </si>
  <si>
    <t>CONFEMOVIL SUBA</t>
  </si>
  <si>
    <t>CR 91 # 139 06 / LC 7 BRR BOGOTA</t>
  </si>
  <si>
    <t>VARIEDADES MI CABAA</t>
  </si>
  <si>
    <t>MZ 55 CA 7 BRR MODELIA</t>
  </si>
  <si>
    <t>NEOMEDIC DROGUERIA</t>
  </si>
  <si>
    <t>CL. 20 #29-54 DUITAMA BOYACA COLOMBIA</t>
  </si>
  <si>
    <t>CONEXION TUNJA</t>
  </si>
  <si>
    <t>CL 5 A SUR 7 74 MZ T CA 26</t>
  </si>
  <si>
    <t>SATIVASUR</t>
  </si>
  <si>
    <t>PAPELERIA Y COMUNICACIONES SARA</t>
  </si>
  <si>
    <t>CR 2 # 1 54 / CEN BRR CENTRO</t>
  </si>
  <si>
    <t>OTANCHE</t>
  </si>
  <si>
    <t>PAALERA CENTRAL AV LA PAZ</t>
  </si>
  <si>
    <t>CL 4 # 5 21 BRR OTANCHE</t>
  </si>
  <si>
    <t>RIONEGRO</t>
  </si>
  <si>
    <t>FOTO Y MISCELANEA ARTISTICA</t>
  </si>
  <si>
    <t>CR 11 # 11 11 BRR CENTRO</t>
  </si>
  <si>
    <t>GOLDEN PJ SAS</t>
  </si>
  <si>
    <t>CL 18 N # 19 29 BRR CRISTO REY</t>
  </si>
  <si>
    <t>AGROINVERSIONES Y ASESORIAS DEL ORIENTE S.A.S</t>
  </si>
  <si>
    <t>CRA. 13 #15-32 SARAVENA ARAUCA COLOMBIA</t>
  </si>
  <si>
    <t>MULTISERVICIOS NELDI</t>
  </si>
  <si>
    <t>CRA. 5 #8-62 VILLA DEL ROSARIO NORTE DE SANTANDER COLOMBIA</t>
  </si>
  <si>
    <t>MISCELANEA CAMY</t>
  </si>
  <si>
    <t>CL 11 A # 12 A 43 BRR LAS PALMAS</t>
  </si>
  <si>
    <t>CVS MELTEC DE ORIENTE SOCHA</t>
  </si>
  <si>
    <t>CR 9 # 2 37 BRR CENTRO</t>
  </si>
  <si>
    <t>PAPELERIA DONDE CESAR</t>
  </si>
  <si>
    <t>CR 9 # 16 47 BRR CENTRO</t>
  </si>
  <si>
    <t>HOTEL PALMARI</t>
  </si>
  <si>
    <t>CALLE 8 NO 10-22 BARRIO LA MIEL</t>
  </si>
  <si>
    <t>DEPSITO SYS</t>
  </si>
  <si>
    <t>CL 1 # 28 A 09 BRR LAS VEGAS</t>
  </si>
  <si>
    <t>TECHNO STORE</t>
  </si>
  <si>
    <t>CL. 118 #1 IBAGUE TOLIMA COLOMBIA</t>
  </si>
  <si>
    <t>BIKER CELL</t>
  </si>
  <si>
    <t>VDA PIRE NORTE PIRE NORTE BRR CENTRO</t>
  </si>
  <si>
    <t>EL ESPINO</t>
  </si>
  <si>
    <t>DROGUERIA Y MISCELANEA JJ EL ESPINO</t>
  </si>
  <si>
    <t>CL 5 5 54</t>
  </si>
  <si>
    <t>SUPERMERCADO SAN VICENTE</t>
  </si>
  <si>
    <t>CL 18 # 19 42 BRR CENTRO</t>
  </si>
  <si>
    <t>MISELANEA LAS AMERICAS</t>
  </si>
  <si>
    <t>AV 0 # 9 50 BRR COMUNEROS</t>
  </si>
  <si>
    <t>BARAKATIN</t>
  </si>
  <si>
    <t>CR 4 # 48 F 81 BRR BOSQUES DEL NORTE</t>
  </si>
  <si>
    <t>SALA DIGITAL PEGASO</t>
  </si>
  <si>
    <t>CR 9 # 9 A - 95 BRR CENTRO</t>
  </si>
  <si>
    <t>JM.NET PAPELERIA</t>
  </si>
  <si>
    <t>CR 1 A # 39 2 / CA 61 BRR ALFONSO LOPEZ</t>
  </si>
  <si>
    <t>CL 20 # 3 6 BRR CENTRO</t>
  </si>
  <si>
    <t>CONFEMOVIL BOSA EL RECREO</t>
  </si>
  <si>
    <t>CR 97 C # 69 A 08 - SUR / CC METRO RECREO LC 101B BRR BOSA RECREO</t>
  </si>
  <si>
    <t>CAFETERï¿­A DIANA</t>
  </si>
  <si>
    <t>CRA. 7 #3-20 BOAVITA BOYAC COLOMBIA</t>
  </si>
  <si>
    <t>LA CAPILLA</t>
  </si>
  <si>
    <t>CAF INTERNET LUCHO</t>
  </si>
  <si>
    <t>CL 4 # 4 57 BRR CENTRO</t>
  </si>
  <si>
    <t>SAN MIGUEL DE SEMA</t>
  </si>
  <si>
    <t>VIDEO GAMER SM</t>
  </si>
  <si>
    <t>CRA G N 5-37</t>
  </si>
  <si>
    <t>PAGO EXPRESS ARAUCA</t>
  </si>
  <si>
    <t>CL 22 N 22 45 SIETE DE AGOSTO</t>
  </si>
  <si>
    <t>MULTISERVICIOS SARADI PAGOS Y ENVIOS</t>
  </si>
  <si>
    <t>MZ 1 CA 30 P 1 BRR VILLA NAVARRO</t>
  </si>
  <si>
    <t>ARCOIRIS</t>
  </si>
  <si>
    <t>CL 4 # 4 17 BRR CENTRO</t>
  </si>
  <si>
    <t>MULTISERVICIOS LA 45</t>
  </si>
  <si>
    <t>CR 45 A # 9 - 17 BRR LA ESPERANZA 4 ETAPA</t>
  </si>
  <si>
    <t>LA BELLEZA</t>
  </si>
  <si>
    <t>ANA PRISCILA GOMEZ B</t>
  </si>
  <si>
    <t>CR 3 # 6 26 BRR CENTRO</t>
  </si>
  <si>
    <t>MOVILES COMUNEROS</t>
  </si>
  <si>
    <t>CL 13 # 16 12 BRR SAN VICTORINO</t>
  </si>
  <si>
    <t>CENTRO DE PAGOS SAN GIL</t>
  </si>
  <si>
    <t>CL 12 # 10 26 BRR CENTRO</t>
  </si>
  <si>
    <t>EXITO PALMERAS</t>
  </si>
  <si>
    <t>BL C 3 LOCAL 1 BRR URBANIZACION LS PALMERAS IBAGUE</t>
  </si>
  <si>
    <t>FERROPRADERA</t>
  </si>
  <si>
    <t>PESCA-TOCA #162 PESCA BOYAC COLOMBIA</t>
  </si>
  <si>
    <t>AUTOSERVICIO LA GRANJA</t>
  </si>
  <si>
    <t>CL 54 6 74</t>
  </si>
  <si>
    <t>ABBA SERVICIOS</t>
  </si>
  <si>
    <t>CR 1 # 71 - 301 / LC 10 BRR CJR TERRAZAS DE LA FLORIDA</t>
  </si>
  <si>
    <t>F Y F PAPELERIA</t>
  </si>
  <si>
    <t>CR 20 # 24 31 / P 1 BRR CENTRO</t>
  </si>
  <si>
    <t>MARIANA PAPELERIA Y VARIEDADES</t>
  </si>
  <si>
    <t>CR 9 # 12 - 07 BRR CENTRO</t>
  </si>
  <si>
    <t>PAPELERIA MANASES</t>
  </si>
  <si>
    <t>CR 106 B # 143 63 BRR SUBA</t>
  </si>
  <si>
    <t>TIENDA DONDE JOHNATAN</t>
  </si>
  <si>
    <t>CL 18 # 18 53 BRR SAN MARTIN</t>
  </si>
  <si>
    <t>INTERNET LA VEINTE DEL EXITO</t>
  </si>
  <si>
    <t>CL 20 # 7 30 BRR BELLA VISTA SEGUNDA ETAPA</t>
  </si>
  <si>
    <t>ARENAL</t>
  </si>
  <si>
    <t>COMUNICACIONES Y TECNOLIGIA NAGELA</t>
  </si>
  <si>
    <t>CL. 31 #71-7 CARTAGENA DE INDIAS PROVINCIA DE CARTAGENA BOLIVAR COLOMBIA</t>
  </si>
  <si>
    <t>GUAMO</t>
  </si>
  <si>
    <t>CYBERTIEND@.COM</t>
  </si>
  <si>
    <t>CL 6 # 9 03 BRR CENTRO</t>
  </si>
  <si>
    <t>CENTRO DE SERVICIOS MOVIL</t>
  </si>
  <si>
    <t>SM 6 MZ 1 CA 13 BRR BARRIOS TUNJOS 1</t>
  </si>
  <si>
    <t>DROGUERIA FARMAVIDA PAMPLONA</t>
  </si>
  <si>
    <t>C TRANSFORMADOR</t>
  </si>
  <si>
    <t>CAFE INTERNET MARIAM</t>
  </si>
  <si>
    <t>MZ 30 LOTE 6 BRR PALMERAS</t>
  </si>
  <si>
    <t>SKY VIDEOS</t>
  </si>
  <si>
    <t>CR 25 # 51 - 72 / TO A LC 2 BRR ARBOLEDA</t>
  </si>
  <si>
    <t>PAPERNET GUARINO</t>
  </si>
  <si>
    <t>CR 6 # 5 27 / CEN BRR GUARINO</t>
  </si>
  <si>
    <t>CAFETERIA Y PANADERIA RAMIPAM</t>
  </si>
  <si>
    <t>CL 5 # 2 37 BRR CEPITA</t>
  </si>
  <si>
    <t>RYM VIVERES Y ABARROTES</t>
  </si>
  <si>
    <t>CL 16 # 10 60 BRR EL TRIUNFO</t>
  </si>
  <si>
    <t>VARIEDADES MARCOL</t>
  </si>
  <si>
    <t>C 22 N 11A-110</t>
  </si>
  <si>
    <t>SERVIENVIOS SOGAMOSO</t>
  </si>
  <si>
    <t>62 #18-47 SOGAMOSO BOYACï¿ COLOMBIA</t>
  </si>
  <si>
    <t>CHITAGÁ</t>
  </si>
  <si>
    <t>PAPELERIA ANDREA Y LOS GEMELOS</t>
  </si>
  <si>
    <t>CR 8 # 4 44 BRR CENTRO</t>
  </si>
  <si>
    <t>IMPRESIONARTE</t>
  </si>
  <si>
    <t>AV. 4 NO. 14-68 LOCAL 4</t>
  </si>
  <si>
    <t>FERRETERIA EL TREBOL</t>
  </si>
  <si>
    <t>AV 1 # 1 1 BRR VEREDA EL TREBOL FERRETERIA</t>
  </si>
  <si>
    <t>TABIO</t>
  </si>
  <si>
    <t>PUNTO DE PAGO TABIO</t>
  </si>
  <si>
    <t>CL 3 # 3 77 BRR CENTRO</t>
  </si>
  <si>
    <t>VARIEDADES THOMY</t>
  </si>
  <si>
    <t>CL 8 # 4 07 BRR SAN ROQUE</t>
  </si>
  <si>
    <t>VARIEDADES LOLITA HD</t>
  </si>
  <si>
    <t>CL 4 # 4 26 BRR CENTRO</t>
  </si>
  <si>
    <t>VARIEDAD CAFÃ‰ INTERNET  CAMCAN COMUNICACIONES</t>
  </si>
  <si>
    <t>CL 19 D # 22 20 / P 2 AP 1 BRR URB PLAN</t>
  </si>
  <si>
    <t>VARIEDADES KIKE</t>
  </si>
  <si>
    <t>CRA. 11 #20C-5 IBAGUE TOLIMA COLOMBIA</t>
  </si>
  <si>
    <t>ASESORIAS INTEGRALES DEL SUR DEL TOLIMA</t>
  </si>
  <si>
    <t>CR 13 # 4 16 BRR OSPINA PEREZ</t>
  </si>
  <si>
    <t>DROGUERIA SOLSALUD</t>
  </si>
  <si>
    <t>CL 5 # 3 18 / LC 1 BRR COOSERVICIOS</t>
  </si>
  <si>
    <t>PAPELERIA Y MISCELANEA JL</t>
  </si>
  <si>
    <t>CL 21 # 24 24 BRR SAUSALITO</t>
  </si>
  <si>
    <t>SUPERMERCADO J.M PLUS</t>
  </si>
  <si>
    <t>AV 10 # 14 62 BRR PISARREAL</t>
  </si>
  <si>
    <t>YUDICELL.NET</t>
  </si>
  <si>
    <t>CR 6 # 4 49 / LC 2 BRR CENTRO</t>
  </si>
  <si>
    <t>VARIEDADES MILLDREY</t>
  </si>
  <si>
    <t>CR 7 # 47 A 10 BRR LAS FERIAS</t>
  </si>
  <si>
    <t>CUMARAL</t>
  </si>
  <si>
    <t>MISCELANEA LA ESPERANZA</t>
  </si>
  <si>
    <t>CL 3 # 6 - 45 BRR URB INSP VERACRUZ</t>
  </si>
  <si>
    <t>TIGO FLORIDA</t>
  </si>
  <si>
    <t>CL 71 # 65 150 BRR MEDELLIN</t>
  </si>
  <si>
    <t>TIGO GRAN ESTACIÃ“N</t>
  </si>
  <si>
    <t>AC 26 # 62 49 BRR CC GRAN ESTACION</t>
  </si>
  <si>
    <t>PAPELERIA VINILOS Y COLORES</t>
  </si>
  <si>
    <t>CL 26 A # 4 A 36 BRR EL TESORO</t>
  </si>
  <si>
    <t>SAN ESTANISLAO</t>
  </si>
  <si>
    <t>VARIEDADES CAMILO JOSE</t>
  </si>
  <si>
    <t>CL 26 # 16 106 BRR CALLE SANTANDER</t>
  </si>
  <si>
    <t>VILLARRICA</t>
  </si>
  <si>
    <t xml:space="preserve">LA PRINCIPAL TECNOLOGIA Y COMUNICACIONES </t>
  </si>
  <si>
    <t>CRA. 4 #2-56 VILLARRICA TOLIMA COLOMBIA</t>
  </si>
  <si>
    <t>DROGUERIA LILIAM</t>
  </si>
  <si>
    <t>AV. 8 NTE. #6 CUCUTA NORTE DE SANTANDER COLOMBIA</t>
  </si>
  <si>
    <t>DISTRIPACTICOS</t>
  </si>
  <si>
    <t>CL 12 # 7 01 BRR CENTRO</t>
  </si>
  <si>
    <t>PUNTO DE PAGO SOPO</t>
  </si>
  <si>
    <t>CL 2 # 3 23 BRR CENTRO</t>
  </si>
  <si>
    <t>TECPHONE-BOSA</t>
  </si>
  <si>
    <t>CL 139 # 141 A 08 BRR SUBA BERLIN</t>
  </si>
  <si>
    <t>SUPERMERCADO GUAPOTA</t>
  </si>
  <si>
    <t>CR 2 # 3 61 BRR CENTRO</t>
  </si>
  <si>
    <t>PULÍ</t>
  </si>
  <si>
    <t>CELUCAPULI</t>
  </si>
  <si>
    <t>CL 3 # 3 39 BRR CENTRO</t>
  </si>
  <si>
    <t>LA MAGIA DE GABY</t>
  </si>
  <si>
    <t>VDA CERINZA BRR CENTRO</t>
  </si>
  <si>
    <t>BIG SERVICES ATALAYA</t>
  </si>
  <si>
    <t>AV 6 # 4 92 BRR DONA NIDIA</t>
  </si>
  <si>
    <t>COMUNICACIONES JPMG</t>
  </si>
  <si>
    <t>CR 6 # 6 41 BRR CENTRO</t>
  </si>
  <si>
    <t>DROGUERIA Y MINIMARKET FARMASIGLO</t>
  </si>
  <si>
    <t>AV 17 5 A 23</t>
  </si>
  <si>
    <t>DROGUERIA SANTA CLARA</t>
  </si>
  <si>
    <t>CL 5 CRA 49 LC 5</t>
  </si>
  <si>
    <t>PUNTO PAGO Y AUTOSERVICIO EL RAMAL</t>
  </si>
  <si>
    <t>CL 12 # 3 80 BRR EL RAMAL</t>
  </si>
  <si>
    <t>AGENCIA DE SERVICIOS BARBOSA</t>
  </si>
  <si>
    <t>CL 12 # 6 18 BRR CENTRO</t>
  </si>
  <si>
    <t>COFYCOLOR</t>
  </si>
  <si>
    <t>CL 6 # 16 - 45 BRR FUNVASCAR</t>
  </si>
  <si>
    <t>DROGUERIA ECOSALUD HS</t>
  </si>
  <si>
    <t>CL 128 A SUR # 53 A 04 BRR PRADO VERANIEGO BOGOTA</t>
  </si>
  <si>
    <t>DROGUERIA OSCAR MARTINEZ</t>
  </si>
  <si>
    <t>CL 17 # 5 09 BRR CARLOS MARTINEZ</t>
  </si>
  <si>
    <t>PUNTO DE SOLUCIONES SARITA</t>
  </si>
  <si>
    <t>CL 10 A # 15 76 BRR PORTAL DE LA CRTUZ</t>
  </si>
  <si>
    <t>PALMAR</t>
  </si>
  <si>
    <t>COMPU@NETSISTEMAS Y TELEVISIÃ“N</t>
  </si>
  <si>
    <t>CR 4 # 5 25 BRR CENTRO</t>
  </si>
  <si>
    <t>COMPUWEB DANNY</t>
  </si>
  <si>
    <t>CRA. 7 #4-28 DOLORES TOLIMA COLOMBIA</t>
  </si>
  <si>
    <t>CAFE INTERNET JD</t>
  </si>
  <si>
    <t>C 7 6-19</t>
  </si>
  <si>
    <t>PAPELERIAESMERALDA03</t>
  </si>
  <si>
    <t>CR 28 # 15 09 BRR BOSQUE</t>
  </si>
  <si>
    <t>DROGUERIA AMERICA PLAZA</t>
  </si>
  <si>
    <t>CL. 14 #18-26 SOGAMOSO BOYACA COLOMBIA</t>
  </si>
  <si>
    <t>TALLER AUTOMOTRIZ MUOZ</t>
  </si>
  <si>
    <t>CL 0 # 4 71 BRR LA MERCED</t>
  </si>
  <si>
    <t>PATICO TIENDA DE REGALOS</t>
  </si>
  <si>
    <t>CL 10 N # 28 18 / MZ B LT 4 AP 1 BRR TUCUNARE</t>
  </si>
  <si>
    <t>TEORAMA</t>
  </si>
  <si>
    <t>PUBLI-GRFICOS</t>
  </si>
  <si>
    <t>KDX 950 570 LC 2 BRR VDA SAN PABLO</t>
  </si>
  <si>
    <t>FERREANGELES</t>
  </si>
  <si>
    <t>CL 51 # 22 A 47 BRR VERSALLES</t>
  </si>
  <si>
    <t>SANTA ISABEL</t>
  </si>
  <si>
    <t>VALE COMUNICACIONES</t>
  </si>
  <si>
    <t>CR 2 # 6 23 BRR CENTRO</t>
  </si>
  <si>
    <t>SOATÁ</t>
  </si>
  <si>
    <t>TIENDA DESES3</t>
  </si>
  <si>
    <t>CR 5 # 8 60 BRR CENTRO</t>
  </si>
  <si>
    <t>MARIPÍ</t>
  </si>
  <si>
    <t>MISCELANEA ZULIA</t>
  </si>
  <si>
    <t>K 2 3-18 VR ZULIA</t>
  </si>
  <si>
    <t>SNOVOS ESTILO ANDROID MASTER</t>
  </si>
  <si>
    <t>CL 6 # 5 42 BRR CENTRO</t>
  </si>
  <si>
    <t>SERVICIO LARI</t>
  </si>
  <si>
    <t>K 8 3N 35 LT 6 BR EL TREBOL</t>
  </si>
  <si>
    <t>SUPERMERCADO VILLAPILAR</t>
  </si>
  <si>
    <t>CL 10 # 2 C - 15 BRR VILLAPILAR</t>
  </si>
  <si>
    <t>PUERTO LÓPEZ</t>
  </si>
  <si>
    <t>MULTISERVICIO KYF</t>
  </si>
  <si>
    <t>CL 6 # 7 - 79 BRR CENTRO</t>
  </si>
  <si>
    <t>TEXTILES MAICAO</t>
  </si>
  <si>
    <t>CL 11 # 12 41 BRR CENTRO</t>
  </si>
  <si>
    <t>ARTE IMPRESIONES ARAQUE</t>
  </si>
  <si>
    <t>CR 7 # 9 81 BRR FATIMA</t>
  </si>
  <si>
    <t>AMERICAN FASHION</t>
  </si>
  <si>
    <t>CR 11 # 14 57 BRR TUNJA</t>
  </si>
  <si>
    <t>MISCELANEA</t>
  </si>
  <si>
    <t>AVENIDA CIRCUNVALAR NO. 23-64</t>
  </si>
  <si>
    <t>DROGUERIA MEDIX PLUS DUITAMA</t>
  </si>
  <si>
    <t>CR 22</t>
  </si>
  <si>
    <t>PARIS NUMERO 33</t>
  </si>
  <si>
    <t>CR 3 NO. 18 - 07 CARREFOUR</t>
  </si>
  <si>
    <t>CG COMUNICACIONES</t>
  </si>
  <si>
    <t>CL 3 # 8 17 BRR CALLE REAL</t>
  </si>
  <si>
    <t>FOTOCOPIAS MINOLTA DE IBAGUE</t>
  </si>
  <si>
    <t>CL 13 # 2 19 BRR CENTRO</t>
  </si>
  <si>
    <t>VARIEDADES MARIANGEL.COM</t>
  </si>
  <si>
    <t>CR 6 # 9 41 BRR LIBERTADOR</t>
  </si>
  <si>
    <t>DROGUERIA LA PAZ DUITAMA</t>
  </si>
  <si>
    <t>CL. 27 #16B-102 DUITAMA BOYACA COLOMBIA</t>
  </si>
  <si>
    <t>SURTICELULARES DUITAMA</t>
  </si>
  <si>
    <t>CR 15 # 13 42 BRR DUIITAMA</t>
  </si>
  <si>
    <t>WMBA Y WERO TIENDA DE REGALOS</t>
  </si>
  <si>
    <t>TELCELL SRC</t>
  </si>
  <si>
    <t>CR 15 # 13 70 / LC 105 BRR CENTRO</t>
  </si>
  <si>
    <t>TU PUNTO ES</t>
  </si>
  <si>
    <t>CL 4 # 3 26 BRR SAN ANTONIO</t>
  </si>
  <si>
    <t>DROGUERIA LA GRAN ECONOMIA</t>
  </si>
  <si>
    <t>CARRERA 26 4 B 117</t>
  </si>
  <si>
    <t>COMUNICACIONES JRCB S.A.S (CVS PRADO VERDE)</t>
  </si>
  <si>
    <t>CR 38 # 17 2 BRR LOCAL 148 CC COMERCIAL PRADO VERDE- CIUDAD VERDE</t>
  </si>
  <si>
    <t>MARKET LA 11</t>
  </si>
  <si>
    <t>CR 11 # 12 16 BRR CENTRO</t>
  </si>
  <si>
    <t>PAALERA BABY ON LINE</t>
  </si>
  <si>
    <t>MZ 6 CA 9 ET 4 BRR PRADERAS DE SANTA RITA</t>
  </si>
  <si>
    <t>MULTISERVICIOS TECNICOLOR</t>
  </si>
  <si>
    <t>CRA. 1 #98-22 IBAGU TOLIMA COLOMBIA</t>
  </si>
  <si>
    <t>COMPUMARIPI</t>
  </si>
  <si>
    <t>CL 3 # 4 20 BRR CENTRO</t>
  </si>
  <si>
    <t>CASH.NET</t>
  </si>
  <si>
    <t>CR 5 # 9 87 BRR CENTRO</t>
  </si>
  <si>
    <t>TALLERES JAIME</t>
  </si>
  <si>
    <t>TV 15 # 27 A 46 BRR BELLO HORIZONTE</t>
  </si>
  <si>
    <t>COMPUREDES BOYACA</t>
  </si>
  <si>
    <t>CL 27 # 17 A 12 BRR LAS QUINTAS</t>
  </si>
  <si>
    <t>DROGUERIA FARMAECONOMIA # 3</t>
  </si>
  <si>
    <t>CRA. 42 #18-63 DUITAMA BOYACA COLOMBIA</t>
  </si>
  <si>
    <t>DROGUERIA SEMINARIO DUITAMA</t>
  </si>
  <si>
    <t>CRA. 9A #1474 DUITAMA BOYACA COLOMBIA</t>
  </si>
  <si>
    <t>FRUVER MERAKI</t>
  </si>
  <si>
    <t>TV 10 A # 60 A 19 / L 4 N 2 BRR LA CUMBRE</t>
  </si>
  <si>
    <t>AUTOSERVICIO  Y DISTRIBUCCIONES JUAN</t>
  </si>
  <si>
    <t>CR 4 # 3 11 BRR PABLO VI</t>
  </si>
  <si>
    <t>PAPELERIA SANTOS</t>
  </si>
  <si>
    <t>CL 51 E # 34 - 83 / LC 2 BRR SANTOS</t>
  </si>
  <si>
    <t>COSITAS ADRIANA</t>
  </si>
  <si>
    <t>CL 28 # 8 15 BRR POPULAR</t>
  </si>
  <si>
    <t>PAPELERIA DETALLES Y ALGO MAS</t>
  </si>
  <si>
    <t>CR 7 # 31 - 19 BRR CENTRO</t>
  </si>
  <si>
    <t>VILLAMERCAR EXPRESS</t>
  </si>
  <si>
    <t>AC 57 R SUR # 62 - 65 / IN 3 M 1 BRR MADELENA</t>
  </si>
  <si>
    <t>SALA DE BELLEZA CHIQUI NEW LOOK</t>
  </si>
  <si>
    <t>CR 9 # 9 17 BRR CENTRO</t>
  </si>
  <si>
    <t>EL BUHO DORADO</t>
  </si>
  <si>
    <t>CRA. 1E SUR #25-26 IBAGUE TOLIMA COLOMBIA</t>
  </si>
  <si>
    <t>SALADOBLANCO</t>
  </si>
  <si>
    <t>PAPELERIA PAPELIN</t>
  </si>
  <si>
    <t>CL 2 # 5 14 BRR CENTRO</t>
  </si>
  <si>
    <t>DROGUERIA MARCELLA REAL</t>
  </si>
  <si>
    <t>CRA. 11 #22-24 SOGAMOSO BOYACA COLOMBIA</t>
  </si>
  <si>
    <t>TURQSA</t>
  </si>
  <si>
    <t>CR 8 # 4 56 BRR MIRAFLORES</t>
  </si>
  <si>
    <t>OPERADOR TURISTICO RUTA 20</t>
  </si>
  <si>
    <t>CL 20 # 10 29 BRR URIBE</t>
  </si>
  <si>
    <t>RAPIDDOMICILIOS Y ENTREGAS</t>
  </si>
  <si>
    <t>CL 4 A # 67 80 BRR JORDAN III</t>
  </si>
  <si>
    <t>MULTISERVICIOS JW STUDIO</t>
  </si>
  <si>
    <t>Carrera 7 No 4-43</t>
  </si>
  <si>
    <t>SÁCHICA</t>
  </si>
  <si>
    <t>TODO RIEGO SACHICA</t>
  </si>
  <si>
    <t>CR 2 # 2 8 BRR CENTRO</t>
  </si>
  <si>
    <t>MULTISERVICIOS LF</t>
  </si>
  <si>
    <t>CL 20 # 4 50 BRR LA VARIANTE</t>
  </si>
  <si>
    <t>SUTATENZA</t>
  </si>
  <si>
    <t>PRODUCCIONES VENDAVAL</t>
  </si>
  <si>
    <t>CR 5 # 5 10 BRR TENZA</t>
  </si>
  <si>
    <t>PÁEZ</t>
  </si>
  <si>
    <t>RICOPANPAEZ2</t>
  </si>
  <si>
    <t>CL 2 # 2 19 BRR VILLA DEL CARMEN</t>
  </si>
  <si>
    <t>LA MAGIA DEL PAPEL Y EL DULCE</t>
  </si>
  <si>
    <t>CR 3 # 1 09 BRR CENTRO SAN MATEO</t>
  </si>
  <si>
    <t>PAPELERIA NATYCEL</t>
  </si>
  <si>
    <t>CL 26 A # 32 A 38 BRR NEVADO</t>
  </si>
  <si>
    <t>OFICINA CAJERO</t>
  </si>
  <si>
    <t>CR 8 # 10 20 BRR CENTRO</t>
  </si>
  <si>
    <t>ICONONZO</t>
  </si>
  <si>
    <t>CHOROME.COM</t>
  </si>
  <si>
    <t>CR 6 # 5 59 BRR CENTRO</t>
  </si>
  <si>
    <t>NOBSA</t>
  </si>
  <si>
    <t>SERVICIOS Y RECAUDOS NAZARETH</t>
  </si>
  <si>
    <t>CR 3 # 7 56 BRR NAZARETH</t>
  </si>
  <si>
    <t>DROGUERIA AMERICA PLAZA 2 Y MINIMARKET</t>
  </si>
  <si>
    <t>CL. 27 #20-78 SOGAMOSO BOYACA COLOMBIA</t>
  </si>
  <si>
    <t>BARCANET 2</t>
  </si>
  <si>
    <t>CRA. 28 #12A-17 DUITAMA BOYACA COLOMBIA</t>
  </si>
  <si>
    <t>IMFOCELL</t>
  </si>
  <si>
    <t>AV 2 # 4 03 BRR SANTA ANA</t>
  </si>
  <si>
    <t>ASESORIAS Y TRAMITES CACHICAMO</t>
  </si>
  <si>
    <t>LC E 9 CC BOLIVAR</t>
  </si>
  <si>
    <t>PUERTO RONDÓN</t>
  </si>
  <si>
    <t>MARELSA</t>
  </si>
  <si>
    <t>CL 20 # 23 70 BRR LA ESPERANZA</t>
  </si>
  <si>
    <t>AGRONEIRA</t>
  </si>
  <si>
    <t>CR 9 # 8 20 BRR CENTRO</t>
  </si>
  <si>
    <t>DROGUERIA LA CAPILLA VILLAMAIRA</t>
  </si>
  <si>
    <t>CR 9 # 4 - 09 / LC 2 BRR CENTRO</t>
  </si>
  <si>
    <t>MASBARATO.COM.CO</t>
  </si>
  <si>
    <t>CARRERA 8 # 13A-23</t>
  </si>
  <si>
    <t>CAFE COMPUNET</t>
  </si>
  <si>
    <t>CR 5 F # 20 16 BRR EL VERGEL</t>
  </si>
  <si>
    <t>COMOVIL ALTAVISTA</t>
  </si>
  <si>
    <t>CR 1 # 65 D 58 - SUR / LC 1-17 BRR CC. ALTAVISTA</t>
  </si>
  <si>
    <t>MULTISERVICIOS JAZADE</t>
  </si>
  <si>
    <t>CR 3 # 7 A 02 BRR PABLO VL</t>
  </si>
  <si>
    <t>DISTRIBUCIONES COLOMBIA</t>
  </si>
  <si>
    <t>CR 10 B # 32 C 20 BRR CENTRO</t>
  </si>
  <si>
    <t>TUESPACIO.COM</t>
  </si>
  <si>
    <t>CL 37 # 4 I 75 BRR CENTRO</t>
  </si>
  <si>
    <t>SERVISEG JM</t>
  </si>
  <si>
    <t>CL 11 # 8 25 BRR CENTRO</t>
  </si>
  <si>
    <t>BELALCÁZAR</t>
  </si>
  <si>
    <t>CYBER GAMES</t>
  </si>
  <si>
    <t>CR 5 # 13 18 BRR CENTRO</t>
  </si>
  <si>
    <t>TIENDA Y VARIEDADES LAS 2 PALMAS</t>
  </si>
  <si>
    <t>CL 62 # 12 B - 02 BRR VIVEROS</t>
  </si>
  <si>
    <t>INSTALACIONES TV</t>
  </si>
  <si>
    <t>CR 5 # 3 - 53 BRR CENTRO</t>
  </si>
  <si>
    <t>MANGELICOMUNICACIONES</t>
  </si>
  <si>
    <t>CR 8 # 8 - 23</t>
  </si>
  <si>
    <t>LA MISELANEA.COM</t>
  </si>
  <si>
    <t>CL 6 # 2 192 BRR VILLA PAZ</t>
  </si>
  <si>
    <t>DROGUERIA LAURITA</t>
  </si>
  <si>
    <t>CL 14 8 00</t>
  </si>
  <si>
    <t>PUNTO FARMACOS DROGUERIA</t>
  </si>
  <si>
    <t>CR 15 # 15 A 33 BRR RICAUTE</t>
  </si>
  <si>
    <t>PUNTO SERVIS</t>
  </si>
  <si>
    <t>CRA. 7 #9-59 PAMPLONA NORTE DE SANTANDER COLOMBIA</t>
  </si>
  <si>
    <t>MISCELANEA JM ALAMOS</t>
  </si>
  <si>
    <t>CL 11 A # 21 A 32 / LC 1 BRR ALAMOS</t>
  </si>
  <si>
    <t>AUTOSERVICIO SUPERAHORRO</t>
  </si>
  <si>
    <t>CL 12 # 8 79 BRR SOCORRO</t>
  </si>
  <si>
    <t>DROGUERIA PROVENZAL</t>
  </si>
  <si>
    <t>CL 2 # 13 20 BRR BELLA ISLA</t>
  </si>
  <si>
    <t>INTERNET LA 14</t>
  </si>
  <si>
    <t>CR 14 # 13 37 BRR CENTRO</t>
  </si>
  <si>
    <t>CIBER CHAT COMINICACIONES</t>
  </si>
  <si>
    <t>CARRERA 8B#161A-41</t>
  </si>
  <si>
    <t>VARIEDADES DANNYS</t>
  </si>
  <si>
    <t>CR 5 # 5 61 - SUR BRR NUEVA COLOMBIA</t>
  </si>
  <si>
    <t>SERWILL</t>
  </si>
  <si>
    <t>CR 3 # 7 26 / CRR ARAUCA BRR CENTRO</t>
  </si>
  <si>
    <t>PUNTO DE PAGO FUSAGASUGA 2</t>
  </si>
  <si>
    <t>CL 7 # 7 39 BRR CENTRO</t>
  </si>
  <si>
    <t>JHON ALEJANDRO EXPRESS</t>
  </si>
  <si>
    <t>CR 13 A # 29 B 26 BRR MIRADORES DEL RIO</t>
  </si>
  <si>
    <t>FLANDES</t>
  </si>
  <si>
    <t>VARIEDADES NIGA</t>
  </si>
  <si>
    <t>CR 8 # 5 67 BRR LA PAZ</t>
  </si>
  <si>
    <t>DROGUERIA Y PAPELERIA LA AVENIDA</t>
  </si>
  <si>
    <t>CRA 5 8 58</t>
  </si>
  <si>
    <t>PAPELES Y CAFE LA NOVENA</t>
  </si>
  <si>
    <t>CR 9 # 5 51 / LC BRR BOYACA BAJO</t>
  </si>
  <si>
    <t>HOLYPHARMA</t>
  </si>
  <si>
    <t>CL 2 # 6 D 32 BRR FLORIDA</t>
  </si>
  <si>
    <t>VICKY STORE</t>
  </si>
  <si>
    <t>CRA. 8 #5-27 TOCA BOYACA COLOMBIA</t>
  </si>
  <si>
    <t>DROGUERIA SANAR DUITAMA</t>
  </si>
  <si>
    <t>AV DE LAS AMERICAS #1927 DUITAMA BOYACA COLOMBIA</t>
  </si>
  <si>
    <t>CORINTO</t>
  </si>
  <si>
    <t>FERRETERIA LA ONCE</t>
  </si>
  <si>
    <t>CR 11 # 5 32 BRR EL CENTRO</t>
  </si>
  <si>
    <t>ICELL CHIPICHAPE</t>
  </si>
  <si>
    <t>CL 40 NORTE # 6 45 / LC 2005 BRR CHIPICHAPE</t>
  </si>
  <si>
    <t>LICEO SIGLO XXI</t>
  </si>
  <si>
    <t>CR 7 # 8 03 BRR SANTA BARBARA</t>
  </si>
  <si>
    <t>PANQUEBA</t>
  </si>
  <si>
    <t>VARIEDADES GABY</t>
  </si>
  <si>
    <t>CRA. 4 #5-7 PANQUEBA BOYACA COLOMBIA</t>
  </si>
  <si>
    <t>MULTISERVICIOS HG</t>
  </si>
  <si>
    <t>CRA. 3 #5-71 NUEVO COLON BOYACA COLOMBIA</t>
  </si>
  <si>
    <t>DISTRIBUIDORA ECO FORTIS</t>
  </si>
  <si>
    <t>CL 25 # 14 44 BRR CENTRO</t>
  </si>
  <si>
    <t>COMERCIALIZADORA .GT</t>
  </si>
  <si>
    <t>CL 9 # 6 43 / LC 158 BRR EL CENTRO</t>
  </si>
  <si>
    <t>DULCE ALIMENTO</t>
  </si>
  <si>
    <t>CL 25 # 6 98 / KDX 91 AP 3 BRR SANTO DOMINGO</t>
  </si>
  <si>
    <t>FERRETERIA ALZATE</t>
  </si>
  <si>
    <t>CL 8 # 11 07 BRR CENTRO</t>
  </si>
  <si>
    <t>MERCA RAPI</t>
  </si>
  <si>
    <t>CL 11 # 13 - 48 / P 1 BRR CENTENARIO</t>
  </si>
  <si>
    <t>DETALLES LAMOUR</t>
  </si>
  <si>
    <t>CR 41 # 49 01 / MZ 7 C 51 BRR URBANIZACION ENTRE VERDES</t>
  </si>
  <si>
    <t>TIENDA MOLINO</t>
  </si>
  <si>
    <t>CL 15 # 6 A 16 / LC 2 BRR NEPAL</t>
  </si>
  <si>
    <t>BOUTIQUE KAFFE</t>
  </si>
  <si>
    <t>CL 18 # 6 37</t>
  </si>
  <si>
    <t>SUBACHOQUE</t>
  </si>
  <si>
    <t>MELTEC DE ORIENTE</t>
  </si>
  <si>
    <t>CL 3 # 3 37 BRR SUBACHOQUE</t>
  </si>
  <si>
    <t>AV 5 # 5 05 BRR LOCAL SEIS PRADOS DEL ESTE</t>
  </si>
  <si>
    <t>DISTRIBUIDORA LA ESPERANZA</t>
  </si>
  <si>
    <t>CRR SAN BERNARDO BRR PARQUE PRINCIPAL</t>
  </si>
  <si>
    <t>MULTISEGUROS Y SERVICIOS NARDY</t>
  </si>
  <si>
    <t>CR 16 A # 26 67 BRR SEIS DE OCTUBRE</t>
  </si>
  <si>
    <t>ESTANCO MI TIERRA</t>
  </si>
  <si>
    <t>AV AMERICAS 18 N 32 AP 102 BRR MARIA AUXILIADORA</t>
  </si>
  <si>
    <t>VARIEDADES Y PAPELERIA JARETSY</t>
  </si>
  <si>
    <t>Carrera 22 No. 22-46</t>
  </si>
  <si>
    <t>STARCELL BARCELONA</t>
  </si>
  <si>
    <t>CR 11 # 13 - 87 BRR CENTRO</t>
  </si>
  <si>
    <t>CL 3 # 15 2 BRR IQUEMA</t>
  </si>
  <si>
    <t>CELUACCESORIOS LA 20 MONTENEGRO</t>
  </si>
  <si>
    <t>CR 7 # 20 17 / LC 1 BRR COLINAS II</t>
  </si>
  <si>
    <t>UN TOQUE DE AMOR</t>
  </si>
  <si>
    <t>CR 2 N 3 - 51 BRR CENTRO</t>
  </si>
  <si>
    <t>ICELL PRADO</t>
  </si>
  <si>
    <t>CL 129 # 46 A 75 BRR PRADO</t>
  </si>
  <si>
    <t>COMOVIL MI CENTRO</t>
  </si>
  <si>
    <t>CR 13 # 17 A 11 / CC MI CENTRO LC 11-01 BRR CENTRO</t>
  </si>
  <si>
    <t>VALLE DE SAN JOSE</t>
  </si>
  <si>
    <t>CL 4 # 8 09 BRR VALLE DE SAN JOSE</t>
  </si>
  <si>
    <t>DROGUERIA SUPER 2</t>
  </si>
  <si>
    <t>CL. 20 #22-65 DUITAMA BOYACA COLOMBIA</t>
  </si>
  <si>
    <t>CL 10 # 6 72 / CA 4 PISO 1 BRR JUNIN</t>
  </si>
  <si>
    <t>MERCA YA LA PRADERA</t>
  </si>
  <si>
    <t>CR 14 A # 4 22 BRR LA PRADERA</t>
  </si>
  <si>
    <t>MISCELANEA MIL DETALLES A.L</t>
  </si>
  <si>
    <t>CR 12 A # 50 A 34 BRR VICTORIA REAL</t>
  </si>
  <si>
    <t>EPAGO SOGAMOSO</t>
  </si>
  <si>
    <t>CL 12 # 9 57 BRR SOGAMOSO</t>
  </si>
  <si>
    <t>BETPRO SPORTS</t>
  </si>
  <si>
    <t>CL 19 # 15 35 BRR SOLANO</t>
  </si>
  <si>
    <t>PUNTO MOVIL</t>
  </si>
  <si>
    <t>CL 20 # 27 24 BRR CABECERAS DEL LLANO</t>
  </si>
  <si>
    <t>MULTIPAGOS CAYPRO</t>
  </si>
  <si>
    <t>CL. 8 #6-67 CCUTA NORTE DE SANTANDER COLOMBIA</t>
  </si>
  <si>
    <t>FERRETERIA SOLEDAD CARRILLO</t>
  </si>
  <si>
    <t>CL 4 # 6-72</t>
  </si>
  <si>
    <t>MAWI</t>
  </si>
  <si>
    <t>CL 10 NORTE # 14 65 BRR LA LORENA</t>
  </si>
  <si>
    <t>PAPELERIA EL EDITOR</t>
  </si>
  <si>
    <t>CR 6 # 12 44 BRR CENTRO</t>
  </si>
  <si>
    <t>QUIMBAYA</t>
  </si>
  <si>
    <t>PAPELERIA MURIEL</t>
  </si>
  <si>
    <t>BARRIO GAITAN CR6 # 724</t>
  </si>
  <si>
    <t>VARIEDADES BENDITA SAGRADA FAMILIA</t>
  </si>
  <si>
    <t>CR 4 # 3 - 65 BRR CENTRO</t>
  </si>
  <si>
    <t>PUNTO DE PAGO SILVANIA</t>
  </si>
  <si>
    <t>CL 7 # 23 12 BRR CENTRO</t>
  </si>
  <si>
    <t>KDX 13 C VDA LA LLANA BRR TIBU</t>
  </si>
  <si>
    <t>CARLU STORE</t>
  </si>
  <si>
    <t>CL 6 # 8 64 BRR GRAMALOTE</t>
  </si>
  <si>
    <t>VENTA DE MINUTOS CIUDAD 2000</t>
  </si>
  <si>
    <t>CR 40 # 3 N 10 - NORTE BRR CIUDAD DOS MIL</t>
  </si>
  <si>
    <t>MINIMERCADO EL PROVEEDOR</t>
  </si>
  <si>
    <t>CR 7 # 53 - 69 BRR CENTRO</t>
  </si>
  <si>
    <t>TECPHONE TINTAL</t>
  </si>
  <si>
    <t>CL 6 A # 86 75 / LC 157 BRR TINTALA</t>
  </si>
  <si>
    <t>PIÑATERIA Y VARIEDADES</t>
  </si>
  <si>
    <t>CR 5 # 5 05 BRR NAZARETH</t>
  </si>
  <si>
    <t>ZAPATOCA</t>
  </si>
  <si>
    <t>SERVICIOS ZAPATOCA</t>
  </si>
  <si>
    <t>CR 9 # 18 43 BRR SANTA BARBARA</t>
  </si>
  <si>
    <t>ENCANTOS FEMENINOS INTIMOS</t>
  </si>
  <si>
    <t>CR 15 # 13 35 BRR CENTRO</t>
  </si>
  <si>
    <t>CAFETERO COSTEÑO</t>
  </si>
  <si>
    <t>CR 17 # 20 115 BRR AVENIDA SANTANDER</t>
  </si>
  <si>
    <t>MEDï¿šNICA</t>
  </si>
  <si>
    <t>CRA. 15 #6-7 TUNJA BOYACï¿ COLOMBIA</t>
  </si>
  <si>
    <t>CL. 5 #4-34 GACHANTIVA BOYACA COLOMBIA</t>
  </si>
  <si>
    <t>DROGAS PARIS 2</t>
  </si>
  <si>
    <t>AV 10 MZ 0 LC 19 CENTRO COMERCIAL LA CAMPINA</t>
  </si>
  <si>
    <t>CAMILO CELU</t>
  </si>
  <si>
    <t>CL 29 C AP 3 BRR VEREDA AGUA CLARA</t>
  </si>
  <si>
    <t>CHARLIE EL CHEF CHARCUTERIA</t>
  </si>
  <si>
    <t>CL 22 A # 2 158 / LC 3 BRR PRADOS NORTE</t>
  </si>
  <si>
    <t>TIENDA ANGELA</t>
  </si>
  <si>
    <t>CL 73 D NORTE # 3 E 10 - NORTE BRR CIUDAD FUTURO LAS GUACAS</t>
  </si>
  <si>
    <t>SUPER ENTREGAS</t>
  </si>
  <si>
    <t>CL 1 # 1 1 / MZ 34 CA 1 BRR MODELIA</t>
  </si>
  <si>
    <t>HOSTING 4G</t>
  </si>
  <si>
    <t>CR 11 # 8 - 61 BRR OASIS</t>
  </si>
  <si>
    <t>PAPELERIA PUERTO ESPEJO</t>
  </si>
  <si>
    <t>MZ 25 CA 10 BRR PUERTO ESPEJO DOS</t>
  </si>
  <si>
    <t>TLM LUBRICANTES FILTROS Y SERVICIOS</t>
  </si>
  <si>
    <t>TV 7 # 6 48 BRR CENTRO</t>
  </si>
  <si>
    <t>SOMOS TECNOLOGA</t>
  </si>
  <si>
    <t>CL. 19 #23-56 ARAUCA COLOMBIA</t>
  </si>
  <si>
    <t>BETOS SUPERTIENDA</t>
  </si>
  <si>
    <t>CL 8 A # 20 A 03 BRR EL GUAYABAL</t>
  </si>
  <si>
    <t>ALMACEN EL ADORNO DE BELEN DE UMBRIA</t>
  </si>
  <si>
    <t>CR 10 # 4 - 54 BRR CENTRO</t>
  </si>
  <si>
    <t>INTERNET LA 7MA</t>
  </si>
  <si>
    <t>CR 7 # 15 3 BRR SAN CARLOS</t>
  </si>
  <si>
    <t>FRUTIMIO</t>
  </si>
  <si>
    <t>CL 18 # 5 02 BRR PORTAL DE SARAVITA</t>
  </si>
  <si>
    <t>PINCHOTE</t>
  </si>
  <si>
    <t>TELECOMUNICACIONES PINCHOTE</t>
  </si>
  <si>
    <t>CL 4 # 3 89 / LC 4 BRR PINCHOTE</t>
  </si>
  <si>
    <t>SUSACÓN</t>
  </si>
  <si>
    <t>PUNTO CIBERNETICO</t>
  </si>
  <si>
    <t>K 3 N 4 47</t>
  </si>
  <si>
    <t>AMBIENTE MARKETT</t>
  </si>
  <si>
    <t>BL D LOCAL 3 BRR CONDOMINIO SAN JOSE SIERRA</t>
  </si>
  <si>
    <t>ROLDANILLO</t>
  </si>
  <si>
    <t>CONSILIO</t>
  </si>
  <si>
    <t>CL 9 # 8 64 / LC 1 BRR GUERRERO</t>
  </si>
  <si>
    <t>CL 10 N # 15 - 43 / BL 3 LC 2 BRR C.R LA RIOJA</t>
  </si>
  <si>
    <t>DANYSAN</t>
  </si>
  <si>
    <t>CL 11 # 14 26 BRR LA CHIQUINQUIRA</t>
  </si>
  <si>
    <t>PAPELERIA Y MISCELANEA MK</t>
  </si>
  <si>
    <t>CR 10 # 12 113 BRR NORTE</t>
  </si>
  <si>
    <t>BOUTIQUE TRAVESURA LILI</t>
  </si>
  <si>
    <t>CL 8 # 18 64 / LC 10 BRR CENTRO MELGAR</t>
  </si>
  <si>
    <t>TIENDA CUATRO PUERTAS</t>
  </si>
  <si>
    <t>CR 4 # 4 19 BRR CENTRO</t>
  </si>
  <si>
    <t>FARMACIA SANAMEDICAL</t>
  </si>
  <si>
    <t>CL. 10 #30-14 DUITAMA BOYACA COLOMBIA</t>
  </si>
  <si>
    <t>SERVIELECTRICOS ANTELIZ</t>
  </si>
  <si>
    <t>CL 5 # 3 12 BRR LA SUSUA</t>
  </si>
  <si>
    <t>PAPELERIA MALILU</t>
  </si>
  <si>
    <t>CL 7 # 20 - 21 BRR CENTRO</t>
  </si>
  <si>
    <t>PAPELERIA CIELO</t>
  </si>
  <si>
    <t>CRA. 87 #71-2 CARTAGENA DE INDIAS PROVINCIA DE CARTAGENA BOLVAR COLOMBIA</t>
  </si>
  <si>
    <t>FALAN</t>
  </si>
  <si>
    <t>FOTOGRAFIA Y VERIEDADES DANNY</t>
  </si>
  <si>
    <t>CL 5 # 5 14 BRR CENTRO</t>
  </si>
  <si>
    <t>DROGUERIA MEDICAR PHARMA</t>
  </si>
  <si>
    <t>K 13 17 08</t>
  </si>
  <si>
    <t>ALMACEN GABIS LG</t>
  </si>
  <si>
    <t>CL. 21 #7A-53 CHIQUINQUIR BOYAC COLOMBIA</t>
  </si>
  <si>
    <t>CL 18 # 5 86 BRR CENTRO</t>
  </si>
  <si>
    <t>VIDEO PLAY CD</t>
  </si>
  <si>
    <t>CR 6 # 19 50 BRR CENTRO</t>
  </si>
  <si>
    <t>TELECOMPUTO.NET</t>
  </si>
  <si>
    <t>CR 7 # 4 35 BRR CENTRO</t>
  </si>
  <si>
    <t>AGUDELOS MOVIL</t>
  </si>
  <si>
    <t>CL 7 # 2 41 BRR CENTRO</t>
  </si>
  <si>
    <t>MULTISERVICIOS MARIA DEL CARMEN HERRERA</t>
  </si>
  <si>
    <t>CR 67 # 62 C - 10 BRR MADELENA</t>
  </si>
  <si>
    <t>MOLIMESA Y DISTRIBUCIONES S.A.S</t>
  </si>
  <si>
    <t>CR 13 # 23 34 BRR COMUNEROS</t>
  </si>
  <si>
    <t>PALOCABILDO</t>
  </si>
  <si>
    <t>SERVITEC PAL</t>
  </si>
  <si>
    <t>CL 6 # 8 91 / LC 2 BRR FATIMA</t>
  </si>
  <si>
    <t>SERVIFARMA 1</t>
  </si>
  <si>
    <t>C 15 12 - 07</t>
  </si>
  <si>
    <t>VARIEDADES JOHANS</t>
  </si>
  <si>
    <t>CL 28 # 4 A 19 BRR EL INSTITUTO</t>
  </si>
  <si>
    <t>DROGUERIA PALO NEGRO</t>
  </si>
  <si>
    <t>CR 8 A # 41 40 BRR PALO NEGRO</t>
  </si>
  <si>
    <t>INTERCANDYY</t>
  </si>
  <si>
    <t>CR 10 # 20 77 BRR LAS MARGARITAS</t>
  </si>
  <si>
    <t>SUSA</t>
  </si>
  <si>
    <t>MISCELANEA ROMY</t>
  </si>
  <si>
    <t>CR 3 # 8 10 BRR CENTRO</t>
  </si>
  <si>
    <t>JER MI COLOMBIA</t>
  </si>
  <si>
    <t>K 22 N 12 58</t>
  </si>
  <si>
    <t>CL 11 # 15 48 BRR EL CONTENTO</t>
  </si>
  <si>
    <t>RAPITIENDA TRIVENTO</t>
  </si>
  <si>
    <t>CRA 43 66A 08 EDI TRIVENTO LOC 8</t>
  </si>
  <si>
    <t>TIENDA DE REGALOS MONTEKARLO</t>
  </si>
  <si>
    <t>CL 46 # 11 A 03 BRR PERALONSO</t>
  </si>
  <si>
    <t>PAPELERIA Y VARIEDADES LEIDY</t>
  </si>
  <si>
    <t>CL 24 # 13 39 BRR COMUNEROS</t>
  </si>
  <si>
    <t>D-ATAQUE TECNOLOGIA Y SERVICIOS</t>
  </si>
  <si>
    <t>CL. 3 #5-79 TURBACO BOLï¿VAR COLOMBIA</t>
  </si>
  <si>
    <t>VARIEDADES JMDC</t>
  </si>
  <si>
    <t>CRA. 18 #21-14 TURBACO BOLVAR COLOMBIA</t>
  </si>
  <si>
    <t>INTERNET LA PLAYA .COM</t>
  </si>
  <si>
    <t>VDA LA PLAYA BRR LA PLAYA</t>
  </si>
  <si>
    <t>CONECTA-T COMUNICACIONES</t>
  </si>
  <si>
    <t>CR 8 # 12 - 09 / LC 1 BRR CENTRO</t>
  </si>
  <si>
    <t>COMPUPLANET</t>
  </si>
  <si>
    <t>MZ 4 CASA 20 BRR PERLA</t>
  </si>
  <si>
    <t>DROGUERIA DROGIRALDO</t>
  </si>
  <si>
    <t>CR 4 # 6 - 02 BRR CENTRO</t>
  </si>
  <si>
    <t>ICELL MODELIA</t>
  </si>
  <si>
    <t>CR 75 # 23 F 27 BRR MODELIA</t>
  </si>
  <si>
    <t>PAPELERIA MAVS</t>
  </si>
  <si>
    <t>CL 4 9 42 BRR CENTRO</t>
  </si>
  <si>
    <t>FERREDEPOSITO Y ELECTRICOS MARIA JOSE</t>
  </si>
  <si>
    <t>CL 28 # 15 71 / P 1 BRR LA PAZ</t>
  </si>
  <si>
    <t>SERVI MARKET EL PUERTO</t>
  </si>
  <si>
    <t>MZ F 3 L 1 BRR LA CONCORDIA</t>
  </si>
  <si>
    <t>INTERNET NETWORK</t>
  </si>
  <si>
    <t>CR 2 # 5 27 BRR CENTRO</t>
  </si>
  <si>
    <t>Magdalena</t>
  </si>
  <si>
    <t>SANTA MARTA</t>
  </si>
  <si>
    <t>DROGUERIA BIOQUIPHARMA</t>
  </si>
  <si>
    <t>CR 1 # 12 05 / ESQ BRR TAGANGA</t>
  </si>
  <si>
    <t>FLORIDABLANCA</t>
  </si>
  <si>
    <t>AUTOSERVICIO BILKABAMBA</t>
  </si>
  <si>
    <t>CL 35 # 36 13 BRR CAAVERAL ORIENTAL</t>
  </si>
  <si>
    <t>VIMASH TECNOLOGY</t>
  </si>
  <si>
    <t>CL 8 # 17 - 86 BRR CENTRO</t>
  </si>
  <si>
    <t>MAGANGUÉ</t>
  </si>
  <si>
    <t>DAVICELUMAG</t>
  </si>
  <si>
    <t>CR 12 A # 7 87 BRR 2 DE NOVIEMBRE</t>
  </si>
  <si>
    <t>DROGUERIA PROCA 2</t>
  </si>
  <si>
    <t>CL 5 # 4 C 15 BRR TUNJA</t>
  </si>
  <si>
    <t>DROGUERIA DANYROC</t>
  </si>
  <si>
    <t>CRA. 11 #7-59 SOGAMOSO BOYACA COLOMBIA</t>
  </si>
  <si>
    <t>DROGUERIAS EMANUEL</t>
  </si>
  <si>
    <t>CRA 40 A #1764 DUITAMA BOYACA COLOMBIA</t>
  </si>
  <si>
    <t>MINI MARKET FTIMA JT</t>
  </si>
  <si>
    <t>CR 24 # 11 A 65 BRR FATIMA</t>
  </si>
  <si>
    <t>DISTRIBUCIONES Y SERVICIOS IBS EU</t>
  </si>
  <si>
    <t>CL 16 # 13 32 BRR CENTRO</t>
  </si>
  <si>
    <t>HIPERDROGUERIA MONIQUIR 24 HORAS</t>
  </si>
  <si>
    <t>CR 9 # 4 05 / LC 2 BRR RICAURTE</t>
  </si>
  <si>
    <t xml:space="preserve"> DROGUERIA KOLDESCUENTOS DUITAMA 1</t>
  </si>
  <si>
    <t>K 42 # 15-11/ 15-13</t>
  </si>
  <si>
    <t>ESTANQUILLO BOLIVAR</t>
  </si>
  <si>
    <t>CR 9 # 10 81 BRR CENTRO</t>
  </si>
  <si>
    <t>PAPELERIA MIS UTILES</t>
  </si>
  <si>
    <t>CR 2 # 14 17 BRR CENTRO</t>
  </si>
  <si>
    <t>PALMAS DEL SOCORRO</t>
  </si>
  <si>
    <t>SALA DE I</t>
  </si>
  <si>
    <t>CR 5 # 6- 37</t>
  </si>
  <si>
    <t>FRESNO</t>
  </si>
  <si>
    <t>GLOBAL RUAH</t>
  </si>
  <si>
    <t>CR 8 # 7 58 BRR LIBERTAD</t>
  </si>
  <si>
    <t>PSICOLOGIA PARA LA FELICIDAD</t>
  </si>
  <si>
    <t>CR 3 # 6 118 BRR DIVINO NINO</t>
  </si>
  <si>
    <t>GENESIS XXI DL</t>
  </si>
  <si>
    <t>C 4 N 10 - 33</t>
  </si>
  <si>
    <t>LA CONQUISTA DEL PAPEL</t>
  </si>
  <si>
    <t>CL. 13 #3-2 CCUTA NORTE DE SANTANDER COLOMBIA</t>
  </si>
  <si>
    <t>MI MVIL</t>
  </si>
  <si>
    <t>CR 15 # 10 17 BRR GARAGOA</t>
  </si>
  <si>
    <t>DROGUERIA SUPER 3</t>
  </si>
  <si>
    <t>CRA. 18 #8-76 DUITAMA BOYACA COLOMBIA</t>
  </si>
  <si>
    <t>DROGUERIA SUPERIOR 3</t>
  </si>
  <si>
    <t>CRA. 26 #19B-27 DUITAMA BOYACA COLOMBIA</t>
  </si>
  <si>
    <t>INVERSIONES MAXII S.A.S</t>
  </si>
  <si>
    <t>CR 6 # 64 B 195 / LC 102 BRR EL NOGAL</t>
  </si>
  <si>
    <t>AUTOMAX PARTS</t>
  </si>
  <si>
    <t>AV 5 1 AN - 23 BRR PESCADERO</t>
  </si>
  <si>
    <t>SERVIRECAUDOS TAME</t>
  </si>
  <si>
    <t>CL 15 NRO 17 - 54</t>
  </si>
  <si>
    <t>TIENDA EL VECINO ANSERMA</t>
  </si>
  <si>
    <t>CR 2 E # 24 A 04 BRR GALICIA</t>
  </si>
  <si>
    <t>PAÑALERA CARIÑITOS</t>
  </si>
  <si>
    <t>CL 10 LC 2 SEC GALERIA BRR GALERIA</t>
  </si>
  <si>
    <t>DISTRIBUCIONES LM</t>
  </si>
  <si>
    <t>CL 65 A # 35 30 BRR FATIMA</t>
  </si>
  <si>
    <t>SERVITEL DE LA COSTA CENTRAL</t>
  </si>
  <si>
    <t>CL 21 # 19 B - 3 / LC 2 BRR CENTRO</t>
  </si>
  <si>
    <t>LA GRAN MISCELANEA DE SUAITA</t>
  </si>
  <si>
    <t>CL 4 # 8 03 BRR CAICEDIO Y FLORES</t>
  </si>
  <si>
    <t>MICROMERCADO VILLA 14</t>
  </si>
  <si>
    <t>CR 14 # 17 53 BRR SECTOR PINO</t>
  </si>
  <si>
    <t>SAN AGUSTÍN</t>
  </si>
  <si>
    <t>PAPELERIA DELTA</t>
  </si>
  <si>
    <t>CL 3 # 10 25 BRR SAN JOSE</t>
  </si>
  <si>
    <t>PAPELERIA MORRALITO</t>
  </si>
  <si>
    <t>CL 17 # 20 57 BRR CLARITA BOTERO</t>
  </si>
  <si>
    <t>PAPELERIA LA CUARTA DEL CENTRO</t>
  </si>
  <si>
    <t>CL 6 # 4 38 BRR CENTRO</t>
  </si>
  <si>
    <t>MISCELANEA LA ESQUINA DEL ORIEN TE</t>
  </si>
  <si>
    <t>CR 4 BIS # 4 12 CIUDADELA SOL DE ORIENTE</t>
  </si>
  <si>
    <t>OMAIRA SEGUROS</t>
  </si>
  <si>
    <t>CR 14 # 16 16 BRR CENTRO</t>
  </si>
  <si>
    <t>AGENCIA  EL DORADO</t>
  </si>
  <si>
    <t>CRA. 2 #10-72 PUERTO BOYACA BOYACA COLOMBIA</t>
  </si>
  <si>
    <t>DROGUERIA MEGADESCUENTO PINTO PINTO 3</t>
  </si>
  <si>
    <t>CL 16 # 9 05 BRR DUITAMA</t>
  </si>
  <si>
    <t>EQUIPO SION</t>
  </si>
  <si>
    <t>CL 9 # 6 E 36 / LC 1 BRR URBANIZACION SAYAGO</t>
  </si>
  <si>
    <t>CHIPRECOM</t>
  </si>
  <si>
    <t>CL. 13 #23-10 MANIZALES CALDAS COLOMBIA</t>
  </si>
  <si>
    <t>PAPELERIA KYM</t>
  </si>
  <si>
    <t>CL 29 # 7 10 BRR LAGOS TRES FLORIDABLANCA</t>
  </si>
  <si>
    <t>OFICOLOR-JENNI</t>
  </si>
  <si>
    <t>CL 9 # 9 04 BRR KENEDDY</t>
  </si>
  <si>
    <t>VIRACACHÁ</t>
  </si>
  <si>
    <t>VARIEDADES LIGIA</t>
  </si>
  <si>
    <t>CRA. 2 #4-22 VIRACACHA BOYACA COLOMBIA</t>
  </si>
  <si>
    <t>PAPELERÃA NIKO BM</t>
  </si>
  <si>
    <t>CRR BERLIN PAR FRENTE BRR CENTRO</t>
  </si>
  <si>
    <t>CR 12 B # 10 22 / M 32 L 4 BRR CENTRO</t>
  </si>
  <si>
    <t>ENCISO</t>
  </si>
  <si>
    <t>TRASNCOMUNICACIONES NEL.CAR.COM</t>
  </si>
  <si>
    <t>CR 4 # 4 35 BRR CENTRO</t>
  </si>
  <si>
    <t>COMUNICACIONES Y SERVICIOS BETTY</t>
  </si>
  <si>
    <t>43 #145-417 IBAGUE TOLIMA COLOMBIA</t>
  </si>
  <si>
    <t>COMPUMUNDO HIPERMEGARED</t>
  </si>
  <si>
    <t>CR 2 A # 7 24 BRR LA REINA</t>
  </si>
  <si>
    <t>PAPELERIA ANGY</t>
  </si>
  <si>
    <t>C 6446</t>
  </si>
  <si>
    <t>MULTISERVICIONET.CO</t>
  </si>
  <si>
    <t>CL 73 # 2 10 BRR COEDUCADORES</t>
  </si>
  <si>
    <t>ÚMBITA</t>
  </si>
  <si>
    <t>TECNISOLUCIONES UMBITA</t>
  </si>
  <si>
    <t>CR 6 # 5 46 BRR CENTRO</t>
  </si>
  <si>
    <t>DROGUERIA VILLAS DEL MUNDIAL</t>
  </si>
  <si>
    <t>CRA. 25 #14-1 DUITAMA BOYACA COLOMBIA</t>
  </si>
  <si>
    <t>PAPELERIA PENTAGONO</t>
  </si>
  <si>
    <t>AV 4 # 4 51 BRR RAGONVALIA</t>
  </si>
  <si>
    <t>EL CARMEN</t>
  </si>
  <si>
    <t>EL ESTABLO</t>
  </si>
  <si>
    <t>KDX 163 - 1 SAN LUIS BRR EL CARMEN</t>
  </si>
  <si>
    <t>MEGALLANTAS SEVILLA</t>
  </si>
  <si>
    <t>CL 53 # 49 - 40 BRR CENTRO</t>
  </si>
  <si>
    <t>TELECOMUNICACIONES DAVIMAR-EFECTY</t>
  </si>
  <si>
    <t>TV 2 # 3 90 BRR CENTRO</t>
  </si>
  <si>
    <t>CL 1 # 12 04 BRR LOCAL 2 URB SAN MARTIN</t>
  </si>
  <si>
    <t>INSUMOS KATTY</t>
  </si>
  <si>
    <t>CL 9 # 12 40 BRR BOSCAN</t>
  </si>
  <si>
    <t>AGRO+COTAS</t>
  </si>
  <si>
    <t>CL 143 # 14 49 BRR EL SALADO</t>
  </si>
  <si>
    <t>VARIEDADES DANY Y NEGO</t>
  </si>
  <si>
    <t>CL 11A #1-97 CUCUTA NORTE DE SANTANDER COLOMBIA</t>
  </si>
  <si>
    <t>COMPUMOVIL CYU</t>
  </si>
  <si>
    <t>CL 45 A # 45 - 85 BRR SANTA JOSEFA</t>
  </si>
  <si>
    <t>COMOVIL SOACHA</t>
  </si>
  <si>
    <t>CR 7 # 13 23 BRR SOACHA</t>
  </si>
  <si>
    <t>PC-JAVIER</t>
  </si>
  <si>
    <t>MZ 13 CA 18 P 1 ET 3 BRR PRADERA SANTA RITA</t>
  </si>
  <si>
    <t>JERICÓ</t>
  </si>
  <si>
    <t>PAPELERIA SARITH</t>
  </si>
  <si>
    <t>CL 4 # 4 26 / CEN BRR CENTRO</t>
  </si>
  <si>
    <t>DROGUERIA LA FUENTE IV ETAPA</t>
  </si>
  <si>
    <t>CL 34 17 A 27</t>
  </si>
  <si>
    <t>ALMACEN EL CAMELLON</t>
  </si>
  <si>
    <t>CL 3 # 5 01 BRR CAMELLON</t>
  </si>
  <si>
    <t>MERKAFABIO</t>
  </si>
  <si>
    <t>CL 21 B # 4 07 BRR TASAJERO</t>
  </si>
  <si>
    <t>COMPRAVENTA LA SOLUCION</t>
  </si>
  <si>
    <t>CR 7 # 12 A 97 BRR SAN LUIS</t>
  </si>
  <si>
    <t>LINDA VALERIA QUIRAMA VERA</t>
  </si>
  <si>
    <t>CR 4 # 9 03 BRR LIBERTADORES</t>
  </si>
  <si>
    <t>LYG SEGUROS</t>
  </si>
  <si>
    <t>MZ Z LC 35 #1 - 6 BRR LA PARADA</t>
  </si>
  <si>
    <t>CAFE INTERNET CONECTA2 PUERTA MUNOZ</t>
  </si>
  <si>
    <t>CL 46 # 5 C 19 BRR LAS FERIAS</t>
  </si>
  <si>
    <t>ADMINISTRACION INVERSIONES Y TURISMO S.A.S</t>
  </si>
  <si>
    <t>CL 18 # 4 52 / LC 5 ED TORRE QUIMBAYA BRR CENTRO</t>
  </si>
  <si>
    <t>LA PAPELERI@.COM BELEN</t>
  </si>
  <si>
    <t>CL 6 # 9 32 BRR CENTRO</t>
  </si>
  <si>
    <t>TIGO RESTREPO</t>
  </si>
  <si>
    <t>CR 24 # 14 07 - SUR BRR RESTREPO</t>
  </si>
  <si>
    <t>PARIS NUMERO 25</t>
  </si>
  <si>
    <t>CL 26 NO. 26 - 7</t>
  </si>
  <si>
    <t>PARIS N 17</t>
  </si>
  <si>
    <t>CR 14 NO. 23 18 BRR EL EDEN AV CIRCUNVALAR</t>
  </si>
  <si>
    <t>PAPELERIA MARSELLA</t>
  </si>
  <si>
    <t>CR 13 # 18 S 05 BRR MARSELLA</t>
  </si>
  <si>
    <t>PATACONES PAGOS ONLINE</t>
  </si>
  <si>
    <t>CR 2 # 12 37 BRR CENTRO</t>
  </si>
  <si>
    <t>CYBER ALISSON</t>
  </si>
  <si>
    <t>CRA 10A N 120 22 MZ C CS 27 LA FLORESTA</t>
  </si>
  <si>
    <t>PAPELERIA YAILETH</t>
  </si>
  <si>
    <t>CL 3 # 4 36 / P 1 BRR CENTRO TOGUI</t>
  </si>
  <si>
    <t>VARIEDADES SAMACADA</t>
  </si>
  <si>
    <t>CR 5 # 5 46 BRR CENTRO</t>
  </si>
  <si>
    <t>PAJARITO</t>
  </si>
  <si>
    <t>INSUMOS AGROPECUARIOS LA TAGUARA</t>
  </si>
  <si>
    <t>CL 62 # 2 18 BRR PAJARITO</t>
  </si>
  <si>
    <t>CARVERNET.COM</t>
  </si>
  <si>
    <t>CR 4 E # 19 A 48 BRR LA ESTANCIA</t>
  </si>
  <si>
    <t>P@ONET</t>
  </si>
  <si>
    <t>CR 6 # 26 B 67 BRR LOS HOYOS</t>
  </si>
  <si>
    <t>PAPELERIA CACIQUE PIPINTA</t>
  </si>
  <si>
    <t>CR 3 # 16 - 55 / P 1 BRR OLIVARES</t>
  </si>
  <si>
    <t>EL MUNDO DE MAJO</t>
  </si>
  <si>
    <t>MZ 1 CA 7 BRR SANTIAGO LONDOO</t>
  </si>
  <si>
    <t>OASIS</t>
  </si>
  <si>
    <t>CL 56 F SUR # 101 - 09 BRR SANTAFE</t>
  </si>
  <si>
    <t>SERVIPAGO</t>
  </si>
  <si>
    <t>CR 9 13 24 BRR CENTRO</t>
  </si>
  <si>
    <t>NUEVA DROGUERIA SAN MARTIN</t>
  </si>
  <si>
    <t>CRA 17 12 75</t>
  </si>
  <si>
    <t>TOLEDO</t>
  </si>
  <si>
    <t>PAPELERA JULIS</t>
  </si>
  <si>
    <t>CR 6 # 6 54 / KDX 448 BRR TOLEDO</t>
  </si>
  <si>
    <t>EL CAMPO DISTRIBUIDOR AGROPECUARIO</t>
  </si>
  <si>
    <t>CRA 4 # 3-30</t>
  </si>
  <si>
    <t>COMUNICAMOS CHINCHINA SAS</t>
  </si>
  <si>
    <t>CL 11 # 8 - 42 BRR CENTRO</t>
  </si>
  <si>
    <t>TELECOMUNICACIONES MARSELLA</t>
  </si>
  <si>
    <t>CL 9 # 10 - 34 BRR CENTRO</t>
  </si>
  <si>
    <t>TIGO CEDRITOS</t>
  </si>
  <si>
    <t>AC 19 # 142 27 BRR CEDRITOS</t>
  </si>
  <si>
    <t>SERVICIOS  SERVICIOS MR</t>
  </si>
  <si>
    <t>CL 2 # 15 68 BRR EL BOSQUE</t>
  </si>
  <si>
    <t>ARGOZ.NET</t>
  </si>
  <si>
    <t>CL 24 # 22 36 / P 2 LC 1 BRR CENTRO</t>
  </si>
  <si>
    <t>TIGO CHAPINERO</t>
  </si>
  <si>
    <t>CR 13 # 53 19 BRR CENTRO BOGOTA</t>
  </si>
  <si>
    <t>HAROLD GUIOVANY MENDEZ</t>
  </si>
  <si>
    <t>CR 8 # 15 19 BRR INTERLAKEN</t>
  </si>
  <si>
    <t>MULTICENTER EMSUB</t>
  </si>
  <si>
    <t>CRA 24 N 5-62 LOC 2</t>
  </si>
  <si>
    <t>AUTOSERVICIO SURTIYA</t>
  </si>
  <si>
    <t>FUENTE DE SODA SANTI</t>
  </si>
  <si>
    <t>AV 17 # 8 06 / MZ D 12 LT 9 AP 101 BRR TOROCOMA II</t>
  </si>
  <si>
    <t>ASESORARTE SEGUROS</t>
  </si>
  <si>
    <t>CL 14 # 7 14 BRR CENTRO</t>
  </si>
  <si>
    <t>BOLÍVAR</t>
  </si>
  <si>
    <t>J.G COMUNICACIONES</t>
  </si>
  <si>
    <t>CR 3 # 3 14 / PAR PRINCIPAL BRR EL DIAMANTE</t>
  </si>
  <si>
    <t>MISCELANEA Y PAPELERA COMPUMUNDO</t>
  </si>
  <si>
    <t>CL 8 # 24 12 / LC 1 BRR ALVAREZ DIAZ</t>
  </si>
  <si>
    <t>CENTRO DE SERVICIOS MAFEPA SAS</t>
  </si>
  <si>
    <t>CR 13 # 16 58 / LC 101 BRR CENTRO</t>
  </si>
  <si>
    <t>PAPELERIA CATS LONDON</t>
  </si>
  <si>
    <t>CR 2 E # 19 29 BRR TUNJA</t>
  </si>
  <si>
    <t>TASCO</t>
  </si>
  <si>
    <t>DROGUERIA TASQUENITA</t>
  </si>
  <si>
    <t>K 9 N 17A 13 P 1</t>
  </si>
  <si>
    <t>SPEEDY.NET DEL NORTE</t>
  </si>
  <si>
    <t>AV 3 NO. 0 - 141 SAN LUIS</t>
  </si>
  <si>
    <t>ELECTROLED SRC</t>
  </si>
  <si>
    <t>CL 17 # 14 - 32 BRR CENTRO</t>
  </si>
  <si>
    <t>PAPELERIA ASIA</t>
  </si>
  <si>
    <t>CR 5 # 9 08 / LC TELEFONOS BRR CENTRO</t>
  </si>
  <si>
    <t>TIGO PORTAL 80</t>
  </si>
  <si>
    <t>TV 100 A # 80 A 20 BRR CC PORTAL OCHENTA</t>
  </si>
  <si>
    <t>FACATATIVÁ</t>
  </si>
  <si>
    <t>TECPHONE FACA 1</t>
  </si>
  <si>
    <t>CR 5 # 8 29 BRR SANTA RITA</t>
  </si>
  <si>
    <t>FERREPUNTO</t>
  </si>
  <si>
    <t>CR 19 # 17 20 BRR VILLA OLIMPICA</t>
  </si>
  <si>
    <t>PAPELERIA LAS TORRES .COM</t>
  </si>
  <si>
    <t>CR 11 # 187 21 BRR SAN ANTONIO</t>
  </si>
  <si>
    <t>CAM NETWORK SOLUCIONES S.A.S</t>
  </si>
  <si>
    <t>CL 27 A # 9 46 BRR CIUDAD BLANCA ETAPA DOS</t>
  </si>
  <si>
    <t>MISCELANEA Y PAPELERIA TRES ESQUINAS</t>
  </si>
  <si>
    <t>VEREDA AZAFRANAL KM 40 VI GIRARDOT-BOGOTA</t>
  </si>
  <si>
    <t>CIBERNETJUAN</t>
  </si>
  <si>
    <t>MZ 54 CA 16 BRR TOPACIO</t>
  </si>
  <si>
    <t>MULTISERVICIO LOS ARRALLANES</t>
  </si>
  <si>
    <t>CR 18 # 2 A 19 BRR ARRAYANES</t>
  </si>
  <si>
    <t>HIPERDROGUERIA SOATA</t>
  </si>
  <si>
    <t>55 #7-16 SOATA BOYACA COLOMBIA</t>
  </si>
  <si>
    <t>DROGUERIA VIDA</t>
  </si>
  <si>
    <t>CRA. 16 #9-2 DUITAMA BOYACA COLOMBIA</t>
  </si>
  <si>
    <t>HOMEROS COMIDAS RAPIDAS PEREIRA</t>
  </si>
  <si>
    <t>CL 82 # 31 11 BRR ALTAVISTA</t>
  </si>
  <si>
    <t>PUNTO PAGO</t>
  </si>
  <si>
    <t>CL 67 # 11 67 / LC 1 BRR LA SULTANA</t>
  </si>
  <si>
    <t>TECNOIP</t>
  </si>
  <si>
    <t>CR 24 A # 14 53 / B BRR CORBONES</t>
  </si>
  <si>
    <t>AUTOSERVICIO AHORRAMAS J.Z</t>
  </si>
  <si>
    <t>CL 8 # 7 37 BRR CALLE PRINCIPAL</t>
  </si>
  <si>
    <t>COMUNICACIONES JRCB S.A.S (CVS GALAN)</t>
  </si>
  <si>
    <t>CR 56 # 3 74 BRR GALAN</t>
  </si>
  <si>
    <t>PROMOCENTRO EL EDISON</t>
  </si>
  <si>
    <t>CL LAS FLORES 12 29</t>
  </si>
  <si>
    <t>ROBERTO CARLOS SULVARÃN OSPINO</t>
  </si>
  <si>
    <t>CL 30H MZ 15-9 P 2 AP 1 BRR LAS GAVIOTAS</t>
  </si>
  <si>
    <t>MISCELANEA Y PAPELERIA FAYAD</t>
  </si>
  <si>
    <t>CL. 7 #32-43 MELGAR TOLIMA COLOMBIA</t>
  </si>
  <si>
    <t>JULI.NET2</t>
  </si>
  <si>
    <t>MZ A CA 5 P 2 BRR PABLO VI</t>
  </si>
  <si>
    <t>PAPELERIA MUNDO ESCOLAR CYL</t>
  </si>
  <si>
    <t>CALLE 3 7 19</t>
  </si>
  <si>
    <t>VIDEO LORENTS</t>
  </si>
  <si>
    <t>CL 15 # 6 115 BRR CHICO</t>
  </si>
  <si>
    <t>ASESORIAS CONTABLES SANDRA RODRIGUEZ</t>
  </si>
  <si>
    <t>CR 8 # 4 67 BRR SANTANDER</t>
  </si>
  <si>
    <t>DROGUERIA WILLIAM ANTONIO</t>
  </si>
  <si>
    <t>COMOVIL MADRID</t>
  </si>
  <si>
    <t>CL 7 # 8 16 / CC LOS PINOS LC 40 BRR CENTRO</t>
  </si>
  <si>
    <t>MULTISERVICIOS LA 10</t>
  </si>
  <si>
    <t>CL 10 # 9 86 BRR CENTRO</t>
  </si>
  <si>
    <t>FLY EXPRESS SOCORRO</t>
  </si>
  <si>
    <t>CL 9 # 15 17 BRR ACACIAS</t>
  </si>
  <si>
    <t>EL COLEGIO</t>
  </si>
  <si>
    <t>MYM ASESORIAS EL COLEGIO</t>
  </si>
  <si>
    <t>CL 10 # 6 27 BRR CENTRO</t>
  </si>
  <si>
    <t>YOLANDA Y ANGELITOS</t>
  </si>
  <si>
    <t>CR 20 # 4 71 BRR VILLA UCRANIA</t>
  </si>
  <si>
    <t>PINATERIA Y PAPELERIA MABEKIDS</t>
  </si>
  <si>
    <t>CL 6 # 8 23 BRR PABLO SEXTO TOCA</t>
  </si>
  <si>
    <t>COMERCIALIZADORA R Y R Y SUMINISTROS</t>
  </si>
  <si>
    <t>AV 2 6 02 CRADX 232</t>
  </si>
  <si>
    <t>ERASMO DURAN</t>
  </si>
  <si>
    <t>CR 9 # 19 15 BRR ZAPATOCA</t>
  </si>
  <si>
    <t>COMUNICACIONES EDWION RG</t>
  </si>
  <si>
    <t>CR 7 # 10 68 BRR CENTRO</t>
  </si>
  <si>
    <t>DROGUERIA SUPER 4</t>
  </si>
  <si>
    <t>AV. CIRCUNVALAR #2225 DUITAMA BOYACA COLOMBIA</t>
  </si>
  <si>
    <t>CAFE INTERNET COMUNICACIONES APRISSA</t>
  </si>
  <si>
    <t>K 9 N 13-13 S P2</t>
  </si>
  <si>
    <t>MAMA  YO</t>
  </si>
  <si>
    <t>K 10 20 - 21L1BR CENTRO</t>
  </si>
  <si>
    <t>ENDUSA ONLINE</t>
  </si>
  <si>
    <t>CL 8 N # 11 E 91 / 1 BRR GUAIMARAL</t>
  </si>
  <si>
    <t>EL PUNTO DE LA SUERTE EN CUCUTA</t>
  </si>
  <si>
    <t>AV 7 9 14 LC 13</t>
  </si>
  <si>
    <t>ING.SERVER</t>
  </si>
  <si>
    <t>MZ 19 LOTE 1 APTO 2 BRR LAS PALMERAS</t>
  </si>
  <si>
    <t>SUPERTIENDA LYL</t>
  </si>
  <si>
    <t>CL 42 # 8 B 67 BRR EL PORVENIR</t>
  </si>
  <si>
    <t>JAIDY GARZON</t>
  </si>
  <si>
    <t>CR 137 A # 17 C 10 BRR ALAMEDA</t>
  </si>
  <si>
    <t>NÁTAGA</t>
  </si>
  <si>
    <t>CL 2 # 7 43 BRR CENTRO</t>
  </si>
  <si>
    <t>CR 3 NO. 3 - 42</t>
  </si>
  <si>
    <t>MACARAVITA</t>
  </si>
  <si>
    <t>ALMACEN SERVITODO</t>
  </si>
  <si>
    <t>CR 4 # 4 33 BRR CENTRO</t>
  </si>
  <si>
    <t>PAPELERIA SERVI CELL</t>
  </si>
  <si>
    <t>MZ 34 CA 6 LC 1 BRR PUERTO ESPEJO</t>
  </si>
  <si>
    <t>IBELLS ACCESORIOS</t>
  </si>
  <si>
    <t>CL 24 # 14 A 15 BRR CENTRO</t>
  </si>
  <si>
    <t>RICAURTE</t>
  </si>
  <si>
    <t>TELECOMUNICACIONES RICAURTE</t>
  </si>
  <si>
    <t>CR 15 # 6 85 BRR CENTRO</t>
  </si>
  <si>
    <t>RECAUDOS CARMENCITA</t>
  </si>
  <si>
    <t>CL 17 # 15 58 BRR URBANIZACION LA LUZ</t>
  </si>
  <si>
    <t>COMERCIALIZADORA CRISIN</t>
  </si>
  <si>
    <t>CL 18 # 14 88 BRR EL TOLEDO</t>
  </si>
  <si>
    <t>DISTRIBUCIONES MARISOL</t>
  </si>
  <si>
    <t>CL 15 # 6 35 / LC 08 BRR CENTRO</t>
  </si>
  <si>
    <t>CR 2 NO. 3E - 95</t>
  </si>
  <si>
    <t>SALEM BUSSINES</t>
  </si>
  <si>
    <t>CL 23 # 4 84 BRR VILLAS DEL FONCE</t>
  </si>
  <si>
    <t>DISTRIHOMECLEAN</t>
  </si>
  <si>
    <t>CR 10 # 19 43 BRR VERGELES</t>
  </si>
  <si>
    <t>EUREKA GLOBAL TECH</t>
  </si>
  <si>
    <t>CR 20 # 13 09 BRR SOLANO</t>
  </si>
  <si>
    <t>PAPELERIA MILU</t>
  </si>
  <si>
    <t>C 43 12A - 111 P 1</t>
  </si>
  <si>
    <t>COMERCIALIZADORA STENAT</t>
  </si>
  <si>
    <t>URB BOSQ PINARES MZ 5 185 BRR BOSQUES DE PINARES</t>
  </si>
  <si>
    <t>LA CASA DEL CELULAR</t>
  </si>
  <si>
    <t>CR 8 # 7 21 BRR NINO JESUS</t>
  </si>
  <si>
    <t>TIGO OVIEDO</t>
  </si>
  <si>
    <t>CR 43 A SUR # 6 15 BRR MEDELLIN</t>
  </si>
  <si>
    <t>TIGO MERCURIO</t>
  </si>
  <si>
    <t>CR 7 # 32 35 BRR CC MERCURIO</t>
  </si>
  <si>
    <t>MULTIPAGOS</t>
  </si>
  <si>
    <t>AV 37 # 10-82 BARRIO GAITAN</t>
  </si>
  <si>
    <t>EL CARMEN DE BOLÍVAR</t>
  </si>
  <si>
    <t>DROGUERIA EL CARMEN CLC</t>
  </si>
  <si>
    <t>CL25 CON CRA 39 ESQUINA LC 101 BR SANTANDER</t>
  </si>
  <si>
    <t>MULTISERVICIOS LA AMBALA</t>
  </si>
  <si>
    <t>AV AMBALA # 42 75 CA 1 BRR JARDINES DE NAVARRA</t>
  </si>
  <si>
    <t>PANADERA MAXIPAN AND BURGUERMANIA</t>
  </si>
  <si>
    <t>MZ H CASA 146 VILLA MARINA</t>
  </si>
  <si>
    <t>MIL COSITAS SUTATENZA</t>
  </si>
  <si>
    <t>CR 4 # 2 11 BRR CENTRO</t>
  </si>
  <si>
    <t>ALBINO FIALLO SYC</t>
  </si>
  <si>
    <t>CL 9 A NORTE # 3 A 94 BRR CARORA</t>
  </si>
  <si>
    <t>DROGUERIA PUYITAS</t>
  </si>
  <si>
    <t>CR 6 # 11 22 BRR SANTA MARIA</t>
  </si>
  <si>
    <t>JAM MOVIL</t>
  </si>
  <si>
    <t>CR 22 # 29 - 29 / CC PARQUE CALDAS BRR BURBUJA MOVISTAR</t>
  </si>
  <si>
    <t>TIENDA VICKY-VICKY</t>
  </si>
  <si>
    <t>SM 9 MZ 7 CA 7 BRR LAS AMERICAS</t>
  </si>
  <si>
    <t>VARIEDADES ANGIE KATERINE</t>
  </si>
  <si>
    <t>CRA. 5 #5-26 NATAGAIMA TOLIMA COLOMBIA</t>
  </si>
  <si>
    <t>BARQUITO DE PAPEL 23</t>
  </si>
  <si>
    <t>CL. 7D #12B-34 MELGAR TOLIMA COLOMBIA</t>
  </si>
  <si>
    <t>PAPELERIA DYMARTI</t>
  </si>
  <si>
    <t>CR 9 # 4 A 39 BRR PARAISO</t>
  </si>
  <si>
    <t>TIENDA BASTOD DEL EMPERADOR</t>
  </si>
  <si>
    <t>MZ 22 CA 7 BRR QUINDOS</t>
  </si>
  <si>
    <t>SANTUARIO</t>
  </si>
  <si>
    <t>PRINCESAS CELESTE</t>
  </si>
  <si>
    <t>CL 6 # 4 48 BRR CENTRO</t>
  </si>
  <si>
    <t>SUBLIMARKER YA</t>
  </si>
  <si>
    <t>CL 6 # 6 - 61 BRR CENTRO</t>
  </si>
  <si>
    <t>LA ARGENTINA</t>
  </si>
  <si>
    <t>CR 3 # 6 11 BRR CENTRO</t>
  </si>
  <si>
    <t>VARIEDADES KAMY</t>
  </si>
  <si>
    <t>CR 7 # 8 08 BRR CENTRO</t>
  </si>
  <si>
    <t>ALTOS DEL ROSARIO</t>
  </si>
  <si>
    <t>VARIEDADES YAMI</t>
  </si>
  <si>
    <t>CL 18 6 30</t>
  </si>
  <si>
    <t>VARIEDADES SANTA ANA</t>
  </si>
  <si>
    <t>MZ 27 CA 6 BRR SANTA ANA</t>
  </si>
  <si>
    <t>ALEXANDR@.COM</t>
  </si>
  <si>
    <t>CR 10 # 1 49 / CA 8 BRR AUGUSTO E MEDINA</t>
  </si>
  <si>
    <t>PUNTO EXPRESS CH</t>
  </si>
  <si>
    <t>CRA. 3 #337 CHINACOTA NORTE DE SANTANDER COLOMBIA</t>
  </si>
  <si>
    <t>PUNTO DE PAGO LA MESA</t>
  </si>
  <si>
    <t>CL 8 # 18 48 BRR CENTRO</t>
  </si>
  <si>
    <t>ICELL EASY AMERICAS</t>
  </si>
  <si>
    <t>AV AMERICAS # 68 - 94 LC 1009 BRR EASY AMERICAS</t>
  </si>
  <si>
    <t>TIGO CENTRO MAYOR</t>
  </si>
  <si>
    <t>CL 38 A SUR # 34 D 50 BRR CC CENTRO MAYOR</t>
  </si>
  <si>
    <t>MEPEC SOLUTIONS S.A.S</t>
  </si>
  <si>
    <t>CR 14 # 8 38 BRR CHIQUINQUIRA</t>
  </si>
  <si>
    <t>TOLELO DROGUERA Y PAPELERA</t>
  </si>
  <si>
    <t>CRA 3 23-06</t>
  </si>
  <si>
    <t>CL. 4 #4-95 VILLA DEL ROSARIO NORTE DE SANTANDER COLOMBIA</t>
  </si>
  <si>
    <t>EMANUEL PAPELERIA</t>
  </si>
  <si>
    <t>CL 5 # 13 A - 84 BRR CIUDADELA DEL VALLE</t>
  </si>
  <si>
    <t>WILLIAM ULLOA</t>
  </si>
  <si>
    <t>CR 69 P # 71 70 / LC C BRR FERIAS</t>
  </si>
  <si>
    <t>DROGUERIA MIRAFLORES</t>
  </si>
  <si>
    <t>CLL 82 ENTRE 2-3 TORRE E LOC 1 CONJ MIRAFLORE</t>
  </si>
  <si>
    <t>TOOLBOX FERRETERIA</t>
  </si>
  <si>
    <t>MULTISERVICIOS JAER</t>
  </si>
  <si>
    <t>CL 153 # 3 A 01 BRR KM 8 PATIOS</t>
  </si>
  <si>
    <t>STUDIOS JOY</t>
  </si>
  <si>
    <t>CL 13 # 11 20 BRR EL PARAMO</t>
  </si>
  <si>
    <t>COMUNICACIONES TENCI-CELL</t>
  </si>
  <si>
    <t>CL 188 # 14 12 BRR BERBENAL</t>
  </si>
  <si>
    <t>CALAMAR</t>
  </si>
  <si>
    <t>NORCOLOMBIANO</t>
  </si>
  <si>
    <t>CRA 1 21 60</t>
  </si>
  <si>
    <t>ESCRILEC</t>
  </si>
  <si>
    <t>CL. 17 #5-26 IBAGU TOLIMA COLOMBIA</t>
  </si>
  <si>
    <t>PANADERIA Y CAFETERIA VILLAPAN</t>
  </si>
  <si>
    <t>CR 3 # 5 08 CN BRR CENTRO VILLLARRICA</t>
  </si>
  <si>
    <t>CEL-TECH</t>
  </si>
  <si>
    <t>CL 52 N # 81 41 BRR ALTO MENGA</t>
  </si>
  <si>
    <t>PICASSO</t>
  </si>
  <si>
    <t>CR 5 27/33 LC 2 BOYACA B</t>
  </si>
  <si>
    <t>DROGUERIA PROCA</t>
  </si>
  <si>
    <t>CRA. 4 #5A-77 TUNJA BOYACA COLOMBIA</t>
  </si>
  <si>
    <t xml:space="preserve">VARIEDADES CONTRERAS BOCHALEMA </t>
  </si>
  <si>
    <t>CLL 6 1-25</t>
  </si>
  <si>
    <t>PAPELERIA Y VARIEDADES MIS PAPELES</t>
  </si>
  <si>
    <t>CR 25 # 49 23 BRR VERSALLES</t>
  </si>
  <si>
    <t>CL 5 # 3 - 8 BRR CENTRO</t>
  </si>
  <si>
    <t>CACHARRERIA Y PAPELERIA LOS 3 GIGANTES</t>
  </si>
  <si>
    <t>CL 69 BIS A SUR # 91 98 / LC 1 BRR LAS MARGARITAS</t>
  </si>
  <si>
    <t>TUCARGA.COM</t>
  </si>
  <si>
    <t>CR 88 C # 50 A - 22 SUR BRR BRASILIA</t>
  </si>
  <si>
    <t>BLANCA NELLY GONZALEZ GOMEZ</t>
  </si>
  <si>
    <t>CR 5 # 12 02 BRR POPULAR MODELO</t>
  </si>
  <si>
    <t>MULTISERVICIO MARIAS.NET</t>
  </si>
  <si>
    <t>CL 83 # 4 72 / LC 3 BRR FLORIDA</t>
  </si>
  <si>
    <t>CL 4 # 2 95 BRR SAN ANTONIO</t>
  </si>
  <si>
    <t>DROGUERIA CENTRAL BELEN PLUS</t>
  </si>
  <si>
    <t>CL 27 27 35</t>
  </si>
  <si>
    <t>GIROS LA CALEÑA</t>
  </si>
  <si>
    <t>CL 12 # 17 03 BRR ANIVERSARIO II</t>
  </si>
  <si>
    <t>VARIEDADES YORLETH</t>
  </si>
  <si>
    <t>AV 10 # 19 26 BRR ONCE DE NOVIEMBRE</t>
  </si>
  <si>
    <t>ANGELA POVEDA</t>
  </si>
  <si>
    <t>CR 4 # 185 35</t>
  </si>
  <si>
    <t>PAPELERIA DIDACTICA EL COLOR MAGICO</t>
  </si>
  <si>
    <t>CR 6 # 3 30 BRR CENTRO BARICHARA</t>
  </si>
  <si>
    <t>DISRECARGAS.NET</t>
  </si>
  <si>
    <t>CR 4 SUR # 18 A 14 BRR YULDAIMA</t>
  </si>
  <si>
    <t>JENESANO</t>
  </si>
  <si>
    <t>MOVIL SHOP</t>
  </si>
  <si>
    <t>CR 2 # 5 33 BRR CENTRO</t>
  </si>
  <si>
    <t>LA PEIPER</t>
  </si>
  <si>
    <t>CR 10 # 4 40 BRR JERONIMO HOLGUIN</t>
  </si>
  <si>
    <t>PAPELERIA Y MISCELANEA ROCCY</t>
  </si>
  <si>
    <t>CL 4 # 3 63 BRR FLORESTA CENTRO</t>
  </si>
  <si>
    <t>DROGUERIA Y MISCELNEA GC EL MIRTO</t>
  </si>
  <si>
    <t>CL 16 # 35 30 BRR SIMON BOLIVAR</t>
  </si>
  <si>
    <t>DROGUERIA CASTILLO</t>
  </si>
  <si>
    <t>AV 5 # 15 35 BRR OSPINA PEREZ</t>
  </si>
  <si>
    <t>PAPELERIA BICENTENARIO</t>
  </si>
  <si>
    <t>CR 13 # 46 N 78 / LC 1 BRR ORO NEGRO</t>
  </si>
  <si>
    <t>CYC COMUNICACIONES</t>
  </si>
  <si>
    <t>CR 35 # 101 - 34 / LC BRR LA ENEA</t>
  </si>
  <si>
    <t>DR BRISAS DEL LLANO</t>
  </si>
  <si>
    <t>DG 30 # 7 A 02 BRR CASANARE</t>
  </si>
  <si>
    <t>SAN LUCAS SANTA CLARA</t>
  </si>
  <si>
    <t>CL 49 # 51 35 BRR GALAN</t>
  </si>
  <si>
    <t>COMUNICACIONES TYM</t>
  </si>
  <si>
    <t>CL 7 # 5 11 BRR CENTRO</t>
  </si>
  <si>
    <t>VARIEDADES ROCHY.COM</t>
  </si>
  <si>
    <t>CL 10 # 8 121 BRR SIMON BOLIVAR</t>
  </si>
  <si>
    <t>CLINICA DEL CELULAR JM</t>
  </si>
  <si>
    <t>CL 6 # 6 70 BRR CENTRO</t>
  </si>
  <si>
    <t>CACHARRERIA Y PAPELERIA LIZ</t>
  </si>
  <si>
    <t>CL 21 # 12 08 - SUR BRR RICAUTE</t>
  </si>
  <si>
    <t>TIENDA PARA MASCOTAS PETLUDITOS</t>
  </si>
  <si>
    <t>CR 12 # 36 63 BRR LA MARIA</t>
  </si>
  <si>
    <t>DROGUERIAY PERFUMERIA ANDRES</t>
  </si>
  <si>
    <t>CL 10 C 3 15 URB LOS TRAPICHES</t>
  </si>
  <si>
    <t>ALMACEN ESPANA</t>
  </si>
  <si>
    <t>CL 21 # 19 42 / LC B BRR CENTRO</t>
  </si>
  <si>
    <t>PAPELERIA JAVA</t>
  </si>
  <si>
    <t>CR 6 # 4 22 BRR CENTRO</t>
  </si>
  <si>
    <t>DISTRICEL MANZANARES</t>
  </si>
  <si>
    <t>CL 6 # 5 37 BRR CENTRO</t>
  </si>
  <si>
    <t>TIENDA VARIEDADES LA PRIMAVERA DE LOS BLOQUES</t>
  </si>
  <si>
    <t>BL 47 APTDO 102 BRR CIUDADELA 20 DE JULIO</t>
  </si>
  <si>
    <t>KAREN FONSECA</t>
  </si>
  <si>
    <t>CL 20 # 25 A 26 BRR LOS ALPES</t>
  </si>
  <si>
    <t>MULTISERVICIOS DIAMAR</t>
  </si>
  <si>
    <t>AV. 11 #4A NORTE-5 CUCUTA NORTE DE SANTANDER COLOMBIA</t>
  </si>
  <si>
    <t>MUNDO EDITORES</t>
  </si>
  <si>
    <t>AV CENTRO 3129 BRR FUNDADORES</t>
  </si>
  <si>
    <t>MARQUETALIA</t>
  </si>
  <si>
    <t>AUTOSERVICIOS VIMARKET</t>
  </si>
  <si>
    <t>CR 2 # 4 48 BRR LA QUIEBRITA</t>
  </si>
  <si>
    <t>Guaviare</t>
  </si>
  <si>
    <t>EL RETORNO</t>
  </si>
  <si>
    <t>MOVICELL</t>
  </si>
  <si>
    <t>CR 5 MZ 5 VIA PRINCIPAL BRR INSPECCION LA LIBETARD</t>
  </si>
  <si>
    <t>CL 4 # 4 - 38 BRR CENTRO</t>
  </si>
  <si>
    <t>PIBLICIDAD VISIBLE</t>
  </si>
  <si>
    <t>CL 11 # 9 38 BRR SAN GIL</t>
  </si>
  <si>
    <t>MULTISERVICIOS CARPAU</t>
  </si>
  <si>
    <t>CL 14 A # 2 E 23 BRR CATIVILLA</t>
  </si>
  <si>
    <t>K 9 5 40 AP 101</t>
  </si>
  <si>
    <t>MERKA PAIPA</t>
  </si>
  <si>
    <t>CL 23 # 17 A 83 BRR LAS QUINTAS</t>
  </si>
  <si>
    <t>PLASTICOS GALVIS</t>
  </si>
  <si>
    <t>CL 9 # 18 65 BRR NUEVO HORIZONTE</t>
  </si>
  <si>
    <t>SERVICENTER.NET</t>
  </si>
  <si>
    <t>CL 18 BIS # 8 21 BRR BENGALA</t>
  </si>
  <si>
    <t>ZONA PITS LA 31</t>
  </si>
  <si>
    <t>CR 20 # 31 45 BRR DELICIAS</t>
  </si>
  <si>
    <t>COMUNICACIONES JRCB S.A.S (CVS LA VICTORIA)</t>
  </si>
  <si>
    <t>TV 4 # 39 27 - ESTE BRR SUR</t>
  </si>
  <si>
    <t>TIENDA Y SUPERMERCADO ESQUINA DE SEVILLA</t>
  </si>
  <si>
    <t>CR 9 # 9 127 BRR CENTRO</t>
  </si>
  <si>
    <t>GIROS Y PAGOS EL UVO</t>
  </si>
  <si>
    <t>KM 16 BRR VIA SAN GIL BUCARAMANGA</t>
  </si>
  <si>
    <t>VARIEDADES DONDE YENY</t>
  </si>
  <si>
    <t>CR 2 A # 7 1 / CRR FRIAS BRR CENTRO</t>
  </si>
  <si>
    <t>SUMINOR JB</t>
  </si>
  <si>
    <t>MZ 4 LT 19 ET 3 BRR JUAN ATALAYA</t>
  </si>
  <si>
    <t>VARIEDADES Y STILOS SEBAS</t>
  </si>
  <si>
    <t>URB PLENO SOL MZ I CA 4 BRR PLENO SOL</t>
  </si>
  <si>
    <t>VARIEDADES E INTERNET XAVI MATIAS</t>
  </si>
  <si>
    <t>AV 17 # 14 A 19 BRR CAÃ‘O LIMON</t>
  </si>
  <si>
    <t>COPISTERIA SAKIMY</t>
  </si>
  <si>
    <t>CR 4 B # 12 A 23 / MZ 3 CA 27 BRR URBANIZACION LA ESPERANZA ETAPA UNO</t>
  </si>
  <si>
    <t>DROGUERIA INTERNACIONAL</t>
  </si>
  <si>
    <t>CL 6 # 5 - 73 BRR CENTRO</t>
  </si>
  <si>
    <t>SALA DE COMUNICACIONES CAROLINA PICO</t>
  </si>
  <si>
    <t>CR 7 # 6 09 / LC 2 BRR CENTRO</t>
  </si>
  <si>
    <t>VIRTUAL PAPEL</t>
  </si>
  <si>
    <t>CR 19 # 39 36 BRR CENTRO</t>
  </si>
  <si>
    <t>SOCORRO TROPICAL</t>
  </si>
  <si>
    <t>CR 14 N # 11 62 BRR CENTRO</t>
  </si>
  <si>
    <t>CENTRO DEL PC</t>
  </si>
  <si>
    <t>CR 10 # 9 84 BRR CENTRO</t>
  </si>
  <si>
    <t>CARMEN DE APICALÁ</t>
  </si>
  <si>
    <t>VARIEDADES GOLDI</t>
  </si>
  <si>
    <t>CLL 5 6-60 CENTRO</t>
  </si>
  <si>
    <t>CL 1 A # 6 60 BRR RINCON DEL CARGUA</t>
  </si>
  <si>
    <t>CENTRO DE PAGOS Y RECAUDOS JUANCHO</t>
  </si>
  <si>
    <t>CRA 3 13 18 LC 2</t>
  </si>
  <si>
    <t>INTERNET EL MODELO.COM</t>
  </si>
  <si>
    <t>CR 8 # 3 82 - NORTE BRR MODELO</t>
  </si>
  <si>
    <t>PAPELERIA Y SERVICIOS CENTRAL</t>
  </si>
  <si>
    <t>CL 14 # 10 63 BRR CENTRO</t>
  </si>
  <si>
    <t>LENGUAZAQUE</t>
  </si>
  <si>
    <t>MISCELANEA LAS PIEDRAS</t>
  </si>
  <si>
    <t>VDA ESPINAL ALIZAL BRR SECTOR LAS PIEDRAS</t>
  </si>
  <si>
    <t>PAPELERIA LA CASA DE PECAS</t>
  </si>
  <si>
    <t>CR 13 # 4 11 BRR UNIVERSITARIO</t>
  </si>
  <si>
    <t>SURTIPLAST E  E</t>
  </si>
  <si>
    <t>CL 10 14 16</t>
  </si>
  <si>
    <t>TIENDA MANUEL Y LAURA</t>
  </si>
  <si>
    <t>MZ D CA 1 BRR ALTAMIRA</t>
  </si>
  <si>
    <t>JULIANS COMUNICACIONES</t>
  </si>
  <si>
    <t>CL 2 # 6 13 BRR CENTRO</t>
  </si>
  <si>
    <t>MISCELANEA YACON</t>
  </si>
  <si>
    <t>CL 7 D # 13 C 02 BRR VERSALLES</t>
  </si>
  <si>
    <t>TIENDA</t>
  </si>
  <si>
    <t>CL 20 # 25 10 BRR AUT BRR LOS ALPES</t>
  </si>
  <si>
    <t>PAPELERIA Y VARIEDADES GUSTAVO JIMENEZ</t>
  </si>
  <si>
    <t>CL. 57 #11C-203 SOGAMOSO BOYACï¿ COLOMBIA</t>
  </si>
  <si>
    <t>EMANET</t>
  </si>
  <si>
    <t>CL 4 A # 21 A - 0 BRR ALCAZARES</t>
  </si>
  <si>
    <t>CENTRO DE TECNOLOGIA SUPIA</t>
  </si>
  <si>
    <t>CL 31 # 6 - 35 BRR LOS LIBERTADORES</t>
  </si>
  <si>
    <t>FARMALITE DROGUERIA Y MINIMARKET</t>
  </si>
  <si>
    <t>AC 26 44A 29 CA</t>
  </si>
  <si>
    <t>JAMUNDÍ</t>
  </si>
  <si>
    <t>ICELL JAMUNDI</t>
  </si>
  <si>
    <t>CL 2 # 22 175 BRR ALFAGUARA JAMUNDI</t>
  </si>
  <si>
    <t>PANDABLUE</t>
  </si>
  <si>
    <t>MZ G LT 5 BRR MIRADOR DE PLAN PAREJO</t>
  </si>
  <si>
    <t>TU LAVANDERIA EXPRESS  GM</t>
  </si>
  <si>
    <t>CL 15 MZ B-38 BRR EL CAMPESTRE SECTOR VILLA L</t>
  </si>
  <si>
    <t>BARCA.NET</t>
  </si>
  <si>
    <t>CL. 10 #36-93 DUITAMA BOYACA COLOMBIA</t>
  </si>
  <si>
    <t>CAFE INTERNET SYSTEM AC</t>
  </si>
  <si>
    <t>CR 3 # 3 36 BRR UNICENTRO</t>
  </si>
  <si>
    <t>TENZA</t>
  </si>
  <si>
    <t>LIDA KATERINE RODRIGUEZ LOPEZ</t>
  </si>
  <si>
    <t>VDA VALLE GTRANDE ABAJO KM 3 VIA TENZA-GUATEQUE BRR VEREDA GRANDE ABAJO</t>
  </si>
  <si>
    <t>INTERNET Y VARIEDADES ALEJANDRA</t>
  </si>
  <si>
    <t>CR 11 # 10 17 BRR CENTRO</t>
  </si>
  <si>
    <t>COSITAS VARIAS 1A</t>
  </si>
  <si>
    <t>CL 5 # 4 37 BRR ESMERALDA MARIPI</t>
  </si>
  <si>
    <t>PAPELERIA WARNER BROS JC</t>
  </si>
  <si>
    <t>AV 17 # 24 50 BRR AGUAS CALIENTES</t>
  </si>
  <si>
    <t>LA DESPENSA</t>
  </si>
  <si>
    <t>CL 2 # 4 52 BRR SAN AGUSTIN</t>
  </si>
  <si>
    <t>SU DROGUERIA</t>
  </si>
  <si>
    <t>CL 7 # 14 37 BRR CENTRO</t>
  </si>
  <si>
    <t>TIENDA ELVIMAR Y MISCELANEA</t>
  </si>
  <si>
    <t>CL 8 A # 4 95 / CA 15 MZ G BRR PORTAL SANTA MARIA</t>
  </si>
  <si>
    <t>VARIEDADES Y PAGOS BONANZA</t>
  </si>
  <si>
    <t>CC BONANZA LC 6 ET 1 BRR BONANZA</t>
  </si>
  <si>
    <t>PAPELERIA JAVERIANA</t>
  </si>
  <si>
    <t>CRA 17 14 53</t>
  </si>
  <si>
    <t>PAPELERIA SANTA CECILIA</t>
  </si>
  <si>
    <t>CRA. 10 A #11 DUITAMA BOYACA COLOMBIA</t>
  </si>
  <si>
    <t>OFFICE DISTRIBUCIONES.NET</t>
  </si>
  <si>
    <t>CL 49 # 1 31 / LC 6 BRR LAS QUINTAS</t>
  </si>
  <si>
    <t>FERRETECHOS Y ACABADOS</t>
  </si>
  <si>
    <t>CL. 4 #2-126 SAMACA BOYACA COLOMBIA</t>
  </si>
  <si>
    <t>TU RED A LA MANO</t>
  </si>
  <si>
    <t>CL 12 3 - 87</t>
  </si>
  <si>
    <t>PAPELERIA Y MISCELANEA DE TODITO PUNTO 35</t>
  </si>
  <si>
    <t>CL 35 # 10 C 58 BRR LA PRADERA</t>
  </si>
  <si>
    <t>PAPELERIA Y VARIEDADES LATORRE</t>
  </si>
  <si>
    <t>CR 4 # 45 27 BRR LAS FERIAS</t>
  </si>
  <si>
    <t>JIMENEZ COMUNICACIONES</t>
  </si>
  <si>
    <t>MZ 7 CA 14 BRR UNIVERSAL</t>
  </si>
  <si>
    <t>COMUNICATE</t>
  </si>
  <si>
    <t>CR 6 # 5 55 / LC BRR CENTRO</t>
  </si>
  <si>
    <t>RAMIRIQUÍ</t>
  </si>
  <si>
    <t>MULTIFARMA DANY</t>
  </si>
  <si>
    <t>CR 6 # 7 - 67 BRR CENTRO</t>
  </si>
  <si>
    <t>PUNTO DE PAGO TOCANCIPA</t>
  </si>
  <si>
    <t>CL 11 # 4 51 BRR CENTRO</t>
  </si>
  <si>
    <t>PAPELERIA ARCOIRIS</t>
  </si>
  <si>
    <t>CR 6 # 7 28 BRR CENTRO</t>
  </si>
  <si>
    <t>DROGUERIA MEGAFARMA NURY</t>
  </si>
  <si>
    <t>CRA 11 # 18 - 113</t>
  </si>
  <si>
    <t>COMPUMARKET SV</t>
  </si>
  <si>
    <t>CL 59 # 8 A 01 BRR SANTA RITA</t>
  </si>
  <si>
    <t>PAYA</t>
  </si>
  <si>
    <t>VARIEDADES JUAN ANDREY</t>
  </si>
  <si>
    <t>CRA 3 4 04</t>
  </si>
  <si>
    <t>EL 07</t>
  </si>
  <si>
    <t>CL 10 # 7 25 BRR CENTRO</t>
  </si>
  <si>
    <t>SEGUROS CM</t>
  </si>
  <si>
    <t>CR 29 # 32 - 19 BRR PORVENIR</t>
  </si>
  <si>
    <t>PUENTE NACIONAL</t>
  </si>
  <si>
    <t>VARIEDADES YANNIS</t>
  </si>
  <si>
    <t>CR 6 # 6 97 BRR FRENTE A COMULTRASAN</t>
  </si>
  <si>
    <t>NOROSÍ</t>
  </si>
  <si>
    <t>VARIEDADES LEMAS</t>
  </si>
  <si>
    <t>CL PRINCIPAL BARRIO CENTRO</t>
  </si>
  <si>
    <t>PAÑALERA TRAVESURAS LILI</t>
  </si>
  <si>
    <t>CL 4 # 6 39 BRR CENTRO</t>
  </si>
  <si>
    <t>ALMACEN MERKANTY</t>
  </si>
  <si>
    <t>CR 3 # 4 78 BRR SAN EDUARDO</t>
  </si>
  <si>
    <t>DROGUERIA FARMA MODERNA CARE</t>
  </si>
  <si>
    <t>AV 5 7 79</t>
  </si>
  <si>
    <t>FULL MAQUINAS</t>
  </si>
  <si>
    <t>CR 7 # 16 71 BRR CENTRO</t>
  </si>
  <si>
    <t>PAPELERIA TERRANOVA</t>
  </si>
  <si>
    <t>CL 51 # 22 A 13 BRR VERSALLES</t>
  </si>
  <si>
    <t>BABYLAND KIDS IN STYLE</t>
  </si>
  <si>
    <t>CL 45 # 5 B 11 BRR LAS FERIAS</t>
  </si>
  <si>
    <t>TIENDA  MINUTO DE DIOS</t>
  </si>
  <si>
    <t>CR 13 BIS # 5 21 / AP 201 BRR MINUTO DE DIOS</t>
  </si>
  <si>
    <t>MUNDO VIRTUAL ZONA ROSA</t>
  </si>
  <si>
    <t>CR 10 # 11 - 72 / LC BRR CENTRO</t>
  </si>
  <si>
    <t>TIGO UNE MIGUEL DE AGUINAGA</t>
  </si>
  <si>
    <t>CR 52 # 53 35 BRR MEDELLIN</t>
  </si>
  <si>
    <t>TIGO CENTRO BOGOTÃ</t>
  </si>
  <si>
    <t>CR 7 # 22 30 BRR CENTRO BOGOTA</t>
  </si>
  <si>
    <t>PALMIRA</t>
  </si>
  <si>
    <t>TIGO PALMIRA</t>
  </si>
  <si>
    <t>CR 29 # 49 42 BRR PALMIRA</t>
  </si>
  <si>
    <t>FLORISTERIAMILE</t>
  </si>
  <si>
    <t>CL 6 # 4 19 BRR CENTRO</t>
  </si>
  <si>
    <t xml:space="preserve">DROGUERIA EL LAGUITO SOGAMOSO 2 </t>
  </si>
  <si>
    <t>CL. 21 #11-59 SOGAMOSO BOYACA COLOMBIA</t>
  </si>
  <si>
    <t>DROGUERIA SANTA ANA DE TIBU</t>
  </si>
  <si>
    <t>CR 8 # 5 15 BRR LIBERTADORES</t>
  </si>
  <si>
    <t>PAULINA PLUS</t>
  </si>
  <si>
    <t>CL. 1 #52 CUCUTA NORTE DE SANTANDER COLOMBIA</t>
  </si>
  <si>
    <t>INTERNET ALAMEDA</t>
  </si>
  <si>
    <t>CR 1 A E # 17 A 10 - ESTE BRR ALAMEDA</t>
  </si>
  <si>
    <t>PAPELERIA Y VARIEDADES LAS GEMELAS</t>
  </si>
  <si>
    <t>CL 6 # 0 0 / CA CURAL BRR BARRIO</t>
  </si>
  <si>
    <t>PUNTO DE PAGO EL COLEGIO</t>
  </si>
  <si>
    <t>CL 10 # 6 37 BRR CENTRO</t>
  </si>
  <si>
    <t>CIBERSEBAS</t>
  </si>
  <si>
    <t>CR 6 # 36 12 / BL 2 LC 5 BRR SAN SIMON PARTE ALTA</t>
  </si>
  <si>
    <t>LA CASITA DEL CELULAR</t>
  </si>
  <si>
    <t>CL 25 # 20 37 BRR CENTRO</t>
  </si>
  <si>
    <t>PAPELERA EL MAESTRO JC</t>
  </si>
  <si>
    <t>CR 4 # 4 A 03 BRR VILLA BACHUE</t>
  </si>
  <si>
    <t>VARIEDADES CLARITA SAN FELIX</t>
  </si>
  <si>
    <t>CL 12 # 4 31 BRR PLAZA PRINCIPAL</t>
  </si>
  <si>
    <t>MULTISERVICIOS ZULI</t>
  </si>
  <si>
    <t>MZ 11 CA 22 CONJ JOSE MARIA CORDOBA BRR JOSE MARIA CORDOBA</t>
  </si>
  <si>
    <t>SESQUILÉ</t>
  </si>
  <si>
    <t>PAPELERIA E INTERNET LAS VIOLETAS</t>
  </si>
  <si>
    <t>CR 5 # 8 16 / P 2 BRR CENTRO</t>
  </si>
  <si>
    <t>INTERMAX.NET</t>
  </si>
  <si>
    <t>CRA. 12 #2-47 DUITAMA BOYAC COLOMBIA</t>
  </si>
  <si>
    <t>PAPELERIA INTERACTIVA</t>
  </si>
  <si>
    <t>CL 27 # 22 50 BRR CENTRO</t>
  </si>
  <si>
    <t>WEMS</t>
  </si>
  <si>
    <t>CL 6 A # 14 06 BRR LOMA DE BOLIVAR</t>
  </si>
  <si>
    <t>SEGUROS Y SERVICIOS LA ESMERALDA</t>
  </si>
  <si>
    <t>CR 17 # 4 20 LC 2 BRR LA ESMERALDA</t>
  </si>
  <si>
    <t>CIBER COPIAS</t>
  </si>
  <si>
    <t>CR 5 # 7 A 10 BRR CENTRO</t>
  </si>
  <si>
    <t>LA MERCED</t>
  </si>
  <si>
    <t>VARIEDADES VANNE</t>
  </si>
  <si>
    <t>CL 15 # 15 01 BRR CENTRO</t>
  </si>
  <si>
    <t>SUPERTIENDA LA 17</t>
  </si>
  <si>
    <t>CR 17 # 22 - 10 BRR MORICHAL</t>
  </si>
  <si>
    <t>COMUNICACIONES JRCB S.A.S (CENTRO MAYOR)</t>
  </si>
  <si>
    <t>CL 38 A # 34 D 50 - SUR BRR LOCAL 1102</t>
  </si>
  <si>
    <t>MULTISERVICIO SERVIFACIL</t>
  </si>
  <si>
    <t>CL 16 # 10 B 26 BRR ANCON</t>
  </si>
  <si>
    <t>TIENDA DE MAURO SAN AGUSTIN</t>
  </si>
  <si>
    <t>CL 13 # 16 65 BRR PRIMERO DE MAYO</t>
  </si>
  <si>
    <t>PAGOS MCC</t>
  </si>
  <si>
    <t>CRA 4 8-60 B/ SANTA ISAAC LUCIA</t>
  </si>
  <si>
    <t>TIENDA LAS CURIOSIDADES</t>
  </si>
  <si>
    <t>CL 10 # 4 27 BRR CENTRO INMUEBLE</t>
  </si>
  <si>
    <t>DETALLES MAFFRA</t>
  </si>
  <si>
    <t>K 14 N 15-45</t>
  </si>
  <si>
    <t>LAAM TECHNOLOGY</t>
  </si>
  <si>
    <t>C transformador</t>
  </si>
  <si>
    <t>TECNOMISCE</t>
  </si>
  <si>
    <t>CL 7 # 6 03 / CRR SAN DIEGO BRR CENTRO</t>
  </si>
  <si>
    <t>PSPELERIA Y FOTOCOPIAS ORION M:G</t>
  </si>
  <si>
    <t>CL 4 # 2 06 BRR SAN ANTONIO</t>
  </si>
  <si>
    <t>LOS TRES OROS</t>
  </si>
  <si>
    <t>CL 25 # 22 59 BRR CENTRO</t>
  </si>
  <si>
    <t>GUADALUPE</t>
  </si>
  <si>
    <t>MULTISERVICIOS.LED</t>
  </si>
  <si>
    <t>CR 4 # 3 82 BRR SAN MARTIN</t>
  </si>
  <si>
    <t>CAFE LA ROSCA</t>
  </si>
  <si>
    <t>AV PEDRO HEREDIA SECTOR 4 VIENTOS # 50 122 EDIF TORRE SION LOCAL1</t>
  </si>
  <si>
    <t>DROGUERIA COFAMILIAR</t>
  </si>
  <si>
    <t>CL 4 # 10 64 BRR DUITAMA</t>
  </si>
  <si>
    <t>DOTACIONES Y SUMINISTROS BLANCO</t>
  </si>
  <si>
    <t>CL. 20 #19A-50 SARAVENA ARAUCA COLOMBIA</t>
  </si>
  <si>
    <t>VARIEDADES OTY</t>
  </si>
  <si>
    <t>CL 65 SUR # 94 A - 48 / CA 20 BRR CIUDADELA EL RECREO</t>
  </si>
  <si>
    <t>COMOVIL FACA PORTICO</t>
  </si>
  <si>
    <t>CR 5 # 13 50 / CC EL PORTICO LC 12 Y 13 BRR OMNICENTRO</t>
  </si>
  <si>
    <t>COMUNICACIONES EL CENTENARIO</t>
  </si>
  <si>
    <t>CL 10 # 6 06 BRR BELEN</t>
  </si>
  <si>
    <t>MARC3T</t>
  </si>
  <si>
    <t>VDA PUERTO PINZON BRR PUERTO PINZON</t>
  </si>
  <si>
    <t>SODAN TELECOMUNICACIONES</t>
  </si>
  <si>
    <t>CR 8 # 6 05 BRR LA PLAZA</t>
  </si>
  <si>
    <t>DROGUERIA TUFARMA PLUS</t>
  </si>
  <si>
    <t>MULTISERVICIOS HAROLD A</t>
  </si>
  <si>
    <t>CL 2 4 37 BRR CENTRO</t>
  </si>
  <si>
    <t>TIENDA GUADALUPE</t>
  </si>
  <si>
    <t>CR 98 B SUR # 65 - 48 / IN 5 BRR BOSA RECREO</t>
  </si>
  <si>
    <t>CR 39 # 6 25 BRR MARIA EUGENIA</t>
  </si>
  <si>
    <t>EPAGO TUNJA</t>
  </si>
  <si>
    <t>CR 18 # 11 31 BRR TUNJA</t>
  </si>
  <si>
    <t>COMUNICACIONES JRCB S.A.S (CVS UNISUR)</t>
  </si>
  <si>
    <t>CR 3 A # 29 A 02 BRR LOCAL 1003</t>
  </si>
  <si>
    <t>OSROCA</t>
  </si>
  <si>
    <t>CR 3 # 91 46 BRR TULIO VARON</t>
  </si>
  <si>
    <t>JACKELINCOSMETICOS</t>
  </si>
  <si>
    <t>CL 12 # 26 95 / MZ 27 LT 1 BRR CLARET</t>
  </si>
  <si>
    <t>DROGERIA EL RENACER PLUS CUCUTA</t>
  </si>
  <si>
    <t>VARIEDADES GERIZIN</t>
  </si>
  <si>
    <t>MZ 34 CA 2 BRR SAMARIA</t>
  </si>
  <si>
    <t>CAICEDONIA</t>
  </si>
  <si>
    <t>ASESORIAS INTEGRALES PINILLAS</t>
  </si>
  <si>
    <t>CR 14 # 9 21 BRR EL CARMEN</t>
  </si>
  <si>
    <t>SERVIRAPIDOS BOYACA</t>
  </si>
  <si>
    <t>CL 5 A SUR # 7 - 74 BRR SAN FRANCISCO</t>
  </si>
  <si>
    <t>CR 14 # 11 20 BRR AGUACHICA</t>
  </si>
  <si>
    <t>MISCELANEA MUNDO RARO</t>
  </si>
  <si>
    <t>TV 3 # 5 92 BRR JOSE ANTONIO GALAN</t>
  </si>
  <si>
    <t>SAN JUAN NEPOMUCENO</t>
  </si>
  <si>
    <t>SOLUTIONS J@R</t>
  </si>
  <si>
    <t>CR 10 CL 8-63P 1 APTO 1</t>
  </si>
  <si>
    <t>CAFE  INTERNET</t>
  </si>
  <si>
    <t>MZ G CA 1 BRR FLORESTA SALADO</t>
  </si>
  <si>
    <t>DULCERIA PAPELERIA Y ALGO MAS</t>
  </si>
  <si>
    <t>CR 10 A # 8 A 67 BRR OLAYA HERRERA SOGAMOSO</t>
  </si>
  <si>
    <t>CONVENCIÓN</t>
  </si>
  <si>
    <t>PAPELERIA CUADROS</t>
  </si>
  <si>
    <t>CL. 5 #3 CONVENCION NORTE DE SANTANDER COLOMBIA</t>
  </si>
  <si>
    <t>SERVI EXPRESS CH</t>
  </si>
  <si>
    <t>KDX 104 BRR CENTRO</t>
  </si>
  <si>
    <t>INNOVADORES EN VENTAS Y SERVICIOS</t>
  </si>
  <si>
    <t>CL 15 # 17 - 39 BRR CENTRO</t>
  </si>
  <si>
    <t>SPORT Y ACIERTOS</t>
  </si>
  <si>
    <t>CL 188 # 15 B 11 BRR BOGOTA</t>
  </si>
  <si>
    <t>MARCO FIDEL PICON ACOSTA</t>
  </si>
  <si>
    <t>CL 1 B # 4 49 BRR PASEO DEL MANGO</t>
  </si>
  <si>
    <t>PAPELERIA Y DETALLES SALOME</t>
  </si>
  <si>
    <t>CL 7 # 9 11 BRR CURITI</t>
  </si>
  <si>
    <t>GRUPO SERVICIOS CONTAFER TK</t>
  </si>
  <si>
    <t>CR 8 A # 15 A 12 BRR EL CONSUELO</t>
  </si>
  <si>
    <t>MOTOMANIA</t>
  </si>
  <si>
    <t>CR 9 # 8 63 BRR BOYACA BAJO</t>
  </si>
  <si>
    <t>NAVEGUEMOS.COM</t>
  </si>
  <si>
    <t>CL. 30 #10-30 CHIQUINQUIR BOYAC COLOMBIA</t>
  </si>
  <si>
    <t>SUPERMERCADO MERKAOSCAR</t>
  </si>
  <si>
    <t>CL 3 # 5 01 BRR MOTILONES</t>
  </si>
  <si>
    <t xml:space="preserve">FANTASIA STORE </t>
  </si>
  <si>
    <t>CRA 13 20-11</t>
  </si>
  <si>
    <t>DCHRISTIAN</t>
  </si>
  <si>
    <t>CL 13 # 4 19 BRR CENTRO</t>
  </si>
  <si>
    <t>SUBLIARTE</t>
  </si>
  <si>
    <t>CL 7 # 7 01 BRR CENTRO</t>
  </si>
  <si>
    <t>DIVERFIESTA</t>
  </si>
  <si>
    <t>CR 5 # 10 21 BRR SAN JUAN DE DIOS</t>
  </si>
  <si>
    <t>DON GEOR</t>
  </si>
  <si>
    <t>CR 48 # 29 26 BRR LA POPA</t>
  </si>
  <si>
    <t>MOTIS</t>
  </si>
  <si>
    <t>MZ A CA 7 BRR VILLA CINDY</t>
  </si>
  <si>
    <t>MISCELANE TU SOLUCION</t>
  </si>
  <si>
    <t>CRA. 6A #46-65 IBAGU TOLIMA COLOMBIA</t>
  </si>
  <si>
    <t>ORTEGA EN LINEA</t>
  </si>
  <si>
    <t>CLL 5.N.4 - 30 CENTRO</t>
  </si>
  <si>
    <t>SU DROGUERIA BELENCITO 3</t>
  </si>
  <si>
    <t>CRA. 23 #1-89 SOGAMOSO BOYACA COLOMBIA</t>
  </si>
  <si>
    <t>CC TELECOMUNICACIONES</t>
  </si>
  <si>
    <t>CR 4 # 6 A 45 / CRR ARAUCA BRR CENTRO</t>
  </si>
  <si>
    <t>SUPERTIENDA CHICHIMENE</t>
  </si>
  <si>
    <t>CA 9 BRR SAN ISIDRO DE CHICHIMENE</t>
  </si>
  <si>
    <t>GRANADA</t>
  </si>
  <si>
    <t>PUNTO DE PAGO GRANADA</t>
  </si>
  <si>
    <t>CR 14 # 13 95 / LC 102 BRR CENTRO</t>
  </si>
  <si>
    <t>DISEÑOS DMORI</t>
  </si>
  <si>
    <t>CL 6 # 8 62 BRR SAN ROQUE LC UNO</t>
  </si>
  <si>
    <t>YINA DIAZ</t>
  </si>
  <si>
    <t>CR 8 # 10 82 BRR TRIANA</t>
  </si>
  <si>
    <t>DISTRIBELLEZA LIZ</t>
  </si>
  <si>
    <t>TV 5 # 66 A 12 BRR LOS MUISCAS</t>
  </si>
  <si>
    <t>DROGUERIA CENTRAL</t>
  </si>
  <si>
    <t>CL. 20 #12-36 TUNJA BOYACA COLOMBIA</t>
  </si>
  <si>
    <t>CAFETERIA DONDE JUANCHO</t>
  </si>
  <si>
    <t>TV 7 # 10 20 BRR CENTRO</t>
  </si>
  <si>
    <t>VARIEDADES OSCAR</t>
  </si>
  <si>
    <t>CL 6 # 1 54 BRR MOTILONES</t>
  </si>
  <si>
    <t>VARIEDADES EL ROSAL DEL NORTE</t>
  </si>
  <si>
    <t>CL. 4 #9-81 CUCUTA NORTE DE SANTANDER COLOMBIA</t>
  </si>
  <si>
    <t>PAPELERIA LA COLMENA</t>
  </si>
  <si>
    <t>CR 12 # 6 02 BRR CENTRO</t>
  </si>
  <si>
    <t>VERIEDADES HELLEN</t>
  </si>
  <si>
    <t>CR 26 # 77 - 658 / VIA ALCALA BRR SAN JOAQUIN</t>
  </si>
  <si>
    <t>FERRETERIA GRANMASTER</t>
  </si>
  <si>
    <t>LT 15 MZ B BRR URBANIZACION VERACRUZ</t>
  </si>
  <si>
    <t>VARIEDAD GRANITO DE MOSTAZA</t>
  </si>
  <si>
    <t>CALLE 12 #3217 CARTAGENA TURBACO BOLVAR COLOMBIA</t>
  </si>
  <si>
    <t>VARIEDADES MA&amp;FA</t>
  </si>
  <si>
    <t>CRA. 9 #13-42 ESPINAL EL ESPINAL TOLIMA COLOMBIA</t>
  </si>
  <si>
    <t>CL 12 # 12 116 BRR ICACAL</t>
  </si>
  <si>
    <t>GIROS Y RECAUDOS FATIMA</t>
  </si>
  <si>
    <t>VESTIBLANCO</t>
  </si>
  <si>
    <t>CL 48 N # 25 52 BRR LLERAS</t>
  </si>
  <si>
    <t>QUALIND SAS</t>
  </si>
  <si>
    <t>CL 46 # 22 - 18 BRR CENTRO</t>
  </si>
  <si>
    <t>MISCELANEA MURIEL</t>
  </si>
  <si>
    <t>CL 5 # 10 - 75 BRR PISO2 CENTRO</t>
  </si>
  <si>
    <t>GUADALAJARA DE BUGA</t>
  </si>
  <si>
    <t>TIGO BUGA</t>
  </si>
  <si>
    <t>CR 12 # 52 05 BRR GUADALAJARA DE BUGA VALLE DEL CAUCA</t>
  </si>
  <si>
    <t>ENVIGADO</t>
  </si>
  <si>
    <t>TIGO ENVIGADO</t>
  </si>
  <si>
    <t>CR 42 # 38 69 BRR ENVIGADO</t>
  </si>
  <si>
    <t>FUNDACIÓN</t>
  </si>
  <si>
    <t>DROGUERIA FARMAPUNTO</t>
  </si>
  <si>
    <t>CR 8 # 16 9 BRR SAN BERNARDO</t>
  </si>
  <si>
    <t>VARIEDADES ZARITH</t>
  </si>
  <si>
    <t>CR 7 # 8 04 BRR OBELIO JIMENEZ</t>
  </si>
  <si>
    <t>ESTACIÃ“N DE SERVICIO LA PALOBLANCA</t>
  </si>
  <si>
    <t>KM 5 VIA SAN GIL / BMANGA BRR PALOBLANCA</t>
  </si>
  <si>
    <t>FARMACIAS MEDICENTER</t>
  </si>
  <si>
    <t>VIA BOGOTA #4994 IBAGUE TOLIMA COLOMBIA</t>
  </si>
  <si>
    <t>BELÉN</t>
  </si>
  <si>
    <t>SOLUCIONES CONTABLES RL</t>
  </si>
  <si>
    <t>CL 6 # 5 45 BRR CENTRO</t>
  </si>
  <si>
    <t>DROGAS PARIS LLANITOS</t>
  </si>
  <si>
    <t>CRADX 131 - 1 A BARRIO LLANITOS</t>
  </si>
  <si>
    <t>CARNES DE LA VILLA</t>
  </si>
  <si>
    <t>MZ 4 CA 3 BRR LA FACHADA</t>
  </si>
  <si>
    <t>MUNDO MAGICO</t>
  </si>
  <si>
    <t>CR 10 # 11 12 BRR LAS FERIAS</t>
  </si>
  <si>
    <t>VARIEDADES Y PAPELERA ELOHIM</t>
  </si>
  <si>
    <t>CL. 2 #4-75 CCUTA NORTE DE SANTANDER COLOMBIA</t>
  </si>
  <si>
    <t>MUNDO TECNO GYH</t>
  </si>
  <si>
    <t>MZ 43 CA 4 BRR CUIDADELA SIMON BOLIVAR</t>
  </si>
  <si>
    <t>REDWHITE</t>
  </si>
  <si>
    <t>CL 7 # 5 92 BRR LOS ALPES</t>
  </si>
  <si>
    <t>VARIEDADES SANTI SOFI</t>
  </si>
  <si>
    <t>CR 38 # 44 - 21 BRR 12 DE OCTUBRE</t>
  </si>
  <si>
    <t>GLADAJUM.COM</t>
  </si>
  <si>
    <t>CALLE 10 9 6 7</t>
  </si>
  <si>
    <t>MERCAFEFAN FYB</t>
  </si>
  <si>
    <t>CL. 14 #20-32 ACACIAS META COLOMBIA</t>
  </si>
  <si>
    <t>SERVICIOS FERRETEROS SPG</t>
  </si>
  <si>
    <t>CR 14 C # 17 A 36 BRR NUEVA CASTILLA</t>
  </si>
  <si>
    <t>PACHO</t>
  </si>
  <si>
    <t>PACHO PAPER</t>
  </si>
  <si>
    <t>CL 10 NO 21 43</t>
  </si>
  <si>
    <t>ANIFER PRODUCTOS PARA EL ASEO</t>
  </si>
  <si>
    <t>CL 30 SUR 11D 0004</t>
  </si>
  <si>
    <t>LA CASCADA H.B.L</t>
  </si>
  <si>
    <t>VDA VERGANZO SEC SAN JAVIER BRR SAN JAVIER</t>
  </si>
  <si>
    <t>SERVIEXPRESS MADRID</t>
  </si>
  <si>
    <t>CL 21 # 2 D 97 BRR SAN PEDRO</t>
  </si>
  <si>
    <t>PAPIRO DORADO</t>
  </si>
  <si>
    <t>DG 5 A # 73 B 68 BRR MANDALAY KENNEDY</t>
  </si>
  <si>
    <t>PAPELERIA CASA DE PAPEL</t>
  </si>
  <si>
    <t>CR 42 # 72 - 17 SUR BRR ARBORIZADORA ALTA</t>
  </si>
  <si>
    <t>GIROS Y FINANZAS CF SA</t>
  </si>
  <si>
    <t>CL. 28 NO. 13-22 L-28 C.C. PALMA REAL</t>
  </si>
  <si>
    <t>FUENTEDEORO</t>
  </si>
  <si>
    <t>MULTISERVICIOS CONTABLES MR</t>
  </si>
  <si>
    <t>CL 13 # 12 57 BRR CENTRO</t>
  </si>
  <si>
    <t>TIENDA EVELIN CHARLOTTE</t>
  </si>
  <si>
    <t>CL 29 # 25 105 BRR PORVENIR</t>
  </si>
  <si>
    <t>ALMACEN Y PAALERA MAYLU</t>
  </si>
  <si>
    <t>DG 2 # 9 13 BRR PARQUE DE PIEDRA</t>
  </si>
  <si>
    <t>PAPER  COM</t>
  </si>
  <si>
    <t>CL 70 # 7 U 04 BRR LOPEZ</t>
  </si>
  <si>
    <t>COMUNICACIONES</t>
  </si>
  <si>
    <t>CR 91 # 42 A 40 - SUR BRR DINDALITO</t>
  </si>
  <si>
    <t>IMPRESIONES VAKE</t>
  </si>
  <si>
    <t>CR 60 # 5 B 35 BRR GALAN</t>
  </si>
  <si>
    <t>MAGIC SURPRISE</t>
  </si>
  <si>
    <t>CL 9 SUR # 2 - 90 ESTE BRR VITELMA</t>
  </si>
  <si>
    <t>PAPELERIA COMPUVICO</t>
  </si>
  <si>
    <t>CALLE 56 SUR NO. 3H-15</t>
  </si>
  <si>
    <t>VARIEDADES JIREH MADRID</t>
  </si>
  <si>
    <t>CR 11 # 9 A - 37 BRR BARRIO GABRIEL ECHAVARRIA</t>
  </si>
  <si>
    <t>CRA. 48 32B SUR 139 L-233</t>
  </si>
  <si>
    <t>BARRANCA DE UPÍA</t>
  </si>
  <si>
    <t>CL 7 # 3 78 / LC 2 BRR LIBERTAD I</t>
  </si>
  <si>
    <t>LA GRAN SABANA</t>
  </si>
  <si>
    <t>CL 6 # 11 A 03 BRR SABANA</t>
  </si>
  <si>
    <t>MEDINA</t>
  </si>
  <si>
    <t>CACHARRERIA LA ECONOMIA</t>
  </si>
  <si>
    <t>CRA. 7 #12-21 MEDINA CUNDINAMARCA COLOMBIA</t>
  </si>
  <si>
    <t>MINIMARKET MATEO</t>
  </si>
  <si>
    <t>CL 72 A # 7 A BIS 28 BRR ALFONSO LOPEZ</t>
  </si>
  <si>
    <t>GANA BIEN</t>
  </si>
  <si>
    <t>AV 1 # 0 - 1 / MZ F CA 10 BRR SANTA ISABEL</t>
  </si>
  <si>
    <t>MULTI SERVICIOS.COM</t>
  </si>
  <si>
    <t>CR 25 # 3 67 / BL MULTI SERVICIOS BRR VILLAS DEL MUNDIAL</t>
  </si>
  <si>
    <t>IANCARLOCC</t>
  </si>
  <si>
    <t>CL 15 # 4 58 BRR PATRIOTAS</t>
  </si>
  <si>
    <t>PAICOL</t>
  </si>
  <si>
    <t>QUE NOTA PAPELERIA Y MISCELANEA</t>
  </si>
  <si>
    <t>CL. 6 #588 PAICOL HUILA COLOMBIA</t>
  </si>
  <si>
    <t>CAMPOALEGRE</t>
  </si>
  <si>
    <t>DROGUERIA LA ESTRELLA ROJA</t>
  </si>
  <si>
    <t>CRA 5 NO 17 42</t>
  </si>
  <si>
    <t>COGLOBAL</t>
  </si>
  <si>
    <t>CL 3 # 2 53 / LC 21 BRR CENTRO</t>
  </si>
  <si>
    <t>EL RINCON DE TEBAN</t>
  </si>
  <si>
    <t>KR 12 18A 0015</t>
  </si>
  <si>
    <t>BIOLIMPIEZA SOLUTION</t>
  </si>
  <si>
    <t>CR 16 H # 17 06 - SUR / BL 2 FACHADA BRR VILLA ITALIA</t>
  </si>
  <si>
    <t>EL MUNDO DE EMI PAPELERIA</t>
  </si>
  <si>
    <t>CR 102 # 69 34 / IN 204 BRR ALAMOS NORTE</t>
  </si>
  <si>
    <t>Caquetá</t>
  </si>
  <si>
    <t>PUERTO RICO</t>
  </si>
  <si>
    <t>MULTISERVICIOS LA AGUILILLA</t>
  </si>
  <si>
    <t>CL 1 # 1 - 1 BRR LA AGUILILLA</t>
  </si>
  <si>
    <t>DYS DISENOS Y SISTEMAS</t>
  </si>
  <si>
    <t>CR 14 A # 13 - 06 BRR URAZANDY</t>
  </si>
  <si>
    <t>WILLSON VILLAMIZAR</t>
  </si>
  <si>
    <t>CL 9 # 18 25 BRR CENTRO</t>
  </si>
  <si>
    <t>COFFEE L@N</t>
  </si>
  <si>
    <t>CR 1 # 53 20 BRR CANDIDO</t>
  </si>
  <si>
    <t>MISCELANEA UTIL BONITO Y BARATO</t>
  </si>
  <si>
    <t>CL 7 D NO 32 - 40 -</t>
  </si>
  <si>
    <t>PAPELERIA CUANTICA</t>
  </si>
  <si>
    <t>CR 3 # 18 39 BRR CENTRO</t>
  </si>
  <si>
    <t>FARMEDIC</t>
  </si>
  <si>
    <t>CL 10 # 12 07 BRR SANTA ANA</t>
  </si>
  <si>
    <t>INTERNET Y PAPELERIA YIREH</t>
  </si>
  <si>
    <t>CRA. 9 ESTE #36 SOACHA CUNDINAMARCA COLOMBIA</t>
  </si>
  <si>
    <t>MULTICERVICIO ARENAS</t>
  </si>
  <si>
    <t>CR 7 # 13 - 115 BRR CENTRO COMERCILA MIO</t>
  </si>
  <si>
    <t>PAPELERIA Y MISCELANEA ANA MARIA</t>
  </si>
  <si>
    <t>CL 100 SUR # 1 A - 17 BRR LAS BRISAS</t>
  </si>
  <si>
    <t>COMUNICACIONES ALFA EXPRESS</t>
  </si>
  <si>
    <t>CR 7 A ESTE # 89 C - 15 SUR BRR ALFONSO LOPEZ</t>
  </si>
  <si>
    <t>LINKSYS SOLUCIONES INTEGRALES</t>
  </si>
  <si>
    <t>CR 4 # 14 A - 23 BRR SUCRE</t>
  </si>
  <si>
    <t>ESTACION PAPELERIA JGA</t>
  </si>
  <si>
    <t>CL 9 # 24 33 BRR UDI</t>
  </si>
  <si>
    <t>MONTERREY</t>
  </si>
  <si>
    <t>EMMA TIENDA</t>
  </si>
  <si>
    <t>CL 18 # 9 10 BRR ALCARAVANES</t>
  </si>
  <si>
    <t>Putumayo</t>
  </si>
  <si>
    <t>SAN MIGUEL</t>
  </si>
  <si>
    <t>SISTELECT JEY</t>
  </si>
  <si>
    <t>CR 5 # 6 17 BRR CENTRAL</t>
  </si>
  <si>
    <t>TECNOMOVILFUSA</t>
  </si>
  <si>
    <t>CR 6 # 22 19 BRR BONANZA</t>
  </si>
  <si>
    <t>SOLUCIONES GAITANA</t>
  </si>
  <si>
    <t>TV 126 # 133 - 22 BRR SUBA LA GAITANA</t>
  </si>
  <si>
    <t>CRA. 66 NO. 34A76 L-336 PISO 2</t>
  </si>
  <si>
    <t>COMUNICACIONES CENTRO</t>
  </si>
  <si>
    <t>CL 7 # 8 A 62 BRR CENTRO</t>
  </si>
  <si>
    <t>CR 3 N BLOQUE 26 APTO 101 COLCEGUROS NORTE</t>
  </si>
  <si>
    <t>MULTISERVIRED</t>
  </si>
  <si>
    <t>CL 29 B # 6 A 47 BRR LA CUMBRE</t>
  </si>
  <si>
    <t>GUASCA</t>
  </si>
  <si>
    <t>ENLAZADOSPUNTONET</t>
  </si>
  <si>
    <t>CR 2 # 4 56 BRR CENTRO</t>
  </si>
  <si>
    <t>MISCELANEA  JM</t>
  </si>
  <si>
    <t>CL 4 # 02 37 BRR CENTRO</t>
  </si>
  <si>
    <t>TIENDA DE MODAS GYG</t>
  </si>
  <si>
    <t>CRA. 5 #13-50 FACATATIVA CUNDINAMARCA COLOMBIA</t>
  </si>
  <si>
    <t>MISCELANEA ARTE Y DISEÑO</t>
  </si>
  <si>
    <t>CL 26 SUR # 12 C 07 BRR COMPARTIR</t>
  </si>
  <si>
    <t>DROGUERIA DROGAS LA NACIONAL</t>
  </si>
  <si>
    <t>CL 2 # 55 33 BRR CAMELIAS GALAN</t>
  </si>
  <si>
    <t>DROGUERIA ECONODROGAS</t>
  </si>
  <si>
    <t>CL. 5B #27-19 VILLAVICENCIO META COLOMBIA</t>
  </si>
  <si>
    <t>PUNTO DE SERVICIOS HEROGA</t>
  </si>
  <si>
    <t>CL 2 # 20 21 BRR VENTILADOR</t>
  </si>
  <si>
    <t>PAPERCENTER</t>
  </si>
  <si>
    <t>CL 4 # 7 14 BRR ACACIAS</t>
  </si>
  <si>
    <t>LATEST</t>
  </si>
  <si>
    <t>CL 4 # 2 51 BRR CENTRO</t>
  </si>
  <si>
    <t>NEMOCÓN</t>
  </si>
  <si>
    <t>MISELANEA DIAGONAL 2</t>
  </si>
  <si>
    <t>CL 2 # 5 74 BRR CENTRO</t>
  </si>
  <si>
    <t>MULTISERVICIOS LANC</t>
  </si>
  <si>
    <t>CR 36 A # 12 71 / LC 36 CC JARDIN BRR CIUDAD VERDE</t>
  </si>
  <si>
    <t>SIMIJACA</t>
  </si>
  <si>
    <t>VARIEDADES DANY</t>
  </si>
  <si>
    <t>CL 10 # 6 44 BRR CENTRO</t>
  </si>
  <si>
    <t>CANDELARIA</t>
  </si>
  <si>
    <t>JAVALO PAGOS</t>
  </si>
  <si>
    <t>CL 9 A # 2 40 BRR CENTRO</t>
  </si>
  <si>
    <t>MAOSERVI2</t>
  </si>
  <si>
    <t>CR 7 ESTE # 32 C 21 BRR SAN MATEO</t>
  </si>
  <si>
    <t>INTERNET Y VARIEDADES LG 2021</t>
  </si>
  <si>
    <t>LT 23 BRR MH NELSON MANDELA</t>
  </si>
  <si>
    <t>CALLE 98 #16-200 ZONA NORTE LOCAL 8</t>
  </si>
  <si>
    <t>VALLEDUPAR</t>
  </si>
  <si>
    <t>CIBER EBENEZER DEL VALLE</t>
  </si>
  <si>
    <t>CR 39 # 6 20 BRR LA NEVADA</t>
  </si>
  <si>
    <t>DROGUERIA SANTA LAURA</t>
  </si>
  <si>
    <t>CL 75 SUR # 42 87 / LC 3 BRR PORFIA</t>
  </si>
  <si>
    <t>PUERTO GAITÁN</t>
  </si>
  <si>
    <t>ROPA</t>
  </si>
  <si>
    <t>CL 9 # 12 24 BRR CENTRO</t>
  </si>
  <si>
    <t>DROGUERIA SERVIFARMA J.A</t>
  </si>
  <si>
    <t>CRA. 6 #1720 GRANADA META COLOMBIA</t>
  </si>
  <si>
    <t>EL CALVARIO</t>
  </si>
  <si>
    <t>VARIEDADES EL OLIMPO</t>
  </si>
  <si>
    <t>CL 4 # 4 23 BRR CENTRO SAN FRANCISCO</t>
  </si>
  <si>
    <t>PUNTO DIGITAL</t>
  </si>
  <si>
    <t>CR 25 # 19 21 - SUR BRR TIMANCO SEGUNDA ETAPA</t>
  </si>
  <si>
    <t>PANDI</t>
  </si>
  <si>
    <t>CAFETERÃA DONDE ALBA</t>
  </si>
  <si>
    <t>AV 3 # 4 18 BRR CENTRO</t>
  </si>
  <si>
    <t>CRA. 25 NO. 121 - 42 INTERIOR COMFANDI</t>
  </si>
  <si>
    <t>CRA. 21B 63B-50 INT. OLIMPICA 21</t>
  </si>
  <si>
    <t>MERCARECARGAS</t>
  </si>
  <si>
    <t>CR 23 # 26 - 07 BRR LA FLORESTA</t>
  </si>
  <si>
    <t>LOOP INTERNET</t>
  </si>
  <si>
    <t>CL 3 # 5 23 BRR CENTRO</t>
  </si>
  <si>
    <t>PELAYA</t>
  </si>
  <si>
    <t>PANADERIA Y REPOSTERIA DELICIAS DE SANTANDER</t>
  </si>
  <si>
    <t>CRA 8 8 88</t>
  </si>
  <si>
    <t>PAPELERIA@JF</t>
  </si>
  <si>
    <t>CL 11 SUR # 12 G 05 BRR DUCALES</t>
  </si>
  <si>
    <t>BATALLON</t>
  </si>
  <si>
    <t>CL 54 A SUR # 9 A 03 BRR BATALLON ARTILLERIA</t>
  </si>
  <si>
    <t>VIDRIOS Y ALUMINIOS BAQUERO</t>
  </si>
  <si>
    <t>CRA 111B #138 - 41</t>
  </si>
  <si>
    <t>NACIÃ“N RO AMERICANO</t>
  </si>
  <si>
    <t>AK 33 # 47 B 24 - SUR BRR SAMORE</t>
  </si>
  <si>
    <t>LUZ MARY PLANES MOVILES HOGAR Y PYMES</t>
  </si>
  <si>
    <t>CR 10 # 57 05 BRR SANTA RITA</t>
  </si>
  <si>
    <t>TIENA Y VARIEDADES LF</t>
  </si>
  <si>
    <t>CL 6 CR 6-77</t>
  </si>
  <si>
    <t>INSUMOS Y ARTES MUNDO GRAFICO</t>
  </si>
  <si>
    <t>CR 18 D # 20 78 BRR 1 DE MAYO</t>
  </si>
  <si>
    <t>COMPUTEXT</t>
  </si>
  <si>
    <t>CR 9 # 11 53 BRR FUNDADORES</t>
  </si>
  <si>
    <t>MISCELNEA LA MADRID</t>
  </si>
  <si>
    <t>CRA. 23 #31-117, VILLAVICENCIO, META, COLOMBIA</t>
  </si>
  <si>
    <t>CABUYARO</t>
  </si>
  <si>
    <t>JAIDIVE POLANIA CARDENAS</t>
  </si>
  <si>
    <t>CL. 3 #7-35 CABUYARO META COLOMBIA</t>
  </si>
  <si>
    <t>INTERCOMUNICACIONESAB</t>
  </si>
  <si>
    <t>SAN BERNARDO</t>
  </si>
  <si>
    <t>PHARMA ONE</t>
  </si>
  <si>
    <t>CRA 4 # 3 - 15</t>
  </si>
  <si>
    <t>LOS ANGELES 3</t>
  </si>
  <si>
    <t>CL 8 # 8 13 BRR LA CUMBRE I</t>
  </si>
  <si>
    <t>CASTILLO SAAVEDRA RAUL ESNEIDER</t>
  </si>
  <si>
    <t>CL 5 SUR 13 15 MZ 15 SOACHA COMPARTIR</t>
  </si>
  <si>
    <t>MULTISERVICIOS CALIVIAJES</t>
  </si>
  <si>
    <t>CR 4 # 13 84 BRR SAN PEDRO</t>
  </si>
  <si>
    <t>PAPELERIA LALIKU</t>
  </si>
  <si>
    <t>CR 7 # 13B 14 SUR</t>
  </si>
  <si>
    <t>ANDRERINA VARIEDADES</t>
  </si>
  <si>
    <t>CL 84 C BIS SUR # 80 K 17 / P 1 BRR BOSA JARDIN</t>
  </si>
  <si>
    <t>RED COLORS</t>
  </si>
  <si>
    <t>CR 11 ESTE # 16 - 69 BRR EL DORADO</t>
  </si>
  <si>
    <t>COMPUMORA</t>
  </si>
  <si>
    <t>CR 5 ESTE # 29 - 29 BRR SAN MATEO</t>
  </si>
  <si>
    <t>CC RAPI EXPRESS</t>
  </si>
  <si>
    <t>CL 66 A SUR # 87 B - 33 BRR BOSA SAN PEDRO</t>
  </si>
  <si>
    <t>RESTAURANTE Y CAFETERIA</t>
  </si>
  <si>
    <t>CL 19 # 32 56 BRR CUNDINAMARCA</t>
  </si>
  <si>
    <t>MOVIL COMPANY</t>
  </si>
  <si>
    <t>CL 22 # 9 44 / LC 121 BRR CENTRO</t>
  </si>
  <si>
    <t>VARIEDADES TIO J</t>
  </si>
  <si>
    <t>CR 3 # 1 44 BRR ZETAQUIRA</t>
  </si>
  <si>
    <t>GAMARRA</t>
  </si>
  <si>
    <t>MULTISERVICIOS Y PAPELERIA SALA SIP</t>
  </si>
  <si>
    <t>CR 9 # 6 25 BRR GAMARRA</t>
  </si>
  <si>
    <t>CENTRO DE SERVICIOS MULTIPAGOS SAS</t>
  </si>
  <si>
    <t>CL 33 B # 37 56 / LC 1 BRR BARZAL</t>
  </si>
  <si>
    <t>PAPELERIA PUNTO IMPACTO</t>
  </si>
  <si>
    <t>CR 4 # 06 11 / LC 104 BRR CENTRO</t>
  </si>
  <si>
    <t>TIENDA JB</t>
  </si>
  <si>
    <t>CR 14 # 15 20 - SUR BRR SANTA ANA</t>
  </si>
  <si>
    <t>MINIMARKET FUTURO2</t>
  </si>
  <si>
    <t>CL 4NO17 SUR 64</t>
  </si>
  <si>
    <t>MULTISERVICIOS1515</t>
  </si>
  <si>
    <t>CL 15 # 12 - 25 BRR CENTRO</t>
  </si>
  <si>
    <t>SAN PABLO II</t>
  </si>
  <si>
    <t>CL 68 SUR # 18 P - 88 BRR BOGOTA</t>
  </si>
  <si>
    <t>MILENIO 2.000</t>
  </si>
  <si>
    <t>CL 13 # 16 39 BRR PALMAR</t>
  </si>
  <si>
    <t>JOFIEL PAPELERIA Y VARIEDADES</t>
  </si>
  <si>
    <t>CR 10 # 15 13 BRR LAS VEGAS CENTRO</t>
  </si>
  <si>
    <t>PAPELERA FEDEJESUS</t>
  </si>
  <si>
    <t>KR 6 NO 19 B ESTE 23</t>
  </si>
  <si>
    <t>LA CUMBRE</t>
  </si>
  <si>
    <t>VARIEDADES NUESTRA SEÑORA DE FATIMA</t>
  </si>
  <si>
    <t>CR 5 # 4 61 BRR PAVAS</t>
  </si>
  <si>
    <t>FOTO LUZ DIGITAL FELIDIA</t>
  </si>
  <si>
    <t>CL 0 # 0 - 0 BRR FELIDIA VIA CABANAS CARVAJAL FRENTE AL PARQUE PRINCIPAL</t>
  </si>
  <si>
    <t>VARIEDADES JUSAVI</t>
  </si>
  <si>
    <t>CR 2 # 26 A - 16 BRR SAN FERNANDO</t>
  </si>
  <si>
    <t>TIDS PAPELERIA</t>
  </si>
  <si>
    <t>CL 1 # 4 I - 05 BRR QUINTAS DE LA LAGUNA</t>
  </si>
  <si>
    <t>SALSAMENTARIA EL PALENQUITO</t>
  </si>
  <si>
    <t>CL 11 SUR # 3 A 71 / LC 3 BRR SANTA ANA SUR</t>
  </si>
  <si>
    <t>FLORENCIA</t>
  </si>
  <si>
    <t>PURINAS LA PAZ</t>
  </si>
  <si>
    <t>CR 9 # 33 B - 41 BRR LA VICTORIA</t>
  </si>
  <si>
    <t>CL. 170 64-47 L-4 EXTREMO 7</t>
  </si>
  <si>
    <t>CRA. 71D NO. 6-94 SUR L-1917</t>
  </si>
  <si>
    <t>AGUAZUL</t>
  </si>
  <si>
    <t>A.L SMART TECNOLOGY</t>
  </si>
  <si>
    <t>CRA. 18 #11-43 AGUAZUL CASANARE COLOMBIA</t>
  </si>
  <si>
    <t>PUERTO CONCORDIA</t>
  </si>
  <si>
    <t>YAOFOTOGRAFIA</t>
  </si>
  <si>
    <t>CARRERA 6 # 12-13</t>
  </si>
  <si>
    <t>M@ ELVIRA</t>
  </si>
  <si>
    <t>CR 62 E # 25 A 05 BRR LA RELIQUIA</t>
  </si>
  <si>
    <t>RECARGAS SARIS</t>
  </si>
  <si>
    <t>VEREDA EL HATO</t>
  </si>
  <si>
    <t>DROGUERIA EXTRAFARMA N 2</t>
  </si>
  <si>
    <t>CL 7 # 4 E 86</t>
  </si>
  <si>
    <t>TELECOMUNICACIONES OYM</t>
  </si>
  <si>
    <t>CR 15 ESTE # 15 32 BRR BALCON REAL</t>
  </si>
  <si>
    <t>CENTRO DE SERVICIOS VALESAM</t>
  </si>
  <si>
    <t>CL 15 # 1 A 17 BRR UBATE</t>
  </si>
  <si>
    <t>EL JAZMIN DE ANDRES</t>
  </si>
  <si>
    <t>EN PORTAL TUNAL BRR PORTAL TUNAL</t>
  </si>
  <si>
    <t>CRA. 26 CL. 71 INT. EXITO CUBA L-104A</t>
  </si>
  <si>
    <t>MULTI SISTEMAS</t>
  </si>
  <si>
    <t>CL 9 # 1 1 BRR CENTRO</t>
  </si>
  <si>
    <t>NEW COLON</t>
  </si>
  <si>
    <t>CR 4 # 4 90 BRR CENTRO</t>
  </si>
  <si>
    <t>SERVIRECAUDOS EN RED</t>
  </si>
  <si>
    <t>CR 17 # 53 99 BRR LA CONCORDIA</t>
  </si>
  <si>
    <t>SALA DE BELLEZA MAICRIS</t>
  </si>
  <si>
    <t>CR 10 # 9 13 BRR CENTRO</t>
  </si>
  <si>
    <t>TIENDA DONDE CHELIS</t>
  </si>
  <si>
    <t>CR 11 # 20 109 BRR SANTA CLARA</t>
  </si>
  <si>
    <t>PLUMANET PAPELERIA</t>
  </si>
  <si>
    <t>CALLE 18B NO. 2B - 12 LOCAL 105</t>
  </si>
  <si>
    <t>PAPELERA MALEJA</t>
  </si>
  <si>
    <t>TV 11 C # 5 35 - SUR BRR SALITRE</t>
  </si>
  <si>
    <t>PAPELERIA EL REGALO MM</t>
  </si>
  <si>
    <t>CRA 2 ESTE 34 101</t>
  </si>
  <si>
    <t>SL SYSTEM PC</t>
  </si>
  <si>
    <t>CR 10 # 49 H - 08 SUR BRR MOLINOS DE LA CARACAS</t>
  </si>
  <si>
    <t>SANTINET.COM</t>
  </si>
  <si>
    <t>CR 18 # 59 11 BRR TRINIDAD</t>
  </si>
  <si>
    <t>MUNDO DE ACCESORIOS DEL VALLE</t>
  </si>
  <si>
    <t>CRA 8 # 16C-15</t>
  </si>
  <si>
    <t>CRA. 5 #9-30 AGUACHICA CESAR COLOMBIA</t>
  </si>
  <si>
    <t>NUNCHÍA</t>
  </si>
  <si>
    <t>MARIBEL GARCA GUICON</t>
  </si>
  <si>
    <t>CL 5 # 3 11 BRR CENTRO</t>
  </si>
  <si>
    <t>MISCELANEA DANIELS</t>
  </si>
  <si>
    <t>CL 18 # 7 62 BRR PRIMAVERA</t>
  </si>
  <si>
    <t>Guainía</t>
  </si>
  <si>
    <t>INÍRIDA</t>
  </si>
  <si>
    <t>XIBERXONE</t>
  </si>
  <si>
    <t>CL 27 # 13 78 BRR CINCO DE DICIEMBRE</t>
  </si>
  <si>
    <t>CHOCONTÁ</t>
  </si>
  <si>
    <t>SANTODO DOMINGO NC</t>
  </si>
  <si>
    <t>CR 5 # 5 73 / CC MOLINO DEL PARQUE LOCAL BRR CENTRO</t>
  </si>
  <si>
    <t>DISTRIBUIDORA LA YARIGUIES</t>
  </si>
  <si>
    <t>KR 1 NO 3 - 57</t>
  </si>
  <si>
    <t>MULTIPAGOS CAMPO</t>
  </si>
  <si>
    <t>CL 54 # 11 D - 34 BRR LA BASE</t>
  </si>
  <si>
    <t>INGENIUS MAS</t>
  </si>
  <si>
    <t>CR 65 G # 25 - 96 BRR TRINIDAD</t>
  </si>
  <si>
    <t>ASESORIAS Y DISENOS DIARS</t>
  </si>
  <si>
    <t>CL 2 # 1 - 41 / CRR LA ESMERALDA BRR CENTRO</t>
  </si>
  <si>
    <t>SOLEDAD</t>
  </si>
  <si>
    <t>BEAUTY HAIR</t>
  </si>
  <si>
    <t>CL 72 # 19 10 BRR MORAS OCATE</t>
  </si>
  <si>
    <t>DETALLES WILLY</t>
  </si>
  <si>
    <t>CL 23 # 23 08 BRR SIETE DE AGOSTO</t>
  </si>
  <si>
    <t>MULTISERVICIOS Y PAPELERIA AZOTEA</t>
  </si>
  <si>
    <t>CRA 50 A 34 29 BRR AZOTEA</t>
  </si>
  <si>
    <t>TORNICAMPO LA 12</t>
  </si>
  <si>
    <t>CR 12 # 19 16 BRR CENTRO</t>
  </si>
  <si>
    <t>DEKHA</t>
  </si>
  <si>
    <t>CL 19 S # 4 E 24 BRR VILLA CAFE</t>
  </si>
  <si>
    <t>VARIEDADES A  C</t>
  </si>
  <si>
    <t>CL 21 # 30 A 01 BRR LOS PARQUES</t>
  </si>
  <si>
    <t>REMONTADORA DE CALZADO MORENO</t>
  </si>
  <si>
    <t>CL 17 # 8 98 BRR VILLA MARCELA</t>
  </si>
  <si>
    <t>SALANET COLOMBIA</t>
  </si>
  <si>
    <t>CL 57 SUR 102 A 22 BRR BOSA EL RECUERDO</t>
  </si>
  <si>
    <t>SERVITEL EMD.COM</t>
  </si>
  <si>
    <t>CL 6 # 3 7 / PAR PRINCIPAL BRR CENTRO</t>
  </si>
  <si>
    <t>TÚQUERRES</t>
  </si>
  <si>
    <t>SERVICENTRO OQUENDO</t>
  </si>
  <si>
    <t>CL 15 # 7 - 02 BRR CAMINO NUEVO</t>
  </si>
  <si>
    <t>BELLO</t>
  </si>
  <si>
    <t>CRA. 50 27B-51 L-238</t>
  </si>
  <si>
    <t>TIENDAS ANITA</t>
  </si>
  <si>
    <t>CR 25 # 12 05 BRR SAN JOSE ACACIAS</t>
  </si>
  <si>
    <t>DROGUERIA PHARMAFAST LA PRIMERA</t>
  </si>
  <si>
    <t>CRA. 1 #4-25 FUSAGASUGï¿ LA SERENA FUSAGASUGï¿ CUNDINAMARCA COLOMBIA</t>
  </si>
  <si>
    <t>INTERNET PAPELERIA BETHEL</t>
  </si>
  <si>
    <t>CR 3 # 31 36 BRR VEREDA BOJACA</t>
  </si>
  <si>
    <t>BETHEL CAFE INTERNET</t>
  </si>
  <si>
    <t>CL 20 # 8 37 BRR IBIZA</t>
  </si>
  <si>
    <t>SIBATÉ</t>
  </si>
  <si>
    <t>FENIX S.G PAPELERIA</t>
  </si>
  <si>
    <t>CRA. 10 #12-48 SIBATï¿‰ CUNDINAMARCA COLOMBIA</t>
  </si>
  <si>
    <t>CL. 8 NO 6 35</t>
  </si>
  <si>
    <t>INTERPAPER.011</t>
  </si>
  <si>
    <t>CR 19 A # 1 84 / MZ 10 CS 35 BRR HOGARES SOACHA</t>
  </si>
  <si>
    <t>HOUSE CAR 57</t>
  </si>
  <si>
    <t>CL 12 # 6 36 BRR CENTRO PIEDECUESTA</t>
  </si>
  <si>
    <t>GIGANTE</t>
  </si>
  <si>
    <t>PAGO RAPIDO GIGANTE</t>
  </si>
  <si>
    <t>CR 4 # 6 44 BRR CENTRO</t>
  </si>
  <si>
    <t>PASCA</t>
  </si>
  <si>
    <t>ANDREA DEL PILAR PINILLA TOVAR</t>
  </si>
  <si>
    <t>CR 6 # 7 24 BRR CENTRO</t>
  </si>
  <si>
    <t>PAPELERIA ESTUDIO CENTRAL</t>
  </si>
  <si>
    <t>CR 2 # 4 80 / LC 3 BRR CENTRO</t>
  </si>
  <si>
    <t>SUPATÁ</t>
  </si>
  <si>
    <t>DE TODO PARA TODOS</t>
  </si>
  <si>
    <t>K 5 3 50 Cod. Pos. 253660</t>
  </si>
  <si>
    <t>CAMBIONET.NET</t>
  </si>
  <si>
    <t>CR 50 # 5 A 66 BRR CENTRO COMERCIAL COSMOCENTRO</t>
  </si>
  <si>
    <t>VALERIA DAVILA</t>
  </si>
  <si>
    <t>CL 68 # 4 N 05 BRR CALIMA</t>
  </si>
  <si>
    <t>DAGUA</t>
  </si>
  <si>
    <t>COMUNICACIONES CP</t>
  </si>
  <si>
    <t>CL 5 # 148 03 BRR BORRERO AYERBE</t>
  </si>
  <si>
    <t>TALANGACOMUNICACIONESES</t>
  </si>
  <si>
    <t>CR 24 J # 85 108 BRR TALANGA I</t>
  </si>
  <si>
    <t>CR 49 # 99 23 BRR LA CASTELLANA</t>
  </si>
  <si>
    <t>PC SOLUTIONS</t>
  </si>
  <si>
    <t>CR 3 # 15 72 BRR EL DORADO</t>
  </si>
  <si>
    <t>LILIANA ANDREA RODRIGUEZ CANCELADO</t>
  </si>
  <si>
    <t>AK 4 # 29 - 10 BRR SANTA INES SUR</t>
  </si>
  <si>
    <t>CL. 35 20-68 L-203A</t>
  </si>
  <si>
    <t>CL. 17 19-230 INT. LA 14 PISO 2 L-7A</t>
  </si>
  <si>
    <t>MULTI SERVI WORKINGS</t>
  </si>
  <si>
    <t>CR 31 # 20 - 54 SUR BRR MANZANARES</t>
  </si>
  <si>
    <t>MULTISERVICIOS LOS SAMARIOS AJ</t>
  </si>
  <si>
    <t>CR 107 # 143 52 BRR SUBA LOMBARDIA</t>
  </si>
  <si>
    <t>DROGUERIA CAMOHE</t>
  </si>
  <si>
    <t>CL 14 26 02 04</t>
  </si>
  <si>
    <t>TIENDA LAS BRISAS</t>
  </si>
  <si>
    <t>VDA VEGALARGA BRR EL MANANTIAL</t>
  </si>
  <si>
    <t>SUPER SERVIYA</t>
  </si>
  <si>
    <t>CR 38 # 34 A 37 / P 1 CONJ MAGNOLIA BRR CIUDAD VERDE</t>
  </si>
  <si>
    <t>PAÑALERA LA CASA DE NICO</t>
  </si>
  <si>
    <t>CL 1 # 4 F 32 BRR LAGOS DE MALIBU</t>
  </si>
  <si>
    <t>FAMILY KIUT</t>
  </si>
  <si>
    <t>CL 1 # 10 08 / CC LA CASONA BRR CENTRO</t>
  </si>
  <si>
    <t>MULTISERVICIOS PUNTO DORADO</t>
  </si>
  <si>
    <t>CR 6 # 7 36 BRR CENTRO</t>
  </si>
  <si>
    <t>GACHALÁ</t>
  </si>
  <si>
    <t>ALMACEN  Y PAPELERIA LA FERIA</t>
  </si>
  <si>
    <t>CR 4 # 4 11 BRR GACHALA</t>
  </si>
  <si>
    <t>INFAMILIAR N. 4 P C</t>
  </si>
  <si>
    <t>CR 11 # 13 03 BRR CENTRO CINTAS Y ENCAJES</t>
  </si>
  <si>
    <t>TODO LIMPIO</t>
  </si>
  <si>
    <t>C empucol (esp</t>
  </si>
  <si>
    <t>MULTISERVICIOS DR</t>
  </si>
  <si>
    <t>CR 1 # 70 08 BRR CALIMA</t>
  </si>
  <si>
    <t>TELECOMUNICAR</t>
  </si>
  <si>
    <t>CR 97 # 16 B 27 BRR SAN PEDRO DE LOS ROBLES</t>
  </si>
  <si>
    <t>FERRETERIA Y PINTURAS VASCANO</t>
  </si>
  <si>
    <t>CL 40 SUR # 96 A 17 / P 1 BRR PATIO BONITO</t>
  </si>
  <si>
    <t>DISFARMA FB</t>
  </si>
  <si>
    <t>CL 2519B1 11</t>
  </si>
  <si>
    <t>PAPELERIA Y MISELANEA PINAREA</t>
  </si>
  <si>
    <t>MZ I CA 27 BRR PINARES DEL ORIENTE</t>
  </si>
  <si>
    <t>CUCUNUBÁ</t>
  </si>
  <si>
    <t>DROGAS CUCUNUBA</t>
  </si>
  <si>
    <t>CRA 3 5 22</t>
  </si>
  <si>
    <t>SUPERDROGUERIA M  M</t>
  </si>
  <si>
    <t>TRANSVERSAL 18H # 7-90 PISO 1 LC1</t>
  </si>
  <si>
    <t>RESTREPO</t>
  </si>
  <si>
    <t>PISCINAS Y JACUZZIS RESTREPO</t>
  </si>
  <si>
    <t>CR 9 # 18 38 BRR BARRIO EL ALTO</t>
  </si>
  <si>
    <t>CA ASESORÃA Y PAPELERA</t>
  </si>
  <si>
    <t>CR 4 # 1 35 BRR LA ESTACIÃ“N</t>
  </si>
  <si>
    <t>MATE COMUNICACION 3</t>
  </si>
  <si>
    <t>CR 96 G # 16 D 17 BRR FONTINBON</t>
  </si>
  <si>
    <t>MULTISERVICIOS EXPRESS</t>
  </si>
  <si>
    <t>CR 11 # 42 18 / LC B BRR ALFONSO LOPEZ</t>
  </si>
  <si>
    <t>MULTISERVICIOS MS</t>
  </si>
  <si>
    <t>CL 75 # 94 - 27 BRR SANTA ROSITA</t>
  </si>
  <si>
    <t>MISCELANEA TIJERAS Y PAPEL</t>
  </si>
  <si>
    <t>CR 4 B ESTE NO. 48 D 04 SUR</t>
  </si>
  <si>
    <t>PUNTO.NET</t>
  </si>
  <si>
    <t>CR 5 # 7 4 / LC 02 BRR PARAISO</t>
  </si>
  <si>
    <t>FOTOCOPIAS DONDE RICARDO</t>
  </si>
  <si>
    <t>CR 11 # 11 88 / AP 2 BRR AQUIMIN</t>
  </si>
  <si>
    <t>MOBILE ZONE</t>
  </si>
  <si>
    <t>CL 5 # 5 63 BRR PROGRESO</t>
  </si>
  <si>
    <t>MARIA DURAN</t>
  </si>
  <si>
    <t>CL 50 N # 25 09 BRR CAMPESTRE NORTE COLORADOS</t>
  </si>
  <si>
    <t>SERVIFLASH DEL VALLE</t>
  </si>
  <si>
    <t>CL 17 # 19 C 60 BRR DANGOND</t>
  </si>
  <si>
    <t>PAPELERIA SINANGIEALEXA</t>
  </si>
  <si>
    <t>CRA. 5 #2 NORTE-36 SAN ALBERTO CESAR COLOMBIA</t>
  </si>
  <si>
    <t>TIENDA LOS ZEA</t>
  </si>
  <si>
    <t>CR 34 SUR # 47 08 BRR MARGARITAS</t>
  </si>
  <si>
    <t>INTERNETNAMAR</t>
  </si>
  <si>
    <t>CRA. 2 #4-46 TENJO CUNDINAMARCA COLOMBIA</t>
  </si>
  <si>
    <t>COMUNICACIONES M Y Y CLARO</t>
  </si>
  <si>
    <t>CR 7 # 30 B 139 / LC 217 BRR CENTRO</t>
  </si>
  <si>
    <t>AV. CIRCUNVALAR 4B-38</t>
  </si>
  <si>
    <t>MULTISERVICIOS ZAHDAN</t>
  </si>
  <si>
    <t>AK 63 # 15 B 82 BRR SAN GERARDO</t>
  </si>
  <si>
    <t>CIGARRERIA LA AVENIDA PUNTO 30</t>
  </si>
  <si>
    <t>CL 30 # 5 A 99 - ESTE BRR SAN MATEO</t>
  </si>
  <si>
    <t>MULTISERVICIOS DI@NISTON</t>
  </si>
  <si>
    <t>CL 24 # 5 31 BRR SANTANDER</t>
  </si>
  <si>
    <t>DROGUERIAS VARGAS D.O.G.Y.1</t>
  </si>
  <si>
    <t>CL 15 CR 4 05</t>
  </si>
  <si>
    <t>DROGUERIA SHALOM</t>
  </si>
  <si>
    <t>CRA 15 16 31 LC 7</t>
  </si>
  <si>
    <t>DULCERIA Y CIGARRERIA VAINILLA</t>
  </si>
  <si>
    <t>CALLE 29 SUR #6A SUR-1 SOACHA CUNDINAMARCA COLOMBIA</t>
  </si>
  <si>
    <t>PUNTO FACIL PJ</t>
  </si>
  <si>
    <t>CR 21 A SUR # 62 34 - SUR BRR SAN FRANCISCO</t>
  </si>
  <si>
    <t>HOLDING INTERPAGOS S.A.S</t>
  </si>
  <si>
    <t>CR 8 B # 13 - 54 / 8 BRR LACHARME</t>
  </si>
  <si>
    <t>EL PRINCIPITO</t>
  </si>
  <si>
    <t>CR 89 # 22 86 BRR CAPELLANIA</t>
  </si>
  <si>
    <t>CHISCAS</t>
  </si>
  <si>
    <t>CORREO 472</t>
  </si>
  <si>
    <t>CL 2 NO. 2 - 20 BRR CENTRO</t>
  </si>
  <si>
    <t>PLANET SEGUROS</t>
  </si>
  <si>
    <t>CR 8 # 4 38 BRR MOGOTES</t>
  </si>
  <si>
    <t>PAPELERIA Y MISCELANEA LUAR</t>
  </si>
  <si>
    <t>CL 10 # 32 52 BRR JOSE ANTIONIO GALAN</t>
  </si>
  <si>
    <t>CURUMANÍ</t>
  </si>
  <si>
    <t>PAPELERIA EL CLICK</t>
  </si>
  <si>
    <t>CR 16 # 9 69 BRR CENTRO</t>
  </si>
  <si>
    <t>CLARO ES CLARO.GAITAN</t>
  </si>
  <si>
    <t>CL 9A # 11 - 39 BARRIO CENTRO</t>
  </si>
  <si>
    <t>DROGAS Y ALKOSTO</t>
  </si>
  <si>
    <t>CRA 21 14 71</t>
  </si>
  <si>
    <t>CASTILLA LA NUEVA</t>
  </si>
  <si>
    <t>COMERCIALIZADORA EL CASTILLO MAGICO</t>
  </si>
  <si>
    <t>CL 8 # 7 31 BRR CENTRO</t>
  </si>
  <si>
    <t>TARQUI</t>
  </si>
  <si>
    <t>ALMACEN TARQUI</t>
  </si>
  <si>
    <t>CR 6 # 1 76 - SUR BRR CENTRO</t>
  </si>
  <si>
    <t>CIGARRERIA Y AUTOSERVICIO JL</t>
  </si>
  <si>
    <t>CL 4 # 5 82 / ADL MAT 172 BRR VDA BARANDILLAS</t>
  </si>
  <si>
    <t>PAIME</t>
  </si>
  <si>
    <t>SHADDAI</t>
  </si>
  <si>
    <t>PAIME - VILLAGOMEZ #16 PAIME CUNDINAMARCA COLOMBIA</t>
  </si>
  <si>
    <t>TUSITIOSESQUILE</t>
  </si>
  <si>
    <t>CRA. 6 #3-88 SESQUILE CUNDINAMARCA COLOMBIA</t>
  </si>
  <si>
    <t>DROGUERIA MARTIN B</t>
  </si>
  <si>
    <t>CRA 6 D 33 13 SUR</t>
  </si>
  <si>
    <t>PAPELERIA MILAN</t>
  </si>
  <si>
    <t>CR 95 A # 12 F 12 BRR SUBA SAN CAYETANO</t>
  </si>
  <si>
    <t>GAITS SERVICIO ELECTRICO AUTOMOTRIZ</t>
  </si>
  <si>
    <t>CL 76 # 16 34 BRR LAGO GAITAN</t>
  </si>
  <si>
    <t>CRA. 23 NO. 26B-54 PISO 2</t>
  </si>
  <si>
    <t>KYON STORE</t>
  </si>
  <si>
    <t>CL 41 A # 83 32 BRR FONTIBON</t>
  </si>
  <si>
    <t>MULTISERVICIOS DELGADO ROMAN</t>
  </si>
  <si>
    <t>CRA 30 17 -21 APT 201 B. SANTA CRUZ</t>
  </si>
  <si>
    <t>ANYEL SARMIENTO</t>
  </si>
  <si>
    <t>CL 55 # 17 A 86 BRR RICAUTE</t>
  </si>
  <si>
    <t>CIBERVARGAS</t>
  </si>
  <si>
    <t>CL 11 # 6 45 BRR SAN VICENTE</t>
  </si>
  <si>
    <t>TAURAMENA</t>
  </si>
  <si>
    <t>CENTRO DE SOLUCIONES JESSOFT</t>
  </si>
  <si>
    <t>CR 5 # 8 04 / MZ N CA 23 BRR VILLA ESTHER III</t>
  </si>
  <si>
    <t>TRINIDAD</t>
  </si>
  <si>
    <t>MULTISERVICIOS EL RODEO</t>
  </si>
  <si>
    <t>CL 4 # 5 10 / LC 4 BRR CENTRO</t>
  </si>
  <si>
    <t>GARZÓN</t>
  </si>
  <si>
    <t>ALMACEN MOLINO</t>
  </si>
  <si>
    <t>CC EL MOLINO LOCAL 32 BRR CENTRO</t>
  </si>
  <si>
    <t>COMPUCEL LA CAPILLA</t>
  </si>
  <si>
    <t>CR 4 # 4 04 BRR CENTRO</t>
  </si>
  <si>
    <t>LEXCELL</t>
  </si>
  <si>
    <t>CR 6 # 5 26 BRR CENTRO</t>
  </si>
  <si>
    <t>MULTISERVICIOS PORFIA</t>
  </si>
  <si>
    <t>CL 53 SUR # 42 20 BRR PORFIA</t>
  </si>
  <si>
    <t>MULTIPAGOS BALATA</t>
  </si>
  <si>
    <t>CL 15 # 39 16 BRR BALATA</t>
  </si>
  <si>
    <t>MINIMARKET LA 18 DEL PUERTO</t>
  </si>
  <si>
    <t>CL 13 # 18 03 BRR VILLA DEL RIO</t>
  </si>
  <si>
    <t>PALERMO</t>
  </si>
  <si>
    <t>INVERSIONES LASSO</t>
  </si>
  <si>
    <t>CRA. 5D #15-35 PALERMO HUILA COLOMBIA</t>
  </si>
  <si>
    <t>CYL COMUNICACIONES</t>
  </si>
  <si>
    <t>CR 10 # 5 B 30 BRR LOS ZIPAS</t>
  </si>
  <si>
    <t>JORGE ANDRES FORERO ORTIZ</t>
  </si>
  <si>
    <t>MZ A CA 1 BRR ESMERALDA TRES</t>
  </si>
  <si>
    <t>SERVIMARLI EM</t>
  </si>
  <si>
    <t>CL. 3 #4-18 LENGUAZAQUE CUNDINAMARCA COLOMBIA</t>
  </si>
  <si>
    <t>ELI COMUNICACIONES</t>
  </si>
  <si>
    <t>CL 15 # 6 A 03 BRR SAN LUIS</t>
  </si>
  <si>
    <t>MATECOMUNICACIONES</t>
  </si>
  <si>
    <t>CR 79 # 6 A 39 / LC 2 BRR PIO XXII</t>
  </si>
  <si>
    <t>CRA. 42 NO. 35 SUR-35 LOCAL 117-119 INTERIOR PASAJE ALAMEDA</t>
  </si>
  <si>
    <t>CRA. 9 11-28 LOCAL 11</t>
  </si>
  <si>
    <t>SHADOW ENTERTAINMENT</t>
  </si>
  <si>
    <t>CL 37 C CR 2 - 61 APTO 202 BRR JOSE A GALAN</t>
  </si>
  <si>
    <t>LA GLORIA</t>
  </si>
  <si>
    <t>ESTANCO Y PUNTO FRIO EL TIGRE</t>
  </si>
  <si>
    <t>CR 5 B # 5 74 BRR LA CANDELARIA</t>
  </si>
  <si>
    <t>COPYCELL PM</t>
  </si>
  <si>
    <t>CL 25 # 6 12 BRR JOSE EUSTACIO RIVERA</t>
  </si>
  <si>
    <t>BOJACÁ</t>
  </si>
  <si>
    <t>TAURUS PAPELERIA</t>
  </si>
  <si>
    <t>CL 20 # 17 69 BRR GAITAN</t>
  </si>
  <si>
    <t>CHOACHÍ</t>
  </si>
  <si>
    <t>MOBILE SHOP LINK</t>
  </si>
  <si>
    <t>CL. 4 #2-30 CHOACHï¿ CUNDINAMARCA COLOMBIA</t>
  </si>
  <si>
    <t>MAGIC TECNOLOGIA</t>
  </si>
  <si>
    <t>KR 5 NO 11 - 75</t>
  </si>
  <si>
    <t>DALLA ARTESANIAS SAS</t>
  </si>
  <si>
    <t>CRA. 5 #45 GIRARDOT CUNDINAMARCA COLOMBIA</t>
  </si>
  <si>
    <t>SUPER SMASH BROSS NDJL</t>
  </si>
  <si>
    <t>CR 8 # 5 54 / LC B04 CC SALINAS PLAZA BRR CENTRO</t>
  </si>
  <si>
    <t>JHONNY SALAZAR</t>
  </si>
  <si>
    <t>CL 72 # 1 J 05 BRR JORGE ELIECER GAITAN</t>
  </si>
  <si>
    <t>ANGE VARIEDADES SAMUEL . E</t>
  </si>
  <si>
    <t>CR 8 # 13 97 / LC 207 BRR SAN NICOLAS</t>
  </si>
  <si>
    <t>FILTROS Y LUBRICANTES YIRE</t>
  </si>
  <si>
    <t>CR 13 F # 55 18 - SUR BRR SAN CARLOS</t>
  </si>
  <si>
    <t>TRANS. 93 NO. 34 99 L-256</t>
  </si>
  <si>
    <t>CRA. 52 NO. 65-91 LOCAL 260 INTERIOR CENTRO CIAL AVENTURA.</t>
  </si>
  <si>
    <t>MULATA COMIDA &amp; CAFï¿©</t>
  </si>
  <si>
    <t>CL. 12 #13-36 CURUMANï¿ CESAR COLOMBIA</t>
  </si>
  <si>
    <t>BUEN PRECIO</t>
  </si>
  <si>
    <t>4 NO 3-24 B/CENTRO</t>
  </si>
  <si>
    <t>MOVIL TECNOLOGY C&amp;V</t>
  </si>
  <si>
    <t>TV. 7 #36B-23 YOPAL CASANARE COLOMBIA</t>
  </si>
  <si>
    <t>TESALIA TECHNOLOGY</t>
  </si>
  <si>
    <t>CR 7 # 4 37 / VDA EL MEDIO TESALIA BRR CENTRO</t>
  </si>
  <si>
    <t xml:space="preserve">DROGUERIA UNO A LA PRIMERA </t>
  </si>
  <si>
    <t>CRA. 39 #4-89 POPAYAN CAUCA COLOMBIA</t>
  </si>
  <si>
    <t>EXPO OFERTAS Y VARIEDADES</t>
  </si>
  <si>
    <t>CL 6 6 96</t>
  </si>
  <si>
    <t>COLMENA SAHIAN</t>
  </si>
  <si>
    <t>CR 42 A # 53 65 BRR CIUDAD CORDOBA</t>
  </si>
  <si>
    <t>CIBERDATOS.COM</t>
  </si>
  <si>
    <t>CL 55 # 12 - 47 BRR DESPENSA SOACHA</t>
  </si>
  <si>
    <t>EL GRAN SANTANDER</t>
  </si>
  <si>
    <t>CR 7 F # 160 - 03 BRR ALTA BLANCA</t>
  </si>
  <si>
    <t>AV.CIUDAD DE CALI NO. 42B-21 INT. COMFANDI</t>
  </si>
  <si>
    <t>PAPELERIA METRO</t>
  </si>
  <si>
    <t>CRA 98 B N 69 - 06 SUR IN 17</t>
  </si>
  <si>
    <t>INTERNET  PAPELERIA</t>
  </si>
  <si>
    <t>CR 5 # 18 04 / AP 202 BRR MANZANARES</t>
  </si>
  <si>
    <t>INTERNET ELISA</t>
  </si>
  <si>
    <t>DG 10 # 27 SUR ET 4 BRR TIMARCO</t>
  </si>
  <si>
    <t>CHAGUANÍ</t>
  </si>
  <si>
    <t>CHAGUANI COMUNICACIONES</t>
  </si>
  <si>
    <t>CR 4 # 3 26 BRR CENTRO</t>
  </si>
  <si>
    <t>AE TECNOLOGY</t>
  </si>
  <si>
    <t>CR 11 ESTE # 1 A - 24 BRR EL DORADO</t>
  </si>
  <si>
    <t>INDIIGO</t>
  </si>
  <si>
    <t>CR 136 A # 152 B - 19 BRR BOGOTA</t>
  </si>
  <si>
    <t>LOCAL 1 78</t>
  </si>
  <si>
    <t>VARIEDADES VIRGINA</t>
  </si>
  <si>
    <t>CL 21 # 35 23 BRR SOLEDAD</t>
  </si>
  <si>
    <t>MERK MAX</t>
  </si>
  <si>
    <t>VDA CORTADERA CHIQUITA BRR SOTAQUIRA</t>
  </si>
  <si>
    <t>MUNDO NET NEIVA</t>
  </si>
  <si>
    <t>CRA. 2 #8-5 NEIVA HUILA COLOMBIA</t>
  </si>
  <si>
    <t>XBOXMANIA</t>
  </si>
  <si>
    <t>CR 5 # 2 G 14 BRR RINCON BARANDILLAS</t>
  </si>
  <si>
    <t>UBAQUE</t>
  </si>
  <si>
    <t>COPICELL.ES</t>
  </si>
  <si>
    <t>CL. 2 #4-46 UBAQUE CUNDINAMARCA COLOMBIA</t>
  </si>
  <si>
    <t>MISCELANEA Y PAPELERIA HELI</t>
  </si>
  <si>
    <t>DG 15C 9 ESTE 06</t>
  </si>
  <si>
    <t>TELECOMUNICACIONES LAURA</t>
  </si>
  <si>
    <t>CL 42 A SUR # 92 04 BRR KENNEDY</t>
  </si>
  <si>
    <t>MISCELANEA PARIS</t>
  </si>
  <si>
    <t>CL 9 SUR # 25 B - 39 BRR LA FRAGUITA</t>
  </si>
  <si>
    <t>TELEINTER</t>
  </si>
  <si>
    <t>CL 130 B # 91 25 BRR SUBA RINCON</t>
  </si>
  <si>
    <t>SOLUCIONES LA CHUCUA</t>
  </si>
  <si>
    <t>CR 97 # 132 C - 29 BRR LA CHUCUA SUBA</t>
  </si>
  <si>
    <t>AV. CL. 24 NO. 69-71 L-1 AV. LA ESPERANZA 9</t>
  </si>
  <si>
    <t>JUANDA PAPELERIA</t>
  </si>
  <si>
    <t>CR 3 # 9 82 - SUR BRR PANORAMA</t>
  </si>
  <si>
    <t>LINAGE WEB OESTE</t>
  </si>
  <si>
    <t>AV 5 OESTE # 23 37 BRR TERRON COLORADO</t>
  </si>
  <si>
    <t>ADPOSTALES NATHY</t>
  </si>
  <si>
    <t>CR 40 # 39 92 / IN 103 BRR ANTONIO NARINO</t>
  </si>
  <si>
    <t>DRACO COMUNICACIONES</t>
  </si>
  <si>
    <t>CL 29 F ESTE # 4 B 16 BRR SAN MATEO</t>
  </si>
  <si>
    <t>ITAGÜÍ</t>
  </si>
  <si>
    <t>CRA. 50 NO. 51-49 L-242-243</t>
  </si>
  <si>
    <t>Sucre</t>
  </si>
  <si>
    <t>SINCELEJO</t>
  </si>
  <si>
    <t>MUNDONET SINCELEJO</t>
  </si>
  <si>
    <t>CR 19 # 41 A 48 / CA BRR EL PROGRESO</t>
  </si>
  <si>
    <t>PAPELERIA YAMILET</t>
  </si>
  <si>
    <t>CL 37 # 41 121 BRR BARZAL ALTO</t>
  </si>
  <si>
    <t>DROGUERIA HIPERDROGAS ALCOSTO</t>
  </si>
  <si>
    <t>CR 11 7A 46 DROGUERIA</t>
  </si>
  <si>
    <t>SIMI-MEGANET</t>
  </si>
  <si>
    <t>CR 5 # 5 09 BRR CENTRO</t>
  </si>
  <si>
    <t>MOON VISIN</t>
  </si>
  <si>
    <t>CRA. 5 #1-96 CAJIC EL TEJAR CAJIC CUNDINAMARCA COLOMBIA</t>
  </si>
  <si>
    <t>LEGAL COPY</t>
  </si>
  <si>
    <t>CR 15 # 4 38 BRR ALGARRA III</t>
  </si>
  <si>
    <t>VIRTUAL MOVILE</t>
  </si>
  <si>
    <t>CR 29 # 72 T - 09 BRR POBLADO 1</t>
  </si>
  <si>
    <t>SOLUCIONES DINDALITO</t>
  </si>
  <si>
    <t>CL 42 A SUR # 92 B - 27 BRR BARRIO DINDALITO</t>
  </si>
  <si>
    <t>DISTRIBUIDORA ULISES SPORT</t>
  </si>
  <si>
    <t>AV 11 A # 8 A - 06 BRR TORCOROMA</t>
  </si>
  <si>
    <t>CL. 30 CRA. 30 ESQ. INT. SAO HIPODROMO</t>
  </si>
  <si>
    <t>DROGUERIA EL PARQUE GUAMAL</t>
  </si>
  <si>
    <t>CL 12 6 34</t>
  </si>
  <si>
    <t>DIGIFOTO</t>
  </si>
  <si>
    <t>CL 8 # 7 91 BRR CENTRO</t>
  </si>
  <si>
    <t>MERKA EXPRESS</t>
  </si>
  <si>
    <t>AV 26 NO 5W 14</t>
  </si>
  <si>
    <t>BELÉN DE LOS ANDAQUÍES</t>
  </si>
  <si>
    <t>YADICELL</t>
  </si>
  <si>
    <t>CR 5 # 3 84 BRR CAJA AGRARIA</t>
  </si>
  <si>
    <t>TORO</t>
  </si>
  <si>
    <t>INTERACCEL MULTICERVICIOS</t>
  </si>
  <si>
    <t>CR 4 # 10 - 65 BRR CENTRO</t>
  </si>
  <si>
    <t>CARTAGO</t>
  </si>
  <si>
    <t>CL. 9 12127 INT. METRO</t>
  </si>
  <si>
    <t>CRA 6A NO. 17-30 INTERIOR OLIMPICA</t>
  </si>
  <si>
    <t>PASTO</t>
  </si>
  <si>
    <t>CRA. 26 NO. 17-12 L-128 Y 129 C.C EL LICEO</t>
  </si>
  <si>
    <t>CRA. 72 NO. 8094 L. 1 23</t>
  </si>
  <si>
    <t>AGUSTÍN CODAZZI</t>
  </si>
  <si>
    <t>EL BUNKER V5.0</t>
  </si>
  <si>
    <t>CL 11 B # 12 03 / AP 01 BRR AGUSTIN CODAZZI</t>
  </si>
  <si>
    <t>CIGARRERIA LA 29</t>
  </si>
  <si>
    <t>CRA 29 A 44 08</t>
  </si>
  <si>
    <t>IETECHNOLOGY</t>
  </si>
  <si>
    <t>CRA. 7 #12-2 FLORENCIA CAQUETï¿ COLOMBIA</t>
  </si>
  <si>
    <t>MULTIPAGO ONLINE</t>
  </si>
  <si>
    <t>CL 18 # 10 21 BRR BALMORAL</t>
  </si>
  <si>
    <t>D V O COMUNICACIONES</t>
  </si>
  <si>
    <t>CL 3 3 05</t>
  </si>
  <si>
    <t>CL 11 A # 12 04 / LC 3 BRR VILLA MARCELA</t>
  </si>
  <si>
    <t>MULTI CERVICIOS VALLEGRANDE</t>
  </si>
  <si>
    <t>CL 84 # 22 100 BRR VALLEGRANDE</t>
  </si>
  <si>
    <t>CORRESPONSALES</t>
  </si>
  <si>
    <t>CL 17 F # 120 23 BRR FONTIBON</t>
  </si>
  <si>
    <t>GOD SERVICE</t>
  </si>
  <si>
    <t>CALLE 55 # 18 C - 45</t>
  </si>
  <si>
    <t>INVERSIONES HERNANDEZ HERMANOS</t>
  </si>
  <si>
    <t>CR 1 # 1 - 124 / CR BRR EL RODEO</t>
  </si>
  <si>
    <t>HEYSAM</t>
  </si>
  <si>
    <t>CR 7 ESTE # 91 - 20 SUR BRR BARRIO ALFONSO LOPEZ</t>
  </si>
  <si>
    <t>PANALERA LORENA</t>
  </si>
  <si>
    <t>CL 59 # 27 - 11 ESTE BRR LUIS CARLOS GALAN 2 SECTOR</t>
  </si>
  <si>
    <t>ANILLO VIAL ORIENTAL NO. 13-70 MANZANA A LOTE 1 URBANIZACION SAN FRANCISCO LOCAL S05 INTERIOR CENTRO CIAL JARDIN PLAZA.</t>
  </si>
  <si>
    <t>MULTIPAGOS DELICIAS ALTAS</t>
  </si>
  <si>
    <t>CL 105 # 15 D 26 BRR DELICIAS ALTAS</t>
  </si>
  <si>
    <t>LA ESQUINA DE LA 42</t>
  </si>
  <si>
    <t>CR 42 B # 14 A 04 BRR COMCOJA</t>
  </si>
  <si>
    <t>MENEGUA</t>
  </si>
  <si>
    <t>CR 16 # 7 64 BRR MENEGUA</t>
  </si>
  <si>
    <t>PAPELERA Y FOTOCOPIADORA MUNDO DE PAPEL</t>
  </si>
  <si>
    <t>CL 13 # 5 97 / LC 107 BRR CENTRO</t>
  </si>
  <si>
    <t>PAPELERIA  ACCESORIAS PRISSMA</t>
  </si>
  <si>
    <t>CL 8 # 21 188 / CC MEGACITY BRR LA PAZ</t>
  </si>
  <si>
    <t>DANUBIO DORADO</t>
  </si>
  <si>
    <t>CL. 5 #6-123 SESQUILï¿‰ CUNDINAMARCA COLOMBIA</t>
  </si>
  <si>
    <t>MI FORTUNA</t>
  </si>
  <si>
    <t>CL 45 # 1 W 39 BRR CAMPO HERMOSO</t>
  </si>
  <si>
    <t>GEOVAFER</t>
  </si>
  <si>
    <t>CL 1 OESTE # 70 - 53 BRR LOURDES</t>
  </si>
  <si>
    <t>PAONET.COM</t>
  </si>
  <si>
    <t>CR 7 ESTE # 32 A 20 BRR SAN MATEO</t>
  </si>
  <si>
    <t>ANGIE BOHORQUEZ</t>
  </si>
  <si>
    <t>CL 23 # 1 W 81 BRR PORTAL DEL VALLE</t>
  </si>
  <si>
    <t>PERFUMERIA Y VARIEDADES CHANEL</t>
  </si>
  <si>
    <t>CR 7 # 6 43 BRR CENTRO</t>
  </si>
  <si>
    <t>TODOSEGUROS FYL CURUMANI</t>
  </si>
  <si>
    <t>CR 16 # 7 44 / AP LC 1 BRR CENTRO</t>
  </si>
  <si>
    <t>FERREMETALICA LA PRINCIPAL</t>
  </si>
  <si>
    <t>CR 2 # 12 13 BRR CENTRO</t>
  </si>
  <si>
    <t>PAPELERIA Y COMUNICACIONES YIRETH</t>
  </si>
  <si>
    <t>CL. 1 #10-20 PASCA CUNDINAMARCA COLOMBIA</t>
  </si>
  <si>
    <t>DROGUERIA RINCON PAEZ HNOS SUC SIMIJACA</t>
  </si>
  <si>
    <t>CRA 7 7 29</t>
  </si>
  <si>
    <t>CIGARRERIA DIAMAR</t>
  </si>
  <si>
    <t>KR 11 ESTE NO 05 - 28 - CA5</t>
  </si>
  <si>
    <t>PAPELEROA LUPITA</t>
  </si>
  <si>
    <t>CL 21 # 2 83 BRR SAN PABLO</t>
  </si>
  <si>
    <t>T PAGA SAS</t>
  </si>
  <si>
    <t>CR 7 BIS # 106 33 BRR SANTA ANA</t>
  </si>
  <si>
    <t>TALLER DE LA TONERIA Y VARIEDADES RIGOBERTO LL</t>
  </si>
  <si>
    <t>CL 71 # 10 - 19 BRR BARRIO LIPAYA - BARRANQUILLA</t>
  </si>
  <si>
    <t>CL. 52 CRA. 3 Y 4 C.C. UNICO ETAPA 2 L-294</t>
  </si>
  <si>
    <t>DROGUERIA GUADALUPU TUNJA</t>
  </si>
  <si>
    <t>CR 19 # 28 74 BRR TUNJA</t>
  </si>
  <si>
    <t>VARIEDADES THE QUEEN</t>
  </si>
  <si>
    <t>CR 8 B # 109 03 BRR ESPAÃ‘A REAL</t>
  </si>
  <si>
    <t>MISCELANEA PIEDRA PAPEL Y TIJERA</t>
  </si>
  <si>
    <t>CR 29 # 30 60 BRR LA AURORA</t>
  </si>
  <si>
    <t>SALLY</t>
  </si>
  <si>
    <t>CR 18 ESTE # 40 A 02 / MZ 20 CA 5 BRR EL DELIRIO</t>
  </si>
  <si>
    <t>PAPELERIA Y CACHARRERIA PIOLIN</t>
  </si>
  <si>
    <t>CR 10 # 12 05 BRR FUNDADORES</t>
  </si>
  <si>
    <t>PAÑALERA NATY</t>
  </si>
  <si>
    <t>CR 31 A # 30 79 - SUR BRR SAN LUIS DE LA PAZ</t>
  </si>
  <si>
    <t>MUNDO FANTASIA</t>
  </si>
  <si>
    <t>Carrera 11No82- 76 pso. 4</t>
  </si>
  <si>
    <t>CIGARRERIA ANDALUCIA</t>
  </si>
  <si>
    <t>CL 34 # 2 07 LOCAL 14</t>
  </si>
  <si>
    <t>CHENET</t>
  </si>
  <si>
    <t>CR 5 ESTE # 2 C - 25 BRR EL ROCIO</t>
  </si>
  <si>
    <t>HENIUX NET</t>
  </si>
  <si>
    <t>CR 77 SUR # 47 B - 27 BRR KENNEDY SOCORRO</t>
  </si>
  <si>
    <t>CL. 7 NO. 11-93 INT. OLIMPICA</t>
  </si>
  <si>
    <t>CRA. 16 NO. 36 98</t>
  </si>
  <si>
    <t>ALMACEN MORATO</t>
  </si>
  <si>
    <t>CL 14 # 15 A 70 / CEN MORATO BRR CENTRO</t>
  </si>
  <si>
    <t>ASESORES Y SERVICIOS INTEGRADOS C Y A OFILLANO</t>
  </si>
  <si>
    <t>CRA. 14 #14-47 ACACIAS META COLOMBIA</t>
  </si>
  <si>
    <t>DROGUERIA EMFASUR</t>
  </si>
  <si>
    <t>CRA 7B 3 86 LOCAL1</t>
  </si>
  <si>
    <t>MULTIVENTAS Y ACCESORIOS PASCA</t>
  </si>
  <si>
    <t>CL 1 # 2 69 BRR CENTRO</t>
  </si>
  <si>
    <t>AYM COMUNICACIONES AL INSTANTE LTDA</t>
  </si>
  <si>
    <t>CR 2 # 5 23 BRR SIETE DE AGOSTO</t>
  </si>
  <si>
    <t>COMPUSERVICIOS MN</t>
  </si>
  <si>
    <t>AC 30 # 6 G 32 - ESTE BRR SAN MATEO</t>
  </si>
  <si>
    <t>PAPELERIA MISCELANEA LA VICTORIA</t>
  </si>
  <si>
    <t>CALLE 42 A SUR # 99 - 22</t>
  </si>
  <si>
    <t>CIUDAD LATINA PAGOS Y SERVICIOS</t>
  </si>
  <si>
    <t>CR 17 # 19 A - 112 SUR BRR CIUDAD LATINA</t>
  </si>
  <si>
    <t>CRA. 77 28124</t>
  </si>
  <si>
    <t>DIGIENTER.NET</t>
  </si>
  <si>
    <t>CR 7 # 11 38 BRR OIBA</t>
  </si>
  <si>
    <t>PAPELERIA MARIA JOSE</t>
  </si>
  <si>
    <t>CL. 22 #10-38 GRANADA META COLOMBIA</t>
  </si>
  <si>
    <t>MERCADOS LA GRAN COSECHA 2</t>
  </si>
  <si>
    <t>CRA. 20 #12-23 CUMARAL META COLOMBIA</t>
  </si>
  <si>
    <t>FARMA CITTY</t>
  </si>
  <si>
    <t>CL. 15 #10-80 FUNZA CUNDINAMARCA COLOMBIA</t>
  </si>
  <si>
    <t>SAN ANTONIO DEL TEQUENDAMA</t>
  </si>
  <si>
    <t>VARIEDADES ANMY</t>
  </si>
  <si>
    <t>CL. 5 #3 SAN ANTONIO DEL TEQUENDAMA CUNDINAMARCA COLOMBIA</t>
  </si>
  <si>
    <t>PAPELERIA ALMENDROS</t>
  </si>
  <si>
    <t>CR 1 D # 59 04 / LC 1 BRR PASEO DE LOS ALMENDROS</t>
  </si>
  <si>
    <t>DIGITAL LAU</t>
  </si>
  <si>
    <t>CL 49 # 91 D 57 - SUR BRR BOSA PORVENIR</t>
  </si>
  <si>
    <t>MAGENTA DISENO Y VARIEDAD</t>
  </si>
  <si>
    <t>CR 11 ESTE # 1 A 53 BRR EL DORADO</t>
  </si>
  <si>
    <t>VARIEDADES PAO 2021</t>
  </si>
  <si>
    <t>CR 81 K # 41 C 11 - SUR BRR VILLA NELLY III SECTOR</t>
  </si>
  <si>
    <t>AURES2.NET</t>
  </si>
  <si>
    <t>AK 106 # 131 - 30 BRR SUBA AURES</t>
  </si>
  <si>
    <t>PAPELERIA LA OCTAVA DE MONTERREDONDO</t>
  </si>
  <si>
    <t>CL 65 # 6 W 257 BRR MONTERREDONDO</t>
  </si>
  <si>
    <t>FOTO NET DIGITAL M.</t>
  </si>
  <si>
    <t>CR 12 # 16 84 BRR CENTRO</t>
  </si>
  <si>
    <t>SUMINISTROS Y COMUNICACIONES</t>
  </si>
  <si>
    <t>CL 14 # 14 66 BRR CENTRO</t>
  </si>
  <si>
    <t>ALMACEN MILITAR</t>
  </si>
  <si>
    <t>CR 8 # 12 93 BRR CENTRO</t>
  </si>
  <si>
    <t>SUPERMERCADO LA VID</t>
  </si>
  <si>
    <t>CRA 9 ESTE # 36 75 BRR SAN MATEO</t>
  </si>
  <si>
    <t>CENTRAL DE ASOPAGOS ELECTRONICOS</t>
  </si>
  <si>
    <t>CR 5 # 7 51 / P 1 BRR CENTRO</t>
  </si>
  <si>
    <t>VARIEDADES CLAUS</t>
  </si>
  <si>
    <t>TV 11 # 13 14 BRR GAITAN ALTO</t>
  </si>
  <si>
    <t>NIMAIMA</t>
  </si>
  <si>
    <t>DANIVER COMUNICACIONES</t>
  </si>
  <si>
    <t>CR 3 # 1 25 BRR CENTRO</t>
  </si>
  <si>
    <t>ANGEL.COM</t>
  </si>
  <si>
    <t>CR 7#7 38 CENTRO COMERCIAL SAN ANDRESITO LOCAL 20</t>
  </si>
  <si>
    <t>PAPELERIA MANANTIAL</t>
  </si>
  <si>
    <t>CR 139 # 142 C 42 / IN 1 BRR SAN CARLOS DE SUBA</t>
  </si>
  <si>
    <t>AV. CRA. 15 124-30 L-2-138 PISO 2</t>
  </si>
  <si>
    <t>FERRECENTRO TIBASOSA</t>
  </si>
  <si>
    <t>AV 42 # 05 - 13 / VDA FERRECENTRO BRR VEREDA PENA NEGRA</t>
  </si>
  <si>
    <t>PUNTO NAYCELL</t>
  </si>
  <si>
    <t>VDA BRR EL CRUCE PEAJE AGUAS NEGRAS</t>
  </si>
  <si>
    <t>VARIEDADES LOS MILAGROS</t>
  </si>
  <si>
    <t>CL 44A #5A-7 VALLEDUPAR CESAR COLOMBIA</t>
  </si>
  <si>
    <t>AIPE</t>
  </si>
  <si>
    <t>MULTISERVICIOSJWA@GMAIL.COM</t>
  </si>
  <si>
    <t>CRA. 5 #8-86 AIPE HUILA COLOMBIA</t>
  </si>
  <si>
    <t>PAPELERIA PAGUE AQUI</t>
  </si>
  <si>
    <t>CR 32 # 34 120 BRR PALMERAS DEL NORTE</t>
  </si>
  <si>
    <t>FLORISTERIA AROMA Y POLEN</t>
  </si>
  <si>
    <t>CL 160 BIS # 7 H - 38 / IN 1 BRR SAN CRISTOBAL NORTE</t>
  </si>
  <si>
    <t>MINIMERCADO</t>
  </si>
  <si>
    <t>CL 2 # 8 A 58 BRR FLORIDA</t>
  </si>
  <si>
    <t>AUTOSERVICIO DONDE MARTIN</t>
  </si>
  <si>
    <t>CL 5 # 5 27 BRR CENTRO</t>
  </si>
  <si>
    <t>VARIEDADES ANGI  THECH</t>
  </si>
  <si>
    <t>DG 21 # 42 40 BRR RINCON GIRON</t>
  </si>
  <si>
    <t>PELUQUERIA ISABELA Y SPA</t>
  </si>
  <si>
    <t>CL 7 # 22 81 BRR CANDELARIA DEL NORTE</t>
  </si>
  <si>
    <t>INTERNET DEISY</t>
  </si>
  <si>
    <t>EN CLUB CLUB SOCIAL CLUB SOCIAL LC 5 VDA APIAI VIA PUERTO LOPEZ BRR APIAI</t>
  </si>
  <si>
    <t>COMUNICACIONESISABELLA@GMAIL.COM</t>
  </si>
  <si>
    <t>CL. 9A SUR #58-48 VILLAVICENCIO META COLOMBIA</t>
  </si>
  <si>
    <t>RS RESPUESTA Y SERVICIOS</t>
  </si>
  <si>
    <t>CLL 22 NO. 7A-14</t>
  </si>
  <si>
    <t>VARIEDADDES DILIAG</t>
  </si>
  <si>
    <t>CL 6 3 0061 01</t>
  </si>
  <si>
    <t>PAPALERIA</t>
  </si>
  <si>
    <t>CL 51 A SUR # 80 29 BRR CASABLANCA SUR</t>
  </si>
  <si>
    <t>PAPELERIA DISCOVERY</t>
  </si>
  <si>
    <t>CR 3 # 1 37 BRR CHOACHI</t>
  </si>
  <si>
    <t>DORA GUERRERO CASTIBLANCO</t>
  </si>
  <si>
    <t>CL 43 S # 3 D - 37 ESTE BRR LA GLORIA</t>
  </si>
  <si>
    <t>AV. CIRCUNVALAR CL. 45 INT. EXITO METROPOLITANO</t>
  </si>
  <si>
    <t>SERVILLANTAS LA ESTACION</t>
  </si>
  <si>
    <t>CR 18 # 23 30 BRR SAN VICENTE</t>
  </si>
  <si>
    <t>SERVICXIOS YESUHA</t>
  </si>
  <si>
    <t>CR 60 # 83 13 BRR SAN EXPEDITO</t>
  </si>
  <si>
    <t>DROGUERIA PHARMA WILLIAM</t>
  </si>
  <si>
    <t>CL 6 7 10</t>
  </si>
  <si>
    <t>KAREN CACHARRERIA Y MIS</t>
  </si>
  <si>
    <t>CL 1 AN #3-32 BRR PALERMO PIE DE CUESTA</t>
  </si>
  <si>
    <t>VARIEDADES MARANDU</t>
  </si>
  <si>
    <t>CL 1 BIS # 11 - 39 BRR EL CONSUELO</t>
  </si>
  <si>
    <t>CL 129 # 89 - 44 BRR SUBA RINCON</t>
  </si>
  <si>
    <t>CALZADO DARIANA</t>
  </si>
  <si>
    <t>AV 22 # 18 - 43 BRR GAITAN</t>
  </si>
  <si>
    <t>SHOP IMPERIO</t>
  </si>
  <si>
    <t>CL 4 B NORTE # 22 - 36 BRR ATALAYA 1 ETAPA</t>
  </si>
  <si>
    <t>CRA. 15 29-116 C.C. OCEAN MALL INT. JUMBO L-10</t>
  </si>
  <si>
    <t>CYBEERSCOOFE LA 21</t>
  </si>
  <si>
    <t>CR 21 # 51 07 BRR LA CONCORDIA</t>
  </si>
  <si>
    <t>MISCELANEA KLAUDYA</t>
  </si>
  <si>
    <t>CL 13 # 4 41 BRR ALVARO PAYARES</t>
  </si>
  <si>
    <t>PUNTO ANTONIO VILLAVICENCIO</t>
  </si>
  <si>
    <t>CL 35 A # 16 E 38 BRR ANTONIO</t>
  </si>
  <si>
    <t>PAGOS SANTANA</t>
  </si>
  <si>
    <t>CL 35 SUR # 14 C 43 BRR QUINTAS SANTANA</t>
  </si>
  <si>
    <t>DIAG. 10 NO. 6N15 L-4 INTERIOR ALMACEN JUMBO.</t>
  </si>
  <si>
    <t>CYBER HD</t>
  </si>
  <si>
    <t>CRA. 8 #6-34 CASTILLA LA NUEVA META COLOMBIA</t>
  </si>
  <si>
    <t>VILLAVIEJA</t>
  </si>
  <si>
    <t>A F</t>
  </si>
  <si>
    <t>CRA 5 4 22</t>
  </si>
  <si>
    <t>MOCOA</t>
  </si>
  <si>
    <t>COOFARMEDICA MOCOA DIAZ</t>
  </si>
  <si>
    <t>CRA 7 CL 8</t>
  </si>
  <si>
    <t>DISERVICIOS F  M</t>
  </si>
  <si>
    <t>CL 25 # 66 A 35 / LC 2 BRR LA PAMPA</t>
  </si>
  <si>
    <t>TIENDA GRADA LA 26</t>
  </si>
  <si>
    <t>CL 26 B # 23 4 BRR BELALCAZAR</t>
  </si>
  <si>
    <t>CELLANO LA 38</t>
  </si>
  <si>
    <t>CL 38 # 31 - 69 / 71 BRR EL CENTRO</t>
  </si>
  <si>
    <t>CALLE 5 # 50-103 LOCAL 1-89 PISO 1</t>
  </si>
  <si>
    <t>CRA. 7 16-50 L-111 CENTRO DEL COMERCIO</t>
  </si>
  <si>
    <t>CABINAS</t>
  </si>
  <si>
    <t>CL. 9 #6-117 SOACHA CUNDINAMARCA COLOMBIA</t>
  </si>
  <si>
    <t>SOLUCIONES INTEGRALES DG</t>
  </si>
  <si>
    <t>DG 18 # 16 02 BRR JUAN VARGAS</t>
  </si>
  <si>
    <t>ALMACEN Y VARIEDADES EL TRIUNFO</t>
  </si>
  <si>
    <t>CR 5 # 2 42 BRR CENTRO</t>
  </si>
  <si>
    <t>DROGUERIA VICTORIA C Y C F</t>
  </si>
  <si>
    <t>CRA 37 I 16 28 B GUATIQUIA</t>
  </si>
  <si>
    <t>ALGECIRAS</t>
  </si>
  <si>
    <t>MULTISERVICIOS ALGECIRAS DIGITAL</t>
  </si>
  <si>
    <t>CL 6 # 6 22 BRR CENTRO</t>
  </si>
  <si>
    <t>FLORIDA</t>
  </si>
  <si>
    <t>PAPELERIA BOSQUES</t>
  </si>
  <si>
    <t>CL 13 # 32 20 BRR EL BOSQUE</t>
  </si>
  <si>
    <t>FL PAGOS Y SERVICIOS</t>
  </si>
  <si>
    <t>CL 53 # 10 31 BRR LEON XIII</t>
  </si>
  <si>
    <t>SOAT 2</t>
  </si>
  <si>
    <t>CL 34 # 17 85 BRR PRIMERO DE MAYO</t>
  </si>
  <si>
    <t>MULTICELL JY</t>
  </si>
  <si>
    <t>CL 13 A # 80 D 31 BRR ANDA LUCIA</t>
  </si>
  <si>
    <t>MANDARINA.NET.COM</t>
  </si>
  <si>
    <t>CR 10 # 49 H 72 - SUR / LC 1 BRR EL PLAYON</t>
  </si>
  <si>
    <t>MULTISERVICIOS FENIX J</t>
  </si>
  <si>
    <t>CL 28 SUR # 0 - 19 ESTE BRR CORDOBA</t>
  </si>
  <si>
    <t>DIAG. 55 NO. 35217 L-114</t>
  </si>
  <si>
    <t>HERNANDEZ VARGAS</t>
  </si>
  <si>
    <t>CL 69 # 7 B 105 / IN 12 CA 4 BRR BARRIO JUAN XXIII BUCARAMANGA</t>
  </si>
  <si>
    <t>VARIEDADES DANI</t>
  </si>
  <si>
    <t>CR 10 # 54 BIS 18 BRR LA GRANJA</t>
  </si>
  <si>
    <t>MINIMARKET AZALEA 2</t>
  </si>
  <si>
    <t>CR 31 # 33 61 BRR CIUDAD VERDE</t>
  </si>
  <si>
    <t>DULCERIA LA COLMENA</t>
  </si>
  <si>
    <t>CR 3 # 3 20 BRR CENTRO</t>
  </si>
  <si>
    <t>CENTRO DE RECAUDOS</t>
  </si>
  <si>
    <t>CR 2 # 6 105 BRR CENTRO</t>
  </si>
  <si>
    <t>SAN JUAN DE RIOSECO</t>
  </si>
  <si>
    <t>LANCHE MORE</t>
  </si>
  <si>
    <t>CL 4 # 03 49 BRR CENTRO</t>
  </si>
  <si>
    <t>VARIEDADES Y PAPELERIA NIKOL SALAZAR</t>
  </si>
  <si>
    <t>CL 0 # 3 71 BRR SAN FAUSTINO</t>
  </si>
  <si>
    <t>CL. 21 16-25 INT. DE SAO LA PAJUELA P2</t>
  </si>
  <si>
    <t>CYBERCOM</t>
  </si>
  <si>
    <t>KM 11 BRR VEREDA LOS LAURELES</t>
  </si>
  <si>
    <t>QUEBRADANEGRA</t>
  </si>
  <si>
    <t>MISCELANEA NUESTRA SEORA DE GUADALUPE</t>
  </si>
  <si>
    <t>CR 3 # 52 54 BRR CENTRO</t>
  </si>
  <si>
    <t>ALMACEN ECLIPSE STORE</t>
  </si>
  <si>
    <t>KR 7 NO 8 - 15 LC 3</t>
  </si>
  <si>
    <t>TIDS INTERNET</t>
  </si>
  <si>
    <t>CR 15 ESTE # 32 89 BRR SAN MATEO BOSQUE</t>
  </si>
  <si>
    <t>PATRICIA Y BRIGGITH</t>
  </si>
  <si>
    <t>CL 39 C # 27 A - 11 BRR EMPORIO</t>
  </si>
  <si>
    <t>MAVI.COM</t>
  </si>
  <si>
    <t>CR 4 # 5 B 38 / LC 3 BRR PORTAL DE OTOÃ‘O</t>
  </si>
  <si>
    <t>SUS SERVICIOS</t>
  </si>
  <si>
    <t>CRA. 1 A #8 PUERTO RICO META COLOMBIA</t>
  </si>
  <si>
    <t>HERMAR.NET</t>
  </si>
  <si>
    <t>CL. 7 ##10-39 OPORAPA HUILA COLOMBIA</t>
  </si>
  <si>
    <t>LA PALMA</t>
  </si>
  <si>
    <t>SOLUCIONES SUPER PAGA</t>
  </si>
  <si>
    <t>CR 4 # 4 61 BRR CENTRO</t>
  </si>
  <si>
    <t>COMUNICACIONES GOZZY</t>
  </si>
  <si>
    <t>CR 1 J # 73 A - 24 BRR PETECUY ET 1</t>
  </si>
  <si>
    <t>VARIEDADES Y PAPELERIA SHIRLY</t>
  </si>
  <si>
    <t>CR 22 # 1 - 51 BRR BARRIO SOCIEGO</t>
  </si>
  <si>
    <t>DROGUERIA</t>
  </si>
  <si>
    <t>CL 4 A # 8 A - 39 BRR EL BOSQUE</t>
  </si>
  <si>
    <t>CIMITARRA</t>
  </si>
  <si>
    <t>LUPUCEL</t>
  </si>
  <si>
    <t>CR 6 # 5 52 BRR CIMITARRA</t>
  </si>
  <si>
    <t>MULTIPAGOS ISABELLA</t>
  </si>
  <si>
    <t>CL 39 # 18 03 BRR RINCON DE GIRON</t>
  </si>
  <si>
    <t>PROVITAL AQUARIUM</t>
  </si>
  <si>
    <t>KM 1 # 1 - 93 L # 1 - 93 LC 6 BRR AQUARIUM</t>
  </si>
  <si>
    <t>CACHARRERIA YACKY</t>
  </si>
  <si>
    <t>CL 9 SUR # 23 B 15 BRR LA ROSITA</t>
  </si>
  <si>
    <t>ABC PAGOS</t>
  </si>
  <si>
    <t>CR 16 # 28 28 BRR ANDES</t>
  </si>
  <si>
    <t>PAPELERIA E INTERNET VALEDANNA</t>
  </si>
  <si>
    <t>TV 18 J # 10 20 BRR DANUBIO</t>
  </si>
  <si>
    <t>SAN FRANCISCO</t>
  </si>
  <si>
    <t>PAPELERIA Y TRAMITES  ISATHAM</t>
  </si>
  <si>
    <t>CR 2 # 2 - 52 PISO 1</t>
  </si>
  <si>
    <t>CL 7 # 04 09 BRR CENTRO</t>
  </si>
  <si>
    <t>PERPECTIVA TIENDA Y SERVICIOS</t>
  </si>
  <si>
    <t>AV 19 # 25 04 BRR CENTRO</t>
  </si>
  <si>
    <t>MENSAJERIA</t>
  </si>
  <si>
    <t>CR 3 # 14 29 BRR SOACHA</t>
  </si>
  <si>
    <t>MULTISERVICOS JIRETH</t>
  </si>
  <si>
    <t>TER KDX KDX 312 BRR MIRAFLORES</t>
  </si>
  <si>
    <t>VARIEDADES ROSDY</t>
  </si>
  <si>
    <t>CR 5 # 5 - 41 BRR SAN JOSE OBRERO</t>
  </si>
  <si>
    <t>CALLE 33B NO. 20-03 LOCAL 9911 INTERIOR C. CIAL FUNDADORES.</t>
  </si>
  <si>
    <t>SUPERSERVI EXPRESS</t>
  </si>
  <si>
    <t>CL 49 # 28 64 BRR ANTIGUO CAMPESTRE</t>
  </si>
  <si>
    <t>ELLITA</t>
  </si>
  <si>
    <t>CR 35 # 51 89 BRR CABECERA DEL LLANO</t>
  </si>
  <si>
    <t>PAPELERIA SUPERLOCO</t>
  </si>
  <si>
    <t>CL 10 # 28 36 BRR LA UNIVERSIDAD</t>
  </si>
  <si>
    <t>LAS DOS S.S</t>
  </si>
  <si>
    <t>CR 17 # 7 76 BRR COMUNEROS</t>
  </si>
  <si>
    <t>PT STEYLIN</t>
  </si>
  <si>
    <t>CRA 13 N 21 39 B DELICIAS</t>
  </si>
  <si>
    <t>SOLUCIONES INTEGRALES DEL LLANO</t>
  </si>
  <si>
    <t>CL 6 # 15 60 BRR PUERTO LOPEZ</t>
  </si>
  <si>
    <t>DULCE AMOR T Y J</t>
  </si>
  <si>
    <t>CL 6 # 7 49 BRR ACROPOLIS</t>
  </si>
  <si>
    <t>YACOPÍ</t>
  </si>
  <si>
    <t xml:space="preserve">CAT SMARTPHONE </t>
  </si>
  <si>
    <t>VIA MORAY #11 YACOPI YACOPI CUNDINAMARCA COLOMBIA</t>
  </si>
  <si>
    <t xml:space="preserve">PUNTO DE SOLUCIONES </t>
  </si>
  <si>
    <t>CL 43 NO 21 A ESTE 24 MZ 23 LT 39</t>
  </si>
  <si>
    <t>Archipiélago de San Andrés, Providencia y Santa Catalina</t>
  </si>
  <si>
    <t>SAN ANDRÉS</t>
  </si>
  <si>
    <t>PASAJE CCIAL SAN ANDRES LOCAL 12</t>
  </si>
  <si>
    <t>PAPELERIA ABINAIL</t>
  </si>
  <si>
    <t>BLV 18 20 BRR SAN FRANCISCO</t>
  </si>
  <si>
    <t>NATIS DESCUENTOS</t>
  </si>
  <si>
    <t>CL. 9 #12-32 PUERTO GAITï¿N META COLOMBIA</t>
  </si>
  <si>
    <t>GUAYABAL DE SÍQUIMA</t>
  </si>
  <si>
    <t>ALMACENES ELIPAO</t>
  </si>
  <si>
    <t>CL 3 # 5 24 BRR CENTRO</t>
  </si>
  <si>
    <t>JOHAN LEYTON</t>
  </si>
  <si>
    <t>CL 42 A # 29 32 BRR POBLADO</t>
  </si>
  <si>
    <t>SEGUROS SHEDA</t>
  </si>
  <si>
    <t>CR 93 A # 42 63 - SUR BRR CIUDAD DE CALI</t>
  </si>
  <si>
    <t>INTERNET E.L</t>
  </si>
  <si>
    <t>CR 8 # 24 A 20 BRR LA AMISTAD</t>
  </si>
  <si>
    <t>MIRANDA</t>
  </si>
  <si>
    <t>LIBRERIA Y VARIEDADES BETEL</t>
  </si>
  <si>
    <t>DG 13 # 13 A - 39 BRR COLSEGUROS MIRANDA CAUCA</t>
  </si>
  <si>
    <t>CONECTA-BIT</t>
  </si>
  <si>
    <t>CL 62 D BIS # 71 D - 30 SUR BRR LA VALVANERA</t>
  </si>
  <si>
    <t>PAGOS Y SERVICIOS AV CALI</t>
  </si>
  <si>
    <t>CL 1 A # 82 - 74 BRR BARRIO MARIA PAZ</t>
  </si>
  <si>
    <t>CL. 98 NO. 52-115 L-EAC-3A SOTANO 1A</t>
  </si>
  <si>
    <t>PAGA DE UNA MULTISERVICIOS</t>
  </si>
  <si>
    <t>CL 19 SUR # 36 22 / LC 102 ET 4 BRR SAN JORGE</t>
  </si>
  <si>
    <t>PUERTO LLERAS</t>
  </si>
  <si>
    <t>DISTRIBUCIONES ANGELCOM</t>
  </si>
  <si>
    <t>CR 4 # 6 A 35 BRR CENTRO</t>
  </si>
  <si>
    <t>VARIEDADES JUAN MARTIN</t>
  </si>
  <si>
    <t>CR 17 # 18 84 BRR LA ESTACION</t>
  </si>
  <si>
    <t>ALEXMOLL</t>
  </si>
  <si>
    <t>CRA. 1 #2720 FUSAGASUGï¿ LA SERENA FUSAGASUGï¿ CUNDINAMARCA COLOMBIA</t>
  </si>
  <si>
    <t>COMUNICACIONES DE ORIENTE</t>
  </si>
  <si>
    <t>CR 5 # 2 26 BRR CENTRO</t>
  </si>
  <si>
    <t>VARIEDADES E INTERNET ANDICOM</t>
  </si>
  <si>
    <t>CL 4 4 0025 00002</t>
  </si>
  <si>
    <t>CAPARRAPÍ</t>
  </si>
  <si>
    <t>SAN MIGUEL - SASTRERIA</t>
  </si>
  <si>
    <t>CR 3 # 44 50 BRR CENTRO</t>
  </si>
  <si>
    <t>SASTOQUE DE CASTAEDA MARIA MAGDALENA</t>
  </si>
  <si>
    <t>CL 21 # 1 A 513 - ESTE BRR SAN PEDRO</t>
  </si>
  <si>
    <t>SERVICIOS EFECTIVOS</t>
  </si>
  <si>
    <t>DG 27 A # 3 47 BRR SAN MATEO</t>
  </si>
  <si>
    <t>CRA. 10 NO. 30B-20 SUR PISO 2</t>
  </si>
  <si>
    <t>MISCELANEA LA MARCA BET-TEL</t>
  </si>
  <si>
    <t>MZ A CASA 9 BRR VILLA HELENA I</t>
  </si>
  <si>
    <t>SERVI LA 18</t>
  </si>
  <si>
    <t>CRA. 5 #17A-48 PUERTO GAITN META COLOMBIA</t>
  </si>
  <si>
    <t>MOBILE STORE ACCESORIOS Y PAPELERIA</t>
  </si>
  <si>
    <t>CL 8 A # 3 52 BRR NARANJITA</t>
  </si>
  <si>
    <t>PITAL</t>
  </si>
  <si>
    <t>SALE LNEA.COM</t>
  </si>
  <si>
    <t>CL 7 # 9 11 BRR CENTRO</t>
  </si>
  <si>
    <t>JOSE LEONARDO ANGARITA LARA</t>
  </si>
  <si>
    <t>CL 64 # 1 57 BRR MIRA RIO</t>
  </si>
  <si>
    <t>MULTI SERVICES JY</t>
  </si>
  <si>
    <t>CR 22 A # 3 52 - SUR BRR EL SOCIEGO</t>
  </si>
  <si>
    <t>TIENDA LUCA 11</t>
  </si>
  <si>
    <t>CR 11 B BIS A # 127 11 BRR LAS QUINTAS</t>
  </si>
  <si>
    <t>PIOS MULTISERVICIOS</t>
  </si>
  <si>
    <t>CR 7 # 5 - 68 BRR ALTICO</t>
  </si>
  <si>
    <t>CL. 30A NO. 82A-26 L-2135</t>
  </si>
  <si>
    <t>CRA. 34 NO. 8-63 L-239</t>
  </si>
  <si>
    <t>PAPELERIA AJ</t>
  </si>
  <si>
    <t>CL 63 B # 118 B 12 BRR SABANA DEL DORADO</t>
  </si>
  <si>
    <t>ALMACEN Y TALLER PIPOLIMOTOS</t>
  </si>
  <si>
    <t>DG 21 # 22 46 BRR FUNDADORES</t>
  </si>
  <si>
    <t>EMPRESA DE TECNOLOGIA Y COMUNICACIONES 7 SAS ZOMAC</t>
  </si>
  <si>
    <t>CR 15 # 18 67 BRR LIBERTADORES</t>
  </si>
  <si>
    <t>HATO COROZAL</t>
  </si>
  <si>
    <t>OFICINA DE ENVIOS INTERRAPIDISIMO</t>
  </si>
  <si>
    <t>CL 12 # 11 65 BRR DIEZ DE JULIO</t>
  </si>
  <si>
    <t>CAF VALEN</t>
  </si>
  <si>
    <t>CR 17 # 40 03 BRR VILLA MILENA GUALANDAY</t>
  </si>
  <si>
    <t>VARIEDADES GLORIA NEIVA</t>
  </si>
  <si>
    <t>KR 37 SUR 44 SALON SOCIAL BOSQUES DE SAN LUIS</t>
  </si>
  <si>
    <t>SIN FRONTERAS.NET</t>
  </si>
  <si>
    <t>CRA 5 3 57</t>
  </si>
  <si>
    <t>PERO SHOP SHAILON</t>
  </si>
  <si>
    <t>KR 10 NO 53-36</t>
  </si>
  <si>
    <t>DULCILANDIA SAMI</t>
  </si>
  <si>
    <t>CR 23 # 06 C 04 BRR PARQUES DE SANTA MARIA</t>
  </si>
  <si>
    <t>DETALLITOS SUEO CEREZA</t>
  </si>
  <si>
    <t>AV 23 # 12 29 BRR SAN RAFAEL</t>
  </si>
  <si>
    <t>PAPAELERIA SHADANA.COM</t>
  </si>
  <si>
    <t>CLL 21 N 449 LOCAL 1</t>
  </si>
  <si>
    <t>TELL-COLORS</t>
  </si>
  <si>
    <t>CL 128 D # 92 45 BRR EL RINCON</t>
  </si>
  <si>
    <t>VARIEDADES ALEJA</t>
  </si>
  <si>
    <t>TV 40 # 74 A 03 - SUR / LC 1 BRR LAS BRISAS</t>
  </si>
  <si>
    <t>CRA. 3 NO. 11A-37 PISO 2 L-17 EDIF. KOKORICO</t>
  </si>
  <si>
    <t>ASESORIAS CAROLINA</t>
  </si>
  <si>
    <t>CALLE 12 ENTRE CARRERA 15 Y 16</t>
  </si>
  <si>
    <t>CONFECCIONES ALCARAVAN</t>
  </si>
  <si>
    <t>CL 15 # 13 71 / LC 1 BRR CENTRO</t>
  </si>
  <si>
    <t>PAPERIA Y MISELANIA</t>
  </si>
  <si>
    <t>CL 13 # 17 74 BRR EL LAGO</t>
  </si>
  <si>
    <t>SUPERSERVICE DEL VALLE</t>
  </si>
  <si>
    <t>CL 14 # 46 - 25 / LC 201 BRR LA SELVA</t>
  </si>
  <si>
    <t>TERMINAL DE TRANSPORTE PISO 2 L-313</t>
  </si>
  <si>
    <t>MISCELANEA SARITH</t>
  </si>
  <si>
    <t>CR 14 D # 9 55 BRR VILLA SOFIA</t>
  </si>
  <si>
    <t>LA GUAPOTEA</t>
  </si>
  <si>
    <t>SEC 1 MZ 63 - 16 BRR CIUDAD TAYRONA</t>
  </si>
  <si>
    <t>AMERKAR DEL LLANO</t>
  </si>
  <si>
    <t>CL 28 SUR # 37 14 / SM 2 MZ J CA 10 ET 2 BRR GUATAPE</t>
  </si>
  <si>
    <t>PAPELERIA Y VARIEDADES YERIT</t>
  </si>
  <si>
    <t>C $</t>
  </si>
  <si>
    <t>DROGUERIA AGUIRRE</t>
  </si>
  <si>
    <t>CRA 4 17 100</t>
  </si>
  <si>
    <t>UBALÁ</t>
  </si>
  <si>
    <t>PANALERA SAGU</t>
  </si>
  <si>
    <t>CRA. 6 #12-62 UBAL CUNDINAMARCA COLOMBIA</t>
  </si>
  <si>
    <t>MINIMARKET M&amp;M LA TERCERA</t>
  </si>
  <si>
    <t>KR 3 NO 5 - 05</t>
  </si>
  <si>
    <t>MULTICERVICIO  HENAO</t>
  </si>
  <si>
    <t>CR 2 # 10 - 03 BRR PORTAL DE JAMUNDI</t>
  </si>
  <si>
    <t>AV. BOLIVAR CRA. 14 NO. 14-34 L-101A</t>
  </si>
  <si>
    <t>SAN JOSÉ DE PARE</t>
  </si>
  <si>
    <t>ACYF COMPUSYSTEMS</t>
  </si>
  <si>
    <t>CL 2 N 4 - 07</t>
  </si>
  <si>
    <t>MURANO MINIMARKET</t>
  </si>
  <si>
    <t>CL 34 # 27 44 / ED MURANO LC 2 BRR LA AURORA</t>
  </si>
  <si>
    <t>ENERGY TECH GESTION A LA MANO</t>
  </si>
  <si>
    <t>CL 22 # 36 10 / AP 201 BRR SAN BENITO</t>
  </si>
  <si>
    <t>MULTISERVICIOS JUNIOR</t>
  </si>
  <si>
    <t>CR 1 E BIS # 80 A 39 BRR VILLA MARCELA</t>
  </si>
  <si>
    <t>BEKER PH INTEGRALES SAS</t>
  </si>
  <si>
    <t>CL 18 OESTE # 0 14 BRR SOACHA</t>
  </si>
  <si>
    <t>PAPELERIA LUPITA</t>
  </si>
  <si>
    <t>CL 34 # 10 17 BRR MIRAFLOREZ</t>
  </si>
  <si>
    <t>DIAG. SANTANDER CL. 10 Y 11 INT. METRO</t>
  </si>
  <si>
    <t>SANDRA VELANDIA</t>
  </si>
  <si>
    <t>CL 42 A BIS # 80 D 34 - SUR / LC 1 BRR VILLA NELLY III SECTOR</t>
  </si>
  <si>
    <t>DROGUERIA ECONOFAR</t>
  </si>
  <si>
    <t>VDA RUNTA ABAJO SEC BRR CABANA</t>
  </si>
  <si>
    <t>SERVICE GOLD</t>
  </si>
  <si>
    <t>CL 18 # 28 56 BRR SAN ALONSO</t>
  </si>
  <si>
    <t>SERVIVIRTUAL</t>
  </si>
  <si>
    <t>CL 13 # 15 63 BRR CENTRO</t>
  </si>
  <si>
    <t>CAFE INTERNET COMUNIKT.COM FLORENCIA</t>
  </si>
  <si>
    <t>CL 16 10 39 BRR CENTRO</t>
  </si>
  <si>
    <t>MULTISERVICIOS SANTA RITA</t>
  </si>
  <si>
    <t>CR 5 # 11 51 / LC 2 BRR SANTA RITA</t>
  </si>
  <si>
    <t>MISCELANEA MARY</t>
  </si>
  <si>
    <t>Carrera 11 No 82-76 piso 4</t>
  </si>
  <si>
    <t>MIRANET BANDA ANCHA</t>
  </si>
  <si>
    <t>CR 1 C # 24 A 46 / LC 102 BRR VILLA LADY</t>
  </si>
  <si>
    <t>INTERNET Y PAPELERIA SOPLA RUAH</t>
  </si>
  <si>
    <t>CALLE 73 # 43-05</t>
  </si>
  <si>
    <t>PAPER BLUE</t>
  </si>
  <si>
    <t>CR 70 G # 62 G 29 - SUR BRR PERDOMO</t>
  </si>
  <si>
    <t>CRA. 10 NO. 14-71 PISO 2</t>
  </si>
  <si>
    <t>CRA. 1 NO. 37-36 L-B2-16</t>
  </si>
  <si>
    <t>TELECABINAS.NET</t>
  </si>
  <si>
    <t>CL 57 C SUR # 77 K 59 / P 1 BRR LA CECILIA</t>
  </si>
  <si>
    <t>COFFEE INTERNET Y PANALERA PKM</t>
  </si>
  <si>
    <t>CR 18 B # 60 G 05 - SUR BRR MEISSEN</t>
  </si>
  <si>
    <t>PAGOS LA CONFIANZA 1</t>
  </si>
  <si>
    <t>CR 10 # 6 81 BRR HOGARES SOACHA</t>
  </si>
  <si>
    <t>PAPELERIA MANANTIAL ARTESANAL</t>
  </si>
  <si>
    <t>CRA 7 11 13</t>
  </si>
  <si>
    <t>MICHAEL BEDOYA</t>
  </si>
  <si>
    <t>CR 12 # 53 56 BRR LA BASE</t>
  </si>
  <si>
    <t>VARIEDADES MAFECAFE</t>
  </si>
  <si>
    <t>CL 52 # 24 C 42 BRR NUEVA FLORESTA</t>
  </si>
  <si>
    <t>MISCELANEA VALERY</t>
  </si>
  <si>
    <t>CL 35 B SUR # 87 G 34 - SUR BRR PATIO BONITO</t>
  </si>
  <si>
    <t>SOLUCIONES ACADEMICAS.NET</t>
  </si>
  <si>
    <t>CL 8 A BIS # 78 - 43 BRR CASTILLA</t>
  </si>
  <si>
    <t>SAN SEBASTIÁN DE BUENAVISTA</t>
  </si>
  <si>
    <t>VARIEDADES VALENTINA # 1</t>
  </si>
  <si>
    <t>CL 6 # 2 05 BRR CENTRO</t>
  </si>
  <si>
    <t>PAPELERIA  Y MISCELANEA  CEEPORT</t>
  </si>
  <si>
    <t>CL 197 A # 29 76 BRR VILLAS DE SAN FRANCISCO</t>
  </si>
  <si>
    <t>JURISERVICIOS Y SOLUCIONES LN</t>
  </si>
  <si>
    <t>CARRERA 4 NO. 3-30</t>
  </si>
  <si>
    <t>EXPLORANDO EL MUNDO</t>
  </si>
  <si>
    <t>TRANSVERSAL 18P BIS 7A 41</t>
  </si>
  <si>
    <t>ARQUI ENVIOS</t>
  </si>
  <si>
    <t>CR 1 # 18 - 23 BRR CENTRO</t>
  </si>
  <si>
    <t>MINIMERCADO DONDE EL PAISANO</t>
  </si>
  <si>
    <t>CALLE 8 SUR # 15 A -173</t>
  </si>
  <si>
    <t>AV. CRA. 104 NO. 148-07 L-2-17</t>
  </si>
  <si>
    <t>AV. SAN MARTIN NO. 7 135</t>
  </si>
  <si>
    <t>SAN MARTÍN</t>
  </si>
  <si>
    <t>TECNO SOLUCIONES SAN MARTIN</t>
  </si>
  <si>
    <t>CL 6 # 6 61 BRR FUNDADORES</t>
  </si>
  <si>
    <t>VARIEDADES LA QUIMERA</t>
  </si>
  <si>
    <t>CL 1 # 5 56 BRR OBRERO</t>
  </si>
  <si>
    <t xml:space="preserve">CAFE INTERNET PALACIO </t>
  </si>
  <si>
    <t>CL. 46A #43A ESTE-7 SOACHA CUNDINAMARCA COLOMBIA</t>
  </si>
  <si>
    <t>YUMBO</t>
  </si>
  <si>
    <t>ARLEY GONZALEZ</t>
  </si>
  <si>
    <t>CL 12 # 5 27 BRR BOLIVAR YUMBO</t>
  </si>
  <si>
    <t>PAPELERIA BUGS</t>
  </si>
  <si>
    <t>CR 13 K # 26 10 - SUR / LC 3 BRR COMPARTIR</t>
  </si>
  <si>
    <t>PAGOS EDUARDO SANTOS</t>
  </si>
  <si>
    <t>DG 4 A # 18 A - 08 BRR EDUARDO SANTOS</t>
  </si>
  <si>
    <t>GLOBAL SHOP</t>
  </si>
  <si>
    <t>CR 10 # 13 04 BRR PUERTO GAITAN</t>
  </si>
  <si>
    <t>TELEMIC.NET</t>
  </si>
  <si>
    <t>CRA. 7 #9-21 SAN MARTN META COLOMBIA</t>
  </si>
  <si>
    <t>MERCADOS DIAMANTE</t>
  </si>
  <si>
    <t>CR 12 # 3 14 BRR EL DIAMANTE</t>
  </si>
  <si>
    <t>VIOTÁ</t>
  </si>
  <si>
    <t>AUTOSERVICIO MERKOVIOTA</t>
  </si>
  <si>
    <t>CRA 10 16 17</t>
  </si>
  <si>
    <t>TIENDA NATURISTA VITAL Y NATURAL</t>
  </si>
  <si>
    <t>C 6 7 16 Local Ropa Cod. Pos. 253410</t>
  </si>
  <si>
    <t>SUPERMERCADO EL GRANDIOSO GACHALA</t>
  </si>
  <si>
    <t>VTE GACHALA BRR GACHALA</t>
  </si>
  <si>
    <t>ZIPACÓN</t>
  </si>
  <si>
    <t>NETWORKING</t>
  </si>
  <si>
    <t>KR 4 6 0033 00001</t>
  </si>
  <si>
    <t>MULTIPAGOS JUSTO Y A TIEMPO</t>
  </si>
  <si>
    <t>CR 6 # 14 08 BRR SAN LUIS</t>
  </si>
  <si>
    <t>TELECOMUNICACIONESTESORO</t>
  </si>
  <si>
    <t>DG 77 A SUR # 18 F 37 / P 1 BRR NACIONES UNIDAS</t>
  </si>
  <si>
    <t>VARIEDADES LIPAYI</t>
  </si>
  <si>
    <t>CL 22 # 56 06 BRR BURECHE</t>
  </si>
  <si>
    <t>CAMPOHERMOSO</t>
  </si>
  <si>
    <t>ASORIN COMUNICACIONES</t>
  </si>
  <si>
    <t>CL 3 # 5 6 BRR CAMPO HERMOSO</t>
  </si>
  <si>
    <t>JHON FREDDY DI</t>
  </si>
  <si>
    <t>AV 17 # 7 W 54 BRR PIEDECUESTA</t>
  </si>
  <si>
    <t>INTERNET Y PAPELERIA LA ISLA</t>
  </si>
  <si>
    <t>CR 17 C # 58 05 / P 1 BRR RICAURTE</t>
  </si>
  <si>
    <t>MICROMERCADO SIMANA</t>
  </si>
  <si>
    <t>CR 27 # 16 50 BRR SAN FRANCISCO</t>
  </si>
  <si>
    <t>SUPERCOPIA.NET</t>
  </si>
  <si>
    <t>CL. 3 #121 ZIPAQUIR CUNDINAMARCA COLOMBIA</t>
  </si>
  <si>
    <t>DROGUERIA CHIQUI FARMA Z</t>
  </si>
  <si>
    <t>FOTO DIGITAL EL AMIGO</t>
  </si>
  <si>
    <t>CR 91 B # 128 - 52 BRR SUBA RINCON</t>
  </si>
  <si>
    <t>COMESTIBLES KARO Y SAMU</t>
  </si>
  <si>
    <t>DG 42 A BIS SUR # 04 - 81 ESTE BRR LA GLORIA</t>
  </si>
  <si>
    <t>CRA. 51B NO 87-50 L-0-11</t>
  </si>
  <si>
    <t>CRA. 23 65-11 C.C. CABLE PLAZA L-2</t>
  </si>
  <si>
    <t>LAS POLIZAS</t>
  </si>
  <si>
    <t>CR 11 # 21 90 / LC 112 C BRR SOGAMOSO</t>
  </si>
  <si>
    <t>DROGUERIA SALO</t>
  </si>
  <si>
    <t>CL 28 # 17 56 BRR LA PAZ</t>
  </si>
  <si>
    <t>LA CASA DEL DEPORTE SAN GIL</t>
  </si>
  <si>
    <t>CR 11 # 10 21 BRR CENTRO SANGIL</t>
  </si>
  <si>
    <t>MISCELANEA ACUAMANIA</t>
  </si>
  <si>
    <t>CR 17 # 4 36 BRR TAURAMENA</t>
  </si>
  <si>
    <t>CENTRO DE SERVICIOS MULTIPAGOS SAS 2</t>
  </si>
  <si>
    <t>CL 26 C # 38 90 BRR SIETE DE AGOSTO</t>
  </si>
  <si>
    <t>MCMP GROUP</t>
  </si>
  <si>
    <t>CL 62 # 1 02 / LC 2 BRR LAS MERCEDES</t>
  </si>
  <si>
    <t>PAPELERIA MANUEL DE JESUS</t>
  </si>
  <si>
    <t>CR 8 # 4 48 BRR CENTRO</t>
  </si>
  <si>
    <t>PUNTO DE PAGO VILLA PAOLA</t>
  </si>
  <si>
    <t>CL 14 # 24 02 BRR EL CENTRO</t>
  </si>
  <si>
    <t>TITITO BOUTIQUE</t>
  </si>
  <si>
    <t>CR 6 # 8 54 BRR CENTRO</t>
  </si>
  <si>
    <t>INTERNET LOS CUATES.COM</t>
  </si>
  <si>
    <t>CR 16 D # 20 22 BRR VILLA ITALIA</t>
  </si>
  <si>
    <t>AVENIDA SAMANES NO. 9-140 LOCAL 1-26 PRIMER PISO INTERIOR CENTRO CIAL ACROPOLIS</t>
  </si>
  <si>
    <t>PAPELERï¿­A Y VARIEDADES MAIRA</t>
  </si>
  <si>
    <t>KR 9 11A 0020 00001</t>
  </si>
  <si>
    <t>MISCELANEA Y PAPELERIA YENY</t>
  </si>
  <si>
    <t>CR 40 # 12 07 BRR LA INDEPENDENCIA.</t>
  </si>
  <si>
    <t>DROGUERï¿­A FARMA INTEGRAL TDD</t>
  </si>
  <si>
    <t>CL. 10 #8-24 TRINIDAD CASANARE COLOMBIA</t>
  </si>
  <si>
    <t>CARMEN ALICIA CARRILLO</t>
  </si>
  <si>
    <t>CR 20 # 37 A 17 BRR JORDAN PARAISO</t>
  </si>
  <si>
    <t>PAPELERIA VILLA MARIA TENJO</t>
  </si>
  <si>
    <t>PRODUCCIONES KENDAL</t>
  </si>
  <si>
    <t>CR 5 # 11 38 BRR COTA</t>
  </si>
  <si>
    <t>DROGUERIA CHIQUI FARMA</t>
  </si>
  <si>
    <t>CL 22 A # 6 114 BRR VDA RINCON SANTO</t>
  </si>
  <si>
    <t>TELECOMUNICACIONES GREFLOVE</t>
  </si>
  <si>
    <t>CL 0 # 3 35 BRR SAN FAUSTINO</t>
  </si>
  <si>
    <t>ARCA DE PAPE</t>
  </si>
  <si>
    <t>DG 30 # 14 - 39 BRR TEUSAQUILLO</t>
  </si>
  <si>
    <t>CRA. 43A NO. 30-25 L-2296</t>
  </si>
  <si>
    <t>MENSAJERIA ZUUUM</t>
  </si>
  <si>
    <t>CR 19 # 45 05 BRR LA CONCORDIA</t>
  </si>
  <si>
    <t>COMPUMASTER SUMINISTROS Y SERVICIOS DE COLOMBIA</t>
  </si>
  <si>
    <t>CRA. 4 #6-10 MOCOA PUTUMAYO COLOMBIA</t>
  </si>
  <si>
    <t>PAALERA Y ACCESORIOS NASOF</t>
  </si>
  <si>
    <t>CR 4 ESTE # 10 25 BRR EL PARAISO</t>
  </si>
  <si>
    <t>PAPELERA Y MISCELANEA LPIZ Y PAPEL</t>
  </si>
  <si>
    <t>CR 8 # 22 42 BRR BELLIZCA</t>
  </si>
  <si>
    <t>CENTRO DE SERVICIOS RICAUTE</t>
  </si>
  <si>
    <t>CL 29 # 5 B 14 - ESTE BRR SAN MATEO</t>
  </si>
  <si>
    <t>PAPELERIA  BOTIA</t>
  </si>
  <si>
    <t>CR 58 # 76 - 34 BRR BARRIO SAN FERNANDO</t>
  </si>
  <si>
    <t>JULIETA MISCELANEA Y PAPELERIA</t>
  </si>
  <si>
    <t>CR 15 # 4 07 BRR CENTRO GUAYATA</t>
  </si>
  <si>
    <t>CACHARRERIA LO ECONOMICO</t>
  </si>
  <si>
    <t>CL 5 # 4 C 08 BRR TUNJA</t>
  </si>
  <si>
    <t>INTERNET Y VARIEDADES NANA</t>
  </si>
  <si>
    <t>CL 51 A SUR # 43 35 BRR PORFIA</t>
  </si>
  <si>
    <t>DORITA.COM</t>
  </si>
  <si>
    <t>CL 45 # 40 70 BRR MANAURE PANORAMA</t>
  </si>
  <si>
    <t>DEPOSITO LA SEGUNDA</t>
  </si>
  <si>
    <t>CL 2 # 14 17 BRR SANTA TERESA</t>
  </si>
  <si>
    <t>CR 9 A ESTE # 16 A 185 BRR GALICIA III</t>
  </si>
  <si>
    <t>SUPERMERCADO DE TODO UN POCO</t>
  </si>
  <si>
    <t>VDA SN ROQUE</t>
  </si>
  <si>
    <t>PUNTOPAGO</t>
  </si>
  <si>
    <t>TV 49 # 36 A 18 / LC 3 BRR CIUDADELA SUCRE</t>
  </si>
  <si>
    <t>RECAU2 Y MAS</t>
  </si>
  <si>
    <t>CL 60 # 4 C 31 BRR VILLA DEL PRADO</t>
  </si>
  <si>
    <t>VARIEDADES MULTICOLOR</t>
  </si>
  <si>
    <t>AV 37 # 34 - 05 BRR LA PASTORA</t>
  </si>
  <si>
    <t>TIENDA LAURA</t>
  </si>
  <si>
    <t>CR 24 # 35 B 105 - SUR BRR EL PROGRESO</t>
  </si>
  <si>
    <t>LAURA MELIZA HOLGUIN QUINTERO</t>
  </si>
  <si>
    <t>CR 31 A # 17 44 BRR EL CARMEN</t>
  </si>
  <si>
    <t>MULTI ASEO ISABELLA PLSTICOS Y DESECHABLES</t>
  </si>
  <si>
    <t>CR 17 # 17 A 11 BRR MANCERA</t>
  </si>
  <si>
    <t>RIVERA</t>
  </si>
  <si>
    <t>MULTISERVICIOS ROCOLI</t>
  </si>
  <si>
    <t>CRA 7 NO 3 61</t>
  </si>
  <si>
    <t>PAPELERIA MI HUILA</t>
  </si>
  <si>
    <t>CR 31 B # 24 12 - SUR BRR PUERTAS DEL SOL</t>
  </si>
  <si>
    <t>DROGUERIA FAR.ARCOIRIS</t>
  </si>
  <si>
    <t>K 5 NO.3-01</t>
  </si>
  <si>
    <t>CORRESPONSAL BANCOLOMBIA</t>
  </si>
  <si>
    <t>CR 11 D # 18 B 21 - SUR BRR COMPARTIR</t>
  </si>
  <si>
    <t>COSTA MIA</t>
  </si>
  <si>
    <t>CL 6 # 2 - 51 BRR 7 DE AGOSTO</t>
  </si>
  <si>
    <t>INTERCELL SOLUCIONES</t>
  </si>
  <si>
    <t>CR 7 # 10 70 BRR CENTRO</t>
  </si>
  <si>
    <t>MULTIPAGOS JK</t>
  </si>
  <si>
    <t>CRA. 16 #7-66 CURUMAN CESAR COLOMBIA</t>
  </si>
  <si>
    <t>XBOX.NETNICOLLE</t>
  </si>
  <si>
    <t>CRA 10 NUMERO 3-43BARRIO/LAS MERCEDES</t>
  </si>
  <si>
    <t>COFFEE TAMAYO</t>
  </si>
  <si>
    <t>CL 13 # 5 26 BRR CENTRO</t>
  </si>
  <si>
    <t>PUNTO NORTE</t>
  </si>
  <si>
    <t>SEC 7 AGP 4 AP 4 D 43 BRR CHIMINANGOS DOS</t>
  </si>
  <si>
    <t>LENE.MSTECNOLOGY</t>
  </si>
  <si>
    <t>CR 29 # 72 T 75 BRR POBLADO</t>
  </si>
  <si>
    <t>ASKYLA.NET COMUNICACIONES</t>
  </si>
  <si>
    <t>CL 161 # 16 A 42 BRR ORQUIDEAS</t>
  </si>
  <si>
    <t>INNOVEX D.G</t>
  </si>
  <si>
    <t>CL 75 A SUR # 10 A 42 BRR SANTA LIBRADA</t>
  </si>
  <si>
    <t>EL DORADO DISTRIBUCIONES</t>
  </si>
  <si>
    <t>CL 141 # 101 B 18 BRR EL POA</t>
  </si>
  <si>
    <t>VARIEDADES XIOMY</t>
  </si>
  <si>
    <t>CR 7 # 8 18 BRR FLORIDABLANCA</t>
  </si>
  <si>
    <t>VARIEDADES CHANA NEIVA  2</t>
  </si>
  <si>
    <t>CL 11 # 27 12 BRR 7 DE AGOSTO</t>
  </si>
  <si>
    <t>JRIDEARTE</t>
  </si>
  <si>
    <t>CL 7 # 5 56 BRR CENTRO</t>
  </si>
  <si>
    <t>VARIEDADES VALERIAS</t>
  </si>
  <si>
    <t>CR 4 OESTE # 21 A 22 BRR BOSQUES DE SILECIA</t>
  </si>
  <si>
    <t>TIENDA MIXTA CAMILO</t>
  </si>
  <si>
    <t>CL 3 # 4 23 BRR LA MANZANA</t>
  </si>
  <si>
    <t>PAPELERIA LA VICTORIA 2</t>
  </si>
  <si>
    <t>CL 40 SUR # 96 - 27 BRR CIUDAD GALAN</t>
  </si>
  <si>
    <t>SALON DE BELLEZA LOREN</t>
  </si>
  <si>
    <t>CL 5 # 14 05 BRR ALFONSO LOPEZ</t>
  </si>
  <si>
    <t>CR 6 # 5 7 / LC 105 BRR PARQUE PRINCIPAL</t>
  </si>
  <si>
    <t>RECARGAMOS SUS CARTUCHOS</t>
  </si>
  <si>
    <t>CR 9 # 18 33 BRR CENTRO</t>
  </si>
  <si>
    <t>YUYIS MULISERVICIOS</t>
  </si>
  <si>
    <t>CR 2 # 65 B 01 BRR CANELOS</t>
  </si>
  <si>
    <t>CONTRATACIÓN</t>
  </si>
  <si>
    <t>BICICLETAS MECDU</t>
  </si>
  <si>
    <t>CL 7 # 2 46 BRR PUEBLO NUEVO</t>
  </si>
  <si>
    <t>JARITLU</t>
  </si>
  <si>
    <t>CL 2 N # 3 15 / CRR MORRISON BRR CORREGIMIENTO</t>
  </si>
  <si>
    <t>IMAGEN DIGITAL EL CRISTAL</t>
  </si>
  <si>
    <t>CR 14 # 25 59 BRR CENTRO</t>
  </si>
  <si>
    <t>SERVITEL.COM.TEL</t>
  </si>
  <si>
    <t>C 22 11 85 P VILLA DEL PRADO</t>
  </si>
  <si>
    <t>M  P DELARTE</t>
  </si>
  <si>
    <t>KR 11 46C 0011 02</t>
  </si>
  <si>
    <t>MERCATODO CIUDAD VERDE SAS</t>
  </si>
  <si>
    <t>CR 32 # 17 198 BRR CIUDAD VERDE</t>
  </si>
  <si>
    <t>AL COMPS DE TU IMAGINACIN</t>
  </si>
  <si>
    <t>CR 8 # 3 C 20 / P 1 BRR ACROPOLIS</t>
  </si>
  <si>
    <t>INTERCALIMA</t>
  </si>
  <si>
    <t>CL 68 # 4 N 05 / LC 5 BRR CALIMA</t>
  </si>
  <si>
    <t>FREYA STYLES</t>
  </si>
  <si>
    <t>CR 1 NORTE # 1 N - 57 BRR LAS VEGAS</t>
  </si>
  <si>
    <t>PAPELERIA MOZTAZAL</t>
  </si>
  <si>
    <t>CL 23 # 12 50 / MZ 1 LC 5 BRR SARAGOSA</t>
  </si>
  <si>
    <t>ONDARAMICA</t>
  </si>
  <si>
    <t>CR 9 ESTE # 38 23 / CA 144 ALELIES BRR SAN MATEO</t>
  </si>
  <si>
    <t>CHOCOCANDYS</t>
  </si>
  <si>
    <t>CL 63 # 24 - 79 BRR CAMPIN</t>
  </si>
  <si>
    <t>LUBRI VALEN</t>
  </si>
  <si>
    <t>CL 19 # 22 26 BRR PAIPA</t>
  </si>
  <si>
    <t>LANET</t>
  </si>
  <si>
    <t>CR 5 # 13 A 96 BRR CENTRO</t>
  </si>
  <si>
    <t>BELLAVISTA ROBLES</t>
  </si>
  <si>
    <t>CR 1 # 16 A 61 BRR LOS ROBLES</t>
  </si>
  <si>
    <t>JOHANSPIPE</t>
  </si>
  <si>
    <t>CR 11 # 12 A 04 BRR DUCALES</t>
  </si>
  <si>
    <t>TEGNOLOGIA REINA</t>
  </si>
  <si>
    <t>CL 5 # 7 61 BRR CENTRO</t>
  </si>
  <si>
    <t>ES UNA PANALERA PINATERIA Y JUGUETERIA</t>
  </si>
  <si>
    <t>CR 91 C # 5 A 45 - SUR BRR PRIMAVERA TINTAL #3</t>
  </si>
  <si>
    <t>CRA. 47 52-86 L-123</t>
  </si>
  <si>
    <t>DONDE YOVANY</t>
  </si>
  <si>
    <t>VDA CHUSCAL BRR UMBITA</t>
  </si>
  <si>
    <t>SANTY-STORE</t>
  </si>
  <si>
    <t>CR 30 # 20 70 BRR SAN ALONSO</t>
  </si>
  <si>
    <t>JHON JAIME HERNANDEZ</t>
  </si>
  <si>
    <t>TO 4 LC 1 BRR COLSEGUROS NORTE</t>
  </si>
  <si>
    <t>MULTISERVICIOS SHARCKY</t>
  </si>
  <si>
    <t>CL 11 E # 44 09 / SM 22 MZ 9 CA 2 BRR CIUDADELA SAN ANTONIO</t>
  </si>
  <si>
    <t>PAPELERIA NUEVO MILENIO 2020</t>
  </si>
  <si>
    <t>CR 2 # 6 68 BRR CENTRO</t>
  </si>
  <si>
    <t>TV 17 C # 38 B 12 BRR LOS ROSALES</t>
  </si>
  <si>
    <t>TIENDANET CASTILLO CIBERNAUTA</t>
  </si>
  <si>
    <t>CL 30 SUR # 11 C 10 BRR QUINTAS SANTA ANA</t>
  </si>
  <si>
    <t>AMC MULTISERVICIOS</t>
  </si>
  <si>
    <t>CR 105 # 29 A 25 BRR ASTURIAS II</t>
  </si>
  <si>
    <t>OFICOPIAS DOS</t>
  </si>
  <si>
    <t>CL 6 # 8 12 BRR CENTRO</t>
  </si>
  <si>
    <t>SAN CARLOS DE GUAROA</t>
  </si>
  <si>
    <t>AUTOSERVICO LA ARGENTINA</t>
  </si>
  <si>
    <t>CRA 12 NO 4 - 43</t>
  </si>
  <si>
    <t>DROGAS FARMABUENA</t>
  </si>
  <si>
    <t>CL 18 N SUR # 8 88 BRR VALLES DE ARAGON</t>
  </si>
  <si>
    <t>SALA DE BELLEZA DCRISS</t>
  </si>
  <si>
    <t>CR 17 # 38 09 BRR CAUBULOS</t>
  </si>
  <si>
    <t>MULTISERVICIOS LINE</t>
  </si>
  <si>
    <t>CL 25 A #1G-84 NEIVA HUILA COLOMBIA</t>
  </si>
  <si>
    <t>MISCELNEA RAPIUTILES</t>
  </si>
  <si>
    <t>CR 42 # 18 A 08 / LC 5 BRR SANTA ANA</t>
  </si>
  <si>
    <t>INTERNER MISELANI JS</t>
  </si>
  <si>
    <t>CL 3 # 5 31 / VDA EL PINAL BRR CENTRO</t>
  </si>
  <si>
    <t>SERVICIOS GLOBALES NET</t>
  </si>
  <si>
    <t>CL 1 # 3 60 / BL A LC 104 BRR SOPO</t>
  </si>
  <si>
    <t>ALEXANDER GONZALEZ</t>
  </si>
  <si>
    <t>AK 70 # 74 C 23 BRR BONANZA</t>
  </si>
  <si>
    <t>PAPELERIA LA VICTORIA</t>
  </si>
  <si>
    <t>CR 99 C BIS # 38 67 BRR PALMITAS</t>
  </si>
  <si>
    <t>MUNDO TECNOLÃ“GICO</t>
  </si>
  <si>
    <t>CR 13 # 17 105 BRR SANTA TERESA</t>
  </si>
  <si>
    <t>BECERRIL</t>
  </si>
  <si>
    <t>VARIEDADES HERMANOS VERA</t>
  </si>
  <si>
    <t>CRA 5 10 44</t>
  </si>
  <si>
    <t>PIEDRA PAPEL O TIJERA</t>
  </si>
  <si>
    <t>CL 12 # 7 72 BRR LA LEGUA</t>
  </si>
  <si>
    <t>TECNO GRANDIOSO</t>
  </si>
  <si>
    <t>50 #4-30 GACHALA CUNDINAMARCA COLOMBIA</t>
  </si>
  <si>
    <t>CHYFAY</t>
  </si>
  <si>
    <t>KR 3 21A 09</t>
  </si>
  <si>
    <t>INTERNET LA 8VA</t>
  </si>
  <si>
    <t>CL 8 # 3 40 / LC 1 BRR VERSALLES</t>
  </si>
  <si>
    <t>DROGUERIA MI SALUD DEL VALLE</t>
  </si>
  <si>
    <t>CL 72 A # 1 A - 2 BRR SAN LUIS</t>
  </si>
  <si>
    <t>PAPELERIA  SHALOOM</t>
  </si>
  <si>
    <t>CL 40 SUR # 7 C 49 BRR CENTRO</t>
  </si>
  <si>
    <t>CLARO SAS AGENTE AUTORIZADO</t>
  </si>
  <si>
    <t>CL 42 A # 80 G - 53 SUR BRR BARRIO VILLA EMILIA AMPARO SEGUNDO SECTOR</t>
  </si>
  <si>
    <t>CONECCIONES KARLA</t>
  </si>
  <si>
    <t>CR 2 # 4 - 06 BRR CENTRO</t>
  </si>
  <si>
    <t>CL. 47D 65-115 L-29</t>
  </si>
  <si>
    <t>CL. 10 NO. 43-135 L-216</t>
  </si>
  <si>
    <t>ANIMALANDIA DOG Y CATS</t>
  </si>
  <si>
    <t>CR 4 # 4 C 73 BRR VILLA BACHUE</t>
  </si>
  <si>
    <t>MULTISERVICIOS GM</t>
  </si>
  <si>
    <t>CL 4 # 2 21 BRR CENTRO</t>
  </si>
  <si>
    <t>VARIEDADES SHELCYN</t>
  </si>
  <si>
    <t>CL 16 # 5 22 BRR BARRIO FUNDADORES</t>
  </si>
  <si>
    <t>MARY LONDON</t>
  </si>
  <si>
    <t>CL 17 # 6-08</t>
  </si>
  <si>
    <t>PANALERA PEQUENITOS</t>
  </si>
  <si>
    <t>CL. 6A #7-22 GARZON HUILA COLOMBIA</t>
  </si>
  <si>
    <t>GACHETÁ</t>
  </si>
  <si>
    <t>GUAVIO STORE BIKE CENTER</t>
  </si>
  <si>
    <t>CR 5 # 6 64 BRR JARDIN INMUEBLE</t>
  </si>
  <si>
    <t>LA PRIMAVERA</t>
  </si>
  <si>
    <t>SERVILUVI</t>
  </si>
  <si>
    <t>CL 8 # 4 34 BRR CENTRO</t>
  </si>
  <si>
    <t>FRADDY ROZO</t>
  </si>
  <si>
    <t>CL 5 # 15 60 / CRR ROZO BRR ROZO</t>
  </si>
  <si>
    <t>DIEGO CELL TULUA</t>
  </si>
  <si>
    <t>CALLE 13 49 -20</t>
  </si>
  <si>
    <t>VARIEDADES YOLITA</t>
  </si>
  <si>
    <t>CR 107 BIS A # 71 B 68 BRR VILLA AMALIA</t>
  </si>
  <si>
    <t>CL. 13 CRA. 80 PISO 1 INTERIOR ALMACEN LA 14</t>
  </si>
  <si>
    <t>PAPELERIA LA ESMERALDA 2</t>
  </si>
  <si>
    <t>AV LIBERTADORES 26 44 BRR CENTRO</t>
  </si>
  <si>
    <t>MINIMARKET RUTA 65</t>
  </si>
  <si>
    <t>VILLA DEL PRADO CL. 24 #11-07 MONTERREY CASANARE COLOMBIA</t>
  </si>
  <si>
    <t>SUMINISTROS Y LOGISTICAS SL S.A.S</t>
  </si>
  <si>
    <t>CR 5 # 15 30 BRR POPULAR</t>
  </si>
  <si>
    <t>MIPUNTO@</t>
  </si>
  <si>
    <t>CL 19 B # 12 13 - ESTE BRR FACHADA</t>
  </si>
  <si>
    <t>AGITRAMITES</t>
  </si>
  <si>
    <t>CL 52 # 2 C 34 BRR VILLA COLOMBIA</t>
  </si>
  <si>
    <t>MINIMERCADO ABUNDARA</t>
  </si>
  <si>
    <t>CR 24 # 2 297 / TO 34 AP 102 BRR LA PROSPERIDAD</t>
  </si>
  <si>
    <t>VARIEDADES M Y CJ</t>
  </si>
  <si>
    <t>DG 7 B # 4 13 BRR VILLA ITALIA SOACHA</t>
  </si>
  <si>
    <t>RALPH MOVIL</t>
  </si>
  <si>
    <t>CL 24 # 12 09 BRR SANTA LUCIA</t>
  </si>
  <si>
    <t>VARIEDADES CAPRI</t>
  </si>
  <si>
    <t>CR 8 # 09 53 BRR OLAYA</t>
  </si>
  <si>
    <t>EMPAPELARTE</t>
  </si>
  <si>
    <t>AUT FLORIDABLANCA # 24 46 BRR CENTRO</t>
  </si>
  <si>
    <t>MULTISERVICIOS JAIMES MENDEZ</t>
  </si>
  <si>
    <t>CR 8 # 34 N 85 BRR CAFE MADRID</t>
  </si>
  <si>
    <t>PAGOS ONLINE.NET</t>
  </si>
  <si>
    <t>CRA 18 4 63</t>
  </si>
  <si>
    <t>PAPELERÃA LA 23</t>
  </si>
  <si>
    <t>CL 23 # 23 09 / LC 1 BRR NOGAL</t>
  </si>
  <si>
    <t>PAPELERIA JM</t>
  </si>
  <si>
    <t>CR 13B 22A 03 MZ G CS 13 P 2 BRR PEDRO DAZA</t>
  </si>
  <si>
    <t>VARIEDADES DANI G</t>
  </si>
  <si>
    <t>CR 29 A # 21 02 BRR LAS AMERICAS I</t>
  </si>
  <si>
    <t>TIMANÁ</t>
  </si>
  <si>
    <t>LALONET TRAMITES Y TECNOLOGï¿­A</t>
  </si>
  <si>
    <t>CALLE 10 # 3-05 BARRIO CENTRO</t>
  </si>
  <si>
    <t>SALOME MENDOZA CORTES</t>
  </si>
  <si>
    <t>CL 17 A # 9 B 46 BRR VILLA MARÃA 4 ETAPA</t>
  </si>
  <si>
    <t>PAPELERA Y MISCELANEA  EL GRAN REY</t>
  </si>
  <si>
    <t>CR 8 # 6 60 BRR EL CARMEN</t>
  </si>
  <si>
    <t>GUADUAS</t>
  </si>
  <si>
    <t>LF BICICLETAS</t>
  </si>
  <si>
    <t>CR 3 # 2 31 BRR CENTRO</t>
  </si>
  <si>
    <t>PAPELERIA GRISMEL</t>
  </si>
  <si>
    <t>CL 9 # 5 25 BRR PORVENIR</t>
  </si>
  <si>
    <t>STL CAJICA</t>
  </si>
  <si>
    <t>CL 3 SUR # 1 07 BRR CALAHORRA</t>
  </si>
  <si>
    <t>INTERNET EL MORICHAL</t>
  </si>
  <si>
    <t>CR 1 ESTE # 20 A 77 / P 1 BRR DOCE DE MARZO</t>
  </si>
  <si>
    <t>AV CL. 19 28-80 L-B131 2-PALOQUEMAO</t>
  </si>
  <si>
    <t>FOTO ESTUDIO Y CELULARES EL PAISA</t>
  </si>
  <si>
    <t>CR 8 # 9 30 BRR EL COMERCIO</t>
  </si>
  <si>
    <t>MARKET MOVIL LD</t>
  </si>
  <si>
    <t>CALLE 3 #4 PUERTO CALDAS GRANADA META COLOMBIA</t>
  </si>
  <si>
    <t>GERMANYA</t>
  </si>
  <si>
    <t>CL 21 # 5 A 50 BRR QUIRINAL</t>
  </si>
  <si>
    <t>COMUNICACIONES DANNA.COM</t>
  </si>
  <si>
    <t>CL 4 # 7 80 / LC 1 BRR CENTRO</t>
  </si>
  <si>
    <t>SERVICIOS MG</t>
  </si>
  <si>
    <t>CR 9 ESTE # 32 47 BRR SAN MATEO</t>
  </si>
  <si>
    <t>VARIEDADES ZULY</t>
  </si>
  <si>
    <t>CR 23 ESTE N 49-34 - SOACHA</t>
  </si>
  <si>
    <t>LA VACA GLOTONA</t>
  </si>
  <si>
    <t>CL 33 # 1 21 BRR LA ESMERALDA</t>
  </si>
  <si>
    <t>SERVICOM SAN MARTIN</t>
  </si>
  <si>
    <t>CR 7 # 6 36 BRR FUNDADORES</t>
  </si>
  <si>
    <t>LA ECONOMIA SYS</t>
  </si>
  <si>
    <t>CR 3 # 1 17 BRR BRR LA ESMERALDA</t>
  </si>
  <si>
    <t>PAPELERIA CELMIS</t>
  </si>
  <si>
    <t>CRA 4 8 57</t>
  </si>
  <si>
    <t>DROGUERIA FARMAPRECIO YACOPI</t>
  </si>
  <si>
    <t>CL 10 # 3 -60</t>
  </si>
  <si>
    <t>COMUNICACIONES VILLA LADY</t>
  </si>
  <si>
    <t>CR 2 # 24 A 04 BRR VILLA LADY</t>
  </si>
  <si>
    <t>GUALMATÁN</t>
  </si>
  <si>
    <t>DROGUERIA SERVIMED</t>
  </si>
  <si>
    <t>CL 7 # 4 - 81 BRR JOSE MARIA HERNANDEZ</t>
  </si>
  <si>
    <t>MALEJA Y KEVIN</t>
  </si>
  <si>
    <t>CR 24 ESTE # 5 49 BRR ALTOS DE LA FLORIA</t>
  </si>
  <si>
    <t>BIOFARMA</t>
  </si>
  <si>
    <t>MZ G CASA 12 BRR BUNDE 4 ETAPA</t>
  </si>
  <si>
    <t>TERNURITAS PETR SHOP</t>
  </si>
  <si>
    <t>CL 45 # 4 79 / LC 11 BRR CONJUNTO RESIDENCIAL MARIA FERNANDA</t>
  </si>
  <si>
    <t>CENTRO DE SOLUCIONES Y SERVICIOS RAPIDHARDWARE S.A</t>
  </si>
  <si>
    <t>CR 9 # 14 3 BRR RICAURTE</t>
  </si>
  <si>
    <t>MISCELANEA SEGOVIA</t>
  </si>
  <si>
    <t>DG 9 NO 33 15 LC 101</t>
  </si>
  <si>
    <t>MISCELANEA EMYTHO</t>
  </si>
  <si>
    <t>CRA 12 19A 06</t>
  </si>
  <si>
    <t>CORRETRANS N 2</t>
  </si>
  <si>
    <t>CRA. 2B ESTE #15-34 MOSQUERA CUNDINAMARCA COLOMBIA</t>
  </si>
  <si>
    <t>PROPIEDADES FINCA RAIZ RH</t>
  </si>
  <si>
    <t>CL 7 A # 3A - 28 LT 6 AP 1</t>
  </si>
  <si>
    <t>VARIEDADES CAMISOLA</t>
  </si>
  <si>
    <t>MZ F CA 5 BRR MAPORITA</t>
  </si>
  <si>
    <t>DULCE CAPRICHOS</t>
  </si>
  <si>
    <t>AV 7 # 13 - 24 BRR CENTRO</t>
  </si>
  <si>
    <t>BUENAVENTURA</t>
  </si>
  <si>
    <t>CRA. 47 NO. 1A-34 BARRIO BELLAVISTA</t>
  </si>
  <si>
    <t>MERCOEXPRESS NUEVO SOTOMAYOR</t>
  </si>
  <si>
    <t>CL 53 # 23 98 BRR NUEVO SOTOMAYOR</t>
  </si>
  <si>
    <t>PROVEEDORA MERCO EXPRES</t>
  </si>
  <si>
    <t>CL 1 # 30 31 BRR MARIA EUGENIA</t>
  </si>
  <si>
    <t>COMUNICACIONES NATALY DE GUAMAL</t>
  </si>
  <si>
    <t>CL 11 # 4 A 26 BRR CENTRO</t>
  </si>
  <si>
    <t>SWEET DULCES DETALLES</t>
  </si>
  <si>
    <t>CR 06 # 03 68 BRR CENTRO</t>
  </si>
  <si>
    <t>COGUA</t>
  </si>
  <si>
    <t>TECNOLOGIAS DD</t>
  </si>
  <si>
    <t>KR 4 NO 04 1 11</t>
  </si>
  <si>
    <t>BIKE CENTER</t>
  </si>
  <si>
    <t>CL 7 # 9 17 BRR CENTRO</t>
  </si>
  <si>
    <t>TU PAGO PUNTO UNO</t>
  </si>
  <si>
    <t>CL 1 L # 80 76 BRR COMFENALCO</t>
  </si>
  <si>
    <t>C.C. MANILA TRANSVERSAL 12 N 22-42 LOCAL 115</t>
  </si>
  <si>
    <t>AUTOSERVICIO SUPER AHORRO</t>
  </si>
  <si>
    <t>CRA 8 # 5-54</t>
  </si>
  <si>
    <t>MICELANIA BECERRIL</t>
  </si>
  <si>
    <t>DG 1 4 71 BRR CINCO DE MARZO</t>
  </si>
  <si>
    <t>EMERGER SOLUCIONES Y SERVICIOS</t>
  </si>
  <si>
    <t>CALLE 2B NO. 4-71</t>
  </si>
  <si>
    <t>VARIEDADES FANES</t>
  </si>
  <si>
    <t>CR 12 # 20 131 BRR TENERIFE</t>
  </si>
  <si>
    <t>TERUEL</t>
  </si>
  <si>
    <t>CLL 3 NO 4E-28 VILLA DEL PRADO</t>
  </si>
  <si>
    <t>SUPERMERCADO LOS CIRUELOS</t>
  </si>
  <si>
    <t>CR 6 A ESTE # 36 61 BRR SAN MATEO</t>
  </si>
  <si>
    <t>GRANERO EL PRSPERO</t>
  </si>
  <si>
    <t>CL 36 C SUR # 16 12 BRR LAS MERCEDES</t>
  </si>
  <si>
    <t>MENSAJERIA JADY</t>
  </si>
  <si>
    <t>CR 9 # 39 A 07 BRR LEON TRECE</t>
  </si>
  <si>
    <t>STL-SERVICIOS TRANSACCIONALES EN LINEA</t>
  </si>
  <si>
    <t>CL 32 A # 34 A 102 - ESTE / LC 3 VIA PRINCIPAL BRR CIUDADELA</t>
  </si>
  <si>
    <t>FARMASALUD MD</t>
  </si>
  <si>
    <t>CL 32 A # 34 A 102 - ESTE BRR SAN RAFAEL</t>
  </si>
  <si>
    <t>SOLUCIONES Y COMUNICACIONES</t>
  </si>
  <si>
    <t>CR 91 # 132 C - 17 BRR SUBA CARRERA 91</t>
  </si>
  <si>
    <t>CL. 32A NO. 28-03 PISO 2 INT. COMFANDI</t>
  </si>
  <si>
    <t>CL. 50 52-21 L-6 INT. METRO</t>
  </si>
  <si>
    <t>AML SEGUROS Y SERVICIOS LTDA</t>
  </si>
  <si>
    <t>CR 11 # 33 73 BRR GARCIA ROVIRA</t>
  </si>
  <si>
    <t>MULTISERVICIOS QUINTAS DE SAN MIGUEL</t>
  </si>
  <si>
    <t>CL 51 A # 13 159 BRR SAN MIGUEL</t>
  </si>
  <si>
    <t>MULTITRABAJOS SIEMPRE A SU SERVICIO</t>
  </si>
  <si>
    <t>CL 9 SUR # 58 09 / MZ 24 CA 5 BRR LAS AMERICAS</t>
  </si>
  <si>
    <t xml:space="preserve">MINIMARKET SAN CAYETANO </t>
  </si>
  <si>
    <t>CRA. 4A #3A-51 GARZON HUILA COLOMBIA</t>
  </si>
  <si>
    <t>MISCELANEA Y PAPELERIA LA PROFE</t>
  </si>
  <si>
    <t>CL 28 # 17 48 BRR SOACHA</t>
  </si>
  <si>
    <t>MULTISERVICIOS DE LA SEXTA</t>
  </si>
  <si>
    <t>CR 4 ESTE # 30 84 / AP 101 BRR SOACHA</t>
  </si>
  <si>
    <t>SAMARY PAPELERIA Y MISCELANEA</t>
  </si>
  <si>
    <t>CR 28 # 4 B 14 BRR LAS VILLAS</t>
  </si>
  <si>
    <t>GUACHETÁ</t>
  </si>
  <si>
    <t>JP REPUESTOS, TALLER Y ACCESORIOS</t>
  </si>
  <si>
    <t>CRA 2 3 06</t>
  </si>
  <si>
    <t>FOTO ESTUDIO LA VENTURA</t>
  </si>
  <si>
    <t>CL 2 # 2 7 BRR LA ESTACION</t>
  </si>
  <si>
    <t>REMATE SOFI</t>
  </si>
  <si>
    <t>CR 4 # 3 - 61 BRR CENTRO</t>
  </si>
  <si>
    <t>ARREGLOS DE MODISTERIA Y MINI PAPELERIA EL MILAGRO DE DIOS</t>
  </si>
  <si>
    <t>CR 1 F # 92 B - 91 SUR / CA BRR BARRIO COMUNEROS LOCALIDAD USME</t>
  </si>
  <si>
    <t>TV 15 A # 8 - 65 BRR MOSQUERA CUNDINAMARCA</t>
  </si>
  <si>
    <t>DROGUERIAS MI SALUD</t>
  </si>
  <si>
    <t>CR 26 B # 47 B 25 BRR RINCONES DE SANTA CRUZ</t>
  </si>
  <si>
    <t>MISCELANEA  NUESTRO PUNTO</t>
  </si>
  <si>
    <t>CL 26 A # 2 02 BRR DORADO</t>
  </si>
  <si>
    <t>MARIA BOHORQUEZ</t>
  </si>
  <si>
    <t>CL 11 # 7 40 BRR BRR CENTRO</t>
  </si>
  <si>
    <t>SERVI VARIEDADES EL DIAMANTE</t>
  </si>
  <si>
    <t>CARRERA 4 #102 PUERTO LLERAS META COLOMBIA</t>
  </si>
  <si>
    <t>DETALLES NITILINO</t>
  </si>
  <si>
    <t>CR 30 # 1 B 20 BRR ACACIAS ETAPA TRES</t>
  </si>
  <si>
    <t>JULY DIGITAL</t>
  </si>
  <si>
    <t>CRA. 5 #75B-16 NEIVA HUILA COLOMBIA</t>
  </si>
  <si>
    <t>CESCOM</t>
  </si>
  <si>
    <t>CL 6 C # 18 04 BRR CALIXTO</t>
  </si>
  <si>
    <t>DISTRIBUCIONES EPA</t>
  </si>
  <si>
    <t>CR 4 # 9 71 BRR CENTRO</t>
  </si>
  <si>
    <t>SAMARY SUMINISTROS</t>
  </si>
  <si>
    <t>CL 28 # 4 B 14 BRR LAS VILLAS</t>
  </si>
  <si>
    <t>COLOMBIA MARKETING REGIONAL</t>
  </si>
  <si>
    <t>OR - 40 15</t>
  </si>
  <si>
    <t>ELIANA HERNADEZ</t>
  </si>
  <si>
    <t>CL 30 NORTE # 2 B 20 / LC 211 BRR SAN VICENTE</t>
  </si>
  <si>
    <t>VARIEDADES Y PAPELERIA J Y G</t>
  </si>
  <si>
    <t>CL 1 OESTE # 52 370 BRR SAN NICOLAS</t>
  </si>
  <si>
    <t>CESAR ESCOBAR</t>
  </si>
  <si>
    <t>CR 91 # 70 A 20 - SUR BRR SANTA INES</t>
  </si>
  <si>
    <t>DROGUERIA CABE FULL</t>
  </si>
  <si>
    <t>CL 14 N 20 ESQUINA</t>
  </si>
  <si>
    <t xml:space="preserve">VARIEDADES LILINET </t>
  </si>
  <si>
    <t>CRA. 23 #1543 ACACIAS META COLOMBIA</t>
  </si>
  <si>
    <t>TUTUABA</t>
  </si>
  <si>
    <t>CR 9 # 18 05 BRR BALMORAL</t>
  </si>
  <si>
    <t>RECAUDO ARQBIO</t>
  </si>
  <si>
    <t>CR 3 # 6 58 / IN 7 BRR SIETE DE AGOSTO</t>
  </si>
  <si>
    <t>PAPELERï¿­A MULTISERVICIOS EL PUNTO</t>
  </si>
  <si>
    <t>CRA. 5 #4-121 GUADUAS CUNDINAMARCA COLOMBIA</t>
  </si>
  <si>
    <t>MULTISERVICIOS EL INGENIO 2</t>
  </si>
  <si>
    <t>CR 85 C # 15 77 BRR EL INGENIO II</t>
  </si>
  <si>
    <t>PAPELERIA GUIA</t>
  </si>
  <si>
    <t>CR 26 I # 95 05 BRR SAN MARCOS</t>
  </si>
  <si>
    <t>TIENDA MIXTA DIANITA</t>
  </si>
  <si>
    <t>CR 8 A # 20 01 BRR OBRERO</t>
  </si>
  <si>
    <t>CYBEREXPRESS JE</t>
  </si>
  <si>
    <t>CL 97 SUR # 3 F 21 BRR VIRREY II SECTOR</t>
  </si>
  <si>
    <t>VARIEDADES EMMANUEL DLG</t>
  </si>
  <si>
    <t>CL 26 SUR # 15 A 05 BRR VILLA ESPERANZA</t>
  </si>
  <si>
    <t>PRETTY ESTILE WOR JJ</t>
  </si>
  <si>
    <t>CL 6 # 21 37 BRR UNION</t>
  </si>
  <si>
    <t>CRA. 3 NO. 69B-26 L-5</t>
  </si>
  <si>
    <t>MI LUGAR FAVORITO</t>
  </si>
  <si>
    <t>CL 12 # 6 91 BRR JORDAN</t>
  </si>
  <si>
    <t>SERVIPAGO MYA</t>
  </si>
  <si>
    <t>CL 3 BIS # 26 C 28 BRR SAN JORGE</t>
  </si>
  <si>
    <t>CYBER-SOMI</t>
  </si>
  <si>
    <t>CL 37 # 12 24 BRR ROSABLANCA</t>
  </si>
  <si>
    <t>SAMDAN</t>
  </si>
  <si>
    <t>MZ 4 CA 1 BRR KENNEDY</t>
  </si>
  <si>
    <t>TABEEL BOUTIQUE</t>
  </si>
  <si>
    <t>CR 8 # 10 71 BRR SANTA ISABEL</t>
  </si>
  <si>
    <t>NARIÑO</t>
  </si>
  <si>
    <t>SOLUCIONES A TU ALCANCE</t>
  </si>
  <si>
    <t>CRA. 4 #2-75 NARINO CUNDINAMARCA COLOMBIA</t>
  </si>
  <si>
    <t>JONATHAN STEVEN ROA BENAVIDES</t>
  </si>
  <si>
    <t>CR 2 # 91 - 92 SUR BRR COMUNEROS LOCALIDAD DE USME</t>
  </si>
  <si>
    <t>CRA. 3 NO. 29 A-02 C.C. UNISUR SOACHA ALMACEN OLIMPICA</t>
  </si>
  <si>
    <t>MULTISERVICIOS RAPIDOS BUCARAMANGA</t>
  </si>
  <si>
    <t>CL 29 # 12 50 BRR LAGOS I</t>
  </si>
  <si>
    <t>LLANO EFICIENTE SERVICES SAS</t>
  </si>
  <si>
    <t>CN ESTACIÃ“N DE SERVICIO CUSIANA BRR VILLA CONDUELO</t>
  </si>
  <si>
    <t>STM INMOBILIARIA LTDA</t>
  </si>
  <si>
    <t>CRA. 11 #7 GARZN HUILA COLOMBIA</t>
  </si>
  <si>
    <t>CONFENCIONES Y ACESORIO TERCER MILENIO</t>
  </si>
  <si>
    <t>CL 71 A # 5 81 BRR TERCER MILENIO</t>
  </si>
  <si>
    <t>CL 10 # 16 B 03 BRR EL POBLADO</t>
  </si>
  <si>
    <t>DE TODITO LA TIENDA DE SU BARRIO</t>
  </si>
  <si>
    <t>CR 2 B # 16 A 35 BRR SOACHA</t>
  </si>
  <si>
    <t>INVERSIONES LA 65</t>
  </si>
  <si>
    <t>CL 65 # 4 C 141 BRR CEDROS</t>
  </si>
  <si>
    <t>MISCELANIA SANTY DE LA 52</t>
  </si>
  <si>
    <t>CL 52 # 23 14 BRR LA NUEVA FLORESTA</t>
  </si>
  <si>
    <t>LA NEGRITA</t>
  </si>
  <si>
    <t>CL 73 A SUR # 12 08 BRR BRASILIA</t>
  </si>
  <si>
    <t>CL. 10 3-48 L-01 EDIF. SANTANDER</t>
  </si>
  <si>
    <t>MULTISERVICIOS OLAF</t>
  </si>
  <si>
    <t>CR 2 # 21 28 BRR PASEO DEL PUENTE II</t>
  </si>
  <si>
    <t>COMERCIALIZADORA EL REY</t>
  </si>
  <si>
    <t>CL 3 # 6 17 BRR LA CANTERA</t>
  </si>
  <si>
    <t>VARIEDADES ESTEVAN DAVID</t>
  </si>
  <si>
    <t>Carrera 3 No. 2 04 Esquina</t>
  </si>
  <si>
    <t>EL PUNTO DEL ASEO</t>
  </si>
  <si>
    <t>KM 67 FCA LAS MARGARITAS BRR CHINAUTA</t>
  </si>
  <si>
    <t>VIRTUAL.NET</t>
  </si>
  <si>
    <t>CL 3 # 7 21 BRR CENTRO</t>
  </si>
  <si>
    <t>ARBELÁEZ</t>
  </si>
  <si>
    <t>ALIADOS COMUNICACIONES</t>
  </si>
  <si>
    <t>CR 7 # 6 32 BRR CENTRO</t>
  </si>
  <si>
    <t>CENTRO DE MULTISERVICIOS</t>
  </si>
  <si>
    <t>CL 3 # 2 01 BRR CALLE PRINCIPAL</t>
  </si>
  <si>
    <t>NECHÍ</t>
  </si>
  <si>
    <t>CIBERNET NECHI</t>
  </si>
  <si>
    <t>CL 32 # 28 103 BRR CENTRO</t>
  </si>
  <si>
    <t>TELENET LA CUMBRE</t>
  </si>
  <si>
    <t>CL 5 # 6 25 BRR SANTA MARGARITA</t>
  </si>
  <si>
    <t>BUGALAGRANDE</t>
  </si>
  <si>
    <t>PAPELICOPIAS</t>
  </si>
  <si>
    <t>CL 6 # 5 18 BRR CENTRO BUGALAGRANDE</t>
  </si>
  <si>
    <t>COMPUNET EL CARMEN DE BOLIVAR</t>
  </si>
  <si>
    <t>CR 46 # 27 - 14 BRR 7 DE AGOSTO</t>
  </si>
  <si>
    <t>DROGUERIA EL PUNTO MAS</t>
  </si>
  <si>
    <t>AV 0 # 0 - 0 BRR BARRIO CAMPESTRE MZ 79 LOTE 8 ESTAPA 8 CARTAGENA</t>
  </si>
  <si>
    <t>ALBÁN</t>
  </si>
  <si>
    <t>INTERNET Y PAPELERIA CASTRILLON</t>
  </si>
  <si>
    <t>CL 2 # 1 25 BRR MUNICIPIO ALBAN CUNDINAMARCA</t>
  </si>
  <si>
    <t>JANER CELL</t>
  </si>
  <si>
    <t>CR 8 # 3 8 BRR SAN LUIS</t>
  </si>
  <si>
    <t>AGRADO</t>
  </si>
  <si>
    <t>DROGUERIA Y MINIMARKET MAXIFAMILIAR DEL HUILA</t>
  </si>
  <si>
    <t>CRA. 5 #4 AGRADO HUILA COLOMBIA</t>
  </si>
  <si>
    <t>LUZ DIVIA QUIROZ IBATA</t>
  </si>
  <si>
    <t>CRA 1 A # 2 62</t>
  </si>
  <si>
    <t>SERVICE PEOPLE</t>
  </si>
  <si>
    <t>DG. 15B #1A ESTE-101 SOACHA CUNDINAMARCA COLOMBIA</t>
  </si>
  <si>
    <t>ROSA ISABEL DÃAZ RAMÃREZ</t>
  </si>
  <si>
    <t>AV 3 # 2 46 BRR CHICO</t>
  </si>
  <si>
    <t>CENTRO DE SERVICIOS LA 38</t>
  </si>
  <si>
    <t>CL 38 ESTE # 0 228 BRR TERREROS</t>
  </si>
  <si>
    <t>MINIMERCADO DAYANA</t>
  </si>
  <si>
    <t>DG 5 E # 9 C 03 BRR JUAN PABLO II</t>
  </si>
  <si>
    <t>COMUNICACIONES TECNICELL</t>
  </si>
  <si>
    <t>CR 6 # 10 63 BRR CENTRO</t>
  </si>
  <si>
    <t>CL 37 # 19 A 131 / MZ 1 CA 6 BRR NOGAL</t>
  </si>
  <si>
    <t>INTERCOST</t>
  </si>
  <si>
    <t>CR 3 # 4 08 BRR SANTANDERCITO</t>
  </si>
  <si>
    <t>CORRETRANS 3</t>
  </si>
  <si>
    <t>CL 7 NO 4 49</t>
  </si>
  <si>
    <t>CL 70 # 73 A 55 - NORTE BRR BONANZA</t>
  </si>
  <si>
    <t>TIENDA ESCOLAR SANTANDER</t>
  </si>
  <si>
    <t>CR 1 # 28 C 17 BRR LAS VEGAS</t>
  </si>
  <si>
    <t>FRUVER SEBASTIAN</t>
  </si>
  <si>
    <t>CL 153 # 114 - 32 BRR SUBA- LONDRES</t>
  </si>
  <si>
    <t>CRA 33 NO. 42-112 CABECERA L-102</t>
  </si>
  <si>
    <t>VARIEDADES CASA DE PAPEL</t>
  </si>
  <si>
    <t>CR 138 A # 143 80 / LC 2 BRR SAN CARLOS DE SUBA</t>
  </si>
  <si>
    <t>EL SITIO.NET</t>
  </si>
  <si>
    <t>CL 11 # 8 05 BRR FUNDADORES</t>
  </si>
  <si>
    <t>VARIEDADES SARAYJ</t>
  </si>
  <si>
    <t>CRA 18P#10-18</t>
  </si>
  <si>
    <t>PAPELERIA Y VARIEDADES MAGICO DETALLES</t>
  </si>
  <si>
    <t>CR 2 # 4 48 BRR CENTRO</t>
  </si>
  <si>
    <t>RAPIMERK SV</t>
  </si>
  <si>
    <t>TV 4 B # 4 65 BRR QUINTAS DE LA LAGUNA</t>
  </si>
  <si>
    <t>ALMACEN Y SERVICIOS  DASA</t>
  </si>
  <si>
    <t>CL 6 # 5 A - 33 BRR PANAMERICANO</t>
  </si>
  <si>
    <t>TECNOCENTER SYF</t>
  </si>
  <si>
    <t>C 17 N 6 07</t>
  </si>
  <si>
    <t>CIBERCAFE</t>
  </si>
  <si>
    <t>SM 5 MZ 3 CA 5 ET 5 BRR LA MADRID</t>
  </si>
  <si>
    <t>VARIEDADES FLAS</t>
  </si>
  <si>
    <t>CL 13 # 36 C 61 / LC 11 CONJ AMAPOLA BRR CIUDAD VERDE</t>
  </si>
  <si>
    <t>CABITEL DYA</t>
  </si>
  <si>
    <t>CR 5 ESTE # 25 I 39 BRR SAN MATEO</t>
  </si>
  <si>
    <t>SERVIDATA SOLUCIONES DOCUMENTALES</t>
  </si>
  <si>
    <t>CR 8 # 10 A 13 BRR POTOSI</t>
  </si>
  <si>
    <t>BARI REGALOS DEL CIELO</t>
  </si>
  <si>
    <t>DG 4 B # 31 20 / LC 5 CONJ SIENNA BRR LA TOSCANA</t>
  </si>
  <si>
    <t>CORRETRANS</t>
  </si>
  <si>
    <t>CL 3 # 1 20 BRR CENTRO</t>
  </si>
  <si>
    <t>MULTIPAGOS SOACHA</t>
  </si>
  <si>
    <t>CR 4 # 27 A 04 BRR MARISCAL SUCRE</t>
  </si>
  <si>
    <t>VARIEDADES YAMILE</t>
  </si>
  <si>
    <t>MZ A CA 9 A BRR TULIO VARON</t>
  </si>
  <si>
    <t>MULTIPRODUCTOS Y SERVICIOS JYF</t>
  </si>
  <si>
    <t>DIAGONAL 2B # 5-62 BARRIO URBANISACION SAN JACINTO TOCAIMA CUNDINAMARCA</t>
  </si>
  <si>
    <t>PUBLI ARTE YOPAL</t>
  </si>
  <si>
    <t>CL 60 # 7 19 - OESTE / MZ B BRR LLANO LINDO</t>
  </si>
  <si>
    <t>PUERTO ASÍS</t>
  </si>
  <si>
    <t>INGESERVICE ASESORES</t>
  </si>
  <si>
    <t>CR 19 # 11 14 BRR AMERICAS</t>
  </si>
  <si>
    <t>CAYNET.COM</t>
  </si>
  <si>
    <t>CL 78 # 2 - 04 BRR LUIS EDUARDO VANEGAS</t>
  </si>
  <si>
    <t>CR 13 # 7 A 39 BRR SERRESUELITA</t>
  </si>
  <si>
    <t>AUTOSERVICIO EL PUNTO DE LA ECONOMIA FUNZA</t>
  </si>
  <si>
    <t>CR 8 # 7 B 23 / MZ 24 BRR PROVIVIENDA</t>
  </si>
  <si>
    <t>PAPELERIA Y CACHARRERA ROSITA</t>
  </si>
  <si>
    <t>CR 14 # 11 02 BRR CENTRO</t>
  </si>
  <si>
    <t>CASA COMERCIAL EL PARQUE</t>
  </si>
  <si>
    <t>CL. 7 #6-75 FUSAGASUGï¿ LA SERENA FUSAGASUGï¿ CUNDINAMARCA COLOMBIA</t>
  </si>
  <si>
    <t>LEADY CAROLINA RODRIGUEZ GARZON</t>
  </si>
  <si>
    <t>CR 11 C # 17 88 - SUR BRR SANTA ANA</t>
  </si>
  <si>
    <t>LA VACA DE PAPEL</t>
  </si>
  <si>
    <t>CR 5 # 5 51 BRR CENTRO</t>
  </si>
  <si>
    <t>MISCELANE Y PAPELARIA MARIA CAMILA</t>
  </si>
  <si>
    <t>CL 31 B SUR NO 13 02 CA 91</t>
  </si>
  <si>
    <t>AVAN.CELL</t>
  </si>
  <si>
    <t>CLL 10 NO. 11 120 LOCAL 1</t>
  </si>
  <si>
    <t>SOAT 3</t>
  </si>
  <si>
    <t>CL 31 B SUR # 2 51 - ESTE BRR BELLO HORIZONTE</t>
  </si>
  <si>
    <t>ELITE COL</t>
  </si>
  <si>
    <t>CR 12 ESTE # 31 03 BRR SAN MATEO</t>
  </si>
  <si>
    <t>CRA. 24 18-11 SUR L-201 C.C. EL PORTAL</t>
  </si>
  <si>
    <t>DANTEL SEGUROS</t>
  </si>
  <si>
    <t>CL 35 # 14 21 BRR CENTRO</t>
  </si>
  <si>
    <t>ESPERANZA AYALA</t>
  </si>
  <si>
    <t>CR 2 W # 6 N 21 BRR EL REFUGIO</t>
  </si>
  <si>
    <t>EMILY.COM</t>
  </si>
  <si>
    <t>CL 104 F # 8 B 2 BRR PORVENIR</t>
  </si>
  <si>
    <t>SUBLIMACION Y VARIEDADES</t>
  </si>
  <si>
    <t>CL 26 A # 11 11 BRR LARA BONILLA</t>
  </si>
  <si>
    <t>VARIEDADES VARGAS TRUJILLO</t>
  </si>
  <si>
    <t>CALLE 6 # 1A-49 AGUA BLANCA</t>
  </si>
  <si>
    <t>INVERSIONES LAS CATIRAS</t>
  </si>
  <si>
    <t>CRA 9 N 7 101</t>
  </si>
  <si>
    <t>VARIEDADES EL MUNDO DE EILEEN</t>
  </si>
  <si>
    <t>KR 4 NO3</t>
  </si>
  <si>
    <t>CRAFF AC PAPELERIA</t>
  </si>
  <si>
    <t>CL 5 # 1 - 16 BRR CENTRO</t>
  </si>
  <si>
    <t>CRA. 43 35-38 L-67 PISO 1</t>
  </si>
  <si>
    <t>PAPELERIA JAIMES ANGEL</t>
  </si>
  <si>
    <t>CL 142 B # 112 12 / AP 101 BRR SUBA LOMBARDIA</t>
  </si>
  <si>
    <t>VARIEDADES DL</t>
  </si>
  <si>
    <t>MZ 15 CA 6 BRR BATEAS</t>
  </si>
  <si>
    <t>PUNTO NET</t>
  </si>
  <si>
    <t>KR 6 NO 7 60 LC 2</t>
  </si>
  <si>
    <t>SUESCA</t>
  </si>
  <si>
    <t>JM MOVIL</t>
  </si>
  <si>
    <t>CL 8 # 4 53 BRR CENTRO</t>
  </si>
  <si>
    <t>BARRERA HERRERA</t>
  </si>
  <si>
    <t>CL 51 SUR # 89 A 51 BRR BOSA BRASIL</t>
  </si>
  <si>
    <t>TIENDA YIRETH BELCY</t>
  </si>
  <si>
    <t>CL 24 # 4 - 03 / AP 102 T BRR SAN MATEO</t>
  </si>
  <si>
    <t>WILSON AMOROCHO</t>
  </si>
  <si>
    <t>CL 26 # 9 13 BRR LA UNIVERSIDAD</t>
  </si>
  <si>
    <t>SAN JUAN DE ARAMA</t>
  </si>
  <si>
    <t>PUNTO DE PAGO SAN JUAN</t>
  </si>
  <si>
    <t>CR 9 # 10 52 / LC 101 BRR CENTRO</t>
  </si>
  <si>
    <t>PAPELERIA LILIMAR</t>
  </si>
  <si>
    <t>CL 5 # 5 56 / P 1 BRR SENTENARIO</t>
  </si>
  <si>
    <t>MERCATODO CAOBO</t>
  </si>
  <si>
    <t>CL 33 # 24 B 171 BRR CIUDAD VERDE</t>
  </si>
  <si>
    <t>N Y M SOLUCIONES</t>
  </si>
  <si>
    <t>CL 13 # 9 06 BRR MUNICIPAL</t>
  </si>
  <si>
    <t>WINTER HOWERS</t>
  </si>
  <si>
    <t>CL 63 SUR # 80 A - 18 BRR LC 4 JOSE ANTONIO GALAN BOSA</t>
  </si>
  <si>
    <t>CL. 26 NO. 21-54 INT. COMFANDI</t>
  </si>
  <si>
    <t>CRA. 7 NO. 32-25 L-170 SOACHA</t>
  </si>
  <si>
    <t>NEYCAS</t>
  </si>
  <si>
    <t>CR 8 # 5 19 BRR SAMACA</t>
  </si>
  <si>
    <t>DIGINETT CLICK</t>
  </si>
  <si>
    <t>CR 1 W # 31 26 BRR SANTANDER</t>
  </si>
  <si>
    <t>MAKADADAMIA VARIEDADES</t>
  </si>
  <si>
    <t>CL 14 # 26 56 BRR SAN JOSE</t>
  </si>
  <si>
    <t>COMUNICACIONES LILIANA</t>
  </si>
  <si>
    <t>INTERNET VIDA</t>
  </si>
  <si>
    <t>CL 4 # 4 37 BRR SAN MIGUEL</t>
  </si>
  <si>
    <t>DISTRIBUIDORA WAL</t>
  </si>
  <si>
    <t>CR 79 D # 13 49 BRR VISION COLOMBIA</t>
  </si>
  <si>
    <t>VARIEDADES GIOVIS.COM</t>
  </si>
  <si>
    <t>CR 6 B ESTE # 32 01 BRR SAN MATEO</t>
  </si>
  <si>
    <t>TV 126 B # 135 09 BRR SUBA GAITANA</t>
  </si>
  <si>
    <t>EL BELENO</t>
  </si>
  <si>
    <t>CL 55 N # 37 - 04 BRR PRIMERO DE MAYO</t>
  </si>
  <si>
    <t>MISCELANEA NUEVAS TENDENCIAS</t>
  </si>
  <si>
    <t>CL 27 SUR # 8 A - 21 / LC 1 BRR 20 DE JULIO</t>
  </si>
  <si>
    <t>SANDES</t>
  </si>
  <si>
    <t>CL 32 # 25 60 BRR EL VIGIA</t>
  </si>
  <si>
    <t>VARIEDADES LOS MICHIS</t>
  </si>
  <si>
    <t>CRA. 43 #78 SUR-5 VILLAVICENCIO META COLOMBIA</t>
  </si>
  <si>
    <t>ALMACEN QUITURO</t>
  </si>
  <si>
    <t>CRR DE QUITURO DE BRR QUITURO</t>
  </si>
  <si>
    <t>SERVIREBAJAS EXPRESS # 2</t>
  </si>
  <si>
    <t>CRA 5 10 86</t>
  </si>
  <si>
    <t>LLAVES ABS CHIPAQUE</t>
  </si>
  <si>
    <t>CL 4 # 2 56 BRR CENTRO</t>
  </si>
  <si>
    <t>CHAPARRAL</t>
  </si>
  <si>
    <t>ACCESORIOS MURANO</t>
  </si>
  <si>
    <t>CR 7 # 10 - 78 BRR VESALLES</t>
  </si>
  <si>
    <t>PEPELERIA CAMINO DE DIOS</t>
  </si>
  <si>
    <t>TV 127 # 138 C 17 BRR GAITANA</t>
  </si>
  <si>
    <t>MULTISERVICIOS Y PAGOS STA INES</t>
  </si>
  <si>
    <t>CR 1C # 41-02 BRR SNT INES</t>
  </si>
  <si>
    <t>PAPELERIA Y SOLUCIONES ACADEMICAS</t>
  </si>
  <si>
    <t>CR 34 B # 114 30 / P 1 LC 1 BRR ZAPAMANGA II</t>
  </si>
  <si>
    <t>VARIEDADES DTODO</t>
  </si>
  <si>
    <t>CL 9 D # 16 B 20 BRR MOSQUERA</t>
  </si>
  <si>
    <t>ÚTICA</t>
  </si>
  <si>
    <t>DJ MAS QUE PAPEL</t>
  </si>
  <si>
    <t>CL 5 # 3 25 BRR COMUNEROS</t>
  </si>
  <si>
    <t>VARIEDADES MILADY</t>
  </si>
  <si>
    <t>CR 78 C BIS # 63 82 - SUR BRR BOSA ESTACION</t>
  </si>
  <si>
    <t>EL RETONITO</t>
  </si>
  <si>
    <t>CL 15 # 15 32 BRR URBANIZACION VILLA SARA</t>
  </si>
  <si>
    <t>PAPELERIA TRAZO FINO</t>
  </si>
  <si>
    <t>CL 42 F # 88 G - 23 SUR BRR PATIO BONITO DINDALITO</t>
  </si>
  <si>
    <t>CL. 5 NO. 50 103 L-153</t>
  </si>
  <si>
    <t>MULTISERVICION DANNA</t>
  </si>
  <si>
    <t>CR 128 # 142 D - 35 BRR SABANA DE TIBABUYES</t>
  </si>
  <si>
    <t>ECOHOUSE INTERRAPIDISIMO</t>
  </si>
  <si>
    <t>CR 23 # 104 41 BRR PROVENZA</t>
  </si>
  <si>
    <t>INTERNET JEIMILIZ</t>
  </si>
  <si>
    <t>CR 4 # 2 73 BRR PALMERAS</t>
  </si>
  <si>
    <t>MAS PAGOS</t>
  </si>
  <si>
    <t>CALLE 9 # 8-36</t>
  </si>
  <si>
    <t>PANELO</t>
  </si>
  <si>
    <t>CL 21 # 2 27 BRR CENTRO</t>
  </si>
  <si>
    <t>NIK.COM</t>
  </si>
  <si>
    <t>CRA. 10 #2-23 VIOT CUNDINAMARCA COLOMBIA</t>
  </si>
  <si>
    <t>DASACHY</t>
  </si>
  <si>
    <t>CR 7 L BIS # 68 - 53 BRR LOS PINOS</t>
  </si>
  <si>
    <t>PAPELERIA EMMANUEL Y SEBAS</t>
  </si>
  <si>
    <t>CR 100 A # 130 F 22 BRR AURES</t>
  </si>
  <si>
    <t>AV. 6 NORTE NO. 30-67</t>
  </si>
  <si>
    <t>MICROMERCADO ZORAIDA</t>
  </si>
  <si>
    <t>CR 13 # 14 69 BRR GAITAN</t>
  </si>
  <si>
    <t>DIAPERS</t>
  </si>
  <si>
    <t>CL. 12 #17-21 ACACAS META COLOMBIA</t>
  </si>
  <si>
    <t>VARIEDADES JNV</t>
  </si>
  <si>
    <t>DG 21 # 62 08 BRR LA CAMPINA</t>
  </si>
  <si>
    <t>DISTRIBUIDORA EBM</t>
  </si>
  <si>
    <t>MCP COTA KM 2 AUT MEDELLIN VIA PARCELAS BRR SUBA</t>
  </si>
  <si>
    <t>LA PEÑA</t>
  </si>
  <si>
    <t>MULTISERVICIOS MATIS</t>
  </si>
  <si>
    <t>CR 2#5 32</t>
  </si>
  <si>
    <t>WILLNET</t>
  </si>
  <si>
    <t>CR 10 # 20 77 BRR SAN RAFAEL</t>
  </si>
  <si>
    <t>CIBER GYM</t>
  </si>
  <si>
    <t>CL 81 C SUR # 4 A 3 - ESTE BRR COMPOSTELA 1</t>
  </si>
  <si>
    <t>MC SOLUCION</t>
  </si>
  <si>
    <t>CL 78 # 10 - 85 BRR LA ANDREA</t>
  </si>
  <si>
    <t>AV. 68 75D -50 L- 118</t>
  </si>
  <si>
    <t>INTERNET ONLINE JAHDIEL J.P.V</t>
  </si>
  <si>
    <t>TV 25 A # 19 A 2 BRR FUNDADORES</t>
  </si>
  <si>
    <t>VARIEDADES ANGEL CAMILA</t>
  </si>
  <si>
    <t>CRA. 9 #12 MADRID CUNDINAMARCA COLOMBIA</t>
  </si>
  <si>
    <t>SUMINISTRO Y PAPELERIA</t>
  </si>
  <si>
    <t>CL 72 A # 11 B 18 BRR VILLA ALSACIA</t>
  </si>
  <si>
    <t>PRODUCTOS ASEO HAFIT</t>
  </si>
  <si>
    <t>CALLE 49 B BIS # 5Y78</t>
  </si>
  <si>
    <t>PAPELERIA AARON</t>
  </si>
  <si>
    <t>CR 92 # 157 35 / LC 2 BRR SALITRE SUBA</t>
  </si>
  <si>
    <t>PAPELERIA LA 163</t>
  </si>
  <si>
    <t>CL 61 A SUR # 100 A - 73 BRR BOSA RECREO</t>
  </si>
  <si>
    <t>PAZ DE ARIPORO</t>
  </si>
  <si>
    <t>DROGUERIA MULTIFAMILIAR</t>
  </si>
  <si>
    <t>CL 9 CRA 10 ESQUINA</t>
  </si>
  <si>
    <t>CENTRO COMERCIAL DEL CAFE</t>
  </si>
  <si>
    <t>CL 2 # 10 58 BRR CENTRO</t>
  </si>
  <si>
    <t>DISEÑO Y SERVICIOS JHONNY</t>
  </si>
  <si>
    <t>CL 21 A SUR # 36 72 BRR ALTO DEL LIMONAR</t>
  </si>
  <si>
    <t>SIBUNDOY</t>
  </si>
  <si>
    <t>PAPELERIA OFICOPIAS</t>
  </si>
  <si>
    <t>CL 16 # 19 13 BRR CASTELVI</t>
  </si>
  <si>
    <t>TELECOMUNICACIONES EL MIRADOR</t>
  </si>
  <si>
    <t>CL 18 A # 1 A 08 BRR EL MIRADOR</t>
  </si>
  <si>
    <t>SHOTMAIL COGUA</t>
  </si>
  <si>
    <t>CRA 5 4 29</t>
  </si>
  <si>
    <t>INVERSIONES ROJAS</t>
  </si>
  <si>
    <t>CL 3 SUR # 14 - 36 BRR SAN ANTONIO BOGOTA</t>
  </si>
  <si>
    <t>CRA. 98 NO. 25-130 LOCAL 141</t>
  </si>
  <si>
    <t>GIOPAN BUCARICA</t>
  </si>
  <si>
    <t>SEC 19 BL 22 -13 AP 107 BRR BUCARICA</t>
  </si>
  <si>
    <t>EL CASTILLO</t>
  </si>
  <si>
    <t>DROGUERIA LOS CRISTALES</t>
  </si>
  <si>
    <t>CRA 9 11 56 60</t>
  </si>
  <si>
    <t>MUNDO DIGITAL GSM</t>
  </si>
  <si>
    <t>CL 15 # 37 L 58 BRR URB GUATIQUIA</t>
  </si>
  <si>
    <t>COMERCIALIZADORA LYM</t>
  </si>
  <si>
    <t>CR 4 # 4 07 BRR EL DONCELLO</t>
  </si>
  <si>
    <t>CREACIONES NARAH</t>
  </si>
  <si>
    <t>CR 4 N 9-08</t>
  </si>
  <si>
    <t>LAME ESSENCE</t>
  </si>
  <si>
    <t>CRA 7 # 8-42</t>
  </si>
  <si>
    <t>PAPELERA KATHIA</t>
  </si>
  <si>
    <t>CL 7 # 1 56 BRR ROA</t>
  </si>
  <si>
    <t>CRA. 1 #1-317 ALBAN CUNDINAMARCA COLOMBIA</t>
  </si>
  <si>
    <t>LOSPEKES.COM</t>
  </si>
  <si>
    <t>CL 17 A # 8 143 BRR LA ALDEA</t>
  </si>
  <si>
    <t>FERRETERIA KITAVO</t>
  </si>
  <si>
    <t>CR 3 B # 32 B 55 - SUR BRR VILLA DE LOS ALPES</t>
  </si>
  <si>
    <t>START SEGURIDAD Y DISTRIBUCION</t>
  </si>
  <si>
    <t>CL 66 # 69 - 13 BRR LA ESTRADA</t>
  </si>
  <si>
    <t>UNIVERSO.COM</t>
  </si>
  <si>
    <t>CL 64 B # 105 I - 21 BRR EL MUELLE</t>
  </si>
  <si>
    <t>MISCELANEA Y PAPELERIA GIOMAR</t>
  </si>
  <si>
    <t>CR 111 # 64 C - 12 BRR SAN ANTONIO</t>
  </si>
  <si>
    <t>CIBERNET RAQUELITA</t>
  </si>
  <si>
    <t>CRA 9 ESTE #29D - 17</t>
  </si>
  <si>
    <t>PAPELERIA PAPELINA 2</t>
  </si>
  <si>
    <t>CL 25 # 2 8 BRR SAN ANTONIO NORTE</t>
  </si>
  <si>
    <t>SIACHOQUE</t>
  </si>
  <si>
    <t>PAPELERIA SAN ALEJO</t>
  </si>
  <si>
    <t>CL 4 # 5 60 BRR CENTRO</t>
  </si>
  <si>
    <t>COMUNIKT MARIANGEL</t>
  </si>
  <si>
    <t>CL 34 # 18 02 BRR RINCON DE GIRON</t>
  </si>
  <si>
    <t>MULTISERVICIO EN LINEA</t>
  </si>
  <si>
    <t>KM 2 VDA VIA AL MAR BRR VIA AL MAR</t>
  </si>
  <si>
    <t>POLLOS Y VERDURAS.COM</t>
  </si>
  <si>
    <t>CL 49 # 4 104 BRR LAGOS II</t>
  </si>
  <si>
    <t>CELLPHONE PTO GAITAN</t>
  </si>
  <si>
    <t>SERVILASSO.COM</t>
  </si>
  <si>
    <t>CR 15 B # 1 G 88 BRR VENTILADOR</t>
  </si>
  <si>
    <t>LA RANA.COM</t>
  </si>
  <si>
    <t>CR 6 # 23 B 28 BRR MARSELLA</t>
  </si>
  <si>
    <t>FOTOCOPIAS MAPAS</t>
  </si>
  <si>
    <t>CARRERA 8 20 59 B GRANADA</t>
  </si>
  <si>
    <t>MISCELANEA SARACAMILA Y ALEJO</t>
  </si>
  <si>
    <t>CR 7 A # 03 80 BRR PARQUE CAMPESTRE</t>
  </si>
  <si>
    <t>INSUMOS JOSYA</t>
  </si>
  <si>
    <t>CR 16 C SUR # 27 05 BRR CIUDAD VERDE</t>
  </si>
  <si>
    <t>LILIANA MUNOZ</t>
  </si>
  <si>
    <t>CRA. 12 #28-45 GIRARDOT CUNDINAMARCA COLOMBIA</t>
  </si>
  <si>
    <t>EDERNET</t>
  </si>
  <si>
    <t>CL 15 A # 3 N 28 BRR BELALCAZAR</t>
  </si>
  <si>
    <t>PAPELERIA RYL</t>
  </si>
  <si>
    <t>CR 10 # 14 C 34 - SUR BRR VILLA SOFIA PRIMER SECTOR</t>
  </si>
  <si>
    <t>ZWAPP S.A.S.</t>
  </si>
  <si>
    <t>CL 128 # 9 A 60 / AP 202 BRR BOGOTA</t>
  </si>
  <si>
    <t>TRANS. 99 NO. 70A89 L-2254</t>
  </si>
  <si>
    <t>CVS PUNTO DE PAGOS</t>
  </si>
  <si>
    <t>DG 8 SUR # 39 172 / LC 112 BRR ROSABLANCA</t>
  </si>
  <si>
    <t>CL. 15 #17-39 ACACIAS META COLOMBIA</t>
  </si>
  <si>
    <t>XABIER.CEL</t>
  </si>
  <si>
    <t>CL 13 # 4 A 35 BRR LA FERIA</t>
  </si>
  <si>
    <t xml:space="preserve">INTERNET PAPELERIA CENTRAL </t>
  </si>
  <si>
    <t>CLL 5# 1 68 LOCAL 1</t>
  </si>
  <si>
    <t>KCUYBUS S.A.S.</t>
  </si>
  <si>
    <t>CL 7 E # 7 A 40 BRR COLINAS I</t>
  </si>
  <si>
    <t>GAMA</t>
  </si>
  <si>
    <t>SERVIGAMA</t>
  </si>
  <si>
    <t>CARRERA 3 ##2-46 GAMA CUNDINAMARCA COLOMBIA</t>
  </si>
  <si>
    <t>MINUTOS ORIANA</t>
  </si>
  <si>
    <t>CALLE 18A 12 22</t>
  </si>
  <si>
    <t>DETALLES VALENTINA</t>
  </si>
  <si>
    <t>CR 1 C # 58 A 1 BRR VILLA DE VERACRUZ</t>
  </si>
  <si>
    <t>ACTIVOS CBS LOGISTICA E.U</t>
  </si>
  <si>
    <t>CR 3 ESTE # 26 03 BRR SAN MATEO</t>
  </si>
  <si>
    <t>VARIETY SHADDAY</t>
  </si>
  <si>
    <t>CL 49 A SUR # 5 D - 02 BRR SAN AUGUSTIN BOGOTA</t>
  </si>
  <si>
    <t>MULTISERVICIOS PARAISO</t>
  </si>
  <si>
    <t>CL 11 # 18 16 BRR PARAISO</t>
  </si>
  <si>
    <t>MULTISERVICIOS ARCABUCO</t>
  </si>
  <si>
    <t>CL 5 # 4 75 BRR ARCABUCO</t>
  </si>
  <si>
    <t>CHIVATÁ</t>
  </si>
  <si>
    <t>PAPELERIA SERVIYA CHIVATA</t>
  </si>
  <si>
    <t>CR 4 # 3 43 BRR CHIVATA</t>
  </si>
  <si>
    <t>DROGUERIA MEGAMODERNA PLUS</t>
  </si>
  <si>
    <t>CL 50 # 03 88 BRR LAGOS II</t>
  </si>
  <si>
    <t>VIDEO JUEGOS LA  13</t>
  </si>
  <si>
    <t>CR 13 # 57 07 BRR EL REPOSO</t>
  </si>
  <si>
    <t>LA MACARENA</t>
  </si>
  <si>
    <t>CIBER STIVEN.COM</t>
  </si>
  <si>
    <t>CL 5 N 5-52 BRR ANTONIO NARIO</t>
  </si>
  <si>
    <t>DROGUERIA LLANOFARMA HA</t>
  </si>
  <si>
    <t>CR 14 # 7 47 BRR LOS FUNDADORES</t>
  </si>
  <si>
    <t>EL PREPAGO MOVIL</t>
  </si>
  <si>
    <t>CRA. 4 ESTE #14 VILLAVICENCIO META COLOMBIA</t>
  </si>
  <si>
    <t>TECNIPORTATILES</t>
  </si>
  <si>
    <t>CR 5 # 12 28 BRR CENTRO</t>
  </si>
  <si>
    <t>CENTRO DE PAGOS Y SERVICIOS EL SOL</t>
  </si>
  <si>
    <t>CL 21 A # 2 08 BRR EL SOL</t>
  </si>
  <si>
    <t>PEREGRINO LIBERIA CAFÃ‰ LA PALMA</t>
  </si>
  <si>
    <t>CARRERA 11 NO 82-76 PISO 4</t>
  </si>
  <si>
    <t>CENTRO DE SOLUCIONES ARI</t>
  </si>
  <si>
    <t>CL 62 B # 11 17 BRR POBLADO</t>
  </si>
  <si>
    <t>DOBLECLICK JK</t>
  </si>
  <si>
    <t>CL 145 # 47 33 BRR PRADO PINZON</t>
  </si>
  <si>
    <t>VIGIASYSTEMS</t>
  </si>
  <si>
    <t>CL 129 # 101 - 05 BRR LAGOS DE SUBA</t>
  </si>
  <si>
    <t>LOS ARIZA</t>
  </si>
  <si>
    <t>CR 18 # 4 C 30 / TO 27 AP 104 BRR HOGARES SOACHA</t>
  </si>
  <si>
    <t>PAPELERIA MARLY</t>
  </si>
  <si>
    <t>CL 59 # 26 B - 16 ESTE BRR LUIS CARLOS GALAN PRIMER SECTOR</t>
  </si>
  <si>
    <t>C.C. RIO CAUCA L-174 PISO 2</t>
  </si>
  <si>
    <t>DIGISITEMAS</t>
  </si>
  <si>
    <t>LC 209 CENTRO COMERCIAL LOS PANCHES BRR CENTRO</t>
  </si>
  <si>
    <t>TECNICEL COMUNICACIONES</t>
  </si>
  <si>
    <t>CR 12 # 12 21 BRR CIUDAD JARDIN GARAGOA</t>
  </si>
  <si>
    <t>PAPLERIA Y VARIEDADES CANTI</t>
  </si>
  <si>
    <t>TV 9 # 1 A 36 / LC 1 BRR SIETE DE AGOSTO</t>
  </si>
  <si>
    <t>SAN MATEO AUTO SPA</t>
  </si>
  <si>
    <t>TV 12 # 22 87 BRR FUSAGASUGA</t>
  </si>
  <si>
    <t>CL 6 A SUR # 10 C 24 BRR VALLES SANTA ANA</t>
  </si>
  <si>
    <t>MAD VARIEDADES</t>
  </si>
  <si>
    <t>CL 24 D # 2 67 BRR PORVENIR</t>
  </si>
  <si>
    <t>PAPELERIA Y MISCELANEA LA MISERICORDIA</t>
  </si>
  <si>
    <t>DG 49 SUR # 86 A - 89 BRR BOSA BETANIA</t>
  </si>
  <si>
    <t>TIENDA LA ESQUINA</t>
  </si>
  <si>
    <t>CL 74 S # 13 B - 04 BRR JUAN REY</t>
  </si>
  <si>
    <t>SERCONT INTEGRALES JV</t>
  </si>
  <si>
    <t>CR 6 # 5 44 BRR SAMACA</t>
  </si>
  <si>
    <t>PAPELERIA SORI</t>
  </si>
  <si>
    <t>CR 8 # 6 - 61 BRR SOTAQUIRA</t>
  </si>
  <si>
    <t>BOSCONIA</t>
  </si>
  <si>
    <t>COMPUPAPEL JS</t>
  </si>
  <si>
    <t>CR 18 # 18 84 BRR LOS ANGELES</t>
  </si>
  <si>
    <t>FYL MULTISERVICIOS Y PAGOS</t>
  </si>
  <si>
    <t>CL. 37 #35-27 VILLAVICENCIO META COLOMBIA</t>
  </si>
  <si>
    <t>PAALERA DE LIZ</t>
  </si>
  <si>
    <t>CR 15 # 25 A 44 BRR LOS MARACOS</t>
  </si>
  <si>
    <t>COMPUANDRES</t>
  </si>
  <si>
    <t>CA 72 SEC LA SABANA BRR RFEMOLINOS</t>
  </si>
  <si>
    <t>INTERGRATAMIRA</t>
  </si>
  <si>
    <t>CARRERA 35 A # 5 A - 80 SUR</t>
  </si>
  <si>
    <t>VARIEDADES GATAPANDA</t>
  </si>
  <si>
    <t>CR 11 A # 10 18 - SUR BRR DUCALES</t>
  </si>
  <si>
    <t>CL 46 # 3 D 48 BRR QUINTANARES</t>
  </si>
  <si>
    <t>RICHY</t>
  </si>
  <si>
    <t>TV 4 S # 5 30 - SUR / TO 11 BRR QUINTAS DE LA LAGUNA</t>
  </si>
  <si>
    <t>VARIEDADES KENEDY</t>
  </si>
  <si>
    <t>CL 39 A # 32 1 BRR KENNEDY</t>
  </si>
  <si>
    <t>PUNTO GAMER</t>
  </si>
  <si>
    <t>CR 6 ESTE # 97 D - 09 SUR BRR ALFONSO LOPEZ</t>
  </si>
  <si>
    <t>AUTOSERVICIO EL MANA</t>
  </si>
  <si>
    <t>CL 46 # 7 A 31 BRR ROSALES</t>
  </si>
  <si>
    <t>23 DE JUNIO</t>
  </si>
  <si>
    <t>CL 31 # 4 07 BRR DOCE DE OCTUBRE</t>
  </si>
  <si>
    <t>AGUILA IMPERIAL</t>
  </si>
  <si>
    <t>CR 33 # 55 20 BRR CABECERA DEL LLANO</t>
  </si>
  <si>
    <t>MULTISERVICIO DOï¿±AJO</t>
  </si>
  <si>
    <t>VDA SANTALUCIA</t>
  </si>
  <si>
    <t>ART INK TATTOO</t>
  </si>
  <si>
    <t>AK 42 B # 10 18 BRR ALDEBARAN</t>
  </si>
  <si>
    <t>VARIEDADES DINI.COM</t>
  </si>
  <si>
    <t>CL. 1C #26-14 NEIVA HUILA COLOMBIA</t>
  </si>
  <si>
    <t>VARIEDADES OLCY</t>
  </si>
  <si>
    <t>CR 34 # 15 A 01 BRR SANTA ISABEL</t>
  </si>
  <si>
    <t>DROGUERIA FARMA SERVYS</t>
  </si>
  <si>
    <t>CL. 13A #16-40 SOACHA CUNDINAMARCA COLOMBIA</t>
  </si>
  <si>
    <t>CENTRO DE SERVICIOS GARES</t>
  </si>
  <si>
    <t>CR 36 A # 12 71 / LC 2 BRR CIUDAD VERDE</t>
  </si>
  <si>
    <t>INTER RAPIDISIMO</t>
  </si>
  <si>
    <t>CR 11 B # 18 B 34 - SUR / LC 2 BRR COMPARTIR</t>
  </si>
  <si>
    <t>GALAPA</t>
  </si>
  <si>
    <t>TIENDA SAN MARTIN DE VILLA</t>
  </si>
  <si>
    <t>CR 57 # 5 A 06 BRR VILLA OLIMPICA</t>
  </si>
  <si>
    <t>HELADERIA Y PAPELERIA MI ANGELITO</t>
  </si>
  <si>
    <t>CR 84 A # 56 B - 10 SUR / CA 10 BRR LA PAZ</t>
  </si>
  <si>
    <t>AV. SIMON BOLIVAR CRA. 16 NO. 24-70 PISO 2 L-209A</t>
  </si>
  <si>
    <t>MULTISERVICIOS SAN FRANCISCO</t>
  </si>
  <si>
    <t>CR 24 # 15 63 BRR SAN FRANCISCO</t>
  </si>
  <si>
    <t>MISCELANEA ALBATEL</t>
  </si>
  <si>
    <t>CR 22 # 37 B 90 BRR INDUSTRIAL</t>
  </si>
  <si>
    <t>GLOBALSERVICES JA</t>
  </si>
  <si>
    <t>CR 3 # 7 10 / AP 2 BRR VISO DE UPIA</t>
  </si>
  <si>
    <t>VARIEDADES NARVAEZ</t>
  </si>
  <si>
    <t>C S</t>
  </si>
  <si>
    <t>MACA VARIEDADES</t>
  </si>
  <si>
    <t>CL 30 A SUR # 26 A 05 BRR NUEVO BICENTENARIO</t>
  </si>
  <si>
    <t>MEGA SERVICIOS DE HUILA</t>
  </si>
  <si>
    <t>CR 17 A # 3 02 / ET 1 BRR MINUTO DE DIOS SUR</t>
  </si>
  <si>
    <t>SUAZA</t>
  </si>
  <si>
    <t>INTERNET JUANCO</t>
  </si>
  <si>
    <t>CL 5 A # 5 167 BRR TARQUINO BELTRAN</t>
  </si>
  <si>
    <t>TECHNOLOGY SAFARI.COM</t>
  </si>
  <si>
    <t>CR 4 # 5 18 BRR PRIMAVERA</t>
  </si>
  <si>
    <t>PAPELERA MGICA MADRID</t>
  </si>
  <si>
    <t>CRA 3 7 - 35</t>
  </si>
  <si>
    <t>COMUNICACIONES INTERCEL.COM</t>
  </si>
  <si>
    <t>CR 9 # 13 57 BRR CENTRO</t>
  </si>
  <si>
    <t>MULTIASEO YJK</t>
  </si>
  <si>
    <t>CRA. 22 ESTE #13-92 SOACHA CUNDINAMARCA COLOMBIA</t>
  </si>
  <si>
    <t>SASAIMA</t>
  </si>
  <si>
    <t>NOVEDADES MICHEL</t>
  </si>
  <si>
    <t>CR 3 # 2 29 BRR SASAIMA EL CARMEN</t>
  </si>
  <si>
    <t>RECAUDOS Y PAGOS</t>
  </si>
  <si>
    <t>CR 87 C # 71 18 - SUR BRR LA INDEPENDENCIA</t>
  </si>
  <si>
    <t>SUPERMASCOTAS.COM</t>
  </si>
  <si>
    <t>CL 65 D SUR # 80 A 07 BRR BOSA CENTRO</t>
  </si>
  <si>
    <t>YESSER INTERNET</t>
  </si>
  <si>
    <t>CL 20 # 26 90 BRR SANTA CRUZ</t>
  </si>
  <si>
    <t>LA AGENCIA DE RO</t>
  </si>
  <si>
    <t>KDX 8 360 BRR RIO DE ORO</t>
  </si>
  <si>
    <t>CL 24 # 4 A 71 / AP 01 BRR CANDELARIA</t>
  </si>
  <si>
    <t>DROGUERIA VILLA JULIANA</t>
  </si>
  <si>
    <t>CL. 8 #20-55 YOPAL CASANARE COLOMBIA</t>
  </si>
  <si>
    <t>EL ARTE DE LA PELUQUERA UNE</t>
  </si>
  <si>
    <t>CL 10 # 19 A 94 / LC 1 BRR CIUDAD SABANA</t>
  </si>
  <si>
    <t>COSMETIKAS</t>
  </si>
  <si>
    <t>AK 23 # 17 A 60 / LC 1 BRR SAN RAFAEL</t>
  </si>
  <si>
    <t>ALMACN A TU ESTILO</t>
  </si>
  <si>
    <t>CR 4 # 3 35 BRR CENTRO</t>
  </si>
  <si>
    <t>MINIPTECIOS</t>
  </si>
  <si>
    <t>CL 5 # 7 02 / ESQ BRR CENTRO VILLETA</t>
  </si>
  <si>
    <t>ANNIE</t>
  </si>
  <si>
    <t>CL 10 # 17 A 21 BRR POBLADO</t>
  </si>
  <si>
    <t>DROSALUD MC</t>
  </si>
  <si>
    <t>AV 00 # 00 - 00 BRR ALTOS DE PLAN PAREJO 2/ TERCERA ETAPA/ MZA 40/ LOTE 2</t>
  </si>
  <si>
    <t>DOG AND CATS PRODUCTS</t>
  </si>
  <si>
    <t>DIAGONAL 69 B 14 T 13 SUR</t>
  </si>
  <si>
    <t>COMERCIALIZADORA TJF</t>
  </si>
  <si>
    <t>CL 86 # 94 H - 06 BRR QUIRIGUA</t>
  </si>
  <si>
    <t>INTERNET PAPELERIA CHARLY</t>
  </si>
  <si>
    <t>CL 19 # 28 46 BRR LA PERLA</t>
  </si>
  <si>
    <t>ACUARIOS.COM</t>
  </si>
  <si>
    <t>CL 18 B # 18 54 BRR MANCERA</t>
  </si>
  <si>
    <t>BICI-VARIEDADES DEL SUR</t>
  </si>
  <si>
    <t>CL. 19 SUR #7-176 NEIVA HUILA COLOMBIA</t>
  </si>
  <si>
    <t>ARTPINATA</t>
  </si>
  <si>
    <t>CR 2 # 20 39 BRR FUSACATAN</t>
  </si>
  <si>
    <t>AGROVETERINARIA DR VET</t>
  </si>
  <si>
    <t>CR 8 # 5 59 BRR CENTRO</t>
  </si>
  <si>
    <t>VARIEDADES JD</t>
  </si>
  <si>
    <t>CL 61 C SUR # 76 C - 25 BRR TRES REYES SEGUNDO SECTOR</t>
  </si>
  <si>
    <t>VILLAS DE KENNEDY</t>
  </si>
  <si>
    <t>CR 81 D # 54 11 - SUR BRR CARMELO</t>
  </si>
  <si>
    <t>CL. 4 23-86 C.C. BUGA PLAZA AV. EL MILAGROSO L-103</t>
  </si>
  <si>
    <t>LUGARCIBERNETICO.COM</t>
  </si>
  <si>
    <t>CR 110 A # 142 A - 09 BRR LOMBARDIA</t>
  </si>
  <si>
    <t>PLACE MARKET</t>
  </si>
  <si>
    <t>CR 21 # 158 85 BRR CONJUNTO TAYRONA</t>
  </si>
  <si>
    <t>SAN JOSÉ DEL GUAVIARE</t>
  </si>
  <si>
    <t>LA MEJOR ESQUINA DEL CARACOL</t>
  </si>
  <si>
    <t>VDA CARACOL CL PRINCIPAL BRR CARACOL</t>
  </si>
  <si>
    <t>VARIEDADES LUCINET</t>
  </si>
  <si>
    <t>CL 25 # 14 18 / MZ BB CA 1 LC 2 BRR POPULAR</t>
  </si>
  <si>
    <t>DROGUERIA LA SEXTA M</t>
  </si>
  <si>
    <t>CR 8 12 13 BRR LAS FERIAS</t>
  </si>
  <si>
    <t>COMERCIALIZADORA COLLANTAS SAS</t>
  </si>
  <si>
    <t>SEC ANILLO VIAL ESTACIÃ“N DEL LLANO LC 104 BRR ANILLO VIAL</t>
  </si>
  <si>
    <t>DIAGNOSTI FARMA</t>
  </si>
  <si>
    <t>CL 17 SUR # 6 B 02 BRR SOACHA COMPARTIR</t>
  </si>
  <si>
    <t>MISCELANEA Y PAPELERIA KALEFY</t>
  </si>
  <si>
    <t>TV. 2A ESTE #28-15 SOACHA CUNDINAMARCA COLOMBIA</t>
  </si>
  <si>
    <t>COMUNICACIONES SHEDA</t>
  </si>
  <si>
    <t>DG 44 B SUR # 20 24 BRR SANTA LUCIA</t>
  </si>
  <si>
    <t>TIENDA CEPI</t>
  </si>
  <si>
    <t>CR 9 ESTE # 1 B - 48 BRR EL CONSUELO</t>
  </si>
  <si>
    <t>CL. 175 NO. 22-13 L-10</t>
  </si>
  <si>
    <t>CRA 2 CALLE 33 LOCAL: 265 VIA ANSERMANUEVO /INTERIOR C.C. NUESTRO CARTAGO</t>
  </si>
  <si>
    <t>TELECOMUNICACIONES J.J.Y CEL</t>
  </si>
  <si>
    <t>CL. 8 #10-100 PELAYA CESAR COLOMBIA</t>
  </si>
  <si>
    <t>MULTISERVICIOS M  B</t>
  </si>
  <si>
    <t>CL. 5 #25-65 AGUACHICA CESAR COLOMBIA</t>
  </si>
  <si>
    <t>DIANA BELLE</t>
  </si>
  <si>
    <t>CR 22 # 8 19 BRR CENTRO</t>
  </si>
  <si>
    <t>MULTISUMINISTROS YOKO H. HEREDIA</t>
  </si>
  <si>
    <t>CL 7 4 36</t>
  </si>
  <si>
    <t>DROGUERIA LA CHAPARRERA</t>
  </si>
  <si>
    <t>AV MARGINAL 5 270</t>
  </si>
  <si>
    <t>PAPELERIA EL ARCA</t>
  </si>
  <si>
    <t>CL 15A 3A 0094 01</t>
  </si>
  <si>
    <t>OUTSOURCING SOLEMGIR BA</t>
  </si>
  <si>
    <t>CR 7 A # 20 A - 61 BRR GRANADA</t>
  </si>
  <si>
    <t>TECNOVA</t>
  </si>
  <si>
    <t>CR 10 # 24 68 / LC 2 BRR CENTRO</t>
  </si>
  <si>
    <t>PANADERIA PUNTO ROJO ID</t>
  </si>
  <si>
    <t>CR 12 # 9 C 98 BRR SAN JOAQUIN</t>
  </si>
  <si>
    <t>CL 45 # 1 41 / CA BRR CAMPO HERMOSO</t>
  </si>
  <si>
    <t>TECHNOLOGY SIDE</t>
  </si>
  <si>
    <t>CLL 143 # 129 A 73</t>
  </si>
  <si>
    <t>CRA. 100 5-169 L-284 PASILLO 4</t>
  </si>
  <si>
    <t>CL. 27 NO. 30-49 L-110 C.C. MADEIRA PLAZA</t>
  </si>
  <si>
    <t>ASEEMCONT</t>
  </si>
  <si>
    <t>CL 114 # 32 16 BRR NIZA</t>
  </si>
  <si>
    <t>MISCELANEA Y PAPELERIA MOMOS</t>
  </si>
  <si>
    <t>CALLE 30 #68 VILLAVICENCIO META COLOMBIA</t>
  </si>
  <si>
    <t>TECNLOGY</t>
  </si>
  <si>
    <t>CL 48 # 11 A 11 - ESTE BRR JULIO RINCON I</t>
  </si>
  <si>
    <t>PANADERÃA Y CAFETERÃA DSANTI</t>
  </si>
  <si>
    <t>CR 28 # 12 A 27 BRR SIETE TROJES</t>
  </si>
  <si>
    <t>CACHARRERIA DEL VALLE</t>
  </si>
  <si>
    <t>CL 14 # 35 - 05 BRR CRISTOBAL COLON</t>
  </si>
  <si>
    <t>COMERCIALIZADORA PAPELERIA  LA UNIVERSAL SAS</t>
  </si>
  <si>
    <t>CL 15 A # 2 A 51 / MZ 8 L 8 BRR LAS VILLAS</t>
  </si>
  <si>
    <t>HOLA MUNDO COMUNICACIONES AEROPUERTO</t>
  </si>
  <si>
    <t>CL 6 # 1 - 84 BRR AEROPUERTO</t>
  </si>
  <si>
    <t>CRA 5 5-48 INT. SUPERMERCADO BELALCAZAR PISO 2</t>
  </si>
  <si>
    <t>CRA. 31 NO. 37 - 32 L-64 Y 65 C.C. LOS CENTAUROS</t>
  </si>
  <si>
    <t>NATURMEDICAL</t>
  </si>
  <si>
    <t>CR 5 # 4 52 BRR CHARTA</t>
  </si>
  <si>
    <t>LA TEKLA</t>
  </si>
  <si>
    <t>CL 31 # 23 47 BRR ANTYONIA SANTOS</t>
  </si>
  <si>
    <t>RESTAURANTE EL TREBOL GOURMET</t>
  </si>
  <si>
    <t>CL 4 # 8 65 BRR CENTRO</t>
  </si>
  <si>
    <t>MULTISERVICIO MX</t>
  </si>
  <si>
    <t>CL 18 # 9 64 BRR CENTRO</t>
  </si>
  <si>
    <t>PAPELERIAFIURER</t>
  </si>
  <si>
    <t>CR 16 ESTE # 32 04 BRR SAN MATEO</t>
  </si>
  <si>
    <t>VARIEDADES VALEMATH</t>
  </si>
  <si>
    <t>CRA. 16D #23-69 SOACHA CUNDINAMARCA COLOMBIA</t>
  </si>
  <si>
    <t xml:space="preserve">DROGUERIA LA PRINCIPAL </t>
  </si>
  <si>
    <t>CL 15 #6-39 SOACHA CUNDINAMARCA COLOMBIA</t>
  </si>
  <si>
    <t>MAO DROGUERIA SAN FRANCISCO</t>
  </si>
  <si>
    <t>CL 2 # 7 59 BRR CENTRO</t>
  </si>
  <si>
    <t>SERVICIOS INTEGRALES F Y F</t>
  </si>
  <si>
    <t>CR 9 # 17 A 37 BRR CENTRO</t>
  </si>
  <si>
    <t>FÚQUENE</t>
  </si>
  <si>
    <t>VARIEDADES YALIS</t>
  </si>
  <si>
    <t>INSPECCION APHIANIA</t>
  </si>
  <si>
    <t>PAPELERIA SYC</t>
  </si>
  <si>
    <t>CL 32 A SUR # 15 H 16 BRR CIUDAD LATINA</t>
  </si>
  <si>
    <t>CL. 73 NO. 7-16 LOCAL 2</t>
  </si>
  <si>
    <t>M U COMUNICACIONES</t>
  </si>
  <si>
    <t>CALLE 73 A SUR 18B - 14</t>
  </si>
  <si>
    <t>DROGUERIA LA CORALINA</t>
  </si>
  <si>
    <t>CL 3 32 03 P 1 BRR LA CORALINA</t>
  </si>
  <si>
    <t>CL 8 # 8-21</t>
  </si>
  <si>
    <t>MISCELANEA EL GRAN JJ MCJ</t>
  </si>
  <si>
    <t>CR 6 # 7 11 BRR CENTRO</t>
  </si>
  <si>
    <t>UNIBELL DR</t>
  </si>
  <si>
    <t>CARRERA 18F #11-82 SOACHA CUNDINAMARCA COLOMBIA</t>
  </si>
  <si>
    <t>MINIMARKET JIREH</t>
  </si>
  <si>
    <t>VDA VERGANZO SCT CASTELBLAN 0812 107 01 00101</t>
  </si>
  <si>
    <t>CAUCASIA</t>
  </si>
  <si>
    <t>PAPELERIA Y VARIEDADES LA TERCERA</t>
  </si>
  <si>
    <t>CARRERA 3 CALLE 16</t>
  </si>
  <si>
    <t>MULTICERVICIOS HERNANDEZ SOLARTE</t>
  </si>
  <si>
    <t>CL 54 B # 42 D - 40 BRR SAN CAYETANO</t>
  </si>
  <si>
    <t>CL 26 SUR # 73 70 BRR KENNEDY</t>
  </si>
  <si>
    <t>SOLUCIONES BILBAO 2022</t>
  </si>
  <si>
    <t>CL 143 B # 146 - 29 BRR BILBAO</t>
  </si>
  <si>
    <t>MULTISERVICIOS CALLE 8 SAN MIGUEL ARCANCEL</t>
  </si>
  <si>
    <t>CR 12 # 8 B - 02 BRR SANTA ANA MOSQUERA</t>
  </si>
  <si>
    <t>CRA. 46 NO. 4766 L-2108</t>
  </si>
  <si>
    <t>PAPELERIA ANCLAR</t>
  </si>
  <si>
    <t>VDA GUATIGUARA CA 4 LC 3 BRR ALTOS VILLA JOSEFINA</t>
  </si>
  <si>
    <t>CAFEMOVIL.CO</t>
  </si>
  <si>
    <t>CR 6 # 1 40 BRR LA ARBARRADA</t>
  </si>
  <si>
    <t>CAFE HOYOS</t>
  </si>
  <si>
    <t>CRA. 10 #907 PITAL HUILA COLOMBIA</t>
  </si>
  <si>
    <t>HOBO</t>
  </si>
  <si>
    <t>DISTRI VARIEDADES LIZ</t>
  </si>
  <si>
    <t>CRA. 7 #5 HOBO HUILA COLOMBIA</t>
  </si>
  <si>
    <t>PAPELERA INNOVA</t>
  </si>
  <si>
    <t>FCA VILLA FLOR BRR VEREDA VERGANZO</t>
  </si>
  <si>
    <t>PRODUCTOS NATURALES ANY</t>
  </si>
  <si>
    <t>CR 5 # 10 21 BRR CENTRO</t>
  </si>
  <si>
    <t>VARIEDADES JJ P</t>
  </si>
  <si>
    <t>CL 19 # 52 09 BRR LA VENTA</t>
  </si>
  <si>
    <t>HALO.NET</t>
  </si>
  <si>
    <t>DG 32 # 10 40 / LC A BRR RINCON DE SANTAFE</t>
  </si>
  <si>
    <t>CRA. 111C NO. 86-74 L-221-222 UNICENTRO DE OCCIDENTE CIUDADELA COLSUBSIDIO</t>
  </si>
  <si>
    <t>CRA. 1NO. 65 D SUR 58L-103B INT. EXITO C.C. ALTAVISTA (FRENTE AL PORTAL DE TRANSMILENIO DE USME)</t>
  </si>
  <si>
    <t>ROSANA CANAS</t>
  </si>
  <si>
    <t>CL 8 # 13 73 BRR VILLABEL</t>
  </si>
  <si>
    <t>PAPELERIA UCC</t>
  </si>
  <si>
    <t>CL 33 B # 30 A 04 BRR QUINTADANIA</t>
  </si>
  <si>
    <t>VARIEDADES NABELIS</t>
  </si>
  <si>
    <t>CRA 5 10 45</t>
  </si>
  <si>
    <t>DROGUERIA SANTA ISABEL OSWALDO</t>
  </si>
  <si>
    <t>CRA. 25 #4C-33 VILLAVICENCIO META COLOMBIA</t>
  </si>
  <si>
    <t>VIRTAUL MODAS</t>
  </si>
  <si>
    <t>DG 24 # 12 56 BRR SAN MATEO</t>
  </si>
  <si>
    <t>LA CALERA</t>
  </si>
  <si>
    <t>GLOBALTECH LA CALERA</t>
  </si>
  <si>
    <t>KR 2 B NO 7 03</t>
  </si>
  <si>
    <t>PAPELERIA DANI LA 4TA</t>
  </si>
  <si>
    <t>CLL 6 # 4-08 INT 201</t>
  </si>
  <si>
    <t>INTERNET EN LINEA A B R COM</t>
  </si>
  <si>
    <t>DG 4 6 85</t>
  </si>
  <si>
    <t>MISCELANEA PAPELERIA HELI</t>
  </si>
  <si>
    <t>DG 15 C # 9 06 - ESTE BRR GALICIA III</t>
  </si>
  <si>
    <t>VOICELL MAICAO</t>
  </si>
  <si>
    <t>CL 12 BIS # 11 - 55 / LC 23 BRR MAICAO</t>
  </si>
  <si>
    <t>CRA.46 82-54 INT. OLIMPICA</t>
  </si>
  <si>
    <t>UNO A LA PRIMERA</t>
  </si>
  <si>
    <t>CRA 39 #4 - 188</t>
  </si>
  <si>
    <t>AUTOSERVICIO DANNY CAUDAL</t>
  </si>
  <si>
    <t>CL 47 BIS A 27 35 BL A ED SARARE BRR CAUDAL</t>
  </si>
  <si>
    <t>DROGUERIA SAN ANDRES G1</t>
  </si>
  <si>
    <t>CRA 5 9 39 LOCAL 3</t>
  </si>
  <si>
    <t>DROGUERIA MYLENPHAR</t>
  </si>
  <si>
    <t>FOTOCOPIADORA</t>
  </si>
  <si>
    <t>CR 32 C # 24 37 BRR PUERTAS EL SOL</t>
  </si>
  <si>
    <t>MULTISERVICIOS LAM</t>
  </si>
  <si>
    <t>CL 14 # 8 12 BRR ALTICO</t>
  </si>
  <si>
    <t>MULTIPAGOS DISNEY</t>
  </si>
  <si>
    <t>CR 11 ESTE # 15 C 103 BRR GALICIA TRES</t>
  </si>
  <si>
    <t>PAPELERIA LUGA MADRID</t>
  </si>
  <si>
    <t>CR 22 # 2 55 BRR EL SOCIEGO</t>
  </si>
  <si>
    <t>EMTI</t>
  </si>
  <si>
    <t>KR 12 B NO 18 SUR - 69</t>
  </si>
  <si>
    <t>DELE CLICK</t>
  </si>
  <si>
    <t>CR 10 # 13 61 BRR EL ROSARIO CORR EL CARMELO</t>
  </si>
  <si>
    <t>PAPELERIA RAMIREZ2010</t>
  </si>
  <si>
    <t>CR 1 A # 76 - 05 BRR CALIMIO NORTE</t>
  </si>
  <si>
    <t>INNOVA</t>
  </si>
  <si>
    <t>CR 10 # 8 A 28 BRR LA AURORA</t>
  </si>
  <si>
    <t>COMUNICA M@S PARQUE</t>
  </si>
  <si>
    <t>CL 12 # 7 09 BRR CENTRO PARQUE</t>
  </si>
  <si>
    <t>MISCELANEA FALY</t>
  </si>
  <si>
    <t>CR 37 # 107 114 BRR EL CALDAS</t>
  </si>
  <si>
    <t>MUEBLES LA PRINCIPAL</t>
  </si>
  <si>
    <t>CR 8 # 8 32 BRR JUAN PABLO SEGUNDO</t>
  </si>
  <si>
    <t>SURTIEXITOS</t>
  </si>
  <si>
    <t>VIA PRINCIPAL TIMANA #626 TIMANA HUILA COLOMBIA</t>
  </si>
  <si>
    <t>CL 18 6 06/10 PS 2</t>
  </si>
  <si>
    <t>SALA DE INTERNET</t>
  </si>
  <si>
    <t>CR 29 # 3 20 BRR URBANIZACIÃ“N VEREDA TROPICAL</t>
  </si>
  <si>
    <t>VARIEDADES EL NOGAL</t>
  </si>
  <si>
    <t>CL 9 # 72 A 23 BRR CASTILLA</t>
  </si>
  <si>
    <t>PANADERIA FONTANA REAL</t>
  </si>
  <si>
    <t>CR 19 # 30 3 BRR ALTAMIRA</t>
  </si>
  <si>
    <t>COMUNICACIONES MAGLO</t>
  </si>
  <si>
    <t>TV 25 B # 12 A 02 BRR COOPERATIVO</t>
  </si>
  <si>
    <t>ALMACEN GUADALUPE</t>
  </si>
  <si>
    <t>CR 6 # 2 83 BRR CENTRO</t>
  </si>
  <si>
    <t>COMIDAS RPIDAS FRANCY</t>
  </si>
  <si>
    <t>CL 8 # 34 69 BRR LAS BRISAS</t>
  </si>
  <si>
    <t>MELLO STORE 70</t>
  </si>
  <si>
    <t>CR 16 # 1 13 BRR BAJO FIRME</t>
  </si>
  <si>
    <t>JD.COMUNICACIONES GONZALEZ</t>
  </si>
  <si>
    <t>CR 3 # 57 83 BRR SALOMIA</t>
  </si>
  <si>
    <t>TIENDA CLAUDIA</t>
  </si>
  <si>
    <t>CL 1 B # 6 - 21 ESTE BRR EL DORADO</t>
  </si>
  <si>
    <t>SKYNET CALI</t>
  </si>
  <si>
    <t>CL 40 # 44 A - 40 BRR REPUBLICA DE ISRAEL</t>
  </si>
  <si>
    <t>PURACÉ</t>
  </si>
  <si>
    <t>MC INTERNET</t>
  </si>
  <si>
    <t>CL 3 # 4 - 26 BRR EL CENTRO PURACE</t>
  </si>
  <si>
    <t>CL. 19 NORTE 13-09 INT. SAO PISO 1 C.C. PORTAL</t>
  </si>
  <si>
    <t>MANAURE BALCÓN DEL CESAR</t>
  </si>
  <si>
    <t>ALMACEN EL NOYO</t>
  </si>
  <si>
    <t>CR 9 # 3 31 BRR CENTRO</t>
  </si>
  <si>
    <t>SERVICIOS FORERO</t>
  </si>
  <si>
    <t>CALLE 3 # 3-37</t>
  </si>
  <si>
    <t>ECONOLIMPIEZA</t>
  </si>
  <si>
    <t>CL 7 N 8 104</t>
  </si>
  <si>
    <t>MAYERPLAST</t>
  </si>
  <si>
    <t>CL. 33 #1-20 SOACHA CUNDINAMARCA COLOMBIA</t>
  </si>
  <si>
    <t>CL 3 # 3 39 BRR LOCALES</t>
  </si>
  <si>
    <t>INTERNET PUNTO NARANJA</t>
  </si>
  <si>
    <t>CR 8 # 8 103 BRR EL PROGRESO</t>
  </si>
  <si>
    <t>MULTI CERVICIOS CONECTADOS</t>
  </si>
  <si>
    <t>CL 77 # 26 B 3 BRR ALIRIO MORA BELTRAN</t>
  </si>
  <si>
    <t>SUPER VARIEDADES PIPE</t>
  </si>
  <si>
    <t>CR 86 G # 42 B 31 - SUR / AP 102 BRR KENNEDY DINDALITO</t>
  </si>
  <si>
    <t>CL. 13 31-45 INTERIOR ALMACEN GIGANTE PRYCA</t>
  </si>
  <si>
    <t>SOLUCIONES ALLEGRA</t>
  </si>
  <si>
    <t>CR 2 A # 17 B 21 BRR PATRIOTAS</t>
  </si>
  <si>
    <t>DIOCAR</t>
  </si>
  <si>
    <t>CL 7 # 20-05</t>
  </si>
  <si>
    <t>MARLENY MURCIA</t>
  </si>
  <si>
    <t>CL 2 # 28 69 BRR GUILLERMO LIEVANO</t>
  </si>
  <si>
    <t>DETALLES Y MARIKDITAS.COM</t>
  </si>
  <si>
    <t>CR 2 B # 45 B 10 BRR SOACHA</t>
  </si>
  <si>
    <t>CACHARRERIA LOS MOLINOS</t>
  </si>
  <si>
    <t>CL 49 B SUR # 5 I BIS C 144 BRR MOLINOS DEL SUR</t>
  </si>
  <si>
    <t>PAPELERIA MISCELANEA ARTES</t>
  </si>
  <si>
    <t>CR 18 # 7 G 50 BRR ESCANDINAVO</t>
  </si>
  <si>
    <t>LA PIZARRA DE LUCY</t>
  </si>
  <si>
    <t>CL 7 # 5 06 BRR PRIMAVERA I</t>
  </si>
  <si>
    <t>BIGPAPER</t>
  </si>
  <si>
    <t>CL 35 # 25 15 BRR ANTONIA SANTOS</t>
  </si>
  <si>
    <t>PHONE CELL COMUNICACIONES</t>
  </si>
  <si>
    <t>CR 14 # 21 A 12 BRR PRIMERO DE MAYO</t>
  </si>
  <si>
    <t>PAPELERIA DIANIS NEIVA</t>
  </si>
  <si>
    <t>CL 23 A SUR # 22 22 BRR CANAIMA</t>
  </si>
  <si>
    <t>TIBACUY</t>
  </si>
  <si>
    <t>DROGUERIA SANTA LUCIA</t>
  </si>
  <si>
    <t>CL 4 # 3 13 BRR TIBACUY</t>
  </si>
  <si>
    <t>PAPELERIA Y MISCELANEA DULCE K</t>
  </si>
  <si>
    <t>KR 12 F NO 11 SUR - 05</t>
  </si>
  <si>
    <t>WILLYNET</t>
  </si>
  <si>
    <t>CRA. 3 #3-3 CAQUEZA CUNDINAMARCA COLOMBIA</t>
  </si>
  <si>
    <t>MISCELANEA DIANANDRES</t>
  </si>
  <si>
    <t>CR 10 # 15 07 BRR LA ESMERALDA</t>
  </si>
  <si>
    <t>MISCELANEA Y PAPELERIA NIKSAJC</t>
  </si>
  <si>
    <t>CALL 29 SUR 13A- 25</t>
  </si>
  <si>
    <t>DROGAS SAN JOSE C.P</t>
  </si>
  <si>
    <t>CL 3 3 30</t>
  </si>
  <si>
    <t>DROGUERIA MR EXPRESS</t>
  </si>
  <si>
    <t>CL 9 9 35 LC 3</t>
  </si>
  <si>
    <t>PAPELERIA SERVICIOS KSM</t>
  </si>
  <si>
    <t>CR 7 A # 182 A 36 BRR EL ROCIO NORTE</t>
  </si>
  <si>
    <t>MINIMARKET AKA</t>
  </si>
  <si>
    <t>CL 53 B SUR # 34 80 BRR SAN VICENTE FERRER</t>
  </si>
  <si>
    <t>CRA. 13 NO. 63-39 L-14</t>
  </si>
  <si>
    <t>CL. 30 CRA. 8 C.C. INT. EXITO</t>
  </si>
  <si>
    <t>CALLE 74 #38D 113 LOCAL 80</t>
  </si>
  <si>
    <t>SALA DE BELLEZA SHARITH</t>
  </si>
  <si>
    <t>CL 16 # 51 26 BRR SAN MIGUEL</t>
  </si>
  <si>
    <t>LOS HERMANOS</t>
  </si>
  <si>
    <t>CR 2 A ESTE # 35 A 6 BRR LA CUMBRE</t>
  </si>
  <si>
    <t>PAPELERIA Y VARIEDADES LOS PEKES</t>
  </si>
  <si>
    <t>CR 10 A # 8 A 63 BRR AIDA QUINTERO</t>
  </si>
  <si>
    <t>TECHNOLOGY TIKEE TKD</t>
  </si>
  <si>
    <t>CR 2 A # 3 A 22 / MZ 4 CA 1 BRR VEINTE DE FEBRERO</t>
  </si>
  <si>
    <t>CENTRO DE SERVICIOS VALESAN</t>
  </si>
  <si>
    <t>CR 7 # 30 B 139 / IN 2 BRR GRAN PLAZA</t>
  </si>
  <si>
    <t>CRA. 54 72-80 L-23/24 CENTRO EJECUTIVO I</t>
  </si>
  <si>
    <t>TOROS DOMICILIOS CENTRO DE PAGOS Y SERVICIOS</t>
  </si>
  <si>
    <t>CL 25 # 20 09 / LC 101 BRR AMARAL</t>
  </si>
  <si>
    <t>VARIEDADES Y MULTIPAGOS SOACHA</t>
  </si>
  <si>
    <t>CR 4 # 27 A 04 / LC 24 BRR CENTRO COMERCIAL SAN ANDRESITO AUTOPISTA SUR</t>
  </si>
  <si>
    <t>DROGUERIA GLOBALIZACION</t>
  </si>
  <si>
    <t>CL 9 NO 02 C - 19 CA 3</t>
  </si>
  <si>
    <t>PEPENET Y MUCHO MAS</t>
  </si>
  <si>
    <t>CL 3 # 2 A 32 BRR SAN MIGUEL</t>
  </si>
  <si>
    <t>PAPELERIA HOGARES</t>
  </si>
  <si>
    <t>TV 18 # 07 60 BRR SOACHA</t>
  </si>
  <si>
    <t>MUNDI CONEXION</t>
  </si>
  <si>
    <t>CL 28 C # 23 C 10 BRR PRADOS DEL ORIENTE</t>
  </si>
  <si>
    <t>JHONY RUBIANO</t>
  </si>
  <si>
    <t>CL 62 # 12 E 13 BRR LA FLORESTA</t>
  </si>
  <si>
    <t>QABLASCEIBAS</t>
  </si>
  <si>
    <t>CR 7 M # 63 04 BRR LAS CEIBAS</t>
  </si>
  <si>
    <t>MULTISERVICIOSDELUJO.LJ</t>
  </si>
  <si>
    <t>CRA 100 A 133 50</t>
  </si>
  <si>
    <t>MARIAPAGOS</t>
  </si>
  <si>
    <t>AK 5 A SUR # 81 C - 17 BRR BARRIO MARIA PAZ</t>
  </si>
  <si>
    <t>PHONECELL</t>
  </si>
  <si>
    <t>CR 20 # 16 - 18 BRR EL GAVAN YOPAL</t>
  </si>
  <si>
    <t>INVERSIONES SIERRA PEREZ  CIA S.EN C.</t>
  </si>
  <si>
    <t>CR 18 # 1 65 BRR SOGAMOSO</t>
  </si>
  <si>
    <t>SUPERMERCADO ANNY</t>
  </si>
  <si>
    <t>CR 6 # 8 32 BRR CENTRO</t>
  </si>
  <si>
    <t>MARIA ELCY FLOREZ  DE VARGAS</t>
  </si>
  <si>
    <t>CR 9 # 9 15 BRR CENTRO</t>
  </si>
  <si>
    <t>AGENCIA DIGITAL</t>
  </si>
  <si>
    <t>CALLE 8 NO 3 70</t>
  </si>
  <si>
    <t>GENNIS COLLAZOS</t>
  </si>
  <si>
    <t>CL 7 # 17 A 05 BRR PORTACHUELO</t>
  </si>
  <si>
    <t>CORDOVA MIRAND PAPELERIA</t>
  </si>
  <si>
    <t>CL 4 # 4 - 15 BRR KENNEDY</t>
  </si>
  <si>
    <t>MISCELANEA EMI</t>
  </si>
  <si>
    <t>CR 13 BIS # 50 A 20 - SUR BRR SOCORRO</t>
  </si>
  <si>
    <t>HOLDING INTERPAGOS LA 40</t>
  </si>
  <si>
    <t>CR 11 A # 39 A - 25 / CR 11 A 39 A 25 LC 3 BRR BARRIO NARINO</t>
  </si>
  <si>
    <t>SANTANDER DE QUILICHAO</t>
  </si>
  <si>
    <t>CARRERA 11 # 5 -46</t>
  </si>
  <si>
    <t>CRA. 100 18-59 PASILLO PRINCIPAL L-18 C.C. FIESTA</t>
  </si>
  <si>
    <t>DROGUERIA LA ECONOMIA DE SAN AGUSTIN</t>
  </si>
  <si>
    <t>CRA 11 2 20</t>
  </si>
  <si>
    <t>LA CASA DE BELLEZA INGRID</t>
  </si>
  <si>
    <t>CL 47 # 9-53</t>
  </si>
  <si>
    <t xml:space="preserve"> PLASTIPLUS</t>
  </si>
  <si>
    <t>CALLE 22 C 18 C 13</t>
  </si>
  <si>
    <t>MISCELANEA LLOVAL</t>
  </si>
  <si>
    <t>CL 14 A # 49 12 BRR LA SELVA</t>
  </si>
  <si>
    <t>MISCELANEA JIREH</t>
  </si>
  <si>
    <t>CR 103 F # 140 D - 13 BRR URBANIZACION SAN JAVIER TOCANCIPA</t>
  </si>
  <si>
    <t>MISELANEA MAFELORENA</t>
  </si>
  <si>
    <t>TV 4 D # 5 41 - SUR / CA 212 BRR QUINTAS DE LA LAGUNA</t>
  </si>
  <si>
    <t>PAPELERIA JOSE DAVID DE SUBA</t>
  </si>
  <si>
    <t>CL 152 C # 111 42 BRR SUBA</t>
  </si>
  <si>
    <t>PAPELERIA INTERNETMARCAR.COM</t>
  </si>
  <si>
    <t>CR 50 # 11 42 - SUR BRR SERRAMONTE</t>
  </si>
  <si>
    <t>MI MUNDO DE MULTI MARCAS II</t>
  </si>
  <si>
    <t>CR 7 13 97</t>
  </si>
  <si>
    <t>ANOLAIMA</t>
  </si>
  <si>
    <t>LA PAPELERIA RACY</t>
  </si>
  <si>
    <t>CL 2 # 4 58 BRR KOREA</t>
  </si>
  <si>
    <t>MULTIVARIEDADES YOYITO</t>
  </si>
  <si>
    <t>CR 10 A # 15 56 BRR EL CENTRO</t>
  </si>
  <si>
    <t>MISCELANEA LA GRANDEZA 4</t>
  </si>
  <si>
    <t>CL 4 SUR # 19 B 106 / CONJ LA GRANDEZA 4 TORRE 2 APTO 103 BRR HOGARES</t>
  </si>
  <si>
    <t>VARIEDADES YENNY HOGARES</t>
  </si>
  <si>
    <t>CL 10 A # 19 B 194 / AP 104 BRR HOGARES SOACHA</t>
  </si>
  <si>
    <t>JUAN JOSE ENGEL ROJAS</t>
  </si>
  <si>
    <t>CL 167 # 54 B - 38 / LC 102 BRR CANTALEJO</t>
  </si>
  <si>
    <t>PAPELERIA MAOS</t>
  </si>
  <si>
    <t>CR 103 B # 152 C 07 / LC 3 BRR EL PINO</t>
  </si>
  <si>
    <t>DROGUERIA FARMA YAKALI</t>
  </si>
  <si>
    <t>CL 102 B # 151 15 BRR SUBA TURINJIA</t>
  </si>
  <si>
    <t>CIBERPAZ</t>
  </si>
  <si>
    <t>DG 19 A # 202 A 18 BRR LA PAZ</t>
  </si>
  <si>
    <t>MULTISERVICIOS ALADIN</t>
  </si>
  <si>
    <t>CR 43 # 67 35 BRR PORFIA</t>
  </si>
  <si>
    <t>SERVICIOS INTEGRALES DE TRANSITO BOLIVAR</t>
  </si>
  <si>
    <t>CL. 6 #2 ACEVEDO HUILA COLOMBIA</t>
  </si>
  <si>
    <t>FERRELECTRICOS P Y M</t>
  </si>
  <si>
    <t>CR 34 C # 22 C 20 BRR NEIVA</t>
  </si>
  <si>
    <t>CIGARRERIA SAN JORGE</t>
  </si>
  <si>
    <t>CR 26 B # 3 04 BRR SAN JORGE</t>
  </si>
  <si>
    <t>PARATEBUENO</t>
  </si>
  <si>
    <t>PAPELERIA MIS CREACIONES</t>
  </si>
  <si>
    <t>CL 2 # 2 07 BRR VILLA BRAIDY</t>
  </si>
  <si>
    <t>VARIEDADES MARLEX</t>
  </si>
  <si>
    <t>CL 59 # 8 72 BRR LA BASE</t>
  </si>
  <si>
    <t>ARMATINSPLOTTER</t>
  </si>
  <si>
    <t>CL 38 # 33 64 BRR CENTRO</t>
  </si>
  <si>
    <t>TERNURITAS</t>
  </si>
  <si>
    <t>CR 5 # 5 51 BRR BRR CENTRO</t>
  </si>
  <si>
    <t>MISCELOANEA Y PAPELERIA ANGELS</t>
  </si>
  <si>
    <t>CL 36 # 30 A 111 BRR CIUDAD VERDE</t>
  </si>
  <si>
    <t>JDNS COMUNICACIONES</t>
  </si>
  <si>
    <t>CR 10 # 21 82 BRR CENTRO TUNJA</t>
  </si>
  <si>
    <t>CR 11 BIS # 9 B 06 / LC 102 BRR EL BOSQUE</t>
  </si>
  <si>
    <t>CR 2 # 25 19 / LC KADY. NET BRR SAN ANTONIO NORTE</t>
  </si>
  <si>
    <t>ROGUERIA Y VARIEDADES FAMISALUD</t>
  </si>
  <si>
    <t>CL 51 D # 18 10 BRR LAS VILLAS</t>
  </si>
  <si>
    <t>ASESORATE Y LUNA AZUL</t>
  </si>
  <si>
    <t>CR 39 # 34 86 BRR ALVAREZ</t>
  </si>
  <si>
    <t>NEWCELL TECNOLOGY</t>
  </si>
  <si>
    <t>CRA. 11 #1-53 GARZON HUILA COLOMBIA</t>
  </si>
  <si>
    <t>PAPELERIA ASOBUME</t>
  </si>
  <si>
    <t>CR 10 # 9 45 BRR VILLA SAJONIA</t>
  </si>
  <si>
    <t>VARIEDADES JUANFE LC</t>
  </si>
  <si>
    <t>CRA. 3 #4-20 ALBAN CUNDINAMARCA COLOMBIA</t>
  </si>
  <si>
    <t>PLANET TOURS VIAJES Y DESTINOS</t>
  </si>
  <si>
    <t>CR 6 N # 6 - 54 BRR BOLIVAR</t>
  </si>
  <si>
    <t>COMERCIALIZADORA KALEYMAN</t>
  </si>
  <si>
    <t>CL 7 # 2 61 BRR LATINO</t>
  </si>
  <si>
    <t>CL. 14 CRA. 9 ESQ INT. ALMACEN OLIMPICA</t>
  </si>
  <si>
    <t>AUTOPISTA SUR NO. 77A-18 L-26</t>
  </si>
  <si>
    <t>CL. 14 CRA. 9 ESQ. INT. ALMACEN OLIMPICA</t>
  </si>
  <si>
    <t>CYBER COFFEE</t>
  </si>
  <si>
    <t>CR 14 # 26 42 BRR SANTA LUCIA</t>
  </si>
  <si>
    <t>MARCIM</t>
  </si>
  <si>
    <t>CL 6 # 6 31 BRR DORADO GUATEQUE</t>
  </si>
  <si>
    <t>TIENDA EXOTICA</t>
  </si>
  <si>
    <t>CL 6 # 24 4 BRR NUEVA ESPERANZA</t>
  </si>
  <si>
    <t>MULTISERVICIOS Y COMISIONES</t>
  </si>
  <si>
    <t>CR 6 N 6 - 37 BARRIO CENTRO</t>
  </si>
  <si>
    <t>ALBANIA</t>
  </si>
  <si>
    <t>COMUNICACIONES YANDI</t>
  </si>
  <si>
    <t>CL. 4 #6-3 ALBANIA CAQUETA COLOMBIA</t>
  </si>
  <si>
    <t>BEAUTY STORE SOFIA</t>
  </si>
  <si>
    <t>CL 26 SUR # 15 B 23 BRR VILLA ESPERANZA</t>
  </si>
  <si>
    <t>MULTISERVICIOS BERAKAH</t>
  </si>
  <si>
    <t>DG 23 B # 63 B 09 BRR MAIZ AMARILLO</t>
  </si>
  <si>
    <t>GRANIASEO</t>
  </si>
  <si>
    <t>CR 36 ESTE # 36 C - 22 BRR CIUDADELA SUCRE</t>
  </si>
  <si>
    <t>SERVIENTREGA AURES</t>
  </si>
  <si>
    <t>CL 132 # 102 A - 18 BRR SUBA AURES</t>
  </si>
  <si>
    <t>AC MULTISERVICIOS</t>
  </si>
  <si>
    <t>CR 45 # 108 17 BRR ZAPAMANGA IV ETAPA</t>
  </si>
  <si>
    <t>PAPELERIA E.D.A</t>
  </si>
  <si>
    <t>CR 2 # 10 44 BRR CAMILO TORRES</t>
  </si>
  <si>
    <t>VARIEDADES OSMANY</t>
  </si>
  <si>
    <t>CL 28 # 16 36 BRR GUARATARA</t>
  </si>
  <si>
    <t>MERCADOS MEGALLANO</t>
  </si>
  <si>
    <t>CR 15 16 83 BRR CENT</t>
  </si>
  <si>
    <t>SERVICIOS LORENA</t>
  </si>
  <si>
    <t>CRA 3 3 74</t>
  </si>
  <si>
    <t>VIDEO CAPRICHO</t>
  </si>
  <si>
    <t>CL 52 # 49 - 57 BRR EL PARQUE</t>
  </si>
  <si>
    <t>MULTIPAGOS RAPI</t>
  </si>
  <si>
    <t>CR 12 ESTE # 31 03 BRR BOSQUE SAN MATEO</t>
  </si>
  <si>
    <t>ALDALAMI DISTRIBUIDORA</t>
  </si>
  <si>
    <t>CR 95 A # 73 - 45 SUR BRR PARQUES DE BOGOTA</t>
  </si>
  <si>
    <t>SUPERMERCADO SANTANA 2</t>
  </si>
  <si>
    <t>CL 76 B # 120 A - 11 / ALM SUPERMERCADO SANTANA 2 BRR VILLAS DE ALACALA LOCALIDAD ENGATIVA</t>
  </si>
  <si>
    <t>CL. 38 A SUR NO. 34D51 L-1039 PISO 1 ENTRADA 1</t>
  </si>
  <si>
    <t>SONIA RUEDA</t>
  </si>
  <si>
    <t>CR 10 # 12 16 BRR CENTRO GARAGOA</t>
  </si>
  <si>
    <t>MINIMERCADO LA SUPER ESQUINA</t>
  </si>
  <si>
    <t>CL 35 A # 19 D 40 BRR PARAISO JORDAN</t>
  </si>
  <si>
    <t>DISTRIBUIDORA DE BELLEZA Y VARIEDADES LOHA</t>
  </si>
  <si>
    <t>CR 2 ESTE # 19 63 BRR SAN PABLO</t>
  </si>
  <si>
    <t>MUNDOCIBERNETICO</t>
  </si>
  <si>
    <t>CL 3 # 5 A 09 BRR RINCON DE BARANDILLAS</t>
  </si>
  <si>
    <t>CL 29 # 29 05 BRR EL BOSQUE</t>
  </si>
  <si>
    <t>MEGA INTERNET LA PULGITA</t>
  </si>
  <si>
    <t>TV 49 ESTE # 36 A 19 BRR CIUDADELA SUCRE</t>
  </si>
  <si>
    <t>TIN MARIN TIENDA DE REGALOS</t>
  </si>
  <si>
    <t>CR 79 SUR # 78 - 55 / LC 12 BRR CAMINOS DE LA ESPERANZA</t>
  </si>
  <si>
    <t>PAPELERIA Y MISCELANEA MACROS</t>
  </si>
  <si>
    <t>CL 27 # 9 62 BRR VERSALLES</t>
  </si>
  <si>
    <t>CREACIONES Y VARIEDADES DIMAR</t>
  </si>
  <si>
    <t>CL 50 # 20 C 12 BRR PRADO NORTE</t>
  </si>
  <si>
    <t>PAPELERIA VINCENT</t>
  </si>
  <si>
    <t>CL 15 # 4 A 18 BRR LA FORTUNA</t>
  </si>
  <si>
    <t>SPERIK.COM</t>
  </si>
  <si>
    <t>CRA. 2 #3-103 GUACHETï¿ CUNDINAMARCA COLOMBIA</t>
  </si>
  <si>
    <t>GOLDEN HOUSES</t>
  </si>
  <si>
    <t>CL 31 F SUR # 13 02 BRR QUINTAS SANTA ANA</t>
  </si>
  <si>
    <t>BURBUJAS LAVANDERIA C</t>
  </si>
  <si>
    <t>CL 7 # 2 4 / P 2 LT 3 BRR EL TEJAR</t>
  </si>
  <si>
    <t>LIVER COMUNICACIONES</t>
  </si>
  <si>
    <t>CR 6 # 4 17 BRR CENTRO</t>
  </si>
  <si>
    <t>VARIEDADES ESCARLATA</t>
  </si>
  <si>
    <t>CR 94 A # 1 08 BRR MELENDEZ</t>
  </si>
  <si>
    <t>MISCELANEA GAMOR</t>
  </si>
  <si>
    <t>CR 12 # 20 A 42 BRR PORTALEGRE REAL</t>
  </si>
  <si>
    <t>INTERNET Y CHAT AJ</t>
  </si>
  <si>
    <t>CALLE 74 C SU N 13 F 06 ESTE</t>
  </si>
  <si>
    <t>INTERNET Y COMUNICAICONES PAULA</t>
  </si>
  <si>
    <t>CL 68 A SUR # 80 N 63 / SEC 2 BOSA BRR SAN PABLO BOSA</t>
  </si>
  <si>
    <t>PATI ACCESORIOS</t>
  </si>
  <si>
    <t>CR 15 # 17 03 / LC 01 BRR EL TOPO</t>
  </si>
  <si>
    <t>VANIDADES PLATERIA</t>
  </si>
  <si>
    <t>CRA 3 NO 3 40 46</t>
  </si>
  <si>
    <t>VARIEDADES TUTIS.COM</t>
  </si>
  <si>
    <t>KR 13H 19 SUR 80</t>
  </si>
  <si>
    <t>NAVEGANDO.NET</t>
  </si>
  <si>
    <t>CR 14 # 11 53 BRR SIETE DE AGOSTO</t>
  </si>
  <si>
    <t>PANALERA DYLAN</t>
  </si>
  <si>
    <t>CRA 19 20-99 CENTRO</t>
  </si>
  <si>
    <t>DIAG. 51 NO. 35-217 L-125 TORRE 1</t>
  </si>
  <si>
    <t>PAGOS  VATICANO</t>
  </si>
  <si>
    <t>DG 16 # 12 37 / LC 2 BRR VATICANO</t>
  </si>
  <si>
    <t>INVERSIONES REYES AE</t>
  </si>
  <si>
    <t>CL 19 # 24 35 BRR SAN FRANCISCO</t>
  </si>
  <si>
    <t>PAPELERIA Y VARIEDADES LEANDRO</t>
  </si>
  <si>
    <t>TV 0 # 0 0 BRR PARQUES DE BOLIVAR ETAPA TRES BLOQUE VENTIDOS APTO CIENTO TRES</t>
  </si>
  <si>
    <t>MULTITORNILLOS Y ACCESORIO LA 11</t>
  </si>
  <si>
    <t>KR 11 17 04</t>
  </si>
  <si>
    <t>MISELANEA SALOME</t>
  </si>
  <si>
    <t>CL 3 # 5 04 BRR SANTO DOMINGO</t>
  </si>
  <si>
    <t>FARMALAURIS</t>
  </si>
  <si>
    <t>CL 5 CON CL 6 N 9 - 67</t>
  </si>
  <si>
    <t>VARIEDADES SORANYI</t>
  </si>
  <si>
    <t>KR 3 NO 3-74</t>
  </si>
  <si>
    <t>VARIEDADES PUEBLITO ESPANOL</t>
  </si>
  <si>
    <t>CL 22 # 10 63 BRR URB PUEBLITO ESPANOL</t>
  </si>
  <si>
    <t>CAROL STORE</t>
  </si>
  <si>
    <t>CR 32 14-40 CASA 01</t>
  </si>
  <si>
    <t>CENTRO DE SERVICIOS HYAGAES</t>
  </si>
  <si>
    <t>CL 22 # 1 A 09 BRR LAS VILLAS</t>
  </si>
  <si>
    <t>CARRERA 65 NO. 11-50 LOCAL 1-58 INTERIOR CENTRO CIAL PLAZA CENTRAL</t>
  </si>
  <si>
    <t>LOTERIAS EL SOL</t>
  </si>
  <si>
    <t>CL. 12 #21-25 YOPAL CASANARE COLOMBIA</t>
  </si>
  <si>
    <t>MULTISERVICIOS DUSSAN</t>
  </si>
  <si>
    <t>CL. 19 #38-24 NEIVA HUILA COLOMBIA</t>
  </si>
  <si>
    <t>PAPELERIA JULY</t>
  </si>
  <si>
    <t>CRA. 9 ESTE #38 SOACHA CUNDINAMARCA COLOMBIA</t>
  </si>
  <si>
    <t>INVERSIONES Y SOLUCIONES PARQUE CENTRAL</t>
  </si>
  <si>
    <t>CRA. 8A #40 GIRARDOT CUNDINAMARCA COLOMBIA</t>
  </si>
  <si>
    <t>DROGUERA JULIPART S Y M</t>
  </si>
  <si>
    <t>C Plan de Pago a Plozos</t>
  </si>
  <si>
    <t>AV. CL. 26 NO. 6247 L-246 PISO 2</t>
  </si>
  <si>
    <t>CREATIVOS PAPELERIA Y MICELANIA</t>
  </si>
  <si>
    <t>CR 10 # 5 B 99 BRR CHIA</t>
  </si>
  <si>
    <t>YES PUNTO RED</t>
  </si>
  <si>
    <t>CR 12 # 37 93 / LC 4 BRR PALMA REAL</t>
  </si>
  <si>
    <t>MANÍ</t>
  </si>
  <si>
    <t>MACHETICO.COM</t>
  </si>
  <si>
    <t>CL 17 # 2 22 BRR CENTRO</t>
  </si>
  <si>
    <t>HOUSECAM PUNTO PAGOS</t>
  </si>
  <si>
    <t>CL 5 # 10 04 BRR LAS DAMAS</t>
  </si>
  <si>
    <t>AGENCIA DE SERVICIOS INTEGRALES AVALBUENA</t>
  </si>
  <si>
    <t>CR 1 # 44 09 BRR ACROPOLIS</t>
  </si>
  <si>
    <t>PUNTO CENTRAL JL</t>
  </si>
  <si>
    <t>CR 3 # 2 13 BRR CENTRO</t>
  </si>
  <si>
    <t>MARIA JOSE HERRERA PLATA</t>
  </si>
  <si>
    <t>CR 17 # 24 09 BRR COMUNEROS</t>
  </si>
  <si>
    <t>BOUTIQUE BELLAISA</t>
  </si>
  <si>
    <t>CL 19 ESTE # 1 A 64 BRR SIETE DE AGOSTO</t>
  </si>
  <si>
    <t>LA ROCA COMUNICACIONES 2</t>
  </si>
  <si>
    <t>CRA. 7 #6-41 ARBELAEZ CUNDINAMARCA COLOMBIA</t>
  </si>
  <si>
    <t>MISCELANEA PATY</t>
  </si>
  <si>
    <t>CR 75 # 1 A - 66 BRR PRADOS DEL SUR</t>
  </si>
  <si>
    <t>OLBRITEC</t>
  </si>
  <si>
    <t>CL 137 A # 103 F - 72 BRR SUBA COSTA AZUL</t>
  </si>
  <si>
    <t>CL. 22 6-61 L-54</t>
  </si>
  <si>
    <t>A-Z GRUPO COMERCIAL</t>
  </si>
  <si>
    <t>CL 45 # 27 A 33 BRR SOTOMAYOR</t>
  </si>
  <si>
    <t>PROVISIONES OCANA EN VALLEDUPAR</t>
  </si>
  <si>
    <t>CRA 19 NO 6 A BIS 31</t>
  </si>
  <si>
    <t>CELUACCESORIOS DYD</t>
  </si>
  <si>
    <t>CL 4 # 2 170 BRR LA LOMA</t>
  </si>
  <si>
    <t>PAPELERA NACIONAL</t>
  </si>
  <si>
    <t>CRA. 21 #5A-27 FACATATIV CUNDINAMARCA COLOMBIA</t>
  </si>
  <si>
    <t>MINIMARKET</t>
  </si>
  <si>
    <t>CL 17 SUR # 11 C 24 BRR SANTA ANA</t>
  </si>
  <si>
    <t>SUPERMERCADO EL NEGRITO</t>
  </si>
  <si>
    <t>TV 10 # 1 66 BRR NUEVA ESPERANZA</t>
  </si>
  <si>
    <t>MARVIN RENGIFO</t>
  </si>
  <si>
    <t>CR 7 # 3 26 BRR VILLANUEVA</t>
  </si>
  <si>
    <t>MINIMERCADO PEPE</t>
  </si>
  <si>
    <t>CR 93D # 71 49 SUR CASA BRR BOSA EL RECREO</t>
  </si>
  <si>
    <t>CL. 49 50-59 L-106 C.C. BANCO GANADERO</t>
  </si>
  <si>
    <t>GRUPO MASRED</t>
  </si>
  <si>
    <t>CRA 17F # 62-18 CEIBA</t>
  </si>
  <si>
    <t>LA NUEVA POPULAR</t>
  </si>
  <si>
    <t>CL 12 15 38</t>
  </si>
  <si>
    <t>NABATECNO</t>
  </si>
  <si>
    <t>CL 4 # 5 55 BRR CENTRO EL PASO</t>
  </si>
  <si>
    <t>LAKAVA.NET</t>
  </si>
  <si>
    <t>CL 9 # 21 89 BRR CENTRO</t>
  </si>
  <si>
    <t>DROGUERIA CHIQUI FARMA TABIO</t>
  </si>
  <si>
    <t>DG 7 0 C 28</t>
  </si>
  <si>
    <t>PAPELERIA CIBERNETS</t>
  </si>
  <si>
    <t>CR 6 A ESTE # 32 A 76 BRR SAN MATEO</t>
  </si>
  <si>
    <t>CAFE INTERNET DYF</t>
  </si>
  <si>
    <t>CL 8 BIS D # 81 F 6 BRR VALLADOLID KENNEDY</t>
  </si>
  <si>
    <t>COMUNICACIONES SD</t>
  </si>
  <si>
    <t>CR 3 ESTE # 22 C - 57 SUR BRR GRANADA SUR</t>
  </si>
  <si>
    <t>TIENDA LOHE</t>
  </si>
  <si>
    <t>CR 73 D # 64 A - 03 SUR BRR PERDOMO</t>
  </si>
  <si>
    <t>TIDS TECNOLOGIA</t>
  </si>
  <si>
    <t>CR 6 # 11 - 51 BRR SOACHA CENTRO</t>
  </si>
  <si>
    <t>GIRARDOTA</t>
  </si>
  <si>
    <t>CENTRO DE COPIADO LUNA</t>
  </si>
  <si>
    <t>CR 15 # 5 B - 45 / LC 110 BRR PARQUE</t>
  </si>
  <si>
    <t>AV. CRA. 86 NO. 6-37 L-151</t>
  </si>
  <si>
    <t>CG PAPELERIA</t>
  </si>
  <si>
    <t>CR 4 # 9 23 BRR EL LIBERTADOR GUATEQUE</t>
  </si>
  <si>
    <t>MISCELANEA KAREL</t>
  </si>
  <si>
    <t>CR 9 # 3 58 BRR CASCO ANTIGUO</t>
  </si>
  <si>
    <t>OFFICE CENTER TDD</t>
  </si>
  <si>
    <t>CR 4 # 6 26 BRR CENTRO</t>
  </si>
  <si>
    <t>MAGAFOTOS.COM</t>
  </si>
  <si>
    <t>CL 1 C # 27 37 BRR ACACIAS SEGUNDA ETAPA</t>
  </si>
  <si>
    <t>LLAMAME COMUNICACIONES TC</t>
  </si>
  <si>
    <t>CL 19 7 B 66 168</t>
  </si>
  <si>
    <t>Amazonas</t>
  </si>
  <si>
    <t>LA CHORRERA</t>
  </si>
  <si>
    <t xml:space="preserve">LA REBAJA </t>
  </si>
  <si>
    <t>CL 1CR 28 DPLAW1594</t>
  </si>
  <si>
    <t>SPAMPI UP</t>
  </si>
  <si>
    <t>CR 10 A # 11 52 BRR VILLA MARCELA</t>
  </si>
  <si>
    <t>HONOR INMOBILIARIA</t>
  </si>
  <si>
    <t>CL 18 # 5 27 BRR SAN LUIS SOACHA</t>
  </si>
  <si>
    <t>MUNDO WEB DIGITAL</t>
  </si>
  <si>
    <t>CR 24 C # 42 A 158 BRR SANTA MONICA POPULAR</t>
  </si>
  <si>
    <t>AE PAY</t>
  </si>
  <si>
    <t>CL 25 # 7 68 BRR LA AMISTAD</t>
  </si>
  <si>
    <t>MEGA SHOP</t>
  </si>
  <si>
    <t>CR 3 # 1 - 04 SUR BRR BUENOS AIRES</t>
  </si>
  <si>
    <t>CRA. 94 NO. 4-86</t>
  </si>
  <si>
    <t>CRA. 5 19-23 ESQU. INT. ALMACEN OLIMPICA</t>
  </si>
  <si>
    <t>MISCELANEA Y PAPELERIA MADRID</t>
  </si>
  <si>
    <t>CR 9 # 22 95 BRR LAS NIEVES</t>
  </si>
  <si>
    <t>PAPELERIAY MISCELANEA LA ESPERANZA</t>
  </si>
  <si>
    <t>CR 16 # 31 11 BRR LA ESPERANZA</t>
  </si>
  <si>
    <t>ECONOMIA GAITAN DROGUERIA</t>
  </si>
  <si>
    <t>CL 14 NO 7 - 02 BARRIO GALAN</t>
  </si>
  <si>
    <t>SERVIDROGAS MUNDIAL</t>
  </si>
  <si>
    <t>CRA 37 26 B 30</t>
  </si>
  <si>
    <t>MULTISERVI SAN DIEGO</t>
  </si>
  <si>
    <t>CR 1 # 29-06</t>
  </si>
  <si>
    <t>SHOTMAIL CAJICA</t>
  </si>
  <si>
    <t>CRA 6 1 36 P 2</t>
  </si>
  <si>
    <t>MULTICERVICIOS DECEPAZ</t>
  </si>
  <si>
    <t>CR 25 # 108 - 17 BRR CIUDADELA DEL RIO DECEPAZ</t>
  </si>
  <si>
    <t>PANADERIA COCONUT</t>
  </si>
  <si>
    <t>CR 94 C # 131 D - 16 BRR VILLA ELIZA SUBA</t>
  </si>
  <si>
    <t>GRANERO LA ESTACION</t>
  </si>
  <si>
    <t>CL 34 # 42 18 BRR ALVAREZ</t>
  </si>
  <si>
    <t>DROGUERIA FARMEX</t>
  </si>
  <si>
    <t>CRA 14 22 31</t>
  </si>
  <si>
    <t>PAPELERIA LINA MARCELA</t>
  </si>
  <si>
    <t>CL 11 A # 15 04 BRR PIRAMIDES</t>
  </si>
  <si>
    <t>MULTISERVICIOS SANTANDER</t>
  </si>
  <si>
    <t>CL. 24A #45-115 NEIVA HUILA COLOMBIA</t>
  </si>
  <si>
    <t>VARIEDADES SOFI NEIVA</t>
  </si>
  <si>
    <t>CL 28 # 50 15 BRR OASIS ORIENTE</t>
  </si>
  <si>
    <t>JG SERVICIOS</t>
  </si>
  <si>
    <t>CL 52 # 1 W 05 BRR PORTAL DE ACAZULA</t>
  </si>
  <si>
    <t>PUBLIARTE CALZATODO</t>
  </si>
  <si>
    <t>CALLE 4 #611 ALGECIRAS HUILA COLOMBIA</t>
  </si>
  <si>
    <t>GEMELOS.NET</t>
  </si>
  <si>
    <t>CL 85 A SUR # 78 79 BRR BOSA SAN DIEGO</t>
  </si>
  <si>
    <t>BRISAS DEL RIO NEGRO</t>
  </si>
  <si>
    <t>KR 1 B</t>
  </si>
  <si>
    <t>VARIEDADES Y COMUNICACIONES FRANCY</t>
  </si>
  <si>
    <t>CR 3 # 02 27 / CA 102 BRR CENTRO</t>
  </si>
  <si>
    <t>ISA TKM</t>
  </si>
  <si>
    <t>CR 5 # 2 49 BRR CENTRO</t>
  </si>
  <si>
    <t>CRA 3 # 10-35 LOCAL 2</t>
  </si>
  <si>
    <t>AV. PRADILLA 5-31 ESTE L-133 INT. OLIMPICA C.C. PLAZA MAYOR</t>
  </si>
  <si>
    <t>CRA. 98 16-56 L-63</t>
  </si>
  <si>
    <t>AV. COLOMBIA NO. 2 - 72 L-7</t>
  </si>
  <si>
    <t>CRA. 24 NO. 53-73 L-112 C.C. PLAZA 54</t>
  </si>
  <si>
    <t>AUTOSERVICIO PRECIO MENOS MG</t>
  </si>
  <si>
    <t>CALLE 12 #4 - 23</t>
  </si>
  <si>
    <t>SELENCOM COMPUTADORES DUITAMA</t>
  </si>
  <si>
    <t>CL 17 # 1 17 BRR DUITAMA</t>
  </si>
  <si>
    <t>ZOOLO+COTAS</t>
  </si>
  <si>
    <t>CARRERA 6A ESTE #30-132</t>
  </si>
  <si>
    <t>VARIEDADES Y PAPELERIA EL GORDO</t>
  </si>
  <si>
    <t>CL 37 # 34 - 58 BRR ANTONIO NARINO</t>
  </si>
  <si>
    <t>COMUNICACIONES ANGIE</t>
  </si>
  <si>
    <t>CR 15 B # 80 39 BRR EL JARDIN</t>
  </si>
  <si>
    <t>TORO MANSO DE LA 34</t>
  </si>
  <si>
    <t>CL 34 # 7 G 33 BRR PALMAS</t>
  </si>
  <si>
    <t>PANAMERICATA COMUNICACIONES.COM</t>
  </si>
  <si>
    <t>CRA 139 142 43</t>
  </si>
  <si>
    <t>CIGARRERIA LAS ABEJITAS</t>
  </si>
  <si>
    <t>KR 22A 44A 01 SUR</t>
  </si>
  <si>
    <t>PAPELERIA RUTH</t>
  </si>
  <si>
    <t>TV 7 # 4 - 07 BRR SOACHA LA FRAGUA</t>
  </si>
  <si>
    <t>PAPELERIA REYNA</t>
  </si>
  <si>
    <t>CR 34 # 51 58 BRR CABECERA</t>
  </si>
  <si>
    <t>SAMEDIS DISTRIBUCIONES</t>
  </si>
  <si>
    <t>CR 32 # 26 20 BRR TEJARES DEL SUR</t>
  </si>
  <si>
    <t>CY CACHARRERIA</t>
  </si>
  <si>
    <t>CL 4 9 111</t>
  </si>
  <si>
    <t>AFFINITY PERFUMES Y ACCESORIOS</t>
  </si>
  <si>
    <t>CRA. 64 #20-76 LA VUELTA LA SERENA FUSAGASUG CUNDINAMARCA COLOMBIA</t>
  </si>
  <si>
    <t>DORA GOMEZ</t>
  </si>
  <si>
    <t>CR 37 OESTE 20 A MZ 11 CA 28 P 1 BRR ARBOLEDA</t>
  </si>
  <si>
    <t>INTERRAPIDISIMO JP</t>
  </si>
  <si>
    <t>CR 13 F # 53 03 - SUR / LC 104 BRR SAN CARLOS</t>
  </si>
  <si>
    <t>CL. 13 31-45 INTERIOR SUPER INTER PRYCA</t>
  </si>
  <si>
    <t>PAPELERIA EXPRESS GT</t>
  </si>
  <si>
    <t>CL 21 # 14 49 BRR SANTA FE</t>
  </si>
  <si>
    <t>MISCELANEA FAMILY SHOP</t>
  </si>
  <si>
    <t>CR 53 B # 32 38 BRR LA INMACULADA</t>
  </si>
  <si>
    <t>HERVIN ESTEBAN</t>
  </si>
  <si>
    <t>CR 10 SECTOR D PEATONAL 1 CASA 4 ETAPA 9 BRR BETANIA</t>
  </si>
  <si>
    <t>MAXTEL</t>
  </si>
  <si>
    <t>CR 13 # 11 25 BRR CALLE LOS ESTUDIANTES</t>
  </si>
  <si>
    <t>GACHANCIPÁ</t>
  </si>
  <si>
    <t>TECNOPUNTO JC</t>
  </si>
  <si>
    <t>CRA. 4 #22-2 SOACHA CUNDINAMARCA COLOMBIA</t>
  </si>
  <si>
    <t>HOTEL POLARIS</t>
  </si>
  <si>
    <t>TV 12 A # 38 C 96 BRR LEON XIII</t>
  </si>
  <si>
    <t>PAPELERIA EL REMATE</t>
  </si>
  <si>
    <t>CR 17 ESTE # 22 B - 09 BRR CAGUA SOACHA</t>
  </si>
  <si>
    <t>CIGARRERIA LOS AMIGOS</t>
  </si>
  <si>
    <t>CL 48 R # 5 - 03 SUR BRR DIANA TURBAY</t>
  </si>
  <si>
    <t>CAFE INTERNET STACION VIRTUAL</t>
  </si>
  <si>
    <t>C 27 61B 26ESTE MZ 82 CS 11</t>
  </si>
  <si>
    <t>FARMAECONOMICA DEL HUILA</t>
  </si>
  <si>
    <t>TV LABOYANA</t>
  </si>
  <si>
    <t>STORE EDUSAN CIGARRERIA Y MISCELANEA</t>
  </si>
  <si>
    <t>CR 8 # 06 42 BRR LA ESTACION</t>
  </si>
  <si>
    <t>SUPER-COMUNICACIONES JJR</t>
  </si>
  <si>
    <t>CR 3 # 6 72 LC 2 BRR VILLA ESPERANZA</t>
  </si>
  <si>
    <t>KJL</t>
  </si>
  <si>
    <t>CR 1 # 61 A 30 BRR LOS PARQUES</t>
  </si>
  <si>
    <t>PAÑALERA Y PAPELERIA M</t>
  </si>
  <si>
    <t>CR 81 D # 16 32 BRR ANDALUCIA</t>
  </si>
  <si>
    <t>STL C.C VISTO SAN VICTORINO</t>
  </si>
  <si>
    <t>CR 14 # 9 48 / CC VISTO LOCAL 3026 BRR SAN VICTORINO</t>
  </si>
  <si>
    <t>TIENDA QUINTANA</t>
  </si>
  <si>
    <t>CR 102 # 132 - 35 BRR SUBA POTRERILLOS</t>
  </si>
  <si>
    <t>DUBERNEY BONILLA M</t>
  </si>
  <si>
    <t>CL 6 # 4 22 BRR CENTRO</t>
  </si>
  <si>
    <t>TRAMITES Y SERVICIOS A</t>
  </si>
  <si>
    <t>CL 76 A # 11 - 40 BRR LA ANDREA LOCALIDAD DE USME</t>
  </si>
  <si>
    <t>CRA. TRONCAL DE OCCIDENTE 71-30L-245 P-2</t>
  </si>
  <si>
    <t>GOOD SERVICE.HACARITAMA</t>
  </si>
  <si>
    <t>CR 19 # 5 104 / MZ K CA 3 BRR MACUNAIMA</t>
  </si>
  <si>
    <t>LYL TRAMITES Y SERVICIOS</t>
  </si>
  <si>
    <t>CR 5 # 3 75 BRR CENTRO</t>
  </si>
  <si>
    <t>CRA. 97B #153-30 BOGOTA COLOMBIA</t>
  </si>
  <si>
    <t>KELLY</t>
  </si>
  <si>
    <t>CR 6 # 04 45 BRR CENTRO</t>
  </si>
  <si>
    <t>T PAALERA LUNA STYLE</t>
  </si>
  <si>
    <t>CL 6 # 16 A 150 - SUR / LC 6 BRR SOACHA</t>
  </si>
  <si>
    <t>INPHONE MOBILE</t>
  </si>
  <si>
    <t>CR 6 # 8 - 85 BRR MADRID CENTRO</t>
  </si>
  <si>
    <t>AUTOPISTA NORTE CON 183 PISO 3 L-317</t>
  </si>
  <si>
    <t>PAPELES DEL CSAR</t>
  </si>
  <si>
    <t>CL 17 # 9 78 / LC 2 BRR GAITAN CENTRO</t>
  </si>
  <si>
    <t>AMATISTA VARIEDADES Y ACCESORIOS</t>
  </si>
  <si>
    <t>CL 48 A # 51 02 / LC N 2 BRR CHAPINERITO BAJO</t>
  </si>
  <si>
    <t>MISCELANEA MARCA</t>
  </si>
  <si>
    <t>CR 34 A # 19 07 BRR LA FLORIDA</t>
  </si>
  <si>
    <t>MULTISERVICIOS EXPRESS EL ALTO LA 5</t>
  </si>
  <si>
    <t>CR 5 # 12 59 BRR ALTO DE LA CRUZ</t>
  </si>
  <si>
    <t>SAN MARTIN VARIEDADES</t>
  </si>
  <si>
    <t>CRA. 3 #249 FOSCA CUNDINAMARCA COLOMBIA</t>
  </si>
  <si>
    <t>CL 26 SUR # 78 41 BRR KENNEDY TECHO</t>
  </si>
  <si>
    <t>PAGOS Y SERVICIOS JUANKANET</t>
  </si>
  <si>
    <t>CL 10 A SUR # 2 B 04 BRR UBATE SEGUNDO SECTOR</t>
  </si>
  <si>
    <t>LA ECONOMIA</t>
  </si>
  <si>
    <t>CL 48 J SUR # 5 F 35 BRR PRINCIPE DE BOCHICA</t>
  </si>
  <si>
    <t>CRA. 15 NO. 97-66</t>
  </si>
  <si>
    <t>SUPERMERCADO FAMILY</t>
  </si>
  <si>
    <t>CL 6 NO. 7 - 31 CENTRO</t>
  </si>
  <si>
    <t>CENTRO DE SOLUCIONES SELFIE</t>
  </si>
  <si>
    <t>CR 6 # 7 42 BRR TASCO</t>
  </si>
  <si>
    <t>HOLIDAY EVENTOS Y RECEPCIONES</t>
  </si>
  <si>
    <t>CL 18 # 15 25 BRR CENTRO</t>
  </si>
  <si>
    <t>CENTRO DE NEGOCIOS EL BOSQUE</t>
  </si>
  <si>
    <t>CR 10 # 10 55 BRR AQUIMIN</t>
  </si>
  <si>
    <t>TR PICON PAPELERIA</t>
  </si>
  <si>
    <t>CR 10 # 24 26 BRR GIRARDOT</t>
  </si>
  <si>
    <t>GERYMARI</t>
  </si>
  <si>
    <t>CL 16 G # 1 W 39 BRR EDIMAR</t>
  </si>
  <si>
    <t>DVALEY</t>
  </si>
  <si>
    <t>CR 5 # 9 65 BRR PANORAMA</t>
  </si>
  <si>
    <t>MISCELANEA MOMENTOS MAGICOS</t>
  </si>
  <si>
    <t>CL 14 # 8 44 BRR SAN JUAN</t>
  </si>
  <si>
    <t>WON TECNOLOGIA</t>
  </si>
  <si>
    <t>CR 2 # 19 08 BRR EL HATO</t>
  </si>
  <si>
    <t>VARIEDADES KAIRA</t>
  </si>
  <si>
    <t>CL8 124.04</t>
  </si>
  <si>
    <t>VARIEDADES SISI</t>
  </si>
  <si>
    <t>DG 4 # 8 11 BRR PABLO NERUDA</t>
  </si>
  <si>
    <t>SUPERMERCADO JR</t>
  </si>
  <si>
    <t>CR 12 # 11 B 04 BRR COMPARTIR</t>
  </si>
  <si>
    <t>CL. 7 NO. 45-185 L-18 INT. EXITO C.C. VIVA</t>
  </si>
  <si>
    <t>CALLE 14 NO. 5-42 PARQUE SAN FELIPE</t>
  </si>
  <si>
    <t>GF - PORTAL GYF - AGENCIA 601</t>
  </si>
  <si>
    <t>CL 4 # 27 52 BRR SAN FERNANDO</t>
  </si>
  <si>
    <t>SOLUTECNO.NET</t>
  </si>
  <si>
    <t>TV 30 # 55 - 35 SUR BRR SAN VICENTE FERRER</t>
  </si>
  <si>
    <t>CR 4 # 7 - 30 / CEN MAXDESCUENTOS ROXPIN BRR ROSARIO</t>
  </si>
  <si>
    <t>INTEREXPRESS CARACOL</t>
  </si>
  <si>
    <t>CL 4 # 4 70 BRR CENTRO ALGECIRAS</t>
  </si>
  <si>
    <t>CR 4 B # 1 A 13 BRR LAGOS MALIBU</t>
  </si>
  <si>
    <t>ANNIMALITOS</t>
  </si>
  <si>
    <t>KR 9 ESTE NO 38 - 60 TO 7 CA 277</t>
  </si>
  <si>
    <t>PAPELERIA SAUCE II</t>
  </si>
  <si>
    <t>CRA. 13 #24-2 SOACHA CUNDINAMARCA COLOMBIA</t>
  </si>
  <si>
    <t>COMPUHOLLYWOOD</t>
  </si>
  <si>
    <t>CR 56 # 10 33 BRR SANTA ANITA</t>
  </si>
  <si>
    <t>MULTISERVICIOS RED FACIL</t>
  </si>
  <si>
    <t>CARRERA 1RA BIS 43 A 02 SUR</t>
  </si>
  <si>
    <t>CRA. 5 CL. 62 Y 64 C.C. MULTICENTRO INT. METRO</t>
  </si>
  <si>
    <t>DROGUERIA SANDINO</t>
  </si>
  <si>
    <t>CYBERCHEPE</t>
  </si>
  <si>
    <t>CR 19 # 1 H 50 BRR VENTILADOR</t>
  </si>
  <si>
    <t>SAN VICENTE DEL CAGUÁN</t>
  </si>
  <si>
    <t>XBOX NIKSAN</t>
  </si>
  <si>
    <t>CALLE 13# 14ESTE 59</t>
  </si>
  <si>
    <t>PORTALWEB</t>
  </si>
  <si>
    <t>CL 22 ESTE # 5 48 BRR EL BOSQUE</t>
  </si>
  <si>
    <t>MINIMERCADO Y SERVICIOS JL</t>
  </si>
  <si>
    <t>CARRERA 13 A NO.32 C-15 SECT 1 CASA 2</t>
  </si>
  <si>
    <t>HIPER DROGAS BG</t>
  </si>
  <si>
    <t>KR 7 C NO 02 SUR - 85 CA 9</t>
  </si>
  <si>
    <t>GUACARÍ</t>
  </si>
  <si>
    <t>JOSE GUTIERREZ</t>
  </si>
  <si>
    <t>CR 3 A ESTE # 8 A 26 BRR PORTALES</t>
  </si>
  <si>
    <t>COMUNICACIONES TIBESAN</t>
  </si>
  <si>
    <t>CL 72 A # 3 - 116 BRR CUNA DEL SOL</t>
  </si>
  <si>
    <t>NUEVO MILENIO</t>
  </si>
  <si>
    <t>CALLE57ZS#75B03</t>
  </si>
  <si>
    <t>LEGALIA ASESORES SAS</t>
  </si>
  <si>
    <t>CR 15 # 187 16 BRR VERBENAL SAN ANTONIO</t>
  </si>
  <si>
    <t>INMOBILIARIA SOLBIENES</t>
  </si>
  <si>
    <t>CR 10 # 8 21 BRR SAN RAFAEL</t>
  </si>
  <si>
    <t>YERLIN STORE</t>
  </si>
  <si>
    <t>CL 8 B # 1 53 BRR 6 DE ENERO</t>
  </si>
  <si>
    <t>VALENTIN TIENDA DE ROPA</t>
  </si>
  <si>
    <t>CR 10 # 27 77 BRR BAJO SARTENEJO</t>
  </si>
  <si>
    <t>DROGUERIA F.R. ARBELAEZ</t>
  </si>
  <si>
    <t>CR 7 # 6 13 AP 2</t>
  </si>
  <si>
    <t>MARKET MO</t>
  </si>
  <si>
    <t>CL 12 NO 2C-55BQ5CA6</t>
  </si>
  <si>
    <t>TIENDA DONDE LAURA</t>
  </si>
  <si>
    <t>PAPELERIA Y VARIEDADES LA AMISTAD</t>
  </si>
  <si>
    <t>CR 2 # 2 32 BRR CENTRO</t>
  </si>
  <si>
    <t>GM PAPELERIA</t>
  </si>
  <si>
    <t>CR 83 C # 37 - 19 BRR CANEY</t>
  </si>
  <si>
    <t>PLATINOS EVENTOS Y LOGISTICA</t>
  </si>
  <si>
    <t>CL 3 # 1 A 26 BRR LA ESTACION</t>
  </si>
  <si>
    <t>JJCABINAS</t>
  </si>
  <si>
    <t>CL 129 D # 106 11 BRR AURES II</t>
  </si>
  <si>
    <t>SOLUCIONES COSTA RICA</t>
  </si>
  <si>
    <t>CL 130 # 95 - 10 BRR SUBA COSTA RICA</t>
  </si>
  <si>
    <t>MULTITAREAS EXPRESS</t>
  </si>
  <si>
    <t>CL 6 # 5 10 BRR PARAISO</t>
  </si>
  <si>
    <t>THE ROSES SPA</t>
  </si>
  <si>
    <t>CL 8 # 8 40 BRR LAS VILLAS</t>
  </si>
  <si>
    <t>CR 7 No. 3-30</t>
  </si>
  <si>
    <t>MUTISERVICIOS CAJICA</t>
  </si>
  <si>
    <t>CRA. 6 #6 CAJIC EL TEJAR CAJIC CUNDINAMARCA COLOMBIA</t>
  </si>
  <si>
    <t>TELEFONIA  TECNOLOGIA MG</t>
  </si>
  <si>
    <t>CR 22 # 4 45 BRR AEROPUERTO</t>
  </si>
  <si>
    <t>EMMANUEL ROCHA</t>
  </si>
  <si>
    <t>CR 83 B # 42 15 / AP 101 BRR CENTRO</t>
  </si>
  <si>
    <t>SOLUCIONES Y ENVÃOS PLAZAS VERDES</t>
  </si>
  <si>
    <t>CL 62 # 2 B 32 BRR LA RIVERA</t>
  </si>
  <si>
    <t>CIGARRERIA SEBAS</t>
  </si>
  <si>
    <t>CR 90 A # 46 51 - SUR BRR PORVENIR</t>
  </si>
  <si>
    <t>SOLUCIONES LISBOA</t>
  </si>
  <si>
    <t>CR 154 # 132 A - 03 BRR SUBA LISBOA</t>
  </si>
  <si>
    <t>TELECOMUNICACIONES JT</t>
  </si>
  <si>
    <t>CL 50 A SUR # 37 06 / AP 103 BRR FATIMA</t>
  </si>
  <si>
    <t>CALLE 49 NO. 21-38 LOCAL 0142 AL INTERIOR DEL CENTRO CIAL LA CENTRAL</t>
  </si>
  <si>
    <t>CALLE 53 46-38 INTERIOR SAO 53</t>
  </si>
  <si>
    <t>PAOVUELTAS</t>
  </si>
  <si>
    <t>CR 2 CASSA 2 MANZ E BRR CIUDAD BOLIVAR</t>
  </si>
  <si>
    <t>CL 3 # 32 01 / LC 1 BRR LA CORALINA</t>
  </si>
  <si>
    <t>DROGUERA SAN CIRO</t>
  </si>
  <si>
    <t>CL 7 # 6 43 BRR CENTRO</t>
  </si>
  <si>
    <t>CR 30 B # 30 85 BRR SAN LUIS DE LA PAZ</t>
  </si>
  <si>
    <t>DJ MULTI SERVICIOS PAGOS</t>
  </si>
  <si>
    <t>CL 1 SUR # 10 A 35 ESTE APTO 101</t>
  </si>
  <si>
    <t>TIENDA DONDE FLORECITA</t>
  </si>
  <si>
    <t>DG 5 ESTE # 6 A 10 BRR JUAN PABLO DOS</t>
  </si>
  <si>
    <t>EL GRANSIODO  FERRETERIA Y VARIEDADES</t>
  </si>
  <si>
    <t>CR 4 LOCAL 1 BRR CENTRO</t>
  </si>
  <si>
    <t>CRA. 11 CALLE 13 INT. COMFANDI</t>
  </si>
  <si>
    <t>CL. 140 NO. 91-19 L-5-116 CENTRO SUBA</t>
  </si>
  <si>
    <t>ACCIONA SAS</t>
  </si>
  <si>
    <t>CR 100 # 5 169 / OF 607B BRR OASIS UNICENTRO</t>
  </si>
  <si>
    <t>MISCELANEA SOFIA</t>
  </si>
  <si>
    <t>TV 30 # 104 18 BRR ASTURIAS II</t>
  </si>
  <si>
    <t>LA  TERMINAL STORE</t>
  </si>
  <si>
    <t>C E R T I F I C A</t>
  </si>
  <si>
    <t>HAPPINET S.M.S</t>
  </si>
  <si>
    <t>CL 7 A # 22 75 BRR LA ESPERANZA</t>
  </si>
  <si>
    <t>CUBARRAL</t>
  </si>
  <si>
    <t>SERVICENTRO CUBARRAL</t>
  </si>
  <si>
    <t>CR 12 # 5 7 BRR CENTRO BOMBA BRIO</t>
  </si>
  <si>
    <t>MAYITAS</t>
  </si>
  <si>
    <t>CR 9 # 22 78 BRR RINCONCITO DE MANILA</t>
  </si>
  <si>
    <t>PAPELERIA SAHARA</t>
  </si>
  <si>
    <t>CL 9 NO2 - 11</t>
  </si>
  <si>
    <t>MISCELANEA SAMY</t>
  </si>
  <si>
    <t>CR 13 A # 33 B 74 - SUR / IN 101 BRR GRANJAS DE SAN PABLO</t>
  </si>
  <si>
    <t>VARIEDADES JOVIS JS</t>
  </si>
  <si>
    <t>CR 19 # 12 - 72 BRR PISO 1 LC 205 / VOTO NACIONAL</t>
  </si>
  <si>
    <t>CYBERCORDOBA ALJHON</t>
  </si>
  <si>
    <t>MZ 23 CA 9 LC 1 BRR CENTRO</t>
  </si>
  <si>
    <t>INTERTODO</t>
  </si>
  <si>
    <t>CR 11 # 11 82 BRR AQUIMIN</t>
  </si>
  <si>
    <t>EXPOMERCADO</t>
  </si>
  <si>
    <t>CL 15 # 3 A 14 BRR PATRIOTAS</t>
  </si>
  <si>
    <t>VARIEDADES MARILYN</t>
  </si>
  <si>
    <t>CR 5 B # 2 D 87 BRR BARANDILLAS</t>
  </si>
  <si>
    <t>COMPU JUANES Y ASESORIAS</t>
  </si>
  <si>
    <t>CL 21 # 3 14 BRR SAN VICENTE</t>
  </si>
  <si>
    <t>CL 26 SUR # 73 90 BRR CERVANTES KENNEDY</t>
  </si>
  <si>
    <t>LOCAL 0-10</t>
  </si>
  <si>
    <t>MICROMERCADO MANUELA BELTRAN</t>
  </si>
  <si>
    <t>CR 12 # 104 A 03 BRR MANUELA BELTRAN</t>
  </si>
  <si>
    <t>FABITAS COMUNICACIONES</t>
  </si>
  <si>
    <t>CR 5 ESTE # 29 C 15 BRR SAN MATEO</t>
  </si>
  <si>
    <t>MUNDO COLOR JT</t>
  </si>
  <si>
    <t>CL 21 # 4 49 BRR FUSACATAN</t>
  </si>
  <si>
    <t>PARA TI SORPRESAS</t>
  </si>
  <si>
    <t>CL 15 # 5 - 58 BRR SOACHA SAN LUIS</t>
  </si>
  <si>
    <t>CL. 51 SUR NO. 48-57 L-2167 PISO 2 ETAPA 1</t>
  </si>
  <si>
    <t>BRISA LAVANDERIA CENTRO DE SERVICIOS</t>
  </si>
  <si>
    <t>CL 32 # 7 30 / 11 BRR LOCAL UNO</t>
  </si>
  <si>
    <t>TUS PAGOS AQUI LA 45</t>
  </si>
  <si>
    <t>CL 45 # 13 74 BRR CENTRO</t>
  </si>
  <si>
    <t>CELTRONICK TECNOLOGY</t>
  </si>
  <si>
    <t>CR 11 # 13 24 BRR FLORIDABLANCA</t>
  </si>
  <si>
    <t>PAPELERIA Y VARIEDADES YUDY</t>
  </si>
  <si>
    <t>VDA LOS CAUCHOS</t>
  </si>
  <si>
    <t>PLAY SERVICES TECHNOLOGY</t>
  </si>
  <si>
    <t>CL 6 # 8 65 BRR EL CENTRO</t>
  </si>
  <si>
    <t>PUNTO AGIL AL INSTANTE</t>
  </si>
  <si>
    <t>CR 9 ESTE # 16 A 16 BRR MAIPORE</t>
  </si>
  <si>
    <t>ALIRIO</t>
  </si>
  <si>
    <t>CL 9 # 6 15 BRR URIBE</t>
  </si>
  <si>
    <t>CITELFON</t>
  </si>
  <si>
    <t>CL 8 # 8 83 BRR CENTRO</t>
  </si>
  <si>
    <t>VARIEDADES J Y V</t>
  </si>
  <si>
    <t>CL 138 # 152 A - 09 BRR SUBA SANTA RITA</t>
  </si>
  <si>
    <t>PAPELERIA LUNA C</t>
  </si>
  <si>
    <t>CL 56 A # 66 B - 25 BRR AZALEAS</t>
  </si>
  <si>
    <t>PAGOS LA VICTORIA</t>
  </si>
  <si>
    <t>CL 39 A SUR # 5 44 - ESTE BRR LA VICTORIA</t>
  </si>
  <si>
    <t>CRA. 28 CL. 43 VERSALLES L-4 INT. METRO</t>
  </si>
  <si>
    <t>CRA. 50 50-15 L-255</t>
  </si>
  <si>
    <t>SOMONDOCO</t>
  </si>
  <si>
    <t>VARIEDADES Y PAPELERIA LIVY</t>
  </si>
  <si>
    <t>CL 5 # 2 - 89 BRR CENTRO</t>
  </si>
  <si>
    <t>CELULARES JM DEL LLANO</t>
  </si>
  <si>
    <t>CR 5 # 7 85 BRR FUNDADORES</t>
  </si>
  <si>
    <t>TELECOMUNICACIONES</t>
  </si>
  <si>
    <t>CL 36 # 16 D 21 BRR LLANOS DE SOACHA</t>
  </si>
  <si>
    <t>EXPRESS PAPER</t>
  </si>
  <si>
    <t>CR 2 # 7 18 BRR CENTRO</t>
  </si>
  <si>
    <t>J WALKER SHOP</t>
  </si>
  <si>
    <t>CR 9 A # 77 - 03 BRR ALMIRANTE PADILLA</t>
  </si>
  <si>
    <t>FINANZAS CYM</t>
  </si>
  <si>
    <t>AV 2 # 8 A 14 BRR LOS AZAFRANES</t>
  </si>
  <si>
    <t>INVERSIONES LV</t>
  </si>
  <si>
    <t>DG 57 A SUR # 81 J 13 BRR VEGAS SANTA ANA</t>
  </si>
  <si>
    <t>AV. LIBERTADORES LC 129</t>
  </si>
  <si>
    <t>CRA. 3 A 1 - 09 EDF. LA ESTRELLA</t>
  </si>
  <si>
    <t>GRUPO MAS RED S.A.S</t>
  </si>
  <si>
    <t>CR 17 F # 62 18 BRR LA CEIBA</t>
  </si>
  <si>
    <t>DONDE JESSI</t>
  </si>
  <si>
    <t>CL 2 # 1 05 BRR CENTRO</t>
  </si>
  <si>
    <t>MULTISERVICIOS VM</t>
  </si>
  <si>
    <t>CL 1 # 5 B 06 BRR QUINTAS DE LA LAGUNA</t>
  </si>
  <si>
    <t>JUAN C OBANDO</t>
  </si>
  <si>
    <t>CR 4 # 5 23 BRR BITACO</t>
  </si>
  <si>
    <t>VARIEDADES LAURA</t>
  </si>
  <si>
    <t>TV 4 ESTE # 46 10 BRR CHAPINERO</t>
  </si>
  <si>
    <t>MISCELANEA ESMERALDA</t>
  </si>
  <si>
    <t>CR 24 # 15 78 BRR PAIPA</t>
  </si>
  <si>
    <t>MISCELANEA MAGIC</t>
  </si>
  <si>
    <t>CR 8 # 16 04 BRR SANTANDER</t>
  </si>
  <si>
    <t>SAMAJU RECAUDOS</t>
  </si>
  <si>
    <t>CL 87 # 21 48 BRR DIAMANTE II</t>
  </si>
  <si>
    <t>EL VIEJO ISAZA</t>
  </si>
  <si>
    <t>CL 65 # 2 A 13 BRR MUTIS</t>
  </si>
  <si>
    <t>DOÑA AIDA MENSAJERIA</t>
  </si>
  <si>
    <t>CL 45 # 8 01 BRR CAMPO HERMOSO</t>
  </si>
  <si>
    <t>ANA MANTILLA</t>
  </si>
  <si>
    <t>CR 11 # 67 103 BRR LA VICTORIA</t>
  </si>
  <si>
    <t>SILUEINE</t>
  </si>
  <si>
    <t>CL 21 # 30 33 BRR SAN ALONSO</t>
  </si>
  <si>
    <t>CR 12 # 18 57 BRR CENTRO</t>
  </si>
  <si>
    <t>KIDSARA</t>
  </si>
  <si>
    <t>CR 25 A # 36 A 60 / AP 302 TO 3 BRR CJR EL OTUN - NEIVA</t>
  </si>
  <si>
    <t>VENTAS S.M.</t>
  </si>
  <si>
    <t>CR 4 # 4 65 BRR CENTRO</t>
  </si>
  <si>
    <t>FERRETERIA CENTRAL DE MATERIALES</t>
  </si>
  <si>
    <t>CL 4 # 1 38 BRR CENTRO</t>
  </si>
  <si>
    <t>INCOLMOVIL</t>
  </si>
  <si>
    <t>CL 76 # 7 T 30 BRR ALFONSO LOPEZ III</t>
  </si>
  <si>
    <t>DROGUISALUD MD</t>
  </si>
  <si>
    <t>CR 3 # 27 B 43 / P 1 BRR SAN MATEO</t>
  </si>
  <si>
    <t>PAPELERIA ESTUDIANTES</t>
  </si>
  <si>
    <t>CR 69 B # 4 32 / LC 3 BRR MARSELLA</t>
  </si>
  <si>
    <t>PAPELERIA LA GRAN COLOMBIA 63</t>
  </si>
  <si>
    <t>CL 63 SUR # 98 A 44 BRR BOSA RECREO</t>
  </si>
  <si>
    <t>MICELANEA JUANCHITO</t>
  </si>
  <si>
    <t>CL 61 # 17 - 25 ESTE BRR VILLAS DE CASA LOMA</t>
  </si>
  <si>
    <t>CIGARRERIA DANYS</t>
  </si>
  <si>
    <t>CL 35 # 0 - 22 BRR BOJACA</t>
  </si>
  <si>
    <t>COLOMBIA</t>
  </si>
  <si>
    <t>MISCELANEA LYDY</t>
  </si>
  <si>
    <t>CL 5 # 3 - 55 BRR UNICENTRO</t>
  </si>
  <si>
    <t>PUERTO PARRA</t>
  </si>
  <si>
    <t>COMUNICACIONES MOVICELL</t>
  </si>
  <si>
    <t>CA 1 BRR ZAMORA II</t>
  </si>
  <si>
    <t>CALZADO SAMI</t>
  </si>
  <si>
    <t>CL 4 # 6 46 BRR CENTRO</t>
  </si>
  <si>
    <t>TIENDA DE BELLEZA FEMM</t>
  </si>
  <si>
    <t>CR 78 G BIS C # 48 A 22 - SUR BRR GIRALDILLA KENNEDY</t>
  </si>
  <si>
    <t>MATE COMUNICACIONES 2</t>
  </si>
  <si>
    <t>CL 6 BIS # 80 C 76 / AP 102 BRR PIO XII</t>
  </si>
  <si>
    <t>CL. 47B SUR NO. 24B-33 L-2054-2069</t>
  </si>
  <si>
    <t>YAGUARÁ</t>
  </si>
  <si>
    <t>CELU ACCESORIOS LIMAR</t>
  </si>
  <si>
    <t>CL 03 # 05 23 BRR LAS MERCEDES</t>
  </si>
  <si>
    <t>INTERCORE.SERVICES</t>
  </si>
  <si>
    <t>CR 18 # 7 81 BRR AMERICAS</t>
  </si>
  <si>
    <t>MARIBEL GARCIA</t>
  </si>
  <si>
    <t>CR 12 # 23 15 BRR ROSALES</t>
  </si>
  <si>
    <t>PAPELERIA Y MISCELANEA DONDE HARRY</t>
  </si>
  <si>
    <t>CR 13 # 51 03 BRR BUCARAMANGA</t>
  </si>
  <si>
    <t>TELESERVICIOS CHAPINERO</t>
  </si>
  <si>
    <t>CL 1 # 3 17 BRR 7 DE AGOSTO</t>
  </si>
  <si>
    <t>INSURANCES AND GLOBAL SERVICES</t>
  </si>
  <si>
    <t>CR 3 ESTE # 3 02 / LC 2 BRR CENTRO</t>
  </si>
  <si>
    <t>INTERNET Y PAPELERIA SANTIAGO</t>
  </si>
  <si>
    <t>CL 9 D # 17 B 16 BRR EL POBLADO</t>
  </si>
  <si>
    <t>FARONET</t>
  </si>
  <si>
    <t>CL 15 # 20 BIS 29 BRR VILLA PAUL</t>
  </si>
  <si>
    <t>VARIEDADES Y CACHE</t>
  </si>
  <si>
    <t>CL 1 F # 25 A - 25 BRR SANTA ISABEL</t>
  </si>
  <si>
    <t>CRA. 7 NO. 4-50 FRENTE AL PARQUE CALDAS</t>
  </si>
  <si>
    <t>CRA. 43A NO. 6 SUR-15 L-165</t>
  </si>
  <si>
    <t>ESLIVH-PRODUCTS</t>
  </si>
  <si>
    <t>CRA. 8 #51 GAMARRA CESAR COLOMBIA</t>
  </si>
  <si>
    <t>PELUCHITO SHOP</t>
  </si>
  <si>
    <t>CR 5 # 6 44 / CC METROPOLITANO LC 218 BRR CENTRO</t>
  </si>
  <si>
    <t>COMUNICACIONES J Y Y CLARO</t>
  </si>
  <si>
    <t>CR 7 # 31 35 / IN 4 LC 212 BRR CENTRO COMERCIAL MERCURIO</t>
  </si>
  <si>
    <t>@HELBERT.23</t>
  </si>
  <si>
    <t>CR 4 ESTE # 30 A 24 BRR SAN MATEO</t>
  </si>
  <si>
    <t>FERRETERIA LOS MOLINOS</t>
  </si>
  <si>
    <t>CRA 4 815-14</t>
  </si>
  <si>
    <t>MULTIPAGOS Y VARIEDADES RUKITA</t>
  </si>
  <si>
    <t>CR 87 B # 66 C - 21 SUR BRR SAN PEDRO SEGUNDO SECTOR</t>
  </si>
  <si>
    <t>PELAJES PET SHOP</t>
  </si>
  <si>
    <t>CL 3 # 15 - 63 / LC 10 BRR CHAPINERO</t>
  </si>
  <si>
    <t>CL. 38N NO. 6N-35 BODEGA 5 L-532</t>
  </si>
  <si>
    <t>AV. CIRCUNVALAR CRA. 27 NO. 3-90</t>
  </si>
  <si>
    <t>CRA. 32 NO.30-132 L-210</t>
  </si>
  <si>
    <t>PASARELLA Y FASHION</t>
  </si>
  <si>
    <t>CR 6 A # 13 104 BRR SANTA BARBARA</t>
  </si>
  <si>
    <t>CL 18 # 4 44 / P 1 BRR MANZANARES</t>
  </si>
  <si>
    <t>MULTISERVICIOS Y MENSAJERIA LA 200</t>
  </si>
  <si>
    <t>CL 200 # 23 58 BRR VILLAS DE SAN DIEGO</t>
  </si>
  <si>
    <t>ASESORIA EMPRESARIAL MYA</t>
  </si>
  <si>
    <t>CALLE 16 N 37 B 08 MARSELLA</t>
  </si>
  <si>
    <t>PAPELERIA Y PIATERIA AMPARITO</t>
  </si>
  <si>
    <t>CR 5 # 2 24 BRR CENTRO</t>
  </si>
  <si>
    <t>PACA</t>
  </si>
  <si>
    <t>CALLE 34 N 7ESTE-35 BLOQUE 23 CS 21</t>
  </si>
  <si>
    <t>RED MULTISERVICIOS</t>
  </si>
  <si>
    <t>CL 4 # 15 61 / LC 1 BRR SAN PABLO</t>
  </si>
  <si>
    <t>DROGUERIA SUNEFY</t>
  </si>
  <si>
    <t>DIAGONAL 69 F SUR # 14 R 15</t>
  </si>
  <si>
    <t>CL. 43 NO. 54-139 L-1333</t>
  </si>
  <si>
    <t>MIRADOR BARBER SHOP</t>
  </si>
  <si>
    <t>MZ 6 CA 36 BRR MIRADORES DE LA UIS</t>
  </si>
  <si>
    <t>SAN DIEGO</t>
  </si>
  <si>
    <t>DROGUERIA EMANIEL SA</t>
  </si>
  <si>
    <t>CL 3 8 A 75</t>
  </si>
  <si>
    <t>TITIKO</t>
  </si>
  <si>
    <t>CL 5 A # 2 78 BRR CENTRO</t>
  </si>
  <si>
    <t>O.G.TELEMUNDI</t>
  </si>
  <si>
    <t>CARRERA 9 ESTE # 30 88 SAN MATEO</t>
  </si>
  <si>
    <t>EL ROSAL</t>
  </si>
  <si>
    <t>PAPELERIA Y DETALLES ALGO BONITO</t>
  </si>
  <si>
    <t>CALLE 4 #3 CAMPO ALEGRE VDA. PASO ANCHO EL ROSAL CUNDINAMARCA COLOMBIA</t>
  </si>
  <si>
    <t>AV CIRCUNVALAR 120 NO. 5-20 L-112</t>
  </si>
  <si>
    <t>AV. SANTANDER CL. 50 23-01</t>
  </si>
  <si>
    <t>CREARTE VARIEDADES</t>
  </si>
  <si>
    <t>CR 40 # 8 A 51 BRR EL DIVISO</t>
  </si>
  <si>
    <t>SATA SOLUCIONES</t>
  </si>
  <si>
    <t>CL 3 # 5 46 BRR CENTRO</t>
  </si>
  <si>
    <t>CAFETERA  MISCELANEA DON MATHIAS</t>
  </si>
  <si>
    <t>CRA. 39 #7-35 AGUACHICA CESAR COLOMBIA</t>
  </si>
  <si>
    <t>PAPELERIA SSEO</t>
  </si>
  <si>
    <t>CL 6 # 10 03 / AP 203 MZ B CS 8 BRR VILLA SARAY</t>
  </si>
  <si>
    <t>OFICINA DE ASESORAS KTP</t>
  </si>
  <si>
    <t>CRA. 8 #11-55 EL CASTILLO META COLOMBIA</t>
  </si>
  <si>
    <t>EXITOS MILENIUM</t>
  </si>
  <si>
    <t>CL 30 A # 5 A 86 / LC 111 BRR SAN MATEO</t>
  </si>
  <si>
    <t xml:space="preserve">MINIMARKET LA 17 SAN JUANITO </t>
  </si>
  <si>
    <t>TV. 5A #17-2 ZIPAQUIRï¿ CUNDINAMARCA COLOMBIA</t>
  </si>
  <si>
    <t>COMPURED:COM</t>
  </si>
  <si>
    <t>CL. 10 #5-36 CHIA CUNDINAMARCA COLOMBIA</t>
  </si>
  <si>
    <t>COMUNICACIONES LILINET</t>
  </si>
  <si>
    <t>CL 35 SUR # 7 06 BRR SAN NICOLAS COMPARTIR</t>
  </si>
  <si>
    <t>VARIEDADES ORIANA.NET</t>
  </si>
  <si>
    <t>CR 4 # 3 - 33 ESTE BRR CENTRO LA PESQUERA ARAUQUITA</t>
  </si>
  <si>
    <t>CL. 31 NO. 44-239 L-326 INT. 14 C.C. LLANOGRANDE</t>
  </si>
  <si>
    <t>CIBERCAFENET DUITAMA</t>
  </si>
  <si>
    <t>CR 19 # 3 93 BRR DUITAMA</t>
  </si>
  <si>
    <t>ACUARELA PAPELERA-INTERNET</t>
  </si>
  <si>
    <t>CR 2 E # 13 51 BRR XATIVILLA</t>
  </si>
  <si>
    <t>MISCELANEA TU PUNTO</t>
  </si>
  <si>
    <t>DISTRIBUCIONES S.M.C.</t>
  </si>
  <si>
    <t>CC PLAZA MAYOR L 114 B 8 BRR REAL DE MINAS</t>
  </si>
  <si>
    <t>INTERNET SERVINETWORK</t>
  </si>
  <si>
    <t>CR 12 # 11 18 BRR CENTRO</t>
  </si>
  <si>
    <t xml:space="preserve">ACAMOVIL ACACIAS </t>
  </si>
  <si>
    <t>CRA. 22 #15-12 ACACIAS META COLOMBIA</t>
  </si>
  <si>
    <t>DROGUERIA SAN ANDRES G</t>
  </si>
  <si>
    <t>CRA 12 8 11</t>
  </si>
  <si>
    <t>PAPELERIA NOTITAS DE ISNOS</t>
  </si>
  <si>
    <t>TO IGLESIA DE ISNOS BRR CENTRO</t>
  </si>
  <si>
    <t>ARTE Y ESTILO</t>
  </si>
  <si>
    <t>CR 10 A # 6 A 21 BRR VILLA SOFIA</t>
  </si>
  <si>
    <t>GRANERO LA ECONOMIA J  J</t>
  </si>
  <si>
    <t>CR 13 A # 14 76 BRR VILLA SARJONIA</t>
  </si>
  <si>
    <t>MISCELANEA S Y M</t>
  </si>
  <si>
    <t>CR 1 C # 49 A - 17 SUR BRR DIANA TURBAY ARRAYANES</t>
  </si>
  <si>
    <t>PAPELERIA NARIÑO</t>
  </si>
  <si>
    <t>CR 92 # 157 93 BRR SALITRE SUBA</t>
  </si>
  <si>
    <t>VARIEDADES GALU</t>
  </si>
  <si>
    <t>CR 19 # 41 B 50 / CA BRR DIVINO NIÃ‘O</t>
  </si>
  <si>
    <t>CENTRO DE PAGOS Y CAFETERIA DE LA 12 A</t>
  </si>
  <si>
    <t>CL 12 A # 18 91 BRR DUITAMA</t>
  </si>
  <si>
    <t>ARENA STORE</t>
  </si>
  <si>
    <t>CR 15 E # 26 B 45 BRR RODEO</t>
  </si>
  <si>
    <t>DUARCELL</t>
  </si>
  <si>
    <t>CARRERA 4 # 6-12</t>
  </si>
  <si>
    <t>ADVANCE LOGISTIC SAS</t>
  </si>
  <si>
    <t>CR 8 # 13 77 BRR CENTRO</t>
  </si>
  <si>
    <t>FERRELECTRICOS Y REPARACIONES BA</t>
  </si>
  <si>
    <t>CR 3 B # 3 20 BRR CENTRO</t>
  </si>
  <si>
    <t>RSYSTEM</t>
  </si>
  <si>
    <t>CR 70 # 65 A - 61 BRR LOCAL 120 LA ESTRADA</t>
  </si>
  <si>
    <t>CRA.3 18-07 L-10 INT. METRO</t>
  </si>
  <si>
    <t>GRUPO ARFEGOMO</t>
  </si>
  <si>
    <t>CR 29 # 34 24 BRR GIRON</t>
  </si>
  <si>
    <t>DJ ENSAMBLES Y MANTENIMIENTO</t>
  </si>
  <si>
    <t>CL 13 # 8 16 BRR MARACAS</t>
  </si>
  <si>
    <t>LA PINATERIA DE ISA</t>
  </si>
  <si>
    <t>CL. 6B #10 ESTE-66 CAJICA CUNDINAMARCA COLOMBIA</t>
  </si>
  <si>
    <t>VARIEDADES MAJO</t>
  </si>
  <si>
    <t>CL. 1 #5-43, SOACHA, CUNDINAMARCA, COLOMBIA</t>
  </si>
  <si>
    <t>CR 136 138A 13</t>
  </si>
  <si>
    <t>DISTRIBUIDORA Y CIGARRERA EL PAISANO</t>
  </si>
  <si>
    <t>DG 50 SUR # 14 A - 34 ESTE BRR LAS GAVIOTAS</t>
  </si>
  <si>
    <t>DG 1 # 10 26 BRR LOS COMUNEROS</t>
  </si>
  <si>
    <t>CL. 5 NO. 50 103 PISO 2</t>
  </si>
  <si>
    <t>AV. VENEZUELA 8 A-87 L-3 PISO 1 EDIF. CITIBANK</t>
  </si>
  <si>
    <t>RACIN FIRE SHOP</t>
  </si>
  <si>
    <t>CL 82 #92 - 57 LC 17</t>
  </si>
  <si>
    <t>EL DONCELLO</t>
  </si>
  <si>
    <t>TIENDA JJ CIBER</t>
  </si>
  <si>
    <t>65 #12-11 EL DONCELLO EL PAUJIL CAQUETï¿ COLOMBIA</t>
  </si>
  <si>
    <t>MACLARI</t>
  </si>
  <si>
    <t>CR 8 # 6 24 BRR LUIS CARLOS GALAN</t>
  </si>
  <si>
    <t>KISMODA</t>
  </si>
  <si>
    <t>CL 3 # 18 09 BRR SAN PABLO</t>
  </si>
  <si>
    <t>PASAJE COMERCIAL ALTA TECNOLOGIA PASCALTEC</t>
  </si>
  <si>
    <t>CR 7 B # 18 A 53 BRR FUNZA</t>
  </si>
  <si>
    <t>SAN CAYETANO</t>
  </si>
  <si>
    <t>VARIEDADES L  K</t>
  </si>
  <si>
    <t>CL 2 3 91</t>
  </si>
  <si>
    <t>PAGOS LA PRADERA</t>
  </si>
  <si>
    <t>CR 14 # 19 - 38 BRR LA PRADERA</t>
  </si>
  <si>
    <t>BUESACO</t>
  </si>
  <si>
    <t>CELUCENTRO</t>
  </si>
  <si>
    <t>CL 9 # 1 - 57 BRR CENTRO SUR</t>
  </si>
  <si>
    <t>CR 13 A # 33 B 54 - SUR BRR RESTREPO</t>
  </si>
  <si>
    <t>SOLUCIIONES Y COMUNICACIONES RYT</t>
  </si>
  <si>
    <t>CARRERA 91 # 132 C -17</t>
  </si>
  <si>
    <t>B.BELLAVISTA AV. SIMON BOLIVAR CRA. 46 INT. ALMACEN LA 14 NIVEL 4</t>
  </si>
  <si>
    <t>MECATO EXPRESS I.C.P.</t>
  </si>
  <si>
    <t>CR 33 # 47 34 / LC 150 BRR CABECERA</t>
  </si>
  <si>
    <t>MARIELA SOLANO MOJICA</t>
  </si>
  <si>
    <t>C E 3 T I F I C A</t>
  </si>
  <si>
    <t>MEDIQUIRURGICOS DEL LLANO</t>
  </si>
  <si>
    <t>TV 13 # 24 07 BRR LAS DELICIAS</t>
  </si>
  <si>
    <t>COMERCIAL</t>
  </si>
  <si>
    <t>CR 30 # 14 36 BRR EL JARDIN</t>
  </si>
  <si>
    <t>ATI3MPO</t>
  </si>
  <si>
    <t>CL 23 # 18 A 33 BRR EL REMANSO</t>
  </si>
  <si>
    <t>HGA COMUNICACIONES</t>
  </si>
  <si>
    <t>CR 10 # 6 46 BRR CENTRO</t>
  </si>
  <si>
    <t>GUZMAN SANCHEZ VICTOR FABIAN</t>
  </si>
  <si>
    <t>CL 14 B 20 B 06 BRR LA ESPERANZA</t>
  </si>
  <si>
    <t>AV. CL. 127 NO. 60-92 L-66</t>
  </si>
  <si>
    <t>CRA. 8 NO. 19-41 L-118 / CRA. 9 NO. 19-48</t>
  </si>
  <si>
    <t>A  J</t>
  </si>
  <si>
    <t>CLL 139 #145B - 09</t>
  </si>
  <si>
    <t>TIENDA Y PAPELERIA YANIS</t>
  </si>
  <si>
    <t>CR 4 # 1 85 BRR SAN ANTONIO</t>
  </si>
  <si>
    <t>MODU MAUKEL</t>
  </si>
  <si>
    <t>CL 8 E # 7 B 32 BRR SAN JORGE</t>
  </si>
  <si>
    <t>DARIANA MATERIALES Y REPUESTOS</t>
  </si>
  <si>
    <t>DG 21 # 27 87 BRR 7 DE AGOSTO</t>
  </si>
  <si>
    <t>SM FERRETERA</t>
  </si>
  <si>
    <t>CARRERA 5 # 76B-22</t>
  </si>
  <si>
    <t>PAPELERIA TERMINAL EL ROMPOY</t>
  </si>
  <si>
    <t>KM 14 AUT MEDELLIN BRR PUENTE PIEDRA</t>
  </si>
  <si>
    <t>SERVI-REDES NECHI</t>
  </si>
  <si>
    <t>CL 28 # 80 29 BRR CALLE BOLIVAR</t>
  </si>
  <si>
    <t>MAFE COMUNICACIONES</t>
  </si>
  <si>
    <t>CR 13 C # 56 85 - SUR BRR TUNJUELITO</t>
  </si>
  <si>
    <t>DIAG. 151 NO. 32-19 L-1054</t>
  </si>
  <si>
    <t>LA CASA DE PAPEL</t>
  </si>
  <si>
    <t>CR 5 # 28 02 BRR EL GIRARDOT</t>
  </si>
  <si>
    <t>MILDETALLES MARLEN</t>
  </si>
  <si>
    <t>CR 3 C # 1 A 8 BRR PALERMO I</t>
  </si>
  <si>
    <t>PRETTY LINEA DE BELLEZA</t>
  </si>
  <si>
    <t>CR 33 # 10 60 BRR JOSE ANTONIO GALAN</t>
  </si>
  <si>
    <t>FOTO ESTUDIO IMPACTO</t>
  </si>
  <si>
    <t>CRA 3 # 7-02</t>
  </si>
  <si>
    <t>DROGUERIA LAS GAVIOTAS ST</t>
  </si>
  <si>
    <t>CL 12 # 28 61 BRR SAN JOSE</t>
  </si>
  <si>
    <t>PAPELERIA Y SERVICIOS DE PAGO BK</t>
  </si>
  <si>
    <t>CL INSPECCION PALMERA BRR PALMERAS</t>
  </si>
  <si>
    <t>MULTIPOLLO</t>
  </si>
  <si>
    <t>CR 18 Q # 10 36 BRR DANUBIO</t>
  </si>
  <si>
    <t>DROGAS ESPANA</t>
  </si>
  <si>
    <t>CRA 3 7 56</t>
  </si>
  <si>
    <t>LUZ YADIRA BULLA FARFAN</t>
  </si>
  <si>
    <t>TV 36 # 58 C 05 - SUR BRR CANDELARIA LA NUEVA</t>
  </si>
  <si>
    <t>CL. 34 43-66 L-2295</t>
  </si>
  <si>
    <t>LUISA AVILA CALDERON</t>
  </si>
  <si>
    <t>CL 56 # 22 64 BRR RICAURTE</t>
  </si>
  <si>
    <t>DROGUERIA SANTA MARIA</t>
  </si>
  <si>
    <t>CRA. 35A #42-45 VILLAVICENCIO META COLOMBIA</t>
  </si>
  <si>
    <t>CONECTATE AL SITIO. COM</t>
  </si>
  <si>
    <t>CL 5 # 3 17 BRR CENTRO</t>
  </si>
  <si>
    <t>PAPELERIA Y COMUNICACIONES EL TERMINAL</t>
  </si>
  <si>
    <t>CRA 4 2 13 SUR</t>
  </si>
  <si>
    <t>LL SOLICIONES</t>
  </si>
  <si>
    <t>CR 6 # 59 A - 19 BRR TUNJA VILLA LUZ</t>
  </si>
  <si>
    <t>C.C.CANAVERAL L-158</t>
  </si>
  <si>
    <t>MADELPI</t>
  </si>
  <si>
    <t>CL 10 # 28 56 BRR SAN ALONSO</t>
  </si>
  <si>
    <t>DROGUERIAS UNIREBAJA</t>
  </si>
  <si>
    <t>CL 13 # 6 05 BRR RAICERO</t>
  </si>
  <si>
    <t>MORELIA</t>
  </si>
  <si>
    <t>SHOP EXTRME</t>
  </si>
  <si>
    <t>CL 4 # 4 64 BRR ALAMEDA</t>
  </si>
  <si>
    <t>MULTIRED NEIVA</t>
  </si>
  <si>
    <t>CL. 5 #18-56 NEIVA HUILA COLOMBIA</t>
  </si>
  <si>
    <t>PAPELERIA Y FOTOCOPIADORA TITINA</t>
  </si>
  <si>
    <t>K 5B 60 22 BR EL CORTIJO</t>
  </si>
  <si>
    <t>MISCELANIA TITOL</t>
  </si>
  <si>
    <t>IPM CENTRO POBLADO MAITO BRR SAN FRANCISCO</t>
  </si>
  <si>
    <t>MOLINO EL TREBOL</t>
  </si>
  <si>
    <t>CRA. 5 #6-35 SILVANIA CUNDINAMARCA COLOMBIA</t>
  </si>
  <si>
    <t>LILI VEGA</t>
  </si>
  <si>
    <t>CL 4 # 8 77 BRR CABECERA MUNICIPAL</t>
  </si>
  <si>
    <t>CR 56 NO. 18A- 80 CC SANTIAGO PLAZA GUADALUPE LOCAL 63</t>
  </si>
  <si>
    <t>CRA. 14 18-56 PISO 3 L-26/27/28</t>
  </si>
  <si>
    <t>LA UVITA</t>
  </si>
  <si>
    <t>SALA DE BELLEZA AMANDYS</t>
  </si>
  <si>
    <t>CR 6 # 5 32 BRR LA UVITA</t>
  </si>
  <si>
    <t>DROGUERIA VICTORIA C Y C</t>
  </si>
  <si>
    <t>CL 2 NA 34 04 MZ B CA 8 B</t>
  </si>
  <si>
    <t>CAFE INTERNET PAULIS</t>
  </si>
  <si>
    <t>CL 4 # 4 38 BRR CENTRO</t>
  </si>
  <si>
    <t>DROGUERIA ECONOMIA MANI</t>
  </si>
  <si>
    <t>CL 14 # 2 91 / MCP MANI BRR CASANARE</t>
  </si>
  <si>
    <t>MULTISERVICIOS EL PORVENIR</t>
  </si>
  <si>
    <t>CL 4 A # 1 59 BRR CENTRO</t>
  </si>
  <si>
    <t>COMUNICACIONES PEÑA/LILINET</t>
  </si>
  <si>
    <t>CL 40 SUR # 7 C 05 BRR SAN NICOLAS</t>
  </si>
  <si>
    <t>LA CENTRAL PAPELERIA Y VARIEDADES PUNTO NET</t>
  </si>
  <si>
    <t>CL 15 # 14 31 BRR PARAISO</t>
  </si>
  <si>
    <t>AV CRA. 86 # 19A -50 L-12 INT. JUMBO</t>
  </si>
  <si>
    <t>CL. 10 6-57 INT. OLIMPICA</t>
  </si>
  <si>
    <t>ALL STORE SAN BERNARDO</t>
  </si>
  <si>
    <t>CL 7 # 3 38 BRR SANTA TERESA</t>
  </si>
  <si>
    <t>CAFETTO PLAZA</t>
  </si>
  <si>
    <t>CC SAN GIL PLAZA LC 221 BRR PLAZA</t>
  </si>
  <si>
    <t>SITIO NET VIRTUAL</t>
  </si>
  <si>
    <t>CL 2 # 11 31 BRR BRISAS 1</t>
  </si>
  <si>
    <t>DISTRIBUIDORA ASEOPLAST DEL LLANO</t>
  </si>
  <si>
    <t>CL. 11 #13-46 GUAMAL META COLOMBIA</t>
  </si>
  <si>
    <t>GLOBAL SERVICE ONE</t>
  </si>
  <si>
    <t>CL 19 A SUR # 36 15 BRR SAN JORGE ETAPA CUATRO</t>
  </si>
  <si>
    <t>GO PAY</t>
  </si>
  <si>
    <t>CL 7 # 39 33 / LC 2 BRR VILLA BOLIVAR</t>
  </si>
  <si>
    <t>PAPELERIA Y MISCELANEA CHAPINET</t>
  </si>
  <si>
    <t>CALLE 16 # 9 - 14 APTO 101</t>
  </si>
  <si>
    <t>PELUQUERIA DISTRIBUIDORA ANTHONELA</t>
  </si>
  <si>
    <t>CR 9 # 5 21 BRR TORRECITAS</t>
  </si>
  <si>
    <t>PAPELERA Y VVERES DOA LEO</t>
  </si>
  <si>
    <t>CALLE 10 NO 1 B 02 ESTE</t>
  </si>
  <si>
    <t>DROGAS SANTA MARTA</t>
  </si>
  <si>
    <t>CA 40 DIV 1 BRR LA PRADERA</t>
  </si>
  <si>
    <t>VARIEDADES CABARCAS LOZADA</t>
  </si>
  <si>
    <t>TV 14 A ESTE # 54 - 93 SUR BRR 20 DE JULIO</t>
  </si>
  <si>
    <t>CRA. 4 NO. 10-12</t>
  </si>
  <si>
    <t>SURTIMERKET 1</t>
  </si>
  <si>
    <t>CL 65 # 12 W 12 BRR MONTERREDONDO</t>
  </si>
  <si>
    <t>TIENDA KYLIAN  SOFI</t>
  </si>
  <si>
    <t>CL 27 # 4 4 BRR GIRARDOT</t>
  </si>
  <si>
    <t>VIMORCA SERVICES</t>
  </si>
  <si>
    <t>CL 3 # 15 08 BRR CHAPINERO</t>
  </si>
  <si>
    <t>ALBITA COMUNICACIONES</t>
  </si>
  <si>
    <t>CL 3 15 38</t>
  </si>
  <si>
    <t>DISTRIPAPELES Y VARIEDADES LA 7A</t>
  </si>
  <si>
    <t>CR 32 A # 13 35 BRR ESPERANZA</t>
  </si>
  <si>
    <t>HELLO QUEEN</t>
  </si>
  <si>
    <t>CL 23 # 1 B 04 BRR SANTA BARBARA</t>
  </si>
  <si>
    <t>CL 15 17 17 L0 2</t>
  </si>
  <si>
    <t>JIREH NISI SERO SAS</t>
  </si>
  <si>
    <t>CR 12 C # 15 08 - SUR BRR VILLA SOFIA 2</t>
  </si>
  <si>
    <t>DROGUERIA EXIPHARMA</t>
  </si>
  <si>
    <t>CRA 7 12 82 SOACHA</t>
  </si>
  <si>
    <t>MINIMERCADO DIVINO NIO</t>
  </si>
  <si>
    <t>CR 24 A ESTE # 48 B 19 BRR VILLA MERCEDES UNO</t>
  </si>
  <si>
    <t>COMPUTER SERVER</t>
  </si>
  <si>
    <t>CRA 156 A # 135 24</t>
  </si>
  <si>
    <t>CL. 70 NO. 4N-30 3ER. NIVEL</t>
  </si>
  <si>
    <t>SANTI VARIEDADES</t>
  </si>
  <si>
    <t>CR 9 ESTE # 2 55 BRR EL ROCIO</t>
  </si>
  <si>
    <t>CENTRO DE PAGOS TODO EN UNO</t>
  </si>
  <si>
    <t>CL 33 # 20 22 BRR CENTRO</t>
  </si>
  <si>
    <t>PAÑALERA Y VARIEDADES ANGEL</t>
  </si>
  <si>
    <t>CL 15 # 14 35 BRR CENTRO</t>
  </si>
  <si>
    <t>LUNA AZUL CAFE INTERNET</t>
  </si>
  <si>
    <t>VDA CHIMBE FCA EL REFUGIO BRR ALBAN</t>
  </si>
  <si>
    <t>VIANÍ</t>
  </si>
  <si>
    <t>CANELITAS COL DE COLOMBIA</t>
  </si>
  <si>
    <t>CL 4 # 05 28 / LC 6 BRR CENTRO</t>
  </si>
  <si>
    <t>TECNOLOGY STORE ALCAMEX</t>
  </si>
  <si>
    <t>CL 9 # 5 05 BRR CENTRO</t>
  </si>
  <si>
    <t>DG 15B 8 ESTE 14</t>
  </si>
  <si>
    <t>DISTRIBUIDORA DE COSMETICOS SARA</t>
  </si>
  <si>
    <t>CL 3 4 0087 00001</t>
  </si>
  <si>
    <t>SHIRLEY YOSSELYN GRANDETT ALVAREZ</t>
  </si>
  <si>
    <t>URB TORRES SAN JUAN TO 23 AP 104 BRR SOTOLIMA</t>
  </si>
  <si>
    <t>TRANFIYA M.A.R</t>
  </si>
  <si>
    <t>CL 18 # 5 - 27 BRR TOLUCA</t>
  </si>
  <si>
    <t>SOLTEC PAGOS Y SERVICIOS</t>
  </si>
  <si>
    <t>CL 15 # 7 - 86 BRR CHICO</t>
  </si>
  <si>
    <t>CRA. 65 8B-091 L-152 PLAZOLETA CENTRAL</t>
  </si>
  <si>
    <t>CL. 21 19-04 L 8-9</t>
  </si>
  <si>
    <t>AGENCIA DE VIAJES RUTAS Y RUMBOS</t>
  </si>
  <si>
    <t>CL 11 # 9 39 BRR EL CENTRO</t>
  </si>
  <si>
    <t>INTERTEL</t>
  </si>
  <si>
    <t>CL 100 # 35 99 BRR EL TEJAR</t>
  </si>
  <si>
    <t>ASTREA</t>
  </si>
  <si>
    <t>TIENDA BIATRI JL</t>
  </si>
  <si>
    <t>CL 4 # 6 70 BRR SAN JOSE</t>
  </si>
  <si>
    <t>DROGAS DOÑA REBAJA</t>
  </si>
  <si>
    <t>CR 1 A # 54 39 BRR CARLOS PIZARRO</t>
  </si>
  <si>
    <t>VENTAS Y MARCAS</t>
  </si>
  <si>
    <t>CL 11 A # 6 33 BRR CENTRO</t>
  </si>
  <si>
    <t>SENDEROS 360</t>
  </si>
  <si>
    <t>CRA. 4 #12-71 FUNZA CUNDINAMARCA COLOMBIA</t>
  </si>
  <si>
    <t>REPRESENTACIONES GARCÃA C</t>
  </si>
  <si>
    <t>CR 4 # 4 29 BRR BELALCAZAR</t>
  </si>
  <si>
    <t>CORRESPONSAL JVA</t>
  </si>
  <si>
    <t>DG 26 # 103 - 39 BRR MARROQUIN 1</t>
  </si>
  <si>
    <t>CARRERA 27 NO. 103-71 INT. FUNDACION CARVAJAL LA CASONA B/MANUELA BELTRAN</t>
  </si>
  <si>
    <t>YYL ASESORIAS Y SEGUROS</t>
  </si>
  <si>
    <t>CL 21 # 18 D 89 BRR PRIMEO DE MAYO</t>
  </si>
  <si>
    <t>VISTAHERMOSA</t>
  </si>
  <si>
    <t>PAPELERIA SAN JUAN BOSCO</t>
  </si>
  <si>
    <t>CL 8 # 11 43 BRR SAN JUAN BOSCO</t>
  </si>
  <si>
    <t>SUMINISTROS MAVIVENTAS</t>
  </si>
  <si>
    <t>CL 18 SUR # 11 68 BRR VILLA MELIDA</t>
  </si>
  <si>
    <t>PAGA EXPRESS</t>
  </si>
  <si>
    <t>CR 4 # 1 G 61 BRR CENTRO</t>
  </si>
  <si>
    <t>CENTRO DE PAGOS</t>
  </si>
  <si>
    <t>CL. 13B #17-48 SOACHA CUNDINAMARCA COLOMBIA</t>
  </si>
  <si>
    <t>INTERNET COMPUSERVI FUSA</t>
  </si>
  <si>
    <t>CL 23 # 1 03 BRR SANTA BARBARA</t>
  </si>
  <si>
    <t>DROGAS PAOLA</t>
  </si>
  <si>
    <t>CRA. 3 #2-31 CHOACHï¿ CUNDINAMARCA COLOMBIA</t>
  </si>
  <si>
    <t>TIENDA DE ALBA</t>
  </si>
  <si>
    <t>CR 9 ESTE # 33 75 BRR ALAMEDA TIBANICA</t>
  </si>
  <si>
    <t>MISCELANEA ROBLEDALES</t>
  </si>
  <si>
    <t>CR 34 # 19 112 BRR DUITAMA</t>
  </si>
  <si>
    <t>FARMASTORE</t>
  </si>
  <si>
    <t>CR 48 # 29 B 18 BRR MONTECARLO</t>
  </si>
  <si>
    <t>TIENDA DEL CONJUNTO</t>
  </si>
  <si>
    <t>CL. 36 #1 ESTE-129 SOACHA CUNDINAMARCA COLOMBIA</t>
  </si>
  <si>
    <t>HELADOS COLOMBINA LA ESTACION</t>
  </si>
  <si>
    <t>CR 15 B # 4 C 40 / TO 4 APTO 101 BRR LA VEREDITA EL PROGRESO I</t>
  </si>
  <si>
    <t>PAPERS Y MAS</t>
  </si>
  <si>
    <t>CR 14 # 4 - 8 BRR LIBERTADOR</t>
  </si>
  <si>
    <t>SOLUCIONES PUNTO NET</t>
  </si>
  <si>
    <t>CL 92 B # 2 A - 11 SUR BRR COMUNEROS LOCALIDAD USME</t>
  </si>
  <si>
    <t>CL. 19 21-30 L-14 EDIF. LEONIDAS LONDONO</t>
  </si>
  <si>
    <t>CL. 2 66-86 KM 11 VIA CABAL POMBO C.C. VIVA BUENAVENTURA INT. EXITO PISO 2</t>
  </si>
  <si>
    <t>MARI@PUNTONET</t>
  </si>
  <si>
    <t>ATR BRR CENTRO POBLADO CORREGIMIENTO LA LAGUNA</t>
  </si>
  <si>
    <t>INTERHACLAS</t>
  </si>
  <si>
    <t>CL. 2 #709 SALADOBLANCO HUILA COLOMBIA</t>
  </si>
  <si>
    <t>SERVICIOS TIO RICO 1</t>
  </si>
  <si>
    <t>CR 13 H # 18 70 - SUR BRR COMPARTIR</t>
  </si>
  <si>
    <t>CRA. 19 NO. 60180 L-135 INT. SAO</t>
  </si>
  <si>
    <t>SAN ANDRÉS DE TUMACO</t>
  </si>
  <si>
    <t>CL.MOSQUERA C.C. LA SULTANA L-5 Y 6</t>
  </si>
  <si>
    <t>CRA. 9 NO. 24N-80 INT. ALMACEN OLIMPICA</t>
  </si>
  <si>
    <t>SORACÁ</t>
  </si>
  <si>
    <t>AMALFY YANETH MEDINA MEDINA</t>
  </si>
  <si>
    <t>CL 4 # 5 07 BRR CENTRO</t>
  </si>
  <si>
    <t>MI FARMACIA CERINZA EXPRESS</t>
  </si>
  <si>
    <t>CR 7 # 7 - 03 / ESQ FARMACIA CERINZA BRR CERINZA</t>
  </si>
  <si>
    <t>MISCELANEA Y PAPELERIA SALEM</t>
  </si>
  <si>
    <t>CRA 5 N=. 7A-10</t>
  </si>
  <si>
    <t>ALMACEN SUAZA</t>
  </si>
  <si>
    <t>CL 6 # 4 43 BRR CENTRO</t>
  </si>
  <si>
    <t>SOMOSMILUGAR</t>
  </si>
  <si>
    <t>CRA. 2 ESTE #24-36 SOACHA CUNDINAMARCA COLOMBIA</t>
  </si>
  <si>
    <t>MISCELANEA Y PAPELRIA PACON</t>
  </si>
  <si>
    <t>CR 7 C # 70 94 BRR LOPEZ</t>
  </si>
  <si>
    <t>INTERLADO</t>
  </si>
  <si>
    <t>DG 51 OESTE # 4 21 BRR SILOE</t>
  </si>
  <si>
    <t>NETCOMPANY</t>
  </si>
  <si>
    <t>CR 141 A BIS # 143 B 76 BRR BILBAO</t>
  </si>
  <si>
    <t>LA CASA DEL ASEO</t>
  </si>
  <si>
    <t>CL 24 SUR # 52 - 20 / IN 16 BRR EL TEJAR</t>
  </si>
  <si>
    <t>CALL CENTER SERVICE</t>
  </si>
  <si>
    <t>CL 12 # 25 A - 31 BRR EL RETIRO</t>
  </si>
  <si>
    <t>AV. 6 NO. 11-53 Y 11-55 CENTRO</t>
  </si>
  <si>
    <t>COMFORT VIP TRAVEL</t>
  </si>
  <si>
    <t>CL. 31G #11A-11 VILLAVICENCIO META COLOMBIA</t>
  </si>
  <si>
    <t>BOUTIQUE CEL DEL SUR</t>
  </si>
  <si>
    <t>CL. 7A #7-51 GARZON HUILA COLOMBIA</t>
  </si>
  <si>
    <t>MICELANEA MARIA TERE</t>
  </si>
  <si>
    <t>CL 4 # 6 20 BRR GACHALA</t>
  </si>
  <si>
    <t>GERARDO VIDAL CIFUENTES</t>
  </si>
  <si>
    <t>CR 9 # 4 69 BRR PAVAS VALLE</t>
  </si>
  <si>
    <t>DALE CLICK</t>
  </si>
  <si>
    <t>CRA. 5 #6-27 CALI VALLE DEL CAUCA COLOMBIA</t>
  </si>
  <si>
    <t>YOTOCO</t>
  </si>
  <si>
    <t>MICHAEL BOTINA</t>
  </si>
  <si>
    <t>AV 6 # 16 43 BRR GRANADA</t>
  </si>
  <si>
    <t>INTERNETFENIX.NET</t>
  </si>
  <si>
    <t>CL 11 SUR # 12 B 15 BRR SOACHA DUCALES</t>
  </si>
  <si>
    <t>CRA. 50 57-72 L-241</t>
  </si>
  <si>
    <t>CRA. 7 NO. 1775 L-4</t>
  </si>
  <si>
    <t>DIAG. 16 17-69 INT. ALMACEN OLIMPICA CEIBA 8</t>
  </si>
  <si>
    <t>CRA. 15 NO. 50 29 L-11 B/ VILLACOLOMBIA</t>
  </si>
  <si>
    <t>CRA. 64C NO. 78-580 L-9904 PISO 2</t>
  </si>
  <si>
    <t>MULTINET</t>
  </si>
  <si>
    <t>CR 24 # 87 21 BRR DIAMANTE II</t>
  </si>
  <si>
    <t>SUAREZ CARVAJAL SERVIRAPIDOS</t>
  </si>
  <si>
    <t>CRA 14 3 58</t>
  </si>
  <si>
    <t>PAPELERIA COLORES</t>
  </si>
  <si>
    <t>CL. 11 #10-67 PUERTO LOPEZ META COLOMBIA</t>
  </si>
  <si>
    <t>LLANO SERVICIOS ANTOLINEZ</t>
  </si>
  <si>
    <t>CR 5 # 8 54 BRR PALMERAS</t>
  </si>
  <si>
    <t>PAPELERIA G.A. LA FORTUNA</t>
  </si>
  <si>
    <t>CR 13 # 31 H 40 - SUR / BL 2 CA 1 BRR SANTA ANA</t>
  </si>
  <si>
    <t>FERRETERÃA EL FARO</t>
  </si>
  <si>
    <t>CR 14 # 11 53 BRR MARACAIBO</t>
  </si>
  <si>
    <t>DROGUERIA LAS BRISAS RD1</t>
  </si>
  <si>
    <t>RVD TIQUIZA SEC 4 ESQ FCA SANTA ROSA</t>
  </si>
  <si>
    <t>MULTI CERVICIOS 7 AGOSTO</t>
  </si>
  <si>
    <t>CR 15 # 72 A 32 / AP 101 BRR SIETE DE AGOSTO</t>
  </si>
  <si>
    <t>PAPELERIA Y CACHARRERIA PIPE</t>
  </si>
  <si>
    <t>CL 60 A SUR # 74 57 BRR LA ESTANCIA</t>
  </si>
  <si>
    <t>CLEANING BURBUJAS</t>
  </si>
  <si>
    <t>CR 5 L # 49 B - 06 BRR MARRUECOS</t>
  </si>
  <si>
    <t>CL. 99 NO. 84-18 L-272 C.C. NUESTRO URABA</t>
  </si>
  <si>
    <t>PAPELERIA Y MISCELANEA TINI</t>
  </si>
  <si>
    <t>VDA LA TRINIDAD BRR LA TRINIDAD</t>
  </si>
  <si>
    <t>PUNTO GUATAPURI</t>
  </si>
  <si>
    <t>DG 10 # 6 15 / CC BRR VILLA ALBA</t>
  </si>
  <si>
    <t>TIENDA MANYBELA</t>
  </si>
  <si>
    <t>C 3 # 4-01 LO</t>
  </si>
  <si>
    <t>EL TRENCITO DULCERO</t>
  </si>
  <si>
    <t>CR 2 # 3 14 BRR CENTRO</t>
  </si>
  <si>
    <t>JIRETH TELEFONIA</t>
  </si>
  <si>
    <t>CR 10 # 16 37 BRR LA ESMERALDA</t>
  </si>
  <si>
    <t>GRAFFITOS PAPELERIA</t>
  </si>
  <si>
    <t>CL 6 # 6 97 BRR CENTRO</t>
  </si>
  <si>
    <t>FERRELECTRICOS LA SOLUCION HOGAR</t>
  </si>
  <si>
    <t>TV. 10 #31-25 SOACHA CUNDINAMARCA COLOMBIA</t>
  </si>
  <si>
    <t>ONLINE X</t>
  </si>
  <si>
    <t>CR 1 # 1 B 12 BRR CEDRITOS</t>
  </si>
  <si>
    <t>ERIKA GOMEZ</t>
  </si>
  <si>
    <t>CL 9 # 21 48 BRR LA ESPERANZA</t>
  </si>
  <si>
    <t>SERVICIOS</t>
  </si>
  <si>
    <t>CR 82 G # 72 - 17 SUR BRR SUR</t>
  </si>
  <si>
    <t>CL. 48 NO. 41C-49 FUNDACION CARVAJAL CENTRO DE SERVICIOS BASICOS COMUNITAR</t>
  </si>
  <si>
    <t>MAGIC DISTRIBUIDORA DE PRODUCTOS DE BELLEZA</t>
  </si>
  <si>
    <t>K 1 NO. 66A-12</t>
  </si>
  <si>
    <t>WINNER-PACK</t>
  </si>
  <si>
    <t>CL 15 # 3 24 BRR CENTRO</t>
  </si>
  <si>
    <t>FERREMASLP</t>
  </si>
  <si>
    <t>KR 4 # 3 - 75</t>
  </si>
  <si>
    <t>TIENDA PECAS</t>
  </si>
  <si>
    <t>CR 11 ESTE # 8 46 BRR LLANO GRANDE</t>
  </si>
  <si>
    <t>LA CASA DE LA TABLET</t>
  </si>
  <si>
    <t>CR 8 # 6 53 BRR CENTRO</t>
  </si>
  <si>
    <t>CALIMA</t>
  </si>
  <si>
    <t>POOL SHOP</t>
  </si>
  <si>
    <t>CR 6 # 7 40 BRR OBRERO</t>
  </si>
  <si>
    <t>DONDE ERIKA</t>
  </si>
  <si>
    <t>CL 37 A # 49 04 - ESTE / P IN 2 PISO 1 BRR C SUCRE BUENOS AIRES</t>
  </si>
  <si>
    <t>VARIEDADES CAMI</t>
  </si>
  <si>
    <t>CRA 5 NO. 2-61</t>
  </si>
  <si>
    <t>CRISTAL Y LUNA</t>
  </si>
  <si>
    <t>DG 2 C NORTE # 24 - 24 BRR EL COMBOY</t>
  </si>
  <si>
    <t>CL. 53 CRA. 50 ESQ. L-236</t>
  </si>
  <si>
    <t>CL. 45 1-85 L-256</t>
  </si>
  <si>
    <t>DISTRACCIÓN</t>
  </si>
  <si>
    <t>VARIEDADES Y CONFECCIONES MILDA</t>
  </si>
  <si>
    <t>CR 17 # 7 06 BRR R GUAPERO</t>
  </si>
  <si>
    <t>PACHAVITA</t>
  </si>
  <si>
    <t>DRANETT</t>
  </si>
  <si>
    <t>CR 3 # 4 13 BRR CENTRO PACHAVITA</t>
  </si>
  <si>
    <t>DIAMAR SPORT CONFECCIONES</t>
  </si>
  <si>
    <t>CL 31 # 10 E 11 BRR LA CUMBRE</t>
  </si>
  <si>
    <t>MINIMERCADO QAP</t>
  </si>
  <si>
    <t>CR 21 A # 48 A 05 - ESTE BRR SOACHA</t>
  </si>
  <si>
    <t>COMUNICACIONES. NETT</t>
  </si>
  <si>
    <t>TV 11 F # 7 - 10 SUR BRR SOACHA DUCALES</t>
  </si>
  <si>
    <t>DROGURIA FARMA PINOS</t>
  </si>
  <si>
    <t>CL 10 # 34 19 / LC 1 BRR LOS PINOS</t>
  </si>
  <si>
    <t>SANTI NET</t>
  </si>
  <si>
    <t>CL 23 B # 118 04 BRR EL REFUGIO FONTIBON</t>
  </si>
  <si>
    <t>PET SHOP JULIZ</t>
  </si>
  <si>
    <t>CR 87 B # 51 B 59 - SUR BRR BOSA BETANIA</t>
  </si>
  <si>
    <t>MEGACYBER TIENDAS</t>
  </si>
  <si>
    <t>TV 77 # 47 23 BRR NORMANDIA</t>
  </si>
  <si>
    <t>PAPELERIA Y MISCELANEA EL ROT</t>
  </si>
  <si>
    <t>CR 12 # 7 A 50 BRR SAN BRANO</t>
  </si>
  <si>
    <t>MULTISERVICIOS YOHENIS</t>
  </si>
  <si>
    <t>CRA. 20 #3-3 MAICAO LA GUAJIRA COLOMBIA</t>
  </si>
  <si>
    <t>INTERNET E IMPRESIONES EL SHADDAI</t>
  </si>
  <si>
    <t>CR 2 F # 49 B 45 BRR CARRIZAL</t>
  </si>
  <si>
    <t>POSTALES EL CENTRO</t>
  </si>
  <si>
    <t>CR 9 # 7 31 BRR CENTRO</t>
  </si>
  <si>
    <t>WILSON DEL REAL DIAZ</t>
  </si>
  <si>
    <t>CR 34 A # 61 70 BRR JORGE ELIECER GAITAN</t>
  </si>
  <si>
    <t>MULTIPAGOS LA CUMBRE</t>
  </si>
  <si>
    <t>CR 6 A ESTE # 29 54 BRR LA CUMBRE</t>
  </si>
  <si>
    <t>EXPRESANDO SENTIMIENTOS</t>
  </si>
  <si>
    <t>CR 12 # 14 19 BRR ROSALES</t>
  </si>
  <si>
    <t>SANMIGARAS AAA</t>
  </si>
  <si>
    <t>CA 44 VILLA VALENTINA BRR LA VEGA</t>
  </si>
  <si>
    <t>CELUVILLA</t>
  </si>
  <si>
    <t>CRA 33 33 64 MEJORAS PUBLICAS</t>
  </si>
  <si>
    <t>CENTRAL PAGOS SANTANDER</t>
  </si>
  <si>
    <t>CL 13 C # 13 15 / LC 2 BRR PUERTO MADERO</t>
  </si>
  <si>
    <t>PAGO EXPRESS OASIS</t>
  </si>
  <si>
    <t>CL 24 BIS SUR # 36 A 26 BRR OASIS</t>
  </si>
  <si>
    <t>BARAYA</t>
  </si>
  <si>
    <t>CAFE INTERNET</t>
  </si>
  <si>
    <t>CR 3 # 3 15 BRR CENTRO</t>
  </si>
  <si>
    <t>PAPELERIA Y MICELANEA TITI</t>
  </si>
  <si>
    <t>CL 132 D # 145 A - 05 BRR LISBOA</t>
  </si>
  <si>
    <t>OLFA SERVICIOS INFORMÃTICOS</t>
  </si>
  <si>
    <t>CR 9 # 10 37 BRR CENTRO</t>
  </si>
  <si>
    <t>Chocó</t>
  </si>
  <si>
    <t>TADÓ</t>
  </si>
  <si>
    <t>PAPELERIA VIOLETA</t>
  </si>
  <si>
    <t>CL. 7 #1184 TADO CHOCO COLOMBIA</t>
  </si>
  <si>
    <t>MISCELANEA Y PAPELERIA MILLENNIUM</t>
  </si>
  <si>
    <t>CL 48 26 - 06 BARRIO SOTOMAYOR</t>
  </si>
  <si>
    <t>RECARGAS TINTAS Y LASER DE COLOMBIA</t>
  </si>
  <si>
    <t>CL 10 26 A 07 BARRIO UNIVERSIDAD</t>
  </si>
  <si>
    <t>ACEXPRESS MULTISERVICIOS</t>
  </si>
  <si>
    <t>CL 102 A # 41 03 BRR HACIENDA SAN JUAN</t>
  </si>
  <si>
    <t>PARQUEADERO LA CATEDRAL</t>
  </si>
  <si>
    <t>CL 15 # 3 - 68</t>
  </si>
  <si>
    <t>MULTISERVICIOSAVANTE2</t>
  </si>
  <si>
    <t>CL 6 # 12 75 BRR CENTRO</t>
  </si>
  <si>
    <t>CABINAS PORVENIR JP</t>
  </si>
  <si>
    <t>CR 86 # 34 - 29 SUR BRR PATIO BONITO</t>
  </si>
  <si>
    <t>RINCON ENCANTADO</t>
  </si>
  <si>
    <t>CR 7 B # 69 - 04 BRR CALI BELLA</t>
  </si>
  <si>
    <t>CAFE INTERNET DALI</t>
  </si>
  <si>
    <t>CL 57 # 1 W 63 BRR CIUDADELA CAMFAMILIAR</t>
  </si>
  <si>
    <t>SERVICIOS VILLA</t>
  </si>
  <si>
    <t>CL 50 # 20 B 04 BRR ALAMOS NORTE</t>
  </si>
  <si>
    <t>COPIPARTES</t>
  </si>
  <si>
    <t>CR 5 # 23 74 BRR QUIRINAL</t>
  </si>
  <si>
    <t>DAYERLY ACCESORIOS</t>
  </si>
  <si>
    <t>CL 38 C # 88 69 - SUR / CA BRR PATIO BONITO</t>
  </si>
  <si>
    <t>ESTACION DE SERVICIO AUTOMOTRIZ TERPEL LA 17</t>
  </si>
  <si>
    <t>CL 17 18 96</t>
  </si>
  <si>
    <t>BARRANCAS</t>
  </si>
  <si>
    <t>VARIEDADES DEISYCELL</t>
  </si>
  <si>
    <t>CL 12 CR 8-10 P1 LOC 1</t>
  </si>
  <si>
    <t>DROGUERIA Y MISCELANEA LA CONCORDIA</t>
  </si>
  <si>
    <t>CR 17 # 52 05 / LC 2 BRR LA CONCORDIA</t>
  </si>
  <si>
    <t>DON PAGO SAN CRISTOBAL NORTE</t>
  </si>
  <si>
    <t>CL 162 # 7 B 32 BRR SAN CRISTOBAL NORTE</t>
  </si>
  <si>
    <t>D.P PAPELERIA FENIX MAJU</t>
  </si>
  <si>
    <t>CL 57 B SUR # 64 54 BRR VILLA DEL RIO</t>
  </si>
  <si>
    <t>DON PAGO SERLINMAR 2</t>
  </si>
  <si>
    <t>CR 3 CL 6 N 302 LC 02 BRR CENTRO</t>
  </si>
  <si>
    <t>ANGELES COMUNICACIONES</t>
  </si>
  <si>
    <t>TV 16 C # 75 B 48 - SUR BRR CASA DE TEJA</t>
  </si>
  <si>
    <t>CINESTRES</t>
  </si>
  <si>
    <t>CL 50 # 17 C - 23 BRR ALAMOS NORTE</t>
  </si>
  <si>
    <t>TECNOFINANCIERA</t>
  </si>
  <si>
    <t>CL 8 # 9 20 BRR 10 DE MARZO</t>
  </si>
  <si>
    <t>TORCOROMA CRA 19</t>
  </si>
  <si>
    <t>CR 19 # 55 35 BRR T</t>
  </si>
  <si>
    <t>PAPELERIA Y VARIEDADESLORENARIONEGRO</t>
  </si>
  <si>
    <t>CRA. 12 #12-22 RIONEGRO SANTANDER COLOMBIA</t>
  </si>
  <si>
    <t>DON PAGO VERACRUZ</t>
  </si>
  <si>
    <t>AV JIMENEZ # 9 - 17 BRR VERACRUZ</t>
  </si>
  <si>
    <t>PAPELERIA Y VARIEDADES ME GUSTA</t>
  </si>
  <si>
    <t>CR 7 # 16 - 72 BRR FLANDES</t>
  </si>
  <si>
    <t>VARIEDADES MAXI</t>
  </si>
  <si>
    <t>CR 75 # 58 B - 16 SUR BRR LA ESTANCIA</t>
  </si>
  <si>
    <t>PAPELERIA CENA</t>
  </si>
  <si>
    <t>CL 2 # 57 - 11 NORTE BRR GALAN</t>
  </si>
  <si>
    <t>LA PAPELERIA</t>
  </si>
  <si>
    <t>TV 73 H BIS # 75 08 - SUR BRR SIERRA MORENA</t>
  </si>
  <si>
    <t>SKY MOBILE COMUNICACIONES</t>
  </si>
  <si>
    <t>CL 5 # 20 17 BRR CENTRO</t>
  </si>
  <si>
    <t>MINIMARKET EL LIDER</t>
  </si>
  <si>
    <t>CL 12 # 8 43 BRR CENTRO</t>
  </si>
  <si>
    <t>MONTELÍBANO</t>
  </si>
  <si>
    <t>VARIEDADES E&amp;E</t>
  </si>
  <si>
    <t>CL 10A 13-15</t>
  </si>
  <si>
    <t>SOLUCIONES INFORMATICAS PENIEL</t>
  </si>
  <si>
    <t>CR 9 # 7 4 BRR JUAN MINA</t>
  </si>
  <si>
    <t>TELEINTERNET EL PUNTO</t>
  </si>
  <si>
    <t>CR 12 # 19 35 BRR ROSALES</t>
  </si>
  <si>
    <t>CNS DUGALEC</t>
  </si>
  <si>
    <t>CL 15 # 15 40 BRR CENTRO</t>
  </si>
  <si>
    <t>ZONA21-7</t>
  </si>
  <si>
    <t>SM 12 MZ 1 CA 1 BRR VILLA DE GUALARA</t>
  </si>
  <si>
    <t>VARIEDADES TECNOTOR</t>
  </si>
  <si>
    <t>PAR PRINCIPAL QUETAME BRR CENTRO</t>
  </si>
  <si>
    <t>SUPER MEDICAMENTOS</t>
  </si>
  <si>
    <t>CR 10 # 48 H - 09 SUR BRR PROVIDENCIA</t>
  </si>
  <si>
    <t>MISCELANEA VALERIE</t>
  </si>
  <si>
    <t>CL 9 # 6 16 BRR CENTRO</t>
  </si>
  <si>
    <t>PAPELERA Y VARIEDADES NAVA2</t>
  </si>
  <si>
    <t>CR 3 # 9 40 BRR LARA</t>
  </si>
  <si>
    <t>MANATÍ</t>
  </si>
  <si>
    <t>PAPELERIA DONDE YIYI</t>
  </si>
  <si>
    <t>CL. 5 #10-42 MANATI ATLANTICO COLOMBIA</t>
  </si>
  <si>
    <t>CIBERNET.COM</t>
  </si>
  <si>
    <t>CL 13 # 13 36 BRR BRR CENTRO</t>
  </si>
  <si>
    <t>MISCELANEA HELEN</t>
  </si>
  <si>
    <t>CR 78 B # 76 A - 58 SUR BRR BOSA LA PRIMAVERA</t>
  </si>
  <si>
    <t>PIOJÓ</t>
  </si>
  <si>
    <t>ARLETH PATRICIA</t>
  </si>
  <si>
    <t>CL 12 # 12 C - 258 BRR LA CRUZ</t>
  </si>
  <si>
    <t>TIENDA MICROSWEB</t>
  </si>
  <si>
    <t>CL 9 SUR # 20 - 91 BRR SANTA ISABEL</t>
  </si>
  <si>
    <t>INVERSIONES JANARD</t>
  </si>
  <si>
    <t>CL 29 # 11 - 35 BRR ALFONSO LOPEZ</t>
  </si>
  <si>
    <t>MISCELANEA YPAPELERIA ANGIE</t>
  </si>
  <si>
    <t>CL 26 SUR # 93 75 BRR RIVERAS DE OCCIDENTE</t>
  </si>
  <si>
    <t>VARIEDADES VAMAGO</t>
  </si>
  <si>
    <t>CL 42 A # 93 D 16 - SUR BRR LAS BRISAS</t>
  </si>
  <si>
    <t>PAPER.NET</t>
  </si>
  <si>
    <t>CL 75 # 112 B 44 / LC ESQUINA BRR VILLAS DE GRANADA</t>
  </si>
  <si>
    <t>RUBY MISCELANEA LA 24</t>
  </si>
  <si>
    <t>CR 19 # 24 158 BRR CENTRO</t>
  </si>
  <si>
    <t>VARIEDADES HELENPATRIK</t>
  </si>
  <si>
    <t>CRA. 33C #6-41 BARRANQUILLA ATLNTICO COLOMBIA</t>
  </si>
  <si>
    <t>SABANAGRANDE</t>
  </si>
  <si>
    <t>S  S RECARGAS</t>
  </si>
  <si>
    <t>CALLE 4 # 1B - 14</t>
  </si>
  <si>
    <t>UNGUÍA</t>
  </si>
  <si>
    <t>VARIEDADES GIRALDO LOS PAISITAS</t>
  </si>
  <si>
    <t>BARRIO PARROQUIAL</t>
  </si>
  <si>
    <t>CARMEN ORTIZ BADILLO</t>
  </si>
  <si>
    <t>CL 36 N # 35 58 BRR BUCARAMANGA</t>
  </si>
  <si>
    <t>LA CASA MAGICA TIENDA DE DETALLES</t>
  </si>
  <si>
    <t>CL 6 # 10 34 BRR CENTRO</t>
  </si>
  <si>
    <t>DROGUERIA LUMIFARMA</t>
  </si>
  <si>
    <t>CR 5 # 15 85 BRR EL PORVENIR</t>
  </si>
  <si>
    <t>DON PAGO LA CONQUISTA PAÑALERA DANNA</t>
  </si>
  <si>
    <t>CL 70 BIS SUR # 17 D 38 BRR LA CONQUISTA</t>
  </si>
  <si>
    <t>PAO EXPRESS AGRADO RS</t>
  </si>
  <si>
    <t>CR 5 # 16 68 BRR ROJAS GARRIDO</t>
  </si>
  <si>
    <t>COMUNICACIONES MARIN</t>
  </si>
  <si>
    <t>CR 76 # 68 C - 09 SUR BRR SANTO DOMINGO</t>
  </si>
  <si>
    <t>MIRAMAR JY</t>
  </si>
  <si>
    <t>CL 63 F # 72 A - 13 BRR EL ENCANTO</t>
  </si>
  <si>
    <t>TIENDA JFALEJO</t>
  </si>
  <si>
    <t>CR 11 # 10 35 BRR LA GAITANA</t>
  </si>
  <si>
    <t>FERPACOL</t>
  </si>
  <si>
    <t>CL 28 SUR # 19 D 11 BRR OLAYA</t>
  </si>
  <si>
    <t>TERWAL INTERNET</t>
  </si>
  <si>
    <t>CL 8 # 6 56 BRR CALLE NUEVA</t>
  </si>
  <si>
    <t>PUNTO Y MISCELANEA SILSER</t>
  </si>
  <si>
    <t>CL 10 # 8 80 BRR DIEZ DE MARZO</t>
  </si>
  <si>
    <t>TELECOMUNICACIONES WEJUS</t>
  </si>
  <si>
    <t>CR 3 # 5 22 BRR LA BELLEZA</t>
  </si>
  <si>
    <t>CRISTALERIA RUBIESMERALDA</t>
  </si>
  <si>
    <t>CRA. 8 #39-42 FLORIDABLANCA SANTANDER COLOMBIA</t>
  </si>
  <si>
    <t>SERVIRED.COM</t>
  </si>
  <si>
    <t>CR 10 C # 68 A 62 BRR PABLO SEXTO</t>
  </si>
  <si>
    <t>DON PAGO BYP</t>
  </si>
  <si>
    <t>CL 57 SUR # 13 D 40 - ESTE BRR LOS LIBERTADORES</t>
  </si>
  <si>
    <t>DON PAGO POPAYAN</t>
  </si>
  <si>
    <t>CL 3 # 21 A 45 BRR PANDIGUANDO</t>
  </si>
  <si>
    <t>VARIEDADES ADRIANA SALOME</t>
  </si>
  <si>
    <t>CR 54 # 49 - 20 SUR BRR VENECIA</t>
  </si>
  <si>
    <t>YURY MELISSA ESPINOSA HERRERA</t>
  </si>
  <si>
    <t>URB MARIANELA MZ P CA 1 BRR CENTRO</t>
  </si>
  <si>
    <t>RIVERPAGOS</t>
  </si>
  <si>
    <t>CR 104 # 139 61 / LC 1 BRR PUERTA DEL SOL</t>
  </si>
  <si>
    <t>DROGUERIA GRAN SALUD</t>
  </si>
  <si>
    <t>CL 73 D # 81 H 14 - SUR BRR BOSA</t>
  </si>
  <si>
    <t>VARIEDADES RICO</t>
  </si>
  <si>
    <t>CR 5 B # 2 D - 53 BRR RINCON DE BARANDILLAS</t>
  </si>
  <si>
    <t>KEILA CONSUELO PENA</t>
  </si>
  <si>
    <t>CL 80 BIS A # 16 Y - 52 SUR BRR SAN JOAQUIN</t>
  </si>
  <si>
    <t>MULTISERVICIOS Y SOLUCIONES SANTANDER</t>
  </si>
  <si>
    <t>CR 4 # 6 N 31 / LC 09 CONJ SMART JUNIN BRR DIVINO NIÃ‘O</t>
  </si>
  <si>
    <t>DELIPAN</t>
  </si>
  <si>
    <t>CL 20 # 8 57 BRR LA RAIZ</t>
  </si>
  <si>
    <t>E Y A EXPRESS BGA</t>
  </si>
  <si>
    <t>CL 14 # 23 14 BRR SAN FRANCISCO</t>
  </si>
  <si>
    <t>TORRES DE MORENO MARLENE</t>
  </si>
  <si>
    <t>CRA 5 # 6 72 CORREGIMIENTO SAN RAFAEL</t>
  </si>
  <si>
    <t>ACCESORIOS DIANA</t>
  </si>
  <si>
    <t>CR 10 C # 1 A 41 BRR LAS BRISAS</t>
  </si>
  <si>
    <t>DON PAGO - DANYTA</t>
  </si>
  <si>
    <t>CL 64 # 72 A 15 BRR PERDOMO</t>
  </si>
  <si>
    <t>CAFE INTERNET MY SPACE</t>
  </si>
  <si>
    <t>CL 24 SUR CA 32 ET 1 BRR REFUGIO</t>
  </si>
  <si>
    <t>EL FARAON</t>
  </si>
  <si>
    <t>CR 11 # 65 70 BRR PORVENIR</t>
  </si>
  <si>
    <t>TECNISISTEMAS</t>
  </si>
  <si>
    <t>CR 92 # 22 14 BRR CAPELLANIA</t>
  </si>
  <si>
    <t>MULTISERVICIOS EMMANUEL MONTES</t>
  </si>
  <si>
    <t>CR 25 # 36 02 BRR MONTES</t>
  </si>
  <si>
    <t>SPER TIENDA EMILYS</t>
  </si>
  <si>
    <t>CL 10 # 3 57 BRR 20 DE ENERO</t>
  </si>
  <si>
    <t>LAS COSITAS DE LYANNA</t>
  </si>
  <si>
    <t>CL. 10 #655 CURITI CURITï¿ SANTANDER COLOMBIA</t>
  </si>
  <si>
    <t>CRA. 17 E #63-26 BUCARAMANGA SANTANDER COLOMBIA</t>
  </si>
  <si>
    <t>DON PAGO 113</t>
  </si>
  <si>
    <t>CR 77 G # 60 45 BRR BOSA ESTACION</t>
  </si>
  <si>
    <t>DON PAGO SUPER RENDIDOR</t>
  </si>
  <si>
    <t>CL 3 # 2 48 BRR COMERCIO</t>
  </si>
  <si>
    <t>CIÉNAGA</t>
  </si>
  <si>
    <t>MULTISERVICIOS M2 STORE</t>
  </si>
  <si>
    <t>CR 21 # 21 - 16 / LC LC 2 BRR OBRERO</t>
  </si>
  <si>
    <t>CIÉNAGA DE ORO</t>
  </si>
  <si>
    <t>VARIEDADES LUCIANA</t>
  </si>
  <si>
    <t>CR 17 # 6 29 BRR CIENGADA DE ORO</t>
  </si>
  <si>
    <t>TODOCOMPUT SOLUTIONS</t>
  </si>
  <si>
    <t>CR 14 # 25 94 BRR SAN MARTIN</t>
  </si>
  <si>
    <t>CAMPO DE LA CRUZ</t>
  </si>
  <si>
    <t>REPUESTO MOTO VALLE</t>
  </si>
  <si>
    <t>CL 9 1 B 135</t>
  </si>
  <si>
    <t>CR 2 W # 55 29 BRR MUTIS</t>
  </si>
  <si>
    <t>DEPOSITO DE MATERIALES EL TABLON VILLABEL</t>
  </si>
  <si>
    <t>CRA 12 8 16</t>
  </si>
  <si>
    <t>FILANDIA</t>
  </si>
  <si>
    <t>CRISTINA 3D</t>
  </si>
  <si>
    <t>CL 14 # 5 42 BRR QUIMBAYA</t>
  </si>
  <si>
    <t>DON PAGO CHICALA</t>
  </si>
  <si>
    <t>CR 87 # 53 C 26 - SUR BRR CHICALA</t>
  </si>
  <si>
    <t>PUNTO DE PAGO LA ESPERANZA</t>
  </si>
  <si>
    <t>CL 80 # 78 G 52 - SUR BRR BOSA LA ESPERANZA</t>
  </si>
  <si>
    <t>DISTRIBUIDORA Y DROGUERIA MUNDO DROGAS</t>
  </si>
  <si>
    <t>CL 18 # 40 91 BRR EL VERGEL</t>
  </si>
  <si>
    <t>PYMAF PAPELERIA</t>
  </si>
  <si>
    <t>CL 24 SUR # 34 - 21 BRR MANZANARES V ETAPA</t>
  </si>
  <si>
    <t>COPIAS VIVIANA</t>
  </si>
  <si>
    <t>CL 45 B SUR # 41 27 BRR SAMAN DE LA RIVERA</t>
  </si>
  <si>
    <t>COMUNICACION Y TELEFONIA 2</t>
  </si>
  <si>
    <t>CR 97 # 23 J 23 BRR COFRADIA</t>
  </si>
  <si>
    <t>M.S COMUNICACIONES</t>
  </si>
  <si>
    <t>CL 22 A # 119 35 BRR LA ZELFITA FONTIBON</t>
  </si>
  <si>
    <t>PAPELERIA FAST PRINTER</t>
  </si>
  <si>
    <t>CRA 111 # 144-05</t>
  </si>
  <si>
    <t>DROGAS MESITAS</t>
  </si>
  <si>
    <t>CR 6 # 8 04 / CEN BRR MESITAS DEL COLEGIO</t>
  </si>
  <si>
    <t>VARIEDADES ELLUZ</t>
  </si>
  <si>
    <t>CL 5 # 17 A 14 BRR LA UNION</t>
  </si>
  <si>
    <t>TELECOMUNICACIONES FLORIDA</t>
  </si>
  <si>
    <t>CL 30 # 10 E 31 BRR FLORIDABLANCA</t>
  </si>
  <si>
    <t>DROGUERIA MULTIEXPRESS</t>
  </si>
  <si>
    <t>CRA. 3A #6-22 PIEDECUESTA SANTANDER COLOMBIA</t>
  </si>
  <si>
    <t>MULTISEVICIOS ESTEBAN Y SOFIA</t>
  </si>
  <si>
    <t>CRA 16 C 14 A 28 LOCAL 1</t>
  </si>
  <si>
    <t>TU CASA RH NEGOCIOS INMOBILIARIOS</t>
  </si>
  <si>
    <t>CRA 22 # 53-49</t>
  </si>
  <si>
    <t>DON PAGO LAVADERO 22</t>
  </si>
  <si>
    <t>CL 22 SUR # 8 A 65 BRR SOCIEGO</t>
  </si>
  <si>
    <t>MULTIPAGO GB</t>
  </si>
  <si>
    <t>CL 22 # 24 C - 34 SUR BRR RESTREPO</t>
  </si>
  <si>
    <t>SOLECITO.COM</t>
  </si>
  <si>
    <t>DG 40 # 37 183 / CONJ ACANTO 2 BRR CIUDAD VERDE</t>
  </si>
  <si>
    <t>COMUNICACIONES VALENTINA</t>
  </si>
  <si>
    <t>CR 6 # 7 49 / LC 105 BRR FUSAGASUGA  BARRIO CENTRO</t>
  </si>
  <si>
    <t>EL CARMEN DE CHUCURÍ</t>
  </si>
  <si>
    <t>MUEBLERIA Y CRISTALERIA ELECTROHOGAR</t>
  </si>
  <si>
    <t>PAPELERIA PAPELITTOS</t>
  </si>
  <si>
    <t>CR 35 # 48 42 BRR SIMON BOLIVAR</t>
  </si>
  <si>
    <t>SAN VICENTE DE CHUCURÍ</t>
  </si>
  <si>
    <t>COPETRAM SAN VICENTE</t>
  </si>
  <si>
    <t>CL 11 # 10 15 BRR CENTRO</t>
  </si>
  <si>
    <t>COMUNICACIONES RYF</t>
  </si>
  <si>
    <t>CR 27 A # 73 C 14 - SUR BRR BELLAFLOR</t>
  </si>
  <si>
    <t>PAPELERIA ZGREO</t>
  </si>
  <si>
    <t>CR 79 # 38 C - 68 SUR BRR KENNEDY</t>
  </si>
  <si>
    <t>GIROS Y RECAUDOS BOSA HUMBERTO</t>
  </si>
  <si>
    <t>CR 82 # 70 B - 69 SUR BRR BOSA JIMENEZ</t>
  </si>
  <si>
    <t>JUSTO CAFE Y CREPES</t>
  </si>
  <si>
    <t>DG 51 A # 60 F - 47 SUR BRR RINCON DE VENECIA</t>
  </si>
  <si>
    <t>HOME REAL SERVICES SAS</t>
  </si>
  <si>
    <t>CR 9 # 2 - 39 BRR SAN JOSE</t>
  </si>
  <si>
    <t>MISCELANEA LAPIZ Y PAPEL</t>
  </si>
  <si>
    <t>CL 5 B # 1 W 33 BRR EL REFUGIO</t>
  </si>
  <si>
    <t>DROGUERIA JERITH VALENTINA</t>
  </si>
  <si>
    <t>CL 69 G SUR # 45 B 09 BRR MANUELA BELTRAN</t>
  </si>
  <si>
    <t>HATONUEVO</t>
  </si>
  <si>
    <t>PAGATODO HATONUEVO</t>
  </si>
  <si>
    <t>CR 9 # 11 32 BRR NUEVA GUAJIRA</t>
  </si>
  <si>
    <t>KELMY STORE</t>
  </si>
  <si>
    <t>CR 19 # 44 135 BRR VILLA KATANGA II</t>
  </si>
  <si>
    <t>ALAN D</t>
  </si>
  <si>
    <t>CR 7 # 14 17 BRR SAN JUAN BOSCO</t>
  </si>
  <si>
    <t>SILVIA</t>
  </si>
  <si>
    <t>MERKVANA</t>
  </si>
  <si>
    <t>CL 9 # 2 59 BRR CENTRO</t>
  </si>
  <si>
    <t>PLANES TURISTICOS DE CONFORT</t>
  </si>
  <si>
    <t>CR 6 # 9 44 BRR CENTRO</t>
  </si>
  <si>
    <t>ALMACN VANET</t>
  </si>
  <si>
    <t>CL 18 # 16 30 BRR CENTRO</t>
  </si>
  <si>
    <t>VARIEDADES IBERO PERLA DEL SUR</t>
  </si>
  <si>
    <t>MZ 9 CASA 1 LOCAL 1 BRR PERLA DEL SUR</t>
  </si>
  <si>
    <t>MINIMARKET Y CIGARRERIA CAR-SAM</t>
  </si>
  <si>
    <t>CL 19 # 40 27 BRR LOS GUADUALES</t>
  </si>
  <si>
    <t>PAPELERIA MINIMEY</t>
  </si>
  <si>
    <t>CR 46 # 69 D - 45 SUR BRR JERUSALEN</t>
  </si>
  <si>
    <t>CYM SOLUCIONES INTEGRALES</t>
  </si>
  <si>
    <t>DG 63 SUR # 19 B 74 BRR LA ACACIA</t>
  </si>
  <si>
    <t>VARIEDADES BRITHNEY</t>
  </si>
  <si>
    <t>CR 50 # 56 - 10 BRR PANORAMA</t>
  </si>
  <si>
    <t>PAPELERIA COMPUCOPY</t>
  </si>
  <si>
    <t>CR 13 # 7 40 BRR ALTICO</t>
  </si>
  <si>
    <t>CPS CENTRO DE PAGOS Y SERVICIOS</t>
  </si>
  <si>
    <t>CR 6 W # 37 17 BRR CAMILO TORRES</t>
  </si>
  <si>
    <t>KELLY PUNTO NET</t>
  </si>
  <si>
    <t>CL 33 A # 14 - 29 BRR MERCEDES</t>
  </si>
  <si>
    <t>JEHOV SALOM</t>
  </si>
  <si>
    <t>CR 6 # 77 86 / MZ C CA 25 BRR LOS ROBLES</t>
  </si>
  <si>
    <t>PROVISIONES ANDRESITO</t>
  </si>
  <si>
    <t>CL 14 # 4 18 BRR SAN LUIS</t>
  </si>
  <si>
    <t>SURATÁ</t>
  </si>
  <si>
    <t>DISTRIBUCIONES SURATA</t>
  </si>
  <si>
    <t>CL. 5 #234 SURAT SANTANDER COLOMBIA</t>
  </si>
  <si>
    <t>DROGUERï¿­A FLAMEL</t>
  </si>
  <si>
    <t>CRA. 18 #46-31 BUCARAMANGA SANTANDER COLOMBIA</t>
  </si>
  <si>
    <t>A TU SERVICIO NET</t>
  </si>
  <si>
    <t>CL 3 B # 5 B 69 BRR LA ESPERANZA</t>
  </si>
  <si>
    <t>GAIIA</t>
  </si>
  <si>
    <t>CL 64 SUR # 22 B - 42 BRR CANDELARIA LA NUEVA</t>
  </si>
  <si>
    <t>NAVEGNET</t>
  </si>
  <si>
    <t>CL 6 # 9 - 76 BRR CENTRO</t>
  </si>
  <si>
    <t>PAPELERIA LA PLAZITA</t>
  </si>
  <si>
    <t>CR 6 # 6 01 BRR CENTRO</t>
  </si>
  <si>
    <t>SANTO TOMÁS</t>
  </si>
  <si>
    <t>DROGUERIA NATALIA</t>
  </si>
  <si>
    <t>CL 8 A # 13 09 BRR EL CARMEN</t>
  </si>
  <si>
    <t>SAN PEDRO</t>
  </si>
  <si>
    <t>PANADERIA Y REPOSTERIA TRIGO PAN</t>
  </si>
  <si>
    <t>CRA 9 14 30</t>
  </si>
  <si>
    <t>PUERTO TEJADA</t>
  </si>
  <si>
    <t>CL 16 # 17 31 BRR EL CENTRO</t>
  </si>
  <si>
    <t>DIEGOAS.PAPELERIA</t>
  </si>
  <si>
    <t>TV 12 # 40 B 36 BRR LEON XIII</t>
  </si>
  <si>
    <t>VARIEDADES JIRED</t>
  </si>
  <si>
    <t>TV 20 D # 61 - 94 SUR BRR SAN FRANCISCO</t>
  </si>
  <si>
    <t>MINI MARKET ALTEA 2</t>
  </si>
  <si>
    <t>CL 15 # 30 - 78 BRR CIUDAD VERDE</t>
  </si>
  <si>
    <t>MISCELANEA TATIS G R</t>
  </si>
  <si>
    <t>DG 72 0 # 18 I - 06 SUR / LC BRR VISTA HERMOSA</t>
  </si>
  <si>
    <t>COMPUPLAYSTEVAN</t>
  </si>
  <si>
    <t>CL 50 # 20 5 BRR ALAMOS NORTE</t>
  </si>
  <si>
    <t>VARIEDADES ISLU</t>
  </si>
  <si>
    <t>CL 16 SUR # 23 A - 37 / LC 2 BRR ARISMENDI</t>
  </si>
  <si>
    <t>VARIEDADES SALINAS</t>
  </si>
  <si>
    <t>CL 4 # 2 - 28 / CRR EL CAGUAN BRR LOS COMUNEROS</t>
  </si>
  <si>
    <t>MULTISERVICIOS CANDYLOVE</t>
  </si>
  <si>
    <t>CLL 4 # 9 - 10</t>
  </si>
  <si>
    <t>PROYECTAR SERVICIOS 3</t>
  </si>
  <si>
    <t>DG 32 C SUR # 8 19 - ESTE BRR COLUMNAS</t>
  </si>
  <si>
    <t>DULCES Y LICORES EL PORTAL</t>
  </si>
  <si>
    <t>CR 5 A # 31 15 - SUR BRR SAN ISIDRO</t>
  </si>
  <si>
    <t>MEDNET</t>
  </si>
  <si>
    <t>CL 7 # 2 28 BRR CENTRO</t>
  </si>
  <si>
    <t>PAPELERIA MILIN</t>
  </si>
  <si>
    <t>CR 10 # 15 84 BRR PORTOLUNA</t>
  </si>
  <si>
    <t>ESTACION DE SERVICIOS SJ PB SAS</t>
  </si>
  <si>
    <t>CR 43 # 68 13 BRR RECREO</t>
  </si>
  <si>
    <t>VARIEDADES GEORGELIAN</t>
  </si>
  <si>
    <t>CL 41 # 17 C 185 / TO 19 AP 102 BRR CIUDAD DEL PUERTO</t>
  </si>
  <si>
    <t>VARIEDADES JAIME</t>
  </si>
  <si>
    <t>CL 43 # 44 40 BRR EL PARQUE</t>
  </si>
  <si>
    <t>ALORECARGAS.COM</t>
  </si>
  <si>
    <t>CL 16 # 57 23 BRR BUENOS AIRES</t>
  </si>
  <si>
    <t>DIMONEX VILLA CAROLINA</t>
  </si>
  <si>
    <t>ET 2 MZ A CA 14 BRR VILLA CAROLINA</t>
  </si>
  <si>
    <t>CENTRO RADAR</t>
  </si>
  <si>
    <t>CR 12 # 18 38 BRR CENTRO</t>
  </si>
  <si>
    <t>DP LA FONTANA</t>
  </si>
  <si>
    <t>CR 114 # 145 32 BRR LA FONTANA</t>
  </si>
  <si>
    <t>BELBEC</t>
  </si>
  <si>
    <t>CL 76 SUR # 80 M 43 BRR BOSA LAURELES</t>
  </si>
  <si>
    <t>RECAUDOS Y DEMAS JRM</t>
  </si>
  <si>
    <t>CR 1 # 45 E - 28 / P 1 BRR CIUDADELA 20 DE JULIO</t>
  </si>
  <si>
    <t>TECNO HOGAR JOLIVER</t>
  </si>
  <si>
    <t>CR 83 # 71 A - 54 SUR BRR BOSA INSLANDEA LOCAL 3</t>
  </si>
  <si>
    <t>KAMI COMUNICACIONES</t>
  </si>
  <si>
    <t>CL 86 A # 94 Q 16 / IN 107 BRR BACHUE</t>
  </si>
  <si>
    <t>PAPELERIA Y MISCELANEA DETODITO PLUS</t>
  </si>
  <si>
    <t>CR 10 # 4 - 68 BRR CENTRO FLORIDA</t>
  </si>
  <si>
    <t>SUPERMERCADO LA HUERTA</t>
  </si>
  <si>
    <t>CL 5 # 3 58 BRR CENTRO</t>
  </si>
  <si>
    <t>PROYECTAR SERVICIOS 5</t>
  </si>
  <si>
    <t>CL 9 ESTE # 36 G 21 - SUR BRR LA Y</t>
  </si>
  <si>
    <t>FAMIELECTRO D LA VEGA</t>
  </si>
  <si>
    <t>CL 3 A # 19 14 / P 2 BRR CENTRO</t>
  </si>
  <si>
    <t>RODRIGO AUGUSTO LOZANO PINZON</t>
  </si>
  <si>
    <t>CR 7 # 2 59 / CEN BRR ZIPAQUIRA CENTRO ZONA HISTORICA</t>
  </si>
  <si>
    <t>PARKE NET</t>
  </si>
  <si>
    <t>CL 3 # 1 33 / CEN BRR CAQUEZA</t>
  </si>
  <si>
    <t>TIENDA LA BENDICION</t>
  </si>
  <si>
    <t>CL 10 # 9 119 BRR VILLACARMEN</t>
  </si>
  <si>
    <t>EPOKA VARIEDADES</t>
  </si>
  <si>
    <t>CL 32 # 38 B 11 BRR COSTA HERMOSA</t>
  </si>
  <si>
    <t>SC COMUNICACIONES</t>
  </si>
  <si>
    <t>CL. 7 #3-52 MIRANDA CAUCA COLOMBIA</t>
  </si>
  <si>
    <t>MULTIBELLEZA Y MAS</t>
  </si>
  <si>
    <t>CL 6 12 55</t>
  </si>
  <si>
    <t>LLAVES MENDOZA</t>
  </si>
  <si>
    <t>CL 4 # 20-39</t>
  </si>
  <si>
    <t>ISTMINA</t>
  </si>
  <si>
    <t>DROGUERIA Y FARMACIA MANUELA</t>
  </si>
  <si>
    <t>CRA 8 24 01</t>
  </si>
  <si>
    <t>SERVIMARILYN</t>
  </si>
  <si>
    <t>CR 11 # 3 A 57 BRR VILLA NATALIA</t>
  </si>
  <si>
    <t>DEYSY AVENDANO</t>
  </si>
  <si>
    <t>CR 9 # 11 - 55 BRR LAS FERIAS</t>
  </si>
  <si>
    <t>PIACOMUNICACIONES.COM</t>
  </si>
  <si>
    <t>CL 17 B # 47 89 BRR VILLA CAFE</t>
  </si>
  <si>
    <t>SOCIEDAD HYM</t>
  </si>
  <si>
    <t>CL 50 A SUR # 7 10 BRR MOLINOS</t>
  </si>
  <si>
    <t>CENTRO DE PAGO</t>
  </si>
  <si>
    <t>CL 35 SUR # 93 82 BRR UNIR PATIO BONITO</t>
  </si>
  <si>
    <t>DISTRIBUCIONES GSMULTISERVICIOS</t>
  </si>
  <si>
    <t>CR 10 B # 25 67 BRR SAN FERNANDO</t>
  </si>
  <si>
    <t>CIBER J  A</t>
  </si>
  <si>
    <t>CR 5 # 10 43 BRR EL TATUAL</t>
  </si>
  <si>
    <t>MEGASESORES SAS</t>
  </si>
  <si>
    <t>CR 42 45-120 P 1 APTO 1</t>
  </si>
  <si>
    <t>GUACHENÉ</t>
  </si>
  <si>
    <t>DROGUERIA VIDASALUD GUACHENE</t>
  </si>
  <si>
    <t>CRA 7 # 5 02</t>
  </si>
  <si>
    <t>ERDINET21</t>
  </si>
  <si>
    <t>TV CENTRAL METROP # 103A 10 LC 4 BRR JARDINES DE COAVICONSA</t>
  </si>
  <si>
    <t>SERGIO ALEJANDRO GONZALEZ</t>
  </si>
  <si>
    <t>CR 14 # 36 24 BRR CENTRO</t>
  </si>
  <si>
    <t>CIGARRERIA LA CALEÑITA</t>
  </si>
  <si>
    <t>CL 86 # 103 C 39 / LC 101 BRR BOLIVIA</t>
  </si>
  <si>
    <t>DON PAGO DANUBIO</t>
  </si>
  <si>
    <t>CR 87 SUR # 55 09 BRR BOSA DANUBIO</t>
  </si>
  <si>
    <t>ANES ENTERPRICE</t>
  </si>
  <si>
    <t>CL 10 # 19 - 82 BRR MARIA AUXILIADORA</t>
  </si>
  <si>
    <t>COMUNICACIONES Y ACCESORIOS JOHN</t>
  </si>
  <si>
    <t>CL 8 # 25 - 40 / LC 2 BRR CENTRO</t>
  </si>
  <si>
    <t>PAPELERIA LEO</t>
  </si>
  <si>
    <t>CR 53 B # 4 F - 02 / LC 3 BRR SAN RAFAEL/GALAN</t>
  </si>
  <si>
    <t>MEGACYBER TIENDAS 2</t>
  </si>
  <si>
    <t>TV 76 A # 47 13 BRR SAN IGNACIO NORMANDIA</t>
  </si>
  <si>
    <t>SUPERMERCADO MERKE FRESCO</t>
  </si>
  <si>
    <t>TV 15 B # 41 11 BRR OLIVARES</t>
  </si>
  <si>
    <t>CHINÚ</t>
  </si>
  <si>
    <t>DROGAS Y VARIEDADES CHINU</t>
  </si>
  <si>
    <t>CRA 6 15 06</t>
  </si>
  <si>
    <t>EL RUCE</t>
  </si>
  <si>
    <t>VDA LIBANO BRR VEREDA LIBANO SUAZA HUILA</t>
  </si>
  <si>
    <t>EFECTY RINCOB ESTRELLA</t>
  </si>
  <si>
    <t>CL 17 # 2 B 75 BRR RINCON DE LA ESTRELLA</t>
  </si>
  <si>
    <t>DON PAGO COLSUBSIDIO 1 MAYO</t>
  </si>
  <si>
    <t>TV 79 # 42 C 10 - SUR BRR PALENQUE</t>
  </si>
  <si>
    <t>DON PAGO PORTAL SAN VICTORINO</t>
  </si>
  <si>
    <t>CR 14 # 10 94 BRR SAN VICTORINO</t>
  </si>
  <si>
    <t>DON PAGO BLANQUITA</t>
  </si>
  <si>
    <t>CL 100 # 133 A 24 BRR POTRERILLOS</t>
  </si>
  <si>
    <t>PAPELERIA Y MISCELANEA</t>
  </si>
  <si>
    <t>CL 46 A # 7 A - 51 BRR PROGRESO 2</t>
  </si>
  <si>
    <t>INTERRAPIDISIMO  PAULA</t>
  </si>
  <si>
    <t>CL 137 # 45 A 24 BRR SPRING</t>
  </si>
  <si>
    <t>DROGUERIA SUPER SAN FRANCISCO</t>
  </si>
  <si>
    <t>CL 62 SUR # 19 C - 37 BRR SAN FRANCISCO</t>
  </si>
  <si>
    <t>CELYULAUS J Y L</t>
  </si>
  <si>
    <t>CL 40 SUR # 73 D 35 BRR KENNEDY CENTRAL</t>
  </si>
  <si>
    <t>COMPUTADORES Y TECNO</t>
  </si>
  <si>
    <t>CL 1 # 10 08 / CEN BRR CENTRO</t>
  </si>
  <si>
    <t>PAPELERIA CENTRO COMERCIAL LA QUINTA</t>
  </si>
  <si>
    <t>CR 5 # 29 - 32 / CC LA QUINTA LC 168 BRR HIPODROMO</t>
  </si>
  <si>
    <t>ACCESORIOS NARVAEZ</t>
  </si>
  <si>
    <t>CR 8 # 45 B 150 / P 2 AP 1 BRR EL SANTUARIO</t>
  </si>
  <si>
    <t>JUAN DAVID PACHECO FORERO</t>
  </si>
  <si>
    <t>CL 72 # 38 B 61 / LC 4 BRR LAS DELICIAS</t>
  </si>
  <si>
    <t>MALAMBO</t>
  </si>
  <si>
    <t>MUNDO GAS MALAMBO</t>
  </si>
  <si>
    <t>CL. 12 #1C-78 MALAMBO ATLANTICO COLOMBIA</t>
  </si>
  <si>
    <t>OFFITRAZOS PAPELERIA</t>
  </si>
  <si>
    <t>CL. 22 #23-72 BUCARAMANGA SANTANDER COLOMBIA</t>
  </si>
  <si>
    <t>DON PAGO OLARTE</t>
  </si>
  <si>
    <t>CL 57 B SUR # 72 A 10 BRR OLARTE</t>
  </si>
  <si>
    <t>DON PAGO SOKA</t>
  </si>
  <si>
    <t>AV 7 N # 53 51 BRR BAJO MENGA</t>
  </si>
  <si>
    <t>COPYLEO</t>
  </si>
  <si>
    <t>CR 6 # 12 07 BRR CENTRO</t>
  </si>
  <si>
    <t>ALMATINTA2301</t>
  </si>
  <si>
    <t>CR 17 B # 64 B 24 - SUR BRR LUCERO BAJO</t>
  </si>
  <si>
    <t>VARIEDADES YEIMAR PLUS</t>
  </si>
  <si>
    <t>CL 5 # 45 - 70 / LC 10 BRR LOS ESTARAQUES</t>
  </si>
  <si>
    <t>COMUNICATE CON MIA</t>
  </si>
  <si>
    <t>CR 111 A # 17 A 27 BRR FLANDES FONTIBON</t>
  </si>
  <si>
    <t>OVEJAS</t>
  </si>
  <si>
    <t>COPYCELL HERNANDEZ</t>
  </si>
  <si>
    <t>CL. 21 #15-87 OVEJAS SUCRE COLOMBIA</t>
  </si>
  <si>
    <t>VALENCIA</t>
  </si>
  <si>
    <t>LA CASA DEL ESTILO</t>
  </si>
  <si>
    <t>CR 10 C # 6 115 BRR NAZARETH</t>
  </si>
  <si>
    <t>SAN ONOFRE</t>
  </si>
  <si>
    <t>VARIEDADES YORYI</t>
  </si>
  <si>
    <t>CR 4 # 3 35 BRR CHINO</t>
  </si>
  <si>
    <t>CL 3 # 21B - 08</t>
  </si>
  <si>
    <t>MISCELANEA Y PAPELERIA VALVIC</t>
  </si>
  <si>
    <t>CR 48 # 126 27 BRR ZAPAMANGA V</t>
  </si>
  <si>
    <t>VARIEDADES MAJU TRANS</t>
  </si>
  <si>
    <t>DG 55 # 15 B 78 BRR PUEBLO NUEVO</t>
  </si>
  <si>
    <t>SUPERDROGAS LEBRIJA</t>
  </si>
  <si>
    <t>CL 12 8 12</t>
  </si>
  <si>
    <t>MINIMERCADO TODO TODITO</t>
  </si>
  <si>
    <t>CR 7 # 111 B 13 - SUR BRR ANTONIO JOSE SUCRE</t>
  </si>
  <si>
    <t>CAROLS PAPELERIA</t>
  </si>
  <si>
    <t>TV 30 A # 33 - 73 BRR CIUDAD VERDE</t>
  </si>
  <si>
    <t>MULTIGANGAS DEL CASANARE</t>
  </si>
  <si>
    <t>CL 10 # 9 - 23 BRR CENTRO</t>
  </si>
  <si>
    <t>COMERCILIZADORA MIS DOS AMORES</t>
  </si>
  <si>
    <t>CR 2 # 2 - 35 / LC 1 BRR LOS ALMENDROS</t>
  </si>
  <si>
    <t>SAMPUÉS</t>
  </si>
  <si>
    <t>PANADERIA Y SALSAMENTARIA SAMPUES</t>
  </si>
  <si>
    <t>CRA 20 25 10</t>
  </si>
  <si>
    <t>COMUNICACIONES LULU</t>
  </si>
  <si>
    <t>CR 26 # 15 27 BRR LA LUZ</t>
  </si>
  <si>
    <t>BARANOA</t>
  </si>
  <si>
    <t>DROGUERA FARMANOA</t>
  </si>
  <si>
    <t>CL 17 # 13 130 BRR GONGORA</t>
  </si>
  <si>
    <t>COMUNICACIONES LA 17 PTO</t>
  </si>
  <si>
    <t>CL 17 # 19 16 BRR CENTRO</t>
  </si>
  <si>
    <t>DESPENSA POPULAR LEBRIJA</t>
  </si>
  <si>
    <t>CL 12 # 9 32 BRR CENTRO</t>
  </si>
  <si>
    <t>JERMOBILE COMUNICACIONES</t>
  </si>
  <si>
    <t>CR 16 # 7 15 BRR CENTRO</t>
  </si>
  <si>
    <t>FLY COMUNICACIONES</t>
  </si>
  <si>
    <t>TV 12 # 18 A 17 BRR CENTRO</t>
  </si>
  <si>
    <t>DROGUERIA AMERICANA</t>
  </si>
  <si>
    <t>CR 2 S # 4 B 2 24 BRR MONTE CARLOS</t>
  </si>
  <si>
    <t>TIENDA Y VARIEDADES SEVILLA REAL</t>
  </si>
  <si>
    <t>CR 22 SUR # 75 4 BRR SEVILLA</t>
  </si>
  <si>
    <t>MARICELL</t>
  </si>
  <si>
    <t>CRA. 8E #98-48 BARRANQUILLA ATLï¿NTICO COLOMBIA</t>
  </si>
  <si>
    <t>AGENCIA DE VIAJES  ZUMA  TOURS</t>
  </si>
  <si>
    <t>CL 1617-05 CC 1</t>
  </si>
  <si>
    <t>CR MULTISERVICIOS</t>
  </si>
  <si>
    <t>CR 14 # 45 87 BRR CHORRERAS DE DON JUAN</t>
  </si>
  <si>
    <t>CL 5 # 1 B - 62 / LC 1 BRR CENTRO</t>
  </si>
  <si>
    <t>ALMACEN DE VARIEDADES MAGALLY</t>
  </si>
  <si>
    <t>CL 59 # 31 20 - ESTE BRR CAZUCA</t>
  </si>
  <si>
    <t>VARIEDADES SOFI</t>
  </si>
  <si>
    <t>CL 70 SUR # 88 F - 10 BRR BOSA SAN ANTONIO</t>
  </si>
  <si>
    <t>VENTA DE SERVICIOS DE TELECOMUNICACIONES</t>
  </si>
  <si>
    <t>CL 9 ESTE # 37 A - 22 BRR VILLAS DE CATAMA</t>
  </si>
  <si>
    <t>PAPELERIA Y MISCELANEA BRITNEY</t>
  </si>
  <si>
    <t>CL 1 # 68 A - 58 SUR BRR LA IGUALDAD</t>
  </si>
  <si>
    <t>TUREDCO</t>
  </si>
  <si>
    <t>CL 64 D SUR # 18 N - 66 BRR DOMINGO LAIN</t>
  </si>
  <si>
    <t>DISTRIBUIDORA GALINDO</t>
  </si>
  <si>
    <t>CL 63 F # 115 - 24 BRR SABANAS DEL DORADO</t>
  </si>
  <si>
    <t>RECARGAS</t>
  </si>
  <si>
    <t>CL 113 # 45 - 02 BRR ZAPAMANGA 4</t>
  </si>
  <si>
    <t>PROYECTAR SERVICIOS 4</t>
  </si>
  <si>
    <t>CL 28 SUR # 01 03 BRR CORDOBA</t>
  </si>
  <si>
    <t>PUERTO WILCHES</t>
  </si>
  <si>
    <t>SALA DE INTERNET LOS JUANES@ COM</t>
  </si>
  <si>
    <t>CRA 4 5 28</t>
  </si>
  <si>
    <t>PAPELERIA Y MISCELANEA EL DIAMANTE</t>
  </si>
  <si>
    <t>CA 15 D P 2 EL EDEN BRR LA VEGA</t>
  </si>
  <si>
    <t>TIENDA EL PARQUE</t>
  </si>
  <si>
    <t>CL 103 B # 13 C 04 BRR BUCARAMANGA</t>
  </si>
  <si>
    <t>PAGOS Y SERVICIOS LA SEXTA</t>
  </si>
  <si>
    <t>CL 6 # 5 10 BRR BARRIO PAEZ LA PLATA</t>
  </si>
  <si>
    <t>PAPELERIA MIL COLORES JD</t>
  </si>
  <si>
    <t>CL 89 # 24 132 BRR DIAMANTE II</t>
  </si>
  <si>
    <t>PAPELERIA DE TODITO</t>
  </si>
  <si>
    <t>CL 23 # 22 K 41 BRR FONTIBON VERSALLES</t>
  </si>
  <si>
    <t>CAFE INTERNET.106</t>
  </si>
  <si>
    <t>CL 106 # 8 A 20 BRR FRANCISCO MIRANDA</t>
  </si>
  <si>
    <t>PAPELERIA Y PUNTO DE PAGOS ZARAY</t>
  </si>
  <si>
    <t>CL 32 B # 17 - 83 BRR CALI</t>
  </si>
  <si>
    <t>COROZAL</t>
  </si>
  <si>
    <t>DROGAS SUPER BARATA DE COROZAL</t>
  </si>
  <si>
    <t>CL 32 28 09 LC 2 BRR SAN JUAN</t>
  </si>
  <si>
    <t>MAXIPLAST</t>
  </si>
  <si>
    <t>CR 33 # 110 17 / LC 1 P 1 BRR FLORIDABLANCA</t>
  </si>
  <si>
    <t>DROGUERIA LAS BRISAS</t>
  </si>
  <si>
    <t>CL. 34 #33A-2 PEREIRA RISARALDA COLOMBIA</t>
  </si>
  <si>
    <t>DON PAGO SAN ANOTNIO BOGOTA</t>
  </si>
  <si>
    <t>CL 182 # 8 18 BRR SAN ANTONIO NORTE</t>
  </si>
  <si>
    <t>DROGUERIA VITALFARMA</t>
  </si>
  <si>
    <t>CR 13 # 14 - 67 BRR BELEN</t>
  </si>
  <si>
    <t>PIJAOS GIROS Y RECARGA</t>
  </si>
  <si>
    <t>CL 34 B # 11 A - 18 SUR BRR PIJAOS 1</t>
  </si>
  <si>
    <t>SURTI JUNACHO</t>
  </si>
  <si>
    <t>CL 75 A # 5 58 BRR VIRGILIO BARCO</t>
  </si>
  <si>
    <t>MISCELANEA SANTY BAÑOL</t>
  </si>
  <si>
    <t>CR 39 SUR # 32 40 BRR CUARTO CENTENARIO</t>
  </si>
  <si>
    <t>LA TIENDA DEL INTENDENTE</t>
  </si>
  <si>
    <t>CL 6 A # 3 - 40 BRR CENTRO</t>
  </si>
  <si>
    <t>TIENDA MULTISERVICIOS LA QUINTA</t>
  </si>
  <si>
    <t>CR 5 # 3 A 11 BRR EL PROGRESO</t>
  </si>
  <si>
    <t>MERCA FRUVER PRADO</t>
  </si>
  <si>
    <t>CL 2 # 3 31 / VDA PRADO BRR SANTA MARTA</t>
  </si>
  <si>
    <t>LORICA</t>
  </si>
  <si>
    <t>CIBERZINU</t>
  </si>
  <si>
    <t>CR 25 # 22 A 103 BRR SAN MIGUEL</t>
  </si>
  <si>
    <t>J  C TECNOLOGY</t>
  </si>
  <si>
    <t>CR 31 # 117 B 47 BRR LA PRADERA</t>
  </si>
  <si>
    <t>SERVICEL DROGUERIA</t>
  </si>
  <si>
    <t>CL 11 # 12 58 BRR EL ROSARIO</t>
  </si>
  <si>
    <t>DISTRIBUIDORA KATY</t>
  </si>
  <si>
    <t>CRA. 26 #48-18 SANTA MARTA MAGDALENA COLOMBIA</t>
  </si>
  <si>
    <t>FOTOVARIEDADES LUISFER</t>
  </si>
  <si>
    <t>CRA. 14 #7A-42 POPAYN CAUCA COLOMBIA</t>
  </si>
  <si>
    <t>MOTORIZADOS MENSAJERIA Y DOMICILIOS</t>
  </si>
  <si>
    <t>CRA. 4 #1B-7 PIEDECUESTA SANTANDER COLOMBIA</t>
  </si>
  <si>
    <t>VARIEDADES TIM CAMI</t>
  </si>
  <si>
    <t>CL 101 # 50 59 BRR BELENCITO</t>
  </si>
  <si>
    <t>TIENDA DONDE LA MOZA MIA</t>
  </si>
  <si>
    <t>CR 25 # 57 21 BRR BUENAVISTA</t>
  </si>
  <si>
    <t>LA ESQUINA DEL HOGAR</t>
  </si>
  <si>
    <t>CL 19 # 18 - 29 BRR CENTRO</t>
  </si>
  <si>
    <t>SERVIIMOVIL</t>
  </si>
  <si>
    <t>TV 8 C # 98 231 BRR LAS MALVINAS</t>
  </si>
  <si>
    <t>DROGUERIA LA SABANA DROSABANA</t>
  </si>
  <si>
    <t>Carrera 19 16A 16 LC 2</t>
  </si>
  <si>
    <t>PRESTACION DE SERVICIOS CHARALA</t>
  </si>
  <si>
    <t>CR 14 # 21 13 BRR CHARALA</t>
  </si>
  <si>
    <t>MINITIENDA MERCA DIARIO</t>
  </si>
  <si>
    <t>CL 33 # 39 67 BRR VILLA CLARA</t>
  </si>
  <si>
    <t>LA ESTACION FLORENCIA</t>
  </si>
  <si>
    <t>CL 15 # 9 20 BRR CENTRO</t>
  </si>
  <si>
    <t>DON PAGO METRO SUR</t>
  </si>
  <si>
    <t>CR 73 # 57 R 125 / CC METRO SUR BRR METRO SUR</t>
  </si>
  <si>
    <t>DECOHOGAR AYG</t>
  </si>
  <si>
    <t>CL 50 # 33 - 02 SUR BRR FATIMA</t>
  </si>
  <si>
    <t>ALYNE.COM</t>
  </si>
  <si>
    <t>CR 6 # 50 - 02 SUR BRR MOLINOS DEL SUR</t>
  </si>
  <si>
    <t>DCOM 02</t>
  </si>
  <si>
    <t>CL 57 B SUR # 70 56 - SUR BRR VILLA DEL RIO</t>
  </si>
  <si>
    <t>DROGUERA DEL PUENTE</t>
  </si>
  <si>
    <t>CRA. 5 #22-7 PIEDECUESTA SANTANDER COLOMBIA</t>
  </si>
  <si>
    <t>MAXI DROGAS BUCARAMANGA</t>
  </si>
  <si>
    <t>CL 41 11 03 BRR GARCIA ROVIRA</t>
  </si>
  <si>
    <t>PAPELERIA Y MISCELANIA LIZEHT .COM</t>
  </si>
  <si>
    <t>CR 19 # 24 56 BRR MIRADOR ARENALES</t>
  </si>
  <si>
    <t>QUIROGA K21</t>
  </si>
  <si>
    <t>AK 21 # 36 - 10 SUR BRR QUIROGA</t>
  </si>
  <si>
    <t>PAPELERIA Y SERVICIOS</t>
  </si>
  <si>
    <t>CL 42 C SUR # 80 C - 23 BRR KENNEDY VILLA NELLY</t>
  </si>
  <si>
    <t>SHOP DTODO</t>
  </si>
  <si>
    <t>CR 20 # 70 D - 45 SUR BRR ALPES SUR</t>
  </si>
  <si>
    <t>VARIEDADES Y SERVICIOS LA 24</t>
  </si>
  <si>
    <t>CR 24 # 14 - 29 BRR ALARCON</t>
  </si>
  <si>
    <t>SCORPIONS</t>
  </si>
  <si>
    <t>KR 73 D # 69 F 25 SUR</t>
  </si>
  <si>
    <t>COMUNICACIONTOTAL.C.ESMAR</t>
  </si>
  <si>
    <t>CR 27 B # 71 N 24 - SUR BRR PARAISO</t>
  </si>
  <si>
    <t>SAEMA</t>
  </si>
  <si>
    <t>CL 85 SUR # 92 85 BRR PARQUES DE BOGOTA</t>
  </si>
  <si>
    <t>INTERCLAUS PRADILLA</t>
  </si>
  <si>
    <t>CL 2 # 2 08 BRR INSPECCION PRADILLA</t>
  </si>
  <si>
    <t>LIDAROPLAST</t>
  </si>
  <si>
    <t>CL 37 A # 104 05 BRR LA RONDA</t>
  </si>
  <si>
    <t>BJ VARIEDADES</t>
  </si>
  <si>
    <t>CRA 10 17-55 ED TORRE CENTRAL LOCAL 104 PEREIRA</t>
  </si>
  <si>
    <t>DON PAGO ICARUS</t>
  </si>
  <si>
    <t>CR 17 # 30 218 BRR HOGARES SOACHA</t>
  </si>
  <si>
    <t>PAPELERIA JSEMMANUEL</t>
  </si>
  <si>
    <t>CR 78 A # 71 B - 28 SUR BRR BOSA</t>
  </si>
  <si>
    <t>MERAKI BYDIS</t>
  </si>
  <si>
    <t>CL 9 # 4 A - 64 BRR DIANA TURBAY</t>
  </si>
  <si>
    <t>MULTISERVICIOS MAFALDA</t>
  </si>
  <si>
    <t>CL 31 SUR # 32 - 22 / TO 51 AP 101 BRR BOSQUES DE SAN LUIS</t>
  </si>
  <si>
    <t>ZUMA EXPRESS SUPERMERCADO</t>
  </si>
  <si>
    <t>CR 4 # 5 76 BRR RINCON DEL NORTE</t>
  </si>
  <si>
    <t>MAXIMARKET GO</t>
  </si>
  <si>
    <t>CR 28 # 13 4 BRR LA UNIVERSIDAD</t>
  </si>
  <si>
    <t>EL RINCON DEL PAPEL Y  T</t>
  </si>
  <si>
    <t>CR 3 # 4 47 BRR CENTRO</t>
  </si>
  <si>
    <t>CR 4 # 1 - 35 BRR CENTRO</t>
  </si>
  <si>
    <t>COMERCIALIZADORA DYH</t>
  </si>
  <si>
    <t>CR 14 # 4 - 31 OESTE BRR EL CADILLALPOPAYAN-CAUCA</t>
  </si>
  <si>
    <t>VARIEDADES DILANC</t>
  </si>
  <si>
    <t>CL 11 SUR # 12 D - 13 BRR DUCALES</t>
  </si>
  <si>
    <t>SERVILUPITA</t>
  </si>
  <si>
    <t>CL 5 # 3 - 36 BRR CENTRO</t>
  </si>
  <si>
    <t>ALAF FERRELECTRICOS Y GAS</t>
  </si>
  <si>
    <t>CR 22 # 48 - 20 BRR LA CONCORDIA</t>
  </si>
  <si>
    <t>PROYECTAR SERVICIOS</t>
  </si>
  <si>
    <t>CL 9 SUR # 8 07 BRR NARINO SUR</t>
  </si>
  <si>
    <t>GALLO COMUNICACIONES</t>
  </si>
  <si>
    <t>CR 7 # 11 40 BRR JUAN JOSE NEIRA</t>
  </si>
  <si>
    <t>SUMINISTRO SANTOTO</t>
  </si>
  <si>
    <t>CL 8 # 8 A 15 BRR ALFONSO LOPEZ</t>
  </si>
  <si>
    <t>SALA INTERNET MY SPACE.COM</t>
  </si>
  <si>
    <t>CL 3 # 2 16 BRR CENTRO</t>
  </si>
  <si>
    <t>COMPU@ NET SISTEMAS Y TELEVISION</t>
  </si>
  <si>
    <t>CRA 4 5 25</t>
  </si>
  <si>
    <t>SYSTEM KLASSE</t>
  </si>
  <si>
    <t>CL 16 # 6 45 BRR SIETE DE AGOSTO</t>
  </si>
  <si>
    <t>COMPUPAEZ</t>
  </si>
  <si>
    <t>CL PRINCIPAL CGTO BRR RIOCHIQUITO</t>
  </si>
  <si>
    <t>INTELCENTER SERVICIOS</t>
  </si>
  <si>
    <t>CR 100 # 16 H 72 / LC 8 BRR FONTIBON CENTRO</t>
  </si>
  <si>
    <t>ARACATACA</t>
  </si>
  <si>
    <t>ALMACN AST MOTOS</t>
  </si>
  <si>
    <t>CL 7 # 7 E 276 BRR LAS DELICIAS</t>
  </si>
  <si>
    <t>MULTISERVICIOS JC CAQUETA</t>
  </si>
  <si>
    <t>CR 30 # 23 - 32 BRR ARBOLEDA</t>
  </si>
  <si>
    <t>IMPRESOLUCIONES</t>
  </si>
  <si>
    <t>CL 24 SUR # 12 D - 27 SUR BRR SAN JOSE SUR</t>
  </si>
  <si>
    <t>MULTISERVICIOS Y VARIEDADES CYBER JAIR</t>
  </si>
  <si>
    <t>CL 13 # 41 - 33 BRR LIBERTAD</t>
  </si>
  <si>
    <t>DISTRIBUIDORA DISUR</t>
  </si>
  <si>
    <t>CL 10 N # 25 45 BRR EL CARMEN</t>
  </si>
  <si>
    <t>LA CASA DE DON BIGOTES</t>
  </si>
  <si>
    <t>CR 7 # 17 A 25 BRR BALMORAL</t>
  </si>
  <si>
    <t>CDJCOMUNICACIONES</t>
  </si>
  <si>
    <t>CL 10 # 5 - 80 CEN BARRIO TOCANCIPA CENTRO</t>
  </si>
  <si>
    <t>MUNDO DIGITAL RYA</t>
  </si>
  <si>
    <t>CR 26 A # 4 A 35 BRR EL TESORO</t>
  </si>
  <si>
    <t>JARVIS MULTISERVICIOS 2</t>
  </si>
  <si>
    <t>CL 70 C SUR # 17 A 37 BRR QUINTAS DEL SUR</t>
  </si>
  <si>
    <t>MAXIGU</t>
  </si>
  <si>
    <t>CR 18 A # 112 41 BRR VIVEROS DE PROVENZA</t>
  </si>
  <si>
    <t>SPORTLEI</t>
  </si>
  <si>
    <t>CL 50 # 13 27 BRR COLOMBIA</t>
  </si>
  <si>
    <t>DROGUERIA LA 50 ARMENIA NO 2</t>
  </si>
  <si>
    <t>CL 22 40 57 LC 3-4 CONDOMINIO EL PORTAL DE GALICIA</t>
  </si>
  <si>
    <t>DISTRIBUIDORA DE QUESO LA PROVISION SAS</t>
  </si>
  <si>
    <t>CL 56 # 17 C 19 BRR VILLA KATANGA</t>
  </si>
  <si>
    <t>DORA FORERO</t>
  </si>
  <si>
    <t>CL 10 # 3 - 94 SUR BRR SOACHA</t>
  </si>
  <si>
    <t>CAFE INTERNET JUSTOBRARD</t>
  </si>
  <si>
    <t>CL 60 A SUR # 74 F - 06 SUR BRR LA ESTANCIA</t>
  </si>
  <si>
    <t>TIENDA MIS TRES AMORES DEL SOL</t>
  </si>
  <si>
    <t>CR 31 A # 28 A - 04 SUR BRR PUERTAS DEL SOL</t>
  </si>
  <si>
    <t>DANIEL.CIBER CAFE</t>
  </si>
  <si>
    <t>CR 6 W # 31 16 BRR SANTA INES</t>
  </si>
  <si>
    <t>CABITEL COMUNICACIONES</t>
  </si>
  <si>
    <t>CR 86 # 42 B 51 - SUR / LC 178 CC MILENIO PLAZA BRR DINDALITO</t>
  </si>
  <si>
    <t>TIENDA EL MANANTIAL DE MARTHA</t>
  </si>
  <si>
    <t>CR 2 # 7 12 / CEN BRR PUERTO BOGOTA</t>
  </si>
  <si>
    <t>MARTA RIVERA</t>
  </si>
  <si>
    <t>CR 5 # 2 06 / CRR BRR MINCA</t>
  </si>
  <si>
    <t>PROVISIONESJK</t>
  </si>
  <si>
    <t>CL 130 # 8 H 6 BRR CARIBE VERDE</t>
  </si>
  <si>
    <t>SERVIEXPRESS JK</t>
  </si>
  <si>
    <t>CR 18 # 57 52 / LC 2 BRR CENTRO</t>
  </si>
  <si>
    <t>BAJO BAUDÓ</t>
  </si>
  <si>
    <t>VENTAS DE PUERTAS VENTANAS ARMARIOS</t>
  </si>
  <si>
    <t>C NT</t>
  </si>
  <si>
    <t>GÜEPSA</t>
  </si>
  <si>
    <t>COMERCIALIZADORA ABIOMIN</t>
  </si>
  <si>
    <t>CL. 3 #530 GUEPSA GUEPSA SANTANDER COLOMBIA</t>
  </si>
  <si>
    <t>FERNEY FLOREZ MORENO</t>
  </si>
  <si>
    <t>CRA 16 33 44 PISO 1 LOCAL C -09 - D 04 -D 06 - D 08</t>
  </si>
  <si>
    <t>UNIVERSAL MUTIS</t>
  </si>
  <si>
    <t>CL 55 # 1 W 66 BRR MUTIS</t>
  </si>
  <si>
    <t>DROGUERIA DROMEJOR 3 LA PISTA</t>
  </si>
  <si>
    <t>CRA 4 NRO 22 23 BRR LA PISTA</t>
  </si>
  <si>
    <t>EMILIA ROSA CASTRO SALCEDO</t>
  </si>
  <si>
    <t>CL 20 # 20 - 43 BRR JOSE VICENTE</t>
  </si>
  <si>
    <t>DON PAGO PACHO</t>
  </si>
  <si>
    <t>CL 7 # 16 54 BRR CENTRO</t>
  </si>
  <si>
    <t>DON PAGO TINTALA</t>
  </si>
  <si>
    <t>CL 5 A SUR # 87 D 43 BRR PATIO BONITO</t>
  </si>
  <si>
    <t>LUISA FERNANDA RUIZ</t>
  </si>
  <si>
    <t>CR 58 G SUR # 47 - 66 BRR LA CORUNA</t>
  </si>
  <si>
    <t>VARIEDADES Y PAPELERIA KANGELES</t>
  </si>
  <si>
    <t>CL 12 # 17 - 11 BRR COMUNEROS</t>
  </si>
  <si>
    <t>TIENDA LA SUPER BARARA</t>
  </si>
  <si>
    <t>CL 6 # 2 30 BRR CENTRO</t>
  </si>
  <si>
    <t>VIAJES PATODO EL MUNDO</t>
  </si>
  <si>
    <t>CL 8 # 2 51 / LC 1 BRR RODADERO</t>
  </si>
  <si>
    <t>MEGASERVICIOS LIBERTADOR</t>
  </si>
  <si>
    <t>CR 20 # 14 32 BRR EL JARDIN</t>
  </si>
  <si>
    <t>MULTISERVICIOS</t>
  </si>
  <si>
    <t>CL 30 A # 10 A 60 / AP 101 URB MONSERRATE BRR LA CUMBRE</t>
  </si>
  <si>
    <t>DON PAGO DE OCCIDENTE</t>
  </si>
  <si>
    <t>CL 9 # 78 A 37 / L 104 BRR CASTILLA</t>
  </si>
  <si>
    <t>COMUNICACIONES BELTRAN</t>
  </si>
  <si>
    <t>CL 75 D SUR # 74 C - 09 BRR SANTA BIBIANA</t>
  </si>
  <si>
    <t>LANCHEMORE</t>
  </si>
  <si>
    <t>CL 4 # 3 - 49 BRR CENTRO</t>
  </si>
  <si>
    <t>PAPERIA Y MICELANEA</t>
  </si>
  <si>
    <t>CL 15 # 29 04 BRR BACHUE</t>
  </si>
  <si>
    <t>NOCAIMA</t>
  </si>
  <si>
    <t>MARIAILCIARODRIGUEZ</t>
  </si>
  <si>
    <t>CR 6 # 9 - 32 BRR CHICO</t>
  </si>
  <si>
    <t>CAFE INTERNET CIBER FAMILY</t>
  </si>
  <si>
    <t>CL 54 C SUR # 100 24 BRR BOSA PORVENIR</t>
  </si>
  <si>
    <t>MULTIMARCAS SABANALARGA</t>
  </si>
  <si>
    <t>CL 19 # 16 154 / LC 1 BRR JOHNF KENNEDY</t>
  </si>
  <si>
    <t>INVERSIONES JUBINSET</t>
  </si>
  <si>
    <t>CL 21 # 36 A 35 BRR SALAMANCA</t>
  </si>
  <si>
    <t>RIOHACHA</t>
  </si>
  <si>
    <t>FPV SUMINISTROS</t>
  </si>
  <si>
    <t>CL 13 B # 19 33 BRR COQUIVACOA</t>
  </si>
  <si>
    <t>MUNDO VIRTUAL SAN SEBASTIAN</t>
  </si>
  <si>
    <t>CL 3 # 6 40 BRR CENTRO</t>
  </si>
  <si>
    <t>FARMACIA BOTICA EXPRESS</t>
  </si>
  <si>
    <t>CRA 9 8-75 LOCAL 101</t>
  </si>
  <si>
    <t>TIENDA EL LIMONCITO</t>
  </si>
  <si>
    <t>CL. 58 #11-2 FLORIDABLANCA SANTANDER COLOMBIA</t>
  </si>
  <si>
    <t>CONEXION.CO</t>
  </si>
  <si>
    <t>CR 13 # 11 33 BRR SAN FRANCISCO</t>
  </si>
  <si>
    <t>CR 13 # 12 57 BRR CENTRO</t>
  </si>
  <si>
    <t>VARIEDADES MARIA</t>
  </si>
  <si>
    <t>CR 14 # 16 - 58 BRR CENTRO</t>
  </si>
  <si>
    <t>SUBLIMANIA</t>
  </si>
  <si>
    <t>CL 14 # 8 - 40 BRR EL CONVENTO</t>
  </si>
  <si>
    <t>ALTAMIRA</t>
  </si>
  <si>
    <t>MAFERS  PAPELERIA</t>
  </si>
  <si>
    <t>CR 4 # 6 03 BRR BARRIO  CENTRO ALTAMIRA</t>
  </si>
  <si>
    <t>EL PORTAL DE BELEN</t>
  </si>
  <si>
    <t>AV EL DORADO 85 D 55 LC 147 C BRR EL DORADO</t>
  </si>
  <si>
    <t>CL 21 CR 23 - 21 DPL 12621</t>
  </si>
  <si>
    <t>PIJIÑO DEL CARMEN</t>
  </si>
  <si>
    <t>DROGUERIA PIJINO</t>
  </si>
  <si>
    <t>CR 5 # 8 92 BRR CENTRO</t>
  </si>
  <si>
    <t>CERETÉ</t>
  </si>
  <si>
    <t>LA BOMBONERA</t>
  </si>
  <si>
    <t>CL 14 # 13 59 / LC 1 BRR CENTRO</t>
  </si>
  <si>
    <t>DON PAGO JUMBO 20 DE JULIO</t>
  </si>
  <si>
    <t>CR 10 # 30 B 20 - SUR BRR VEINTE DE JULIO</t>
  </si>
  <si>
    <t>YUBELI ROCHA APONTE</t>
  </si>
  <si>
    <t>CL 20 # 4 A - 19 BRR VILLANUEVA</t>
  </si>
  <si>
    <t>SERVIENTREGA LOS PINOS</t>
  </si>
  <si>
    <t>TV 73 A # 81 F - 23 BRR LOS PINOS</t>
  </si>
  <si>
    <t>PAPELERIA KV</t>
  </si>
  <si>
    <t>CALLE 57 SUR # 4 - 23</t>
  </si>
  <si>
    <t>ZONA ONLINE</t>
  </si>
  <si>
    <t>CL 80 # 66 A 48 / LC 23 BRR LAS FERIAS</t>
  </si>
  <si>
    <t>PAPELERIA DY S</t>
  </si>
  <si>
    <t>CL 87 G SUR # 7 D 17 - ESTE BRR EL BOSQUE</t>
  </si>
  <si>
    <t>PAPELERIA INTERNET</t>
  </si>
  <si>
    <t>CL 10 # 11 28 BRR SAN CARLOS</t>
  </si>
  <si>
    <t>PLANETA RICA</t>
  </si>
  <si>
    <t>SERVIASEO DIANA PLANETA RICA</t>
  </si>
  <si>
    <t>CR 5 # 19 81 BRR CENTRO</t>
  </si>
  <si>
    <t>PAPELERIA Y MISCELANEA 3J</t>
  </si>
  <si>
    <t>CRA. 39 #116-16 FLORIDABLANCA SANTANDER COLOMBIA</t>
  </si>
  <si>
    <t>MISCELANEA Y MENSAJERIA JYM</t>
  </si>
  <si>
    <t>CL 14 # 11 75 BRR GAITAN</t>
  </si>
  <si>
    <t>DON PAGO SAN MATEO</t>
  </si>
  <si>
    <t>CL 46 # 2 B 43 - ESTE BRR SAN MATEO</t>
  </si>
  <si>
    <t>EMPORIO ANGY</t>
  </si>
  <si>
    <t>CR 30 # 14 A 60 BRR PALOBLANCO</t>
  </si>
  <si>
    <t>SHAMONIK GR</t>
  </si>
  <si>
    <t>MZ 15 CA 2 BRR MODELIA</t>
  </si>
  <si>
    <t>CIELITO.NET</t>
  </si>
  <si>
    <t>CR 24 J # 85 - 06 BRR TALANGA</t>
  </si>
  <si>
    <t>CARKORTIZ@HOTMAIL.COM</t>
  </si>
  <si>
    <t>CR 56 # 4 04 BRR GALAN</t>
  </si>
  <si>
    <t>LUCERO GARCES MENDOZA</t>
  </si>
  <si>
    <t>CL 1 # 5 - 113 BRR PIEDECUESTA</t>
  </si>
  <si>
    <t>LA PERLA</t>
  </si>
  <si>
    <t>CL 57 A # 12 - 05 BRR TRIBUNA DE REPOSO</t>
  </si>
  <si>
    <t>PAPELERIA ANDREA</t>
  </si>
  <si>
    <t>CL 9 B # 3 A 34 BRR EL JUNCAL</t>
  </si>
  <si>
    <t>YAMAENVIOS</t>
  </si>
  <si>
    <t>CR 17 # 59 118 BRR RICAUTE</t>
  </si>
  <si>
    <t>MISCELANEA NUEVA GENERACION</t>
  </si>
  <si>
    <t>CL 95 A SUR # 14 23 - SUR BRR MONTEBLANCO</t>
  </si>
  <si>
    <t>PLANET EXPRESS S.A.G</t>
  </si>
  <si>
    <t>CL 34 BIS A SUR # 89 D 54 BRR UNIR</t>
  </si>
  <si>
    <t>VARIEDADES BUENAVISTA 1</t>
  </si>
  <si>
    <t>CL 136 A SUR # 14 73 BRR USME PUEBLO</t>
  </si>
  <si>
    <t>ESTACION DE SERVICIO SAN JORGE</t>
  </si>
  <si>
    <t>TV 12 # 14 29 BRR PUENTE DEL AGUILA</t>
  </si>
  <si>
    <t>SAN JUAN DEL CESAR</t>
  </si>
  <si>
    <t>CL. 14 #35 SAN JUAN DEL CESAR LA GUAJIRA COLOMBIA</t>
  </si>
  <si>
    <t>TODO Y MAS COLOMBIA</t>
  </si>
  <si>
    <t>CL 4 # 3 - 46</t>
  </si>
  <si>
    <t>SOLUCIONES  VARIEDADES OBANDO</t>
  </si>
  <si>
    <t>MZ 18 CA 10 BRR ZULDEMAYDA</t>
  </si>
  <si>
    <t>REAL TECNOLOGY</t>
  </si>
  <si>
    <t>CL 58 C SUR # 87 25 BRR BOSA PARASSO</t>
  </si>
  <si>
    <t>VARIEDADES DEL GORDO Y LA FLACA</t>
  </si>
  <si>
    <t>CR 12 # 75 A - 34 SUR BRR SANTA LIBRADA</t>
  </si>
  <si>
    <t>FLASH INTERNET GARZON</t>
  </si>
  <si>
    <t>CL 4 # 3 A 52 BRR SAN CAYETANO</t>
  </si>
  <si>
    <t>MERCAVARIEDADES MATTY</t>
  </si>
  <si>
    <t>CR 12 A # 26 30 - SUR BRR COMPARTIR</t>
  </si>
  <si>
    <t>GREEN ENERGY MOTORS SAS.</t>
  </si>
  <si>
    <t>CR 19 # 26 B 81 BRR PORVENIR</t>
  </si>
  <si>
    <t>MAGICPUBLICIDAD</t>
  </si>
  <si>
    <t>CL 9 # CR 16C</t>
  </si>
  <si>
    <t>VARIEDADES ANYALU</t>
  </si>
  <si>
    <t>CR 5 C # 33 D 25 BRR GALAN</t>
  </si>
  <si>
    <t>VARIEDADES OSBRY</t>
  </si>
  <si>
    <t>CR 24 A # 24 03 BRR ALVARO HACHE</t>
  </si>
  <si>
    <t>DATACOMP</t>
  </si>
  <si>
    <t>CR 22 # 153 2 BRR PALOMITAS</t>
  </si>
  <si>
    <t>TODO LO QUE BUSCAS.</t>
  </si>
  <si>
    <t>CR 22 # 10 65 BRR SAN FRANCISCO</t>
  </si>
  <si>
    <t xml:space="preserve">LOS DETALLES DE AGELLO </t>
  </si>
  <si>
    <t>CL. 6 #1145 PUERTO WILCHES SANTANDER COLOMBIA</t>
  </si>
  <si>
    <t>COMERCIALIZADORA COVIDANY</t>
  </si>
  <si>
    <t>CL 3 # 3 45 BRR CENTRO</t>
  </si>
  <si>
    <t>VARIEDADES CREATIX</t>
  </si>
  <si>
    <t>CL 4 N 4 03 CENTRO</t>
  </si>
  <si>
    <t>DON PAGO DETALLES ANGHELL</t>
  </si>
  <si>
    <t>CR 27 # 31 C 95 - SUR BRR EDUARDO FREI</t>
  </si>
  <si>
    <t>ASCOFI ACESORIAS CONTABLES Y FINANCIERAS</t>
  </si>
  <si>
    <t>CL 11 # 5 42 BRR SUCRE</t>
  </si>
  <si>
    <t>SANDRA GUTIERREZ</t>
  </si>
  <si>
    <t>CR 11 B BIS # 42 B - 13 SUR BRR EL TRIUNFO</t>
  </si>
  <si>
    <t>MULTIPAGOS LAS MARIAS</t>
  </si>
  <si>
    <t>CR 8 # 18 16 BRR CENTRO</t>
  </si>
  <si>
    <t>TIENDA H 24</t>
  </si>
  <si>
    <t>CL 25 B # 3 03 BRR LAS DELICIAS</t>
  </si>
  <si>
    <t>VARIEDADES BUENAVISTA2</t>
  </si>
  <si>
    <t>CR 13 # 136 26 - SUR BRR CENTRO USME</t>
  </si>
  <si>
    <t>C2 ESTUDIOS CREATIVOS</t>
  </si>
  <si>
    <t>CR 3 # 2 91 / LC 1 BRR SASAIMA  CENTRO</t>
  </si>
  <si>
    <t>ROSALE NET</t>
  </si>
  <si>
    <t>CL 68 # 17 A 9 BRR MORAS NORTE</t>
  </si>
  <si>
    <t>CONDOTO</t>
  </si>
  <si>
    <t>SURTIMAT CONDOTO</t>
  </si>
  <si>
    <t>CL 11 3 21</t>
  </si>
  <si>
    <t>SERVIENTREGA CANDELARIA</t>
  </si>
  <si>
    <t>CR 46 A # 68 - 03 SUR BRR CANDELARIA LA NUEVA</t>
  </si>
  <si>
    <t>SERVIMOVIL</t>
  </si>
  <si>
    <t>CL 5 # 4 - 60 / LC 102 BRR CENTRO ARRIBA</t>
  </si>
  <si>
    <t>SISTEMAS E IMPRESIONES DE COLOMBIA</t>
  </si>
  <si>
    <t>CR 8 # 7 - 26 BRR CENTRO</t>
  </si>
  <si>
    <t>STAR OFFICE</t>
  </si>
  <si>
    <t>AV 26 # 1 A - 00 / LC 7 BRR UNIVERSIDAD SURCOLOMBIANA CANDIDO</t>
  </si>
  <si>
    <t>MERKAMAS</t>
  </si>
  <si>
    <t>CL 31 # 10 W - 34 OESTE BRR EL TRIANGULO</t>
  </si>
  <si>
    <t>PAPELERIA SOFIA</t>
  </si>
  <si>
    <t>CL 26 SUR # 89 C 11 BRR CALANDAIMA</t>
  </si>
  <si>
    <t>BLACK PINK</t>
  </si>
  <si>
    <t>CL 100 # 131 C 95 BRR AURES</t>
  </si>
  <si>
    <t>FALCON PAYMENTS</t>
  </si>
  <si>
    <t>AC 24 # 95 A 80 LC 13 BRR CAPELLANIA FONTIBON</t>
  </si>
  <si>
    <t>SAN PELAYO</t>
  </si>
  <si>
    <t>JMS EMPRESARIAL</t>
  </si>
  <si>
    <t>CR 8 I # 03 A 09 BRR SANTO DOMINGO</t>
  </si>
  <si>
    <t>SAN MARCOS</t>
  </si>
  <si>
    <t>CYBERNET.COM DEL SAN JORGE Y LA MOJANA</t>
  </si>
  <si>
    <t>CL 3 # 6 82 BRR BELEN</t>
  </si>
  <si>
    <t>ADOARTE</t>
  </si>
  <si>
    <t>CRA 27 # 19-05 LOC</t>
  </si>
  <si>
    <t>MULTISERVICIOS LA MONA</t>
  </si>
  <si>
    <t>CR 24 # 11 68 BRR SAN FRANCISCO</t>
  </si>
  <si>
    <t>SERVDILIGENCIAS</t>
  </si>
  <si>
    <t>CR 25 # 32 07 BRR CENTRO</t>
  </si>
  <si>
    <t>DROGUERIA PRO Y FARMAS</t>
  </si>
  <si>
    <t>CL 1 D # 7 C 02 BRR TOVAR ZAMBRANO</t>
  </si>
  <si>
    <t>DON PAGO SUCURSAL SUBA</t>
  </si>
  <si>
    <t>CL 158 # 92 00 BRR SUBA SALITRE</t>
  </si>
  <si>
    <t>JORGE DIMATE</t>
  </si>
  <si>
    <t>CL 76 A BIS SUR # 14 A - 71 BRR ACAPULCO</t>
  </si>
  <si>
    <t>AUTOSERVICIO JJ</t>
  </si>
  <si>
    <t>MZ 9 CA 3 LC 1 BRR PROTECHO SALADO</t>
  </si>
  <si>
    <t>AUTOSERVICIO BOJACA</t>
  </si>
  <si>
    <t>CL 7 # 5 58 BRR CENTRO</t>
  </si>
  <si>
    <t>LEBELCA PAPELERIA</t>
  </si>
  <si>
    <t>CR 22 A # 72 - 06 BRR ULPLANO LLOREDA CALI</t>
  </si>
  <si>
    <t>INTERACTUANDO.NET</t>
  </si>
  <si>
    <t>CL 13 # 15 12 BRR CENTRO</t>
  </si>
  <si>
    <t>HB EXPRESS</t>
  </si>
  <si>
    <t>CR 70 # 72 5 BRR BONANZA</t>
  </si>
  <si>
    <t>PAPELERIA Y REFRESQUERIA LA ROJIBLANCA</t>
  </si>
  <si>
    <t>CR 9 # 14 04 / ESQ BRR JHON F KENEDY</t>
  </si>
  <si>
    <t>DROGUERIA VILLA DEL CAMPO</t>
  </si>
  <si>
    <t>URB VILLAS DEL CAMPO MZ A CA 13 BRR VILLAS DEL CAMPO</t>
  </si>
  <si>
    <t>ANDRES RV PUNTO COM</t>
  </si>
  <si>
    <t>Carrera 19 No.24-56</t>
  </si>
  <si>
    <t>ACEITES Y LUBRICANTES SAN RAFAEL</t>
  </si>
  <si>
    <t>CRA. 4 #4 LA BELLEZA SANTANDER COLOMBIA</t>
  </si>
  <si>
    <t>MISCELANEA MARIA ISA</t>
  </si>
  <si>
    <t>CL 20 # 31 06 BRR SAN ALONSO</t>
  </si>
  <si>
    <t>PAPELERIA Y VARIEDADES NIMALU</t>
  </si>
  <si>
    <t>CL. 56 #16-55 FLORIDABLANCA SANTANDER COLOMBIA</t>
  </si>
  <si>
    <t>COSAS Y COSAS</t>
  </si>
  <si>
    <t>CL. 61 #21 BUCARAMANGA SANTANDER COLOMBIA</t>
  </si>
  <si>
    <t>SALA DE INTERNET CASA DE CRISTO</t>
  </si>
  <si>
    <t>CR 25 # 9 16 BRR EL TRIUNFO</t>
  </si>
  <si>
    <t>WIJOVA DISTRIBUCIONES</t>
  </si>
  <si>
    <t>CL 30 # 25 75 BRR CENTRO</t>
  </si>
  <si>
    <t>EMPAQUES BGA</t>
  </si>
  <si>
    <t>CL 8 # 15 - 25 BRR COMUNEROS</t>
  </si>
  <si>
    <t>TELECOMUNICACIONES P Y C</t>
  </si>
  <si>
    <t>CL 69 G BIS # 45 B 58 - SUR BRR MANUELA BELTRAN</t>
  </si>
  <si>
    <t>MISCELANEA MEGACELL</t>
  </si>
  <si>
    <t>CL 58 C BIS # 86 37 - SUR BRR BOSA FLORIDA</t>
  </si>
  <si>
    <t>NATURALIZZATE PAGOS Y PAGOS</t>
  </si>
  <si>
    <t>CL 23 # 1 B 67 BRR SANTA BARBARA</t>
  </si>
  <si>
    <t>FIONEER SONIDO Y TECNOLOGIA</t>
  </si>
  <si>
    <t>CL 20 # 4 78 BRR FUSACATAN</t>
  </si>
  <si>
    <t>TORIBÍO</t>
  </si>
  <si>
    <t>ATICO DETALLES PARA TODA OCASION</t>
  </si>
  <si>
    <t>CRA 3 A 3 39</t>
  </si>
  <si>
    <t>PAPELERA Y MISELANEA JHONY</t>
  </si>
  <si>
    <t>CL. 3 AN #6 PIEDECUESTA SANTANDER COLOMBIA</t>
  </si>
  <si>
    <t>LOS MIGOS SYC</t>
  </si>
  <si>
    <t>CR 72 A # 63 D 49 BRR EL ENCANTO</t>
  </si>
  <si>
    <t>MISCELANEA Y VARIEDADES ITZAE</t>
  </si>
  <si>
    <t>CR 43 A # 52 53 BRR CIUDAD CORDOBA</t>
  </si>
  <si>
    <t>D LEON SOLUTIONS STORE</t>
  </si>
  <si>
    <t>CL 20 A # 39 - 102 / ESQ BRR LOS GUADUALES</t>
  </si>
  <si>
    <t>CASA DEL MINUTO</t>
  </si>
  <si>
    <t>CL 13 B # 3 A 46 BRR EL PORTAL</t>
  </si>
  <si>
    <t>FACA ON LINE</t>
  </si>
  <si>
    <t>CR 2 SUR # 8 63 BRR LOS MONARCAS</t>
  </si>
  <si>
    <t>CI LOGISTICA INDUSTRIA DEL TRANSPORTE JCM SA</t>
  </si>
  <si>
    <t>CRA 4 10 A 04</t>
  </si>
  <si>
    <t>VIDRIOS Y ALUMINIOS EL PILAR</t>
  </si>
  <si>
    <t>CRA. 34 #3687 GIRON SANTANDER COLOMBIA</t>
  </si>
  <si>
    <t>CENTRO DE ASISTENCIA TECNICA PILAS</t>
  </si>
  <si>
    <t>CL. 53 #36-13 BUCARAMANGA SANTANDER COLOMBIA</t>
  </si>
  <si>
    <t>VARIEDADES IBERO</t>
  </si>
  <si>
    <t>AV. 30 DE AGOSTO #50-570 PEREIRA RISARALDA COLOMBIA</t>
  </si>
  <si>
    <t>CAFETERIA ZONA FRESCA</t>
  </si>
  <si>
    <t>CR 12 # 8 - 37 BRR OBRERO</t>
  </si>
  <si>
    <t>MINIMARKET BRISAS DE CANA BRAVA</t>
  </si>
  <si>
    <t>CR 31 # 51 - 60 BRR BRISAS DE CANA BRAVA</t>
  </si>
  <si>
    <t>VARIEDADES ESTEBAN A</t>
  </si>
  <si>
    <t>CL 20 C SUR # 29 - 05 BRR MANZANOS</t>
  </si>
  <si>
    <t>OLAMMOVIL</t>
  </si>
  <si>
    <t>CR 26 # 41 27 BRR EL POBLADO</t>
  </si>
  <si>
    <t>DROGUERIA SIERRA MORENA</t>
  </si>
  <si>
    <t>DG 70 SUR # 73 D 51 BRR SIERRA MORENA</t>
  </si>
  <si>
    <t>REMATES VALENTINA</t>
  </si>
  <si>
    <t>CL 55 SUR # 87 G 31 BRR BOSA OLANDA</t>
  </si>
  <si>
    <t>CENTRO DE COMUNICACIONES SHARONCELL MULTISERVICIOS</t>
  </si>
  <si>
    <t>CL. 11 #14-70 MAICAO LA GUAJIRA COLOMBIA</t>
  </si>
  <si>
    <t>DROGUERIA MINIMARKET J J  K</t>
  </si>
  <si>
    <t>CL 12 15 08 BRR CENTRO</t>
  </si>
  <si>
    <t>DON PAGO BUENAVISTA</t>
  </si>
  <si>
    <t>CR 11 # 10 25 BRR CENTRO</t>
  </si>
  <si>
    <t>EFECTY EUCLIDES</t>
  </si>
  <si>
    <t>MZ J CA 1 BRR URBANIZACION GARAGOA</t>
  </si>
  <si>
    <t>MULTISERVICIOS ALTICO</t>
  </si>
  <si>
    <t>CL 5 # 12 09 BRR ALTICO</t>
  </si>
  <si>
    <t>XBORAMA</t>
  </si>
  <si>
    <t>CR 32 # 7 26 BRR VILLA DEL ROSARIO</t>
  </si>
  <si>
    <t>CENTRO DE BELLEZA</t>
  </si>
  <si>
    <t>CL 17 # 21 52 / LC 1 BRR TOPACIO</t>
  </si>
  <si>
    <t>MULTISERVICIOSEJJZ</t>
  </si>
  <si>
    <t>MZ K2 LT 6 BRR PARAISO</t>
  </si>
  <si>
    <t>IMPRESIONES JUFER</t>
  </si>
  <si>
    <t>CR 16 # 6 59 BRR SANTA MARTA</t>
  </si>
  <si>
    <t>JD SOLUCIONES INFORMATICAS</t>
  </si>
  <si>
    <t>CL 50 # 11 27 BRR COLOMBIA</t>
  </si>
  <si>
    <t>DROGUERIA ESPERANZA LOS MOLINOS</t>
  </si>
  <si>
    <t>CRA 21 43 08 LOS MOLINOS LOC LOS MOLINOS</t>
  </si>
  <si>
    <t>YHOJAN.COM</t>
  </si>
  <si>
    <t>CL 22 # 2 14 BRR ATALAYA</t>
  </si>
  <si>
    <t>OFISERVICIOS</t>
  </si>
  <si>
    <t>CL 12 # 3 A BIS 03 BRR LA CASTILLA</t>
  </si>
  <si>
    <t>DON PAGO GPD</t>
  </si>
  <si>
    <t>CL 51 SUR # 78 G 85 BRR EL OLIVO KENNEDY</t>
  </si>
  <si>
    <t>PAPELERIA COSITAS CHEVERES</t>
  </si>
  <si>
    <t>CL 68 B SUR # 69 - 43 / MZ 5 CA 1 BRR CASA GRANDE</t>
  </si>
  <si>
    <t>FASHION ACCESORIOS</t>
  </si>
  <si>
    <t>CR 24 # 46 06 BRR OLIVOS PRIMER SECTOR</t>
  </si>
  <si>
    <t>VARIEDADESLORENS</t>
  </si>
  <si>
    <t>CL 80 SUR # 78 G - 58 / MZ 1 BRR BOSA SAN JOSE</t>
  </si>
  <si>
    <t>PAPELERIA EFECTY</t>
  </si>
  <si>
    <t>MZ D CA 7 BRR ALTOS DE COVICON</t>
  </si>
  <si>
    <t>KAROL TELECOMUNICACIONES.COM</t>
  </si>
  <si>
    <t>CR 4 # 4 50 BRR LA ASCENCION</t>
  </si>
  <si>
    <t>PAGOS L M SAS</t>
  </si>
  <si>
    <t>SAI PIPE</t>
  </si>
  <si>
    <t>CL 9 # 5 80 / P 2 BRR KENEDY</t>
  </si>
  <si>
    <t>VARIEDADES ALEJANDRA.COM</t>
  </si>
  <si>
    <t>CR 97 C # 72 51 - SUR BRR BOSA EL RECREO</t>
  </si>
  <si>
    <t>ONLINE UBATE</t>
  </si>
  <si>
    <t>CL 12 # 05 94 / AP 2 A BRR LA LEGUA</t>
  </si>
  <si>
    <t>GRUPO EMPRESARIAL JJ</t>
  </si>
  <si>
    <t>CR 11 D # 20 23 BRR BALMORAL</t>
  </si>
  <si>
    <t>CL 34 KR 17 - 85 BRR SANTA MARTA</t>
  </si>
  <si>
    <t>MINIONS.NET</t>
  </si>
  <si>
    <t>CARRERA 12 # 1A06</t>
  </si>
  <si>
    <t>LA MISCELANEA</t>
  </si>
  <si>
    <t>CL 14 # 27 69 BRR UNIVERSIDAD</t>
  </si>
  <si>
    <t>ARIES COMUNICACIONES</t>
  </si>
  <si>
    <t>CRA 8 12 31</t>
  </si>
  <si>
    <t>DROGUERIA CHALODROGAS</t>
  </si>
  <si>
    <t>CRA 10 17-55 Ed Torre Central, local 104 Persira</t>
  </si>
  <si>
    <t>VILLA SERVICIOS LL</t>
  </si>
  <si>
    <t>MZ 22 CA 6 ET 2 URB BRR VILLA CAFE</t>
  </si>
  <si>
    <t>PAPELERIA CNE NET</t>
  </si>
  <si>
    <t>CL 20 # 11 A - 05 BRR NUEVO BALMORAL</t>
  </si>
  <si>
    <t>MULTISERVICIOS Y TELECOMUNICACIONES JJ</t>
  </si>
  <si>
    <t>CL 21 A # 14 - 36 BRR SINCELEJO</t>
  </si>
  <si>
    <t>VARIEDADES ELCENTAVO</t>
  </si>
  <si>
    <t>CARRERA14G#76-61 SUR</t>
  </si>
  <si>
    <t>REMATES NIMAIMA</t>
  </si>
  <si>
    <t>CL 3 A # 4 19 BRR CENTRO AL LADO DE LA AGENCIA FLOTA AGUILA</t>
  </si>
  <si>
    <t>CLICKPAGOS LOS FUNDADORES VALLEDUPAR</t>
  </si>
  <si>
    <t>TV 26 # 18 B - 52 BRR LOS FUNDADORES</t>
  </si>
  <si>
    <t>PAPELERIA MIL COLORES</t>
  </si>
  <si>
    <t>CL 30 # 74 81 BRR ONCE DE NOVIEMBRE</t>
  </si>
  <si>
    <t>TUCHÍN</t>
  </si>
  <si>
    <t>LUBRICANTES ZENUMIL</t>
  </si>
  <si>
    <t>CL 1 CRA 1 6 VDA ARAUCA</t>
  </si>
  <si>
    <t>ZONA BANANERA</t>
  </si>
  <si>
    <t>VARIEDADES SALOME ZB</t>
  </si>
  <si>
    <t>CL 5 # 7 42 / LC 02 CRR LA GRAN VIA BRR LAS MERCEDES</t>
  </si>
  <si>
    <t>MATANZA</t>
  </si>
  <si>
    <t>CENTRAL PARK</t>
  </si>
  <si>
    <t>CR 6 # 9 05 BRR VOLANTE</t>
  </si>
  <si>
    <t>FLAILEJON 2</t>
  </si>
  <si>
    <t>CL 38 # 32 A - 72 BRR FRAILEJON 2</t>
  </si>
  <si>
    <t>COMPU-VIDEO</t>
  </si>
  <si>
    <t>CL 7 # 13 52 BRR ALTICO</t>
  </si>
  <si>
    <t>CYBER.COM</t>
  </si>
  <si>
    <t>CL 42 # 87 G 10 BRR CIUDAD DE CALI</t>
  </si>
  <si>
    <t>EL SABOR TAUSANO</t>
  </si>
  <si>
    <t>CL 3 # 3 06 BRR CENTRO</t>
  </si>
  <si>
    <t>MISECLANEA Y PAPELERA PROSPERIDAD</t>
  </si>
  <si>
    <t>CL 15 # 6 63 BRR CENTRO</t>
  </si>
  <si>
    <t>DON PAGO AV CALI</t>
  </si>
  <si>
    <t>CL 76 # 85 83 BRR LA SOLEDAD NORTE</t>
  </si>
  <si>
    <t xml:space="preserve">HOSPEDAJE LA CASONA </t>
  </si>
  <si>
    <t>CRA. 14 #3-42 SANTANDER DE QUILICHAO CAUCA COLOMBIA</t>
  </si>
  <si>
    <t>DROGUERIA PANORAMA I</t>
  </si>
  <si>
    <t>CL. 14 #13-10 PEREIRA RISARALDA COLOMBIA</t>
  </si>
  <si>
    <t>DON PAGO TRANSACCIONES GT</t>
  </si>
  <si>
    <t>CR 70 F # 68 07 - SUR BRR PINOS DEL SUR</t>
  </si>
  <si>
    <t>MINITIENDA YULIETH</t>
  </si>
  <si>
    <t>CL 8 B # 2 68 BRR SANTA ROSA</t>
  </si>
  <si>
    <t>AGILIZAR CENTRO DE PAGOS Y SERVICIOS</t>
  </si>
  <si>
    <t>CRA 21 # 14-47</t>
  </si>
  <si>
    <t>SOLUCIONES HUELLITAS</t>
  </si>
  <si>
    <t>CL 76 B SUR # 14 80 / IN 1 BRR MARICHUELA</t>
  </si>
  <si>
    <t>CABINAS Y VIDEOJUEGOS SAN NICOLAS</t>
  </si>
  <si>
    <t>TV 40 # 74 A 09 - SUR BRR ARBOLIZADORA ALTA</t>
  </si>
  <si>
    <t>MISCELANEA PRINTO</t>
  </si>
  <si>
    <t>CL 3 D # 13 08 / LC 1 BRR ZIPAQUIRA</t>
  </si>
  <si>
    <t>MULTISERVICIOS CLICKPAGOS BUCARAMANGA</t>
  </si>
  <si>
    <t>CR 21 # 20 - 04 / L 2 ALM BRR SAN FRANCISCO</t>
  </si>
  <si>
    <t>SUAN</t>
  </si>
  <si>
    <t>SUPERTIENDA Y ESTANCO LA 14</t>
  </si>
  <si>
    <t>CL 3 14 09 EN SUAN</t>
  </si>
  <si>
    <t>IMIBU - FASHION</t>
  </si>
  <si>
    <t>CRA 7L # 131 - 98 MAZ15</t>
  </si>
  <si>
    <t>DROGUERIA GALACTICA 82</t>
  </si>
  <si>
    <t>CL 82 50 72</t>
  </si>
  <si>
    <t>NUEVA GRANADA</t>
  </si>
  <si>
    <t>MULTICELL DE LOS ANDES</t>
  </si>
  <si>
    <t>CRA 5 6 31 CERRO LOS ANDES</t>
  </si>
  <si>
    <t>UN TOQUE ESPECIAL</t>
  </si>
  <si>
    <t>CR 35 # 52 B 03 BRR PRIMERO DE MAYO</t>
  </si>
  <si>
    <t>EL TREBOL CHUCURENO</t>
  </si>
  <si>
    <t>CRA. 14 #1183 SAN VICENTE DE CHUCURI SANTANDER COLOMBIA</t>
  </si>
  <si>
    <t>GIROS Y PAGOS EN LINEA</t>
  </si>
  <si>
    <t>CL 22 # 66 68 BRR ATALAYA</t>
  </si>
  <si>
    <t>TU PAGO</t>
  </si>
  <si>
    <t>CL 15 # 14 27 BRR CENTRO</t>
  </si>
  <si>
    <t>DON PAGO MELENDEZ</t>
  </si>
  <si>
    <t>CR 94 # 4 86 BRR MELENDEZ</t>
  </si>
  <si>
    <t>PAPELERIA LAS MORALES</t>
  </si>
  <si>
    <t>CL 75 A BIS # 27 - 03 SUR BRR BELLAFLOR</t>
  </si>
  <si>
    <t>VARIEDADES INTERCOM</t>
  </si>
  <si>
    <t>CL 4 # 3 - 16 BRR CENTRO</t>
  </si>
  <si>
    <t>SUPERDIGITAL COLOMBIA</t>
  </si>
  <si>
    <t>CL 93 # 13 24 / P 4 BRR CHICO</t>
  </si>
  <si>
    <t>COMUNICACIONES DIANA Y DIANA V</t>
  </si>
  <si>
    <t>CR 27 B # 122 - 92 BRR CALIMIO DECEPAZ</t>
  </si>
  <si>
    <t>LA CARIBEA</t>
  </si>
  <si>
    <t>CL 94 # 3 B 9 BRR SAN LUIS</t>
  </si>
  <si>
    <t>TIENDA VARIEDADES FABELLA</t>
  </si>
  <si>
    <t>CRA. 18A #56-33 FLORIDABLANCA SANTANDER COLOMBIA</t>
  </si>
  <si>
    <t>VARIEDADES DYL</t>
  </si>
  <si>
    <t>CL. 122 #19 BUCARAMANGA SANTANDER COLOMBIA</t>
  </si>
  <si>
    <t>SEVEN STORE</t>
  </si>
  <si>
    <t>CRA. 35 #105-6 FLORIDABLANCA SANTANDER COLOMBIA</t>
  </si>
  <si>
    <t>EL RINCONCITO DE MAJO</t>
  </si>
  <si>
    <t>CL. 15 #5-26 LA TEBAIDA EL EDEN LA TEBAIDA QUINDIO COLOMBIA</t>
  </si>
  <si>
    <t>CARLONET COMUNICACIONES</t>
  </si>
  <si>
    <t>CR 72 F BIS # 39 B - 19 SUR BRR NUEVA YORK</t>
  </si>
  <si>
    <t>SERVICESSURE</t>
  </si>
  <si>
    <t>CL 18 A # 3 - 23 BRR LORENZO DE ALDANA</t>
  </si>
  <si>
    <t>DISTRIBUIDORA BERACA BARRANQUILLA</t>
  </si>
  <si>
    <t>CL. 70C #24-2 BARRANQUILLA ATLANTICO COLOMBIA</t>
  </si>
  <si>
    <t>FERRETERA Y VARIEDADES EL GRAN UNIVERSO</t>
  </si>
  <si>
    <t>CL 67 # 24 21 BRR LA VICTORIA</t>
  </si>
  <si>
    <t>COMUNICACIONES SAMY FILANDIA</t>
  </si>
  <si>
    <t>CR 5 # 5 49 BRR CENTRO</t>
  </si>
  <si>
    <t>CITYRECAUDOS</t>
  </si>
  <si>
    <t>CL 16 CA 10 MZ 6 BRR BELLO HORIZONTE</t>
  </si>
  <si>
    <t>JUAN CAMILO</t>
  </si>
  <si>
    <t>CL 57 B # 70 - 92 SUR / LC 2 BRR VILLA DEL RIO</t>
  </si>
  <si>
    <t>CELULAR PAO</t>
  </si>
  <si>
    <t>CR 6 # 2 16 BRR CENTRO</t>
  </si>
  <si>
    <t>VARIEDADES SAMARA NET</t>
  </si>
  <si>
    <t>CL 51 # 26 93 BRR QUINTAS DE SAN LUIS</t>
  </si>
  <si>
    <t>MINI SERVICIO ARLEN RAMIREZ QUINTERO</t>
  </si>
  <si>
    <t>CR 16 # 1 B 62 BRR SAN MARTIN</t>
  </si>
  <si>
    <t>SERVIEXPRESS JANDAS</t>
  </si>
  <si>
    <t>CL 114 # 30 72 BRR LA PRADERA</t>
  </si>
  <si>
    <t>ESQUINA LA 57 P Y V</t>
  </si>
  <si>
    <t>CL. 4A #5614 POPAYAN CAUCA COLOMBIA</t>
  </si>
  <si>
    <t>GARCIA OJEDA SERVICONTACTOS SAS</t>
  </si>
  <si>
    <t>CR 19 # 19 59 BRR SAN FRANCISCO</t>
  </si>
  <si>
    <t>LA NUEVA ESQUINITA</t>
  </si>
  <si>
    <t>CR 6 # 2 02 BRR SANTANA</t>
  </si>
  <si>
    <t>PAGOS EL RAICERO</t>
  </si>
  <si>
    <t>CL 14 CR 7 BRR EL RAICERO</t>
  </si>
  <si>
    <t>PAYUL</t>
  </si>
  <si>
    <t>CR 91 # 41 - 39 SUR BRR LAS BRISAS</t>
  </si>
  <si>
    <t>MIS 3 ANGELITOS</t>
  </si>
  <si>
    <t>CR 87 # 5 A - 21 BRR PATIO BONITO</t>
  </si>
  <si>
    <t>PEDRO LEON  REYES RIOS</t>
  </si>
  <si>
    <t>CR 53 W # 61 - 25 BRR BUCARAMANGA</t>
  </si>
  <si>
    <t>URB MZ G CA 36 BRR GONZALES CHAPARRO</t>
  </si>
  <si>
    <t>CELUACCESORIOS SS</t>
  </si>
  <si>
    <t>CL 4 # 6 29</t>
  </si>
  <si>
    <t>CIGARRERIA PEUITAS</t>
  </si>
  <si>
    <t>CL 37 B SUR # 1 A 09 BRR GUACAMAYAS</t>
  </si>
  <si>
    <t>MODISTERIA ALISSON</t>
  </si>
  <si>
    <t>CL 80 # 78 C - 42 SUR / MZ 1E IN 12 BRR BOSA SAN DIEGO</t>
  </si>
  <si>
    <t>ESTACION DE SERICIO LOS LIBERTADORES</t>
  </si>
  <si>
    <t>CR 11 # 16 25 BRR BOLIVARIANO</t>
  </si>
  <si>
    <t>TIENDA LA ELDA</t>
  </si>
  <si>
    <t>CL 5 # 13 27 BRR LA HELDA</t>
  </si>
  <si>
    <t>PAPELERIA KADICAR</t>
  </si>
  <si>
    <t>CR 14 # 21 15 BRR TENERIFE</t>
  </si>
  <si>
    <t>EL GRAN LAPIZ</t>
  </si>
  <si>
    <t>URB GALLINERAL CA 6 BRR GALLINERAL</t>
  </si>
  <si>
    <t>MISCELANIA PAPELERIA PEGY</t>
  </si>
  <si>
    <t>CL 75 SUR # 8 D 10 - ESTE BRR SANTA LIBRADA</t>
  </si>
  <si>
    <t>DROGUERIA JEMI-VIC</t>
  </si>
  <si>
    <t>CR 17 A # 78 C 64 BRR RESERVA LOS ALMENDROS</t>
  </si>
  <si>
    <t>FRANQUICIA INTERRRAPIDISIMO</t>
  </si>
  <si>
    <t>CR 35 # 51 63 / LC 10 BRR CABECERA</t>
  </si>
  <si>
    <t>DON PAGO LA CONCEPCION</t>
  </si>
  <si>
    <t>CR 65 # 75 39 / LC 4 BRR LA CONCEPCION</t>
  </si>
  <si>
    <t>DON PAGO GPS</t>
  </si>
  <si>
    <t>AK 27 # 6 95 BRR RICAURTE</t>
  </si>
  <si>
    <t>DON PAGO CIUDAD LATINA</t>
  </si>
  <si>
    <t>CR 15 F # 36 A 35 BRR CIUDAD LATINA</t>
  </si>
  <si>
    <t>VARIEDADES</t>
  </si>
  <si>
    <t>CL 19 # 1 C - 08 BRR EL TEJAR</t>
  </si>
  <si>
    <t>CR 8 E # 29 A 92 BRR LA CUMBRE</t>
  </si>
  <si>
    <t>CORRESPONSAL H.E.J.P</t>
  </si>
  <si>
    <t>CR 87 A # 35 B 91 - SUR BRR PATIO BONITO II</t>
  </si>
  <si>
    <t>CR 2 14-121</t>
  </si>
  <si>
    <t>INTERNET FRANCONET</t>
  </si>
  <si>
    <t>CL 4 # 6 11 BRR BERLIN</t>
  </si>
  <si>
    <t>DON PAGO SAN FRANCISCO</t>
  </si>
  <si>
    <t>CL 64 SUR # 19 G 08 BRR SAN FRANCISCO</t>
  </si>
  <si>
    <t>PAPELERIA RUIZ</t>
  </si>
  <si>
    <t>CR 10 # 54 - 03 BRR LA GRANJA</t>
  </si>
  <si>
    <t>VARIEDADES Y COMUNICACIONES PAULY</t>
  </si>
  <si>
    <t>CR 6 # 8 23 BRR FRENTE AL MALECON</t>
  </si>
  <si>
    <t>COM SERVISIOSJ.S</t>
  </si>
  <si>
    <t>CALLE 11 19 38</t>
  </si>
  <si>
    <t>COMUNICACIONES SARITA</t>
  </si>
  <si>
    <t>CR 104 B # 23 B 10 BRR LA GIRALDA FONTIBON</t>
  </si>
  <si>
    <t>PAPELERIA UNICORNIO</t>
  </si>
  <si>
    <t>CL 139 # 94 13 BRR CENTRO SUBA</t>
  </si>
  <si>
    <t>QUIBDÓ</t>
  </si>
  <si>
    <t>CR 4 BIS # 35 BIS 127 - NORTE BRR SAN JOSE</t>
  </si>
  <si>
    <t>PAPELERA  Y VARIEDADES  DYD</t>
  </si>
  <si>
    <t>CL 9 # 3 190 BRR CRISTO REY</t>
  </si>
  <si>
    <t>DAKARS VIP</t>
  </si>
  <si>
    <t>CL 75 # 21 A 16 - SUR BRR SEVILLA</t>
  </si>
  <si>
    <t>IMAGEN DIGITAL</t>
  </si>
  <si>
    <t>CRA. 14 #1 NORTE-16 POPAYN CAUCA COLOMBIA</t>
  </si>
  <si>
    <t>EL ALAMBIQUE DEL CHAT</t>
  </si>
  <si>
    <t>BLOQUE 6 5 LC 102</t>
  </si>
  <si>
    <t>TODOPLAST  ASEO</t>
  </si>
  <si>
    <t>CARRERA 19 NO.24-56</t>
  </si>
  <si>
    <t>PAPELERIA Y MISCELANEA MAYUTEL</t>
  </si>
  <si>
    <t>CL. 21 #22-33 BUCARAMANGA SANTANDER COLOMBIA</t>
  </si>
  <si>
    <t>TIENDA LA BOMBA JES</t>
  </si>
  <si>
    <t>29 #49 NORTE-3 ARMENIA QUINDIO COLOMBIA</t>
  </si>
  <si>
    <t>DON PAGO LA 14</t>
  </si>
  <si>
    <t>CL 14 SUR # 22 26 BRR RESTREPO</t>
  </si>
  <si>
    <t>DON PAGO EL REAL PC</t>
  </si>
  <si>
    <t>CL 66 A # 73 A 55 BRR EL REAL</t>
  </si>
  <si>
    <t>DON PAGO FONTIBON M.G</t>
  </si>
  <si>
    <t>CL 17 # 104 B 41 BRR FONTIBON</t>
  </si>
  <si>
    <t>SALOME</t>
  </si>
  <si>
    <t>CR 5 # 5 - 37 BRR CENTRO</t>
  </si>
  <si>
    <t>DROGUERIA GALACTICA VILLA SANTOS</t>
  </si>
  <si>
    <t>CL 106 50 102 CC ALQUALINA LC 12</t>
  </si>
  <si>
    <t>MOTOREPUESTOS ANYELON</t>
  </si>
  <si>
    <t>CR 25 # 20 642 BRR LA TRONCAL</t>
  </si>
  <si>
    <t>FOTO RISSI</t>
  </si>
  <si>
    <t>C PEN.</t>
  </si>
  <si>
    <t>DON PAGO SUBA SAN PEDRO</t>
  </si>
  <si>
    <t>CL 137 # 87 A 09 BRR SUBA SAN PEDRO</t>
  </si>
  <si>
    <t>GIROS Y ENVIOS</t>
  </si>
  <si>
    <t>CL 18 # 37 - 14 SUR BRR EL REMANSO SUR</t>
  </si>
  <si>
    <t>REPARACION Y TELEFONIA</t>
  </si>
  <si>
    <t>AV 24 # 85 C 86 BRR MODELIA</t>
  </si>
  <si>
    <t>CR 5 # 7 65 BRR CENTRO</t>
  </si>
  <si>
    <t>VARIEDADES PAOLA</t>
  </si>
  <si>
    <t>CR 9 SUR # 18 16 BRR EL ESFUERZO</t>
  </si>
  <si>
    <t>CIUDAD BOLÍVAR</t>
  </si>
  <si>
    <t>SURTI ASEO MORENO</t>
  </si>
  <si>
    <t>CRA 9 4 34</t>
  </si>
  <si>
    <t>SERVISEGUROS ZAPATOCA</t>
  </si>
  <si>
    <t>CRA. 9 #1847 ZAPATOCA SANTANDER COLOMBIA</t>
  </si>
  <si>
    <t>SV MULTISERVICIOS CONUCOS</t>
  </si>
  <si>
    <t>CRA 32 # 59 - 23 PISO 1</t>
  </si>
  <si>
    <t>DON PAGO BARRIO SANTANDER</t>
  </si>
  <si>
    <t>AV 1RA DE MAYO # 29- 41 BRR SANTANDER</t>
  </si>
  <si>
    <t>DIEGOLDS</t>
  </si>
  <si>
    <t>MZ C LT 2 BRR LUIS CARLOS GALAN</t>
  </si>
  <si>
    <t>SERVIPAGOS DEL SUR</t>
  </si>
  <si>
    <t>CR 39 SUR # 21 - 09 BRR LIMONAR</t>
  </si>
  <si>
    <t>SANTA MARÍA</t>
  </si>
  <si>
    <t>AKXESIN.COM</t>
  </si>
  <si>
    <t>CR 3 # 8 16 BRR CENTRO</t>
  </si>
  <si>
    <t>PAPELERIA Y MICELANEA SACOREY</t>
  </si>
  <si>
    <t>CL 85 A SUR # 78 79 - SUR / MZ 7 INTERIOR 92 BRR BOSA SAN DIEGO</t>
  </si>
  <si>
    <t>TIENDA LA 14</t>
  </si>
  <si>
    <t>CL 14 # 23 56 BRR CHAPINERO</t>
  </si>
  <si>
    <t>MC ELCTRICOS</t>
  </si>
  <si>
    <t>CL 5 # 4 72 BRR SOCORRO</t>
  </si>
  <si>
    <t>GRANERO SAMUEL</t>
  </si>
  <si>
    <t>CR 12 # 12 4 / LC 42 BRR VILLABEL</t>
  </si>
  <si>
    <t>CHIPATÁ</t>
  </si>
  <si>
    <t>DISTRIBUIDORA JB</t>
  </si>
  <si>
    <t>VELEZ-CHIPATA #368 CHIPATA SANTANDER COLOMBIA</t>
  </si>
  <si>
    <t>TIENDA LA COLOMBIANITA</t>
  </si>
  <si>
    <t>MZ 5 SEC E 3 CA 9 BRR NUEVA COLOMBIA</t>
  </si>
  <si>
    <t>DON PAGO K.O</t>
  </si>
  <si>
    <t>CL 161 A # 8 B 05 BRR SAN CRISTOBAL NORTE</t>
  </si>
  <si>
    <t>TODOPAGOS</t>
  </si>
  <si>
    <t>CL 61 SUR # 14 H 09 BRR LIBERTADORES</t>
  </si>
  <si>
    <t>DONDE PQUENO</t>
  </si>
  <si>
    <t>CR 2 C ESTE # 91 - 52 SUR BRR ALFONSO LOPEZ</t>
  </si>
  <si>
    <t>REDES Y SOPORTES RG</t>
  </si>
  <si>
    <t>CR 19 # 15 - 63 BRR ESTADIO</t>
  </si>
  <si>
    <t>GIROS HAWAY FRESH</t>
  </si>
  <si>
    <t>CR 4 C # 15 N 51 BRR MARIA PAZ</t>
  </si>
  <si>
    <t>GAODENT/CONES</t>
  </si>
  <si>
    <t>CL 69 SUR # 88 I 9 BRR BOSA SAN ANTONIO</t>
  </si>
  <si>
    <t>COMERCIALIZADORA KENYA</t>
  </si>
  <si>
    <t>CL 33 BIS SUR # 86 81 BRR PATIO BONITO</t>
  </si>
  <si>
    <t>CESAR APOLINAR</t>
  </si>
  <si>
    <t>CL 6 # 3 47 BRR CENTRO</t>
  </si>
  <si>
    <t>PLASTICOS Y DESECHABLES JULIANCHO</t>
  </si>
  <si>
    <t>CR 3 # 11 19 BRR TEJAR CENTRO</t>
  </si>
  <si>
    <t>SAHAGÚN</t>
  </si>
  <si>
    <t>TRAMITAR SAHAGUN</t>
  </si>
  <si>
    <t>CR 14 # 5 28 BRR LA CRUZ</t>
  </si>
  <si>
    <t>EDS ESPECIAL PA MOTOS</t>
  </si>
  <si>
    <t>CR 5 # 18 54 BRR CENTRO</t>
  </si>
  <si>
    <t>COMUNICACIONES AYDETEL</t>
  </si>
  <si>
    <t>CL 56 C 1 F 15 LA SOLEDAD</t>
  </si>
  <si>
    <t>PANADERIA LA 59</t>
  </si>
  <si>
    <t>MZ 59 LT 8 ESQ BRR VILLA MELISA</t>
  </si>
  <si>
    <t>CHARLOD LILIAN Y CHAROLD</t>
  </si>
  <si>
    <t>CL 8 # 35 05 BRR TRIUNFO</t>
  </si>
  <si>
    <t>LA CARTUCHERA</t>
  </si>
  <si>
    <t>CR 5 E # 28 10 BRR LA CUMBRE</t>
  </si>
  <si>
    <t>DON PAGO SANTA ISABEL</t>
  </si>
  <si>
    <t>CL 1 F # 27 08 BRR SANTA ISABEL</t>
  </si>
  <si>
    <t>CELUMUNDOS</t>
  </si>
  <si>
    <t>CR 53 A # 47 - 29 SUR BRR VENECIA</t>
  </si>
  <si>
    <t>MUNDO CIBER 2</t>
  </si>
  <si>
    <t>LT 2 M 1 BRR FLORESTA</t>
  </si>
  <si>
    <t>SERVIITODO</t>
  </si>
  <si>
    <t>CR 87 N # 59 C - 97 SUR BRR BOSA LIBERTAD</t>
  </si>
  <si>
    <t>SAN JUAN DE BETULIA</t>
  </si>
  <si>
    <t>CIBERNETLUISANA</t>
  </si>
  <si>
    <t>TV 9 A # 10 - 45 BRR CALLE REAL</t>
  </si>
  <si>
    <t>MOMIL</t>
  </si>
  <si>
    <t>OVICELL DE MOMIL</t>
  </si>
  <si>
    <t>CL 7 # 10 - 18 BRR CENTRO</t>
  </si>
  <si>
    <t>LIN@.NET</t>
  </si>
  <si>
    <t>CR 3 NO. 3 - 52 BRR CENTRO</t>
  </si>
  <si>
    <t>EL RINCON DE JOB</t>
  </si>
  <si>
    <t>CL 88 SUR # 9 63 - ESTE BRR ALTOS DEL PINO</t>
  </si>
  <si>
    <t>MAXI GRANOS</t>
  </si>
  <si>
    <t>CR 6 # 92 A 29 BRR VIRREY</t>
  </si>
  <si>
    <t>TCOMUNICAMOS.COM</t>
  </si>
  <si>
    <t>CL 9 # 9 29 - BRR CENTRO</t>
  </si>
  <si>
    <t>VENECIA</t>
  </si>
  <si>
    <t>INTERNET PUNTO MILE</t>
  </si>
  <si>
    <t>CL 3 # 3 94 CEN BRR VENECIA</t>
  </si>
  <si>
    <t>BUELVAS PAPELERIA</t>
  </si>
  <si>
    <t>CR 44 # 40 E 26 BRR EL PARQUE</t>
  </si>
  <si>
    <t>FOTOCOPIAS Y MAS LA TRECE</t>
  </si>
  <si>
    <t>CL. 13 #13A-15 POPAYN CAUCA COLOMBIA</t>
  </si>
  <si>
    <t>MISCELANEA DOA CECI</t>
  </si>
  <si>
    <t>CL 19 # 32 B 39 BRR SAN ALONSO</t>
  </si>
  <si>
    <t>AKUARELA</t>
  </si>
  <si>
    <t>CL 44 # 22 144 / LC 3 BRR EL POBLADO</t>
  </si>
  <si>
    <t>MAZINGA S.A.S</t>
  </si>
  <si>
    <t>CR 97 # 16 H 65 BRR FONTIBON</t>
  </si>
  <si>
    <t>JESHUA DON PAGO</t>
  </si>
  <si>
    <t>CL 19 # 69 14 - SUR BRR VILLA CLAUDIA</t>
  </si>
  <si>
    <t>REPRESENTACIONES VANPER</t>
  </si>
  <si>
    <t>AK 36 # 23 83 BRR CENTRO NARINO</t>
  </si>
  <si>
    <t>GUAYABETAL</t>
  </si>
  <si>
    <t>INTERNET Y  PAPELERIA JD</t>
  </si>
  <si>
    <t>CR 3 # 2 9 BRR CENTRO</t>
  </si>
  <si>
    <t>PAPELERIA LA 67</t>
  </si>
  <si>
    <t>CL 67 # 7 04 BRR BUCARAMANGA</t>
  </si>
  <si>
    <t>PAPELERÃA Y MISCELÃNEA J Y M</t>
  </si>
  <si>
    <t>CR 81 # 78 50 BRR LA GRANJA</t>
  </si>
  <si>
    <t>DROGUERIA GALACTICA 79</t>
  </si>
  <si>
    <t>CL 79 NO 52 55 LC 1 EN BARRANQUILLA</t>
  </si>
  <si>
    <t>METROCOMUNICACIONES LA 74</t>
  </si>
  <si>
    <t>CL 74 # 43 67 / LC 11 BRR COLOMBIA</t>
  </si>
  <si>
    <t>PAPELERIA PP</t>
  </si>
  <si>
    <t>CL 64 # 18 E 15 BRR PARNASO</t>
  </si>
  <si>
    <t>MISCELANEA SU AMIGO</t>
  </si>
  <si>
    <t>CR 4 # 5 02 BRR CENTRO</t>
  </si>
  <si>
    <t>DISTRIBUCIONES MARANATHA</t>
  </si>
  <si>
    <t>DG 14 # 26 A 86 BRR EL JARDIN</t>
  </si>
  <si>
    <t>SUPLEMENTOS ROPA DEPORTIVA</t>
  </si>
  <si>
    <t>CR 9 # 13 01 BRR CENTRO</t>
  </si>
  <si>
    <t>VARIEDADES JR</t>
  </si>
  <si>
    <t>CL 34 A # 1 A 77 - ESTE BRR SAN IGNACIO</t>
  </si>
  <si>
    <t>MISELANEA CRILUMYS</t>
  </si>
  <si>
    <t>CR 119 B # 126 F 42 / LC 1 BRR CENTRO</t>
  </si>
  <si>
    <t>TRES ESQUINAS</t>
  </si>
  <si>
    <t>CRR BRUSELAS CABECERA BRUSELAS CABECERA BRR PITALITO BRUSELAS CABECERA</t>
  </si>
  <si>
    <t>TIENDA MINUTOS EL MONO</t>
  </si>
  <si>
    <t>CL 69 A SUR # 76 C - 32 / CL BRR SANTO DOMINGO</t>
  </si>
  <si>
    <t>FULL SERVICE</t>
  </si>
  <si>
    <t>CR 82 D # 42 B - 04 SUR BRR VILLA NELLY</t>
  </si>
  <si>
    <t>MOTOCAR M.M.R</t>
  </si>
  <si>
    <t>CR 4 # 5 56 BRR LAS PUENTES</t>
  </si>
  <si>
    <t>COMERCIALIZADORES HP SAS</t>
  </si>
  <si>
    <t>CL 4 # 5 15 BRR CENTRO</t>
  </si>
  <si>
    <t>CAFÃ‰ INTERNET</t>
  </si>
  <si>
    <t>CL 9 # 1 27 BRR LIBERTADOR</t>
  </si>
  <si>
    <t>DISTRIBUIDORA LA MAJAYURA</t>
  </si>
  <si>
    <t>CRA. 7 #12-20 BARRANCAS LA GUAJIRA COLOMBIA</t>
  </si>
  <si>
    <t>GRUPO ANDINO RECAUDOS</t>
  </si>
  <si>
    <t>SEC 13 BL 18 -11 LC 101 BRR BUCARICA</t>
  </si>
  <si>
    <t>EL PAUJÍL</t>
  </si>
  <si>
    <t>ESTACION DE SERVICIO EL COLISEO</t>
  </si>
  <si>
    <t>CL 5 # 8 62 BRR EL COLISEO PAUJIL</t>
  </si>
  <si>
    <t>LA ESTACION DE PUEBLO NUEVO</t>
  </si>
  <si>
    <t>CL 2 C # 8 15 BRR PUEBLO NUEVO</t>
  </si>
  <si>
    <t>VARIEDADES ISSA</t>
  </si>
  <si>
    <t>CR 3 # 5 - 27 BRR CENTRO</t>
  </si>
  <si>
    <t>COMPUNETPUNTOCOM.CO</t>
  </si>
  <si>
    <t>CL 71 SUR # 102 51 BRR BOSA EL RECREO</t>
  </si>
  <si>
    <t>TIENDA ESCOLAR</t>
  </si>
  <si>
    <t>CR 121 # 22 H 33 BRR LA SELFITA FONTIBON</t>
  </si>
  <si>
    <t>VARIEDADES MARLY</t>
  </si>
  <si>
    <t>CL 43 # 44 40 / AP 01 BRR URBANIZACION EL PARQUE</t>
  </si>
  <si>
    <t>GIXI PAPELERA Y MISCELNEA</t>
  </si>
  <si>
    <t>CRA. 23 #18-38 BUCARAMANGA SANTANDER COLOMBIA</t>
  </si>
  <si>
    <t>VARIEDADES MARY</t>
  </si>
  <si>
    <t>CL 34 BIS SUR # 87 F - 75 BRR PATIO BONITO</t>
  </si>
  <si>
    <t>GRUPO HM ASESORES</t>
  </si>
  <si>
    <t>CR 14 # 137 - 78 SUR BRR USME CENTRO</t>
  </si>
  <si>
    <t>TIENDA Y MISCELANEA LA 34</t>
  </si>
  <si>
    <t>CL 34 # 1 W - 06 BRR SANTA INES</t>
  </si>
  <si>
    <t>MISCELANEA BOSQUES DE SANLUIS</t>
  </si>
  <si>
    <t>CL 31 SUR # 32 - 22 BRR BOSQEUS DE SAN LUIS</t>
  </si>
  <si>
    <t>INTERNET ROSI</t>
  </si>
  <si>
    <t>CR 98 D # 62 A 21 - SUR / ET 2 BRR ATALAYAS</t>
  </si>
  <si>
    <t>EKKOCELL</t>
  </si>
  <si>
    <t>CR 58 # 94 B 94 BRR RÃO NEGRO</t>
  </si>
  <si>
    <t>VARIEDADES ROSALES</t>
  </si>
  <si>
    <t>CR 19 # 47 02 BRR CIUDAD DEL PUERTO</t>
  </si>
  <si>
    <t>DROGUERIA UNIVERSAL CJ</t>
  </si>
  <si>
    <t>CL 7 # 20 A 06 / LC 1 BRR JOSE MARIA OBANDO</t>
  </si>
  <si>
    <t>VARIEDADES ALEJANDRO</t>
  </si>
  <si>
    <t>CR 18 # 60 127 BRR TRINIDAD</t>
  </si>
  <si>
    <t>LOS COLORED DE DILAN</t>
  </si>
  <si>
    <t>CR 39 # 9 C - 26 BRR BOCHICA</t>
  </si>
  <si>
    <t>ADRIANA SOACHA</t>
  </si>
  <si>
    <t>DG 77 A SUR # 18 C 29 BRR TESORO</t>
  </si>
  <si>
    <t>CREACIONES ULY</t>
  </si>
  <si>
    <t>CL 47 A # 32 A 49 BRR BELLAVISTA</t>
  </si>
  <si>
    <t>SUTATAUSA</t>
  </si>
  <si>
    <t>FERRETERIA CHINVILO</t>
  </si>
  <si>
    <t>CL 1 # 1 01 BRR PENAS DE BOQUERON</t>
  </si>
  <si>
    <t>SUPERMERCADO DONDE SANCHEZ</t>
  </si>
  <si>
    <t>CL 20 # 17 53 / LC 3 BRR GAITAN</t>
  </si>
  <si>
    <t>MISCELANIA ANGGY</t>
  </si>
  <si>
    <t>CR 3 # 2 K 14 / MZ 27 CA 09 BRR BARANDILLAS</t>
  </si>
  <si>
    <t>VARIEDADES CATHE AL</t>
  </si>
  <si>
    <t>CL 40 # 8 D 15 BRR ALBORAYA</t>
  </si>
  <si>
    <t>TIENDAS MARK</t>
  </si>
  <si>
    <t>CRA. 8 #17-113 PLANETA RICA CORDOBA COLOMBIA</t>
  </si>
  <si>
    <t>DROGUERIA SALUD Y VIDA DS</t>
  </si>
  <si>
    <t>CRA 4 28-02</t>
  </si>
  <si>
    <t>PAPELERIA KTE</t>
  </si>
  <si>
    <t>CL 45 # 22 67 BRR POBLADO</t>
  </si>
  <si>
    <t>PARQUEADERO SOLO MOTOS LA 10</t>
  </si>
  <si>
    <t>CL. 10 #4-64 PIEDECUESTA SANTANDER COLOMBIA</t>
  </si>
  <si>
    <t>THE WINDOW POINT</t>
  </si>
  <si>
    <t>SEC 6 BQ 1 -43 AP 104 BRR ALTOS DE BELLAVISTA</t>
  </si>
  <si>
    <t>HALIEL</t>
  </si>
  <si>
    <t>CALLE 73 NO. 34B 28</t>
  </si>
  <si>
    <t>ESTACION DE SERVICIO LA ISABELA</t>
  </si>
  <si>
    <t>CL 105 16 A 32</t>
  </si>
  <si>
    <t>VARIEDADES YESANTI</t>
  </si>
  <si>
    <t>CR 13 # 145 71 BRR EL SALADO</t>
  </si>
  <si>
    <t>DON PAGO LA 72</t>
  </si>
  <si>
    <t>CL 72 J # 4 N 06 BRR FLORALIA</t>
  </si>
  <si>
    <t>COMUNICACIONES BYF</t>
  </si>
  <si>
    <t>CR 17 B # 66 B - 12 SUR BRR ALAMEDA</t>
  </si>
  <si>
    <t>PAPELERIA J Y M</t>
  </si>
  <si>
    <t>CR 18 # 53 - 15 SUR BRR SAN CARLOS</t>
  </si>
  <si>
    <t>VARIEDADES Y PAPELERIA ANDREA</t>
  </si>
  <si>
    <t>CL 43 # 99 - 4 BRR SAN JOSE</t>
  </si>
  <si>
    <t>FERRETERIA LASSO</t>
  </si>
  <si>
    <t>CL 70 # 3 A - 09 BRR TERCER MILENIO</t>
  </si>
  <si>
    <t>MANADIPU.COM</t>
  </si>
  <si>
    <t>CR 7 # 38 04 BRR LAS GRANJAS</t>
  </si>
  <si>
    <t>ACCESORIOS SRA</t>
  </si>
  <si>
    <t>CR 18 # 44 53 BRR RINCON PARTE BAJA</t>
  </si>
  <si>
    <t>LURUACO</t>
  </si>
  <si>
    <t>MULTIVARIEDADES ZYM</t>
  </si>
  <si>
    <t>CL. 18 #19-85 LURUACO ATLNTICO COLOMBIA</t>
  </si>
  <si>
    <t>GUAVATÁ</t>
  </si>
  <si>
    <t>DEPORT SPORK</t>
  </si>
  <si>
    <t>CL 4 # 4 43 BRR CENTRO</t>
  </si>
  <si>
    <t>D.P SURINAMA TUNJA</t>
  </si>
  <si>
    <t>CR 11 # 3 78 BRR SURINAMA</t>
  </si>
  <si>
    <t>DON PAGO LA FE</t>
  </si>
  <si>
    <t>CR 24 # 68 07 BRR LAS MORAS IV</t>
  </si>
  <si>
    <t>MISCELANEA Y PAPELERIA JUAN B</t>
  </si>
  <si>
    <t>CL 63 SUR # 71 B - 39 BRR ISMAEL PERDOMO</t>
  </si>
  <si>
    <t>PAPELERIA GOLDEN 2</t>
  </si>
  <si>
    <t>DG 45 A SUR # 13 J - 34 BRR SAN JORGE</t>
  </si>
  <si>
    <t>CHARLIES.COM INTERNET</t>
  </si>
  <si>
    <t>TV 3 # 77 - 03 SUR / P 1 BRR MARICHUELA</t>
  </si>
  <si>
    <t>FIVE BLACKS</t>
  </si>
  <si>
    <t>MZ 28 B 12 C BRR EL REMANZO</t>
  </si>
  <si>
    <t>TELECOMUNICACIONES CYBER</t>
  </si>
  <si>
    <t>CR 7 ESTE # 90 D 51 - SUR / CR BRR ALFONSO LOPEZ</t>
  </si>
  <si>
    <t>CR 87 I # 35 B 21 - SUR / CA LA CASA DE PAPEL BRR PATIO BONITO</t>
  </si>
  <si>
    <t>MISCELANEA Y VARIEDADES SAN MIGUEL</t>
  </si>
  <si>
    <t>CR 66 # 2 13 BRR GALAN</t>
  </si>
  <si>
    <t>SUPERMARKET OVIEDO</t>
  </si>
  <si>
    <t>CL 12 A # 71 C 20 / ED ADMON BRR NUEVA VILLA ALSACIA</t>
  </si>
  <si>
    <t>MULTISERVICIOS JJ FLORENCIA</t>
  </si>
  <si>
    <t>BARRIO CENTRO</t>
  </si>
  <si>
    <t>@NCHASA.COM</t>
  </si>
  <si>
    <t>CL 73 # 29 49 BRR LA FLORESTA</t>
  </si>
  <si>
    <t>MISCEANEA</t>
  </si>
  <si>
    <t>CL 12 # 10 22 BRR CENTRO RIO NEGRO</t>
  </si>
  <si>
    <t>PAPELERIA 20 DE JULIO</t>
  </si>
  <si>
    <t>CL 27 SUR # 5 A - 22 BRR 20 DE JULIO</t>
  </si>
  <si>
    <t>TERABYTE</t>
  </si>
  <si>
    <t>CL 56 SUR # 4 P 20 BRR DANUBIO</t>
  </si>
  <si>
    <t>MULTISERVICIOS PLANETARICA</t>
  </si>
  <si>
    <t>CRA 7 15 47 BARRIO CENTRO</t>
  </si>
  <si>
    <t>VARIEDADES Y SERVICIOS SAMI</t>
  </si>
  <si>
    <t>CL 1 # 2 23 BRR VIA PANAMERICANA</t>
  </si>
  <si>
    <t>PRACTIPAGOS LA VICTORIA</t>
  </si>
  <si>
    <t>CL 68 14 24</t>
  </si>
  <si>
    <t>DROGUERIA TU SALUD</t>
  </si>
  <si>
    <t>BRR LA PATRIA MZ 33 CA 9</t>
  </si>
  <si>
    <t>TIENDA LULIS</t>
  </si>
  <si>
    <t>CR 14 # 11 A 07 BRR CENTRO</t>
  </si>
  <si>
    <t>PAPELERIA NATIFARMA</t>
  </si>
  <si>
    <t>CL 92 A SUR # 55 - 4 / LC 1 MZ 10 CA 32 BRR LA MADRID</t>
  </si>
  <si>
    <t>ACUARELAS</t>
  </si>
  <si>
    <t>CL 84 SUR # 96 - 85 / SC 2 CON BRR ALISO</t>
  </si>
  <si>
    <t>SERVITECH JJ</t>
  </si>
  <si>
    <t>CR 12 # 53 - 185 BRR LA DESPERSA</t>
  </si>
  <si>
    <t>ARENAS.COM PAPELERIA</t>
  </si>
  <si>
    <t>CL 8 # 18 - 51 BRR CALIXTO</t>
  </si>
  <si>
    <t>TELECOMUNICACIONES MI KATY</t>
  </si>
  <si>
    <t>CR 106 # 16 B 36 BRR EL TAPETE FONTIBON</t>
  </si>
  <si>
    <t>LION CONNECTION</t>
  </si>
  <si>
    <t>CL 1 ESTE # 3 A 4 BRR SAN RAFAEL</t>
  </si>
  <si>
    <t>FERREMATERIALES EL INGENIERO</t>
  </si>
  <si>
    <t>CL. 37 #8-48 BUCARAMANGA SANTANDER COLOMBIA</t>
  </si>
  <si>
    <t>TACTICOS DELTHA</t>
  </si>
  <si>
    <t>CR 5 # 16 87 BRR VERACRUZ</t>
  </si>
  <si>
    <t>CAFETERIA LABERINTO</t>
  </si>
  <si>
    <t>CL 46 # 6 72 BRR LOS CRISTALES</t>
  </si>
  <si>
    <t>OFERTAS</t>
  </si>
  <si>
    <t>MAZ 10 CA 22</t>
  </si>
  <si>
    <t>PAPELERIA JUANICO</t>
  </si>
  <si>
    <t>DG 12 SUR # 14 33 BRR SAN FRANCISCO DE ASIS</t>
  </si>
  <si>
    <t>MICELANEA ANNY TOTO</t>
  </si>
  <si>
    <t>CR 114 # 22 I 91 BRR ATAHUALPA FONTIBON</t>
  </si>
  <si>
    <t>DISTRIBUCIONES D.C</t>
  </si>
  <si>
    <t>CRA. 17 #23-85 SINCELEJO SUCRE COLOMBIA</t>
  </si>
  <si>
    <t>DROGUERIA Y VARIEDADES EDYMAR</t>
  </si>
  <si>
    <t>CL 26 13 07</t>
  </si>
  <si>
    <t>LOS CÓRDOBAS</t>
  </si>
  <si>
    <t>NAUTA SERVICIOS</t>
  </si>
  <si>
    <t>CRA 5 4 20</t>
  </si>
  <si>
    <t>DROGUERIA EL DONCELLO</t>
  </si>
  <si>
    <t>CR 4 # 5 31 BRR EL CENTRO</t>
  </si>
  <si>
    <t>INTERRAPIDISO ALBANIA</t>
  </si>
  <si>
    <t>CL 5 # 5 45 BRR CENTRO ALBANIA</t>
  </si>
  <si>
    <t>D.P CIUDAD ROMA</t>
  </si>
  <si>
    <t>DG 60 # 80 B 24 - SUR BRR BOSA CENTRO LA SULTANA</t>
  </si>
  <si>
    <t>COMUNICACIONES MUNDO ROSSY</t>
  </si>
  <si>
    <t>CR 1 C # 1 - 22 / LC BRR EL BALCON</t>
  </si>
  <si>
    <t>BRAYANSTIVEMACETO@OUTLOOK.COM</t>
  </si>
  <si>
    <t>CR 80 J # 72 B - 34 SUR BRR BOSA LAURELES</t>
  </si>
  <si>
    <t>GLOBATEL.COM</t>
  </si>
  <si>
    <t>CL 1 F # 35 B - 11 BRR BOCHICA CENTRAL</t>
  </si>
  <si>
    <t>CAFE BAR LA COLMENA</t>
  </si>
  <si>
    <t>CL 54 # 45 - 40 BRR SIRACUSA</t>
  </si>
  <si>
    <t>PYHMARKETING</t>
  </si>
  <si>
    <t>CR 5 # 5 - 49 BRR CENTRO</t>
  </si>
  <si>
    <t>MULTISERVICIOS DE TODITO</t>
  </si>
  <si>
    <t>CR 25 # 18 A - 21 SUR BRR TIMANCO II ETAPA</t>
  </si>
  <si>
    <t>ALMACEN EL CHEQUE VILLA VIEJA</t>
  </si>
  <si>
    <t>CL 4 # 5 5 BRR LA ESTRELLA</t>
  </si>
  <si>
    <t>LITTI PAPELERIA</t>
  </si>
  <si>
    <t>CR 111 A # 22 I - 55 BRR VERSALLES</t>
  </si>
  <si>
    <t>ARELIS JOANA ROCHA MARTINEZ</t>
  </si>
  <si>
    <t>CL 6 FRENTE AL CAMPO BRR URQUIJO</t>
  </si>
  <si>
    <t>ESTANCO TIENDA ISAMAR</t>
  </si>
  <si>
    <t>CL 19 8 34 BRR LOMA FRESCA</t>
  </si>
  <si>
    <t>MILENA MOLINA</t>
  </si>
  <si>
    <t>CL 42 # 43 146 BRR CENTRO</t>
  </si>
  <si>
    <t>MIS.NET_ASTURIAS</t>
  </si>
  <si>
    <t>TV 28 # 104 109 BRR ASTURIAS II</t>
  </si>
  <si>
    <t>VARIEDADES QUINDIANAS</t>
  </si>
  <si>
    <t>CL 25 # 8 57 BRR TORASSO</t>
  </si>
  <si>
    <t>PAPELERIA ERIKA</t>
  </si>
  <si>
    <t>CR 1 A # 2 - 68 SUR BRR CARTAGENITA FACATATIVA</t>
  </si>
  <si>
    <t>ZONA ZERO.COM</t>
  </si>
  <si>
    <t>CL 6 # 1 84 BRR CENTRO</t>
  </si>
  <si>
    <t>SUPERTIENDA VICENTE ARAUJO</t>
  </si>
  <si>
    <t>CL 80 C # 11 44 BRR VICENTE ARAUJO</t>
  </si>
  <si>
    <t>SHOOTING STAR</t>
  </si>
  <si>
    <t>CR 27 # 13 16 BRR UNIVERSIDAD</t>
  </si>
  <si>
    <t>VARIEDADES SALO</t>
  </si>
  <si>
    <t>CR 9 A # 81 41 - SUR BRR YOMASA</t>
  </si>
  <si>
    <t>MULTISERVICIOS TURIN</t>
  </si>
  <si>
    <t>AV 7 # 1 E 12 / CEN BRR ARBELAEZ BARRIO TURIN</t>
  </si>
  <si>
    <t>TOUCH POINT DE COLOMBIA</t>
  </si>
  <si>
    <t>CR 6 A # 2 40 BRR PISA BONITO</t>
  </si>
  <si>
    <t>BIOMEDICAL DROGUERIA PHARMACY</t>
  </si>
  <si>
    <t>MZ 48 LT 16 BRR CANTA CLARO</t>
  </si>
  <si>
    <t>PAPELERIA Y MISCELNEA BANDERINES</t>
  </si>
  <si>
    <t>CL 20 # 32 A 45 BRR SAN ALONSO</t>
  </si>
  <si>
    <t>VARIEDADES EILEEN DE SUAZA</t>
  </si>
  <si>
    <t>CL 5 # 7 - 15 BRR TARQUINO SUAZA</t>
  </si>
  <si>
    <t>MORALES</t>
  </si>
  <si>
    <t>PAPELERIA TECNO LUCI</t>
  </si>
  <si>
    <t>KDX 1129 BRR URB BASTIDAS</t>
  </si>
  <si>
    <t>PAPELERIA ITHAN</t>
  </si>
  <si>
    <t>CL 68 A # 49 - 54 SUR BRR CANDELARIA LA NUEVA</t>
  </si>
  <si>
    <t>PAÑALERA JUANCHIS</t>
  </si>
  <si>
    <t>CR 7 # 10 B 14 BRR CENTRO</t>
  </si>
  <si>
    <t>DROGUERIA LONDRES</t>
  </si>
  <si>
    <t>CL 54 # 41 - 03</t>
  </si>
  <si>
    <t>COMUNICACIONES Y MENSAJERIA JC</t>
  </si>
  <si>
    <t>CL 7 # 3 25 BRR CENTRO</t>
  </si>
  <si>
    <t>DON PAGO ALQUERIA</t>
  </si>
  <si>
    <t>CL 37 B # 68 F 58 BRR ALQUERIA</t>
  </si>
  <si>
    <t>MULTISERVICIOS EL CAGUAN</t>
  </si>
  <si>
    <t>CR 4 # 4 34 BRR CENTRO</t>
  </si>
  <si>
    <t>SANTIS PAN</t>
  </si>
  <si>
    <t>CL 57 A # 77 K - 91 SUR BRR ROMA</t>
  </si>
  <si>
    <t>CASTILLA EXPRESS</t>
  </si>
  <si>
    <t>CR 80 C BIS # 7 A - 95 BRR CASTILLA</t>
  </si>
  <si>
    <t>BETHEL TIENDA INFANTIL</t>
  </si>
  <si>
    <t>CR 9 # 5 - 32 BRR SUCRE</t>
  </si>
  <si>
    <t>MEDIFARMA COROZAL</t>
  </si>
  <si>
    <t>CRA. 24 #36A-68 COROZAL SUCRE COLOMBIA</t>
  </si>
  <si>
    <t>ARMONIA NATURAL</t>
  </si>
  <si>
    <t>CR 8 # 12 62 BRR CENTRO</t>
  </si>
  <si>
    <t>DROGUERIA DROGAS FARMA TOTAL</t>
  </si>
  <si>
    <t>CL 67 # 24 39 BRR LA VICTORIA</t>
  </si>
  <si>
    <t>INTERNET CASA GRANDE</t>
  </si>
  <si>
    <t>CL 16 # 5 13 BRR CENTRO</t>
  </si>
  <si>
    <t>DON PAGO AC</t>
  </si>
  <si>
    <t>CR 25 B SUR # 5 87 BRR VEINTE DE JULIO</t>
  </si>
  <si>
    <t>INOV@CIONESNET</t>
  </si>
  <si>
    <t>CL 23 # 9 - 50 BRR SAN MIGUEL</t>
  </si>
  <si>
    <t>ANZOÁTEGUI</t>
  </si>
  <si>
    <t>TEKNOVATE</t>
  </si>
  <si>
    <t>CR 2 # 8 - 48 BRR CENTRO</t>
  </si>
  <si>
    <t>PAPELERÃA ARRAYÃN</t>
  </si>
  <si>
    <t>CL 83 SUR # 91 70 BRR BOSA PARQUES DE BOGOTA</t>
  </si>
  <si>
    <t>SAN BERNARDO DEL VIENTO</t>
  </si>
  <si>
    <t>VARIEDADES OASIS SAN BERNARDO</t>
  </si>
  <si>
    <t>CL. 7 #702 SAN BERNARDO DEL VIENTO Cï¿“RDOBA COLOMBIA</t>
  </si>
  <si>
    <t>INTERNET VANESSA</t>
  </si>
  <si>
    <t>CR 2 # 2 25 BRR CENTRO</t>
  </si>
  <si>
    <t>MICROMERCADO Y PAPELERIA CATALINA</t>
  </si>
  <si>
    <t>PL LA VIRGEN CA 180 BRR NUEVA COLOMBIA</t>
  </si>
  <si>
    <t>MARKET MIRADORES DE SAN LORENZO</t>
  </si>
  <si>
    <t>CRA 29 94 - 56 LOC-2S LORENZO</t>
  </si>
  <si>
    <t>MIL DETALLES MARLEN</t>
  </si>
  <si>
    <t>CR 3 C # 1 A 08 BRR PALERMO</t>
  </si>
  <si>
    <t>DON PAGO ZARZAMORA</t>
  </si>
  <si>
    <t>CR 90 # 70 B 52 BRR ZARZAMORA</t>
  </si>
  <si>
    <t>JIMENA ALEXANDRA</t>
  </si>
  <si>
    <t>CR 17 # 19 - 71 BRR LA ESPERANZA</t>
  </si>
  <si>
    <t>MIS PAGOS VILLA CAFE</t>
  </si>
  <si>
    <t>MZ 6 LC 34 CC ET 3 BRR VILLA CAFE</t>
  </si>
  <si>
    <t>CIGARRERIA JJY</t>
  </si>
  <si>
    <t>DG 150 # 141 A 85 / E BRR CAMINOS DE LA ESPERANZA</t>
  </si>
  <si>
    <t>BEAUTIFULL PRICE</t>
  </si>
  <si>
    <t>CL 2 # 93 D - 66 / TO 13 AP 105 BRR OSORIO III</t>
  </si>
  <si>
    <t>KAIROS PAPELERIA Y VARIEDADES</t>
  </si>
  <si>
    <t>CR 20 # 18 142 BRR CORDIALIDAD</t>
  </si>
  <si>
    <t>TIENDAS SHADDAI</t>
  </si>
  <si>
    <t>CL 3 # 3 61 BRR LA SIERRA</t>
  </si>
  <si>
    <t>PAPELERIA MARVIN</t>
  </si>
  <si>
    <t>CR 14 D BIS # 138 A - 03 SUR BRR LA MARIA</t>
  </si>
  <si>
    <t>EDGAR RAMIREZ NOGUERA</t>
  </si>
  <si>
    <t>CR 69 # 7 - 21 OCC BRR MARSELLA</t>
  </si>
  <si>
    <t>PAPELERIA Y MISCELANEA TINTA Y PAPEL</t>
  </si>
  <si>
    <t>CR 90 A # 46 51 - SUR BRR BOSA LAS MARGARITAS</t>
  </si>
  <si>
    <t>TELECOMUNICACIONES LA CRECIENTE</t>
  </si>
  <si>
    <t>CL 51 SUR # 91 G 18 BRR BOSA PORVENIR</t>
  </si>
  <si>
    <t>VARIEDADES NOSSA</t>
  </si>
  <si>
    <t>CR 91 C # 5 A 45 - SUR BRR PRIMAVERA DEL TINTAL III</t>
  </si>
  <si>
    <t>CEVECOM 51</t>
  </si>
  <si>
    <t>VDA PUEBLO REGAO BRR CENTRO</t>
  </si>
  <si>
    <t>SABANA DE TORRES</t>
  </si>
  <si>
    <t>MULTISERVICIOS.ROHI</t>
  </si>
  <si>
    <t>CL. 14 #1868 SABANA DE TORRES SANTANDER COLOMBIA</t>
  </si>
  <si>
    <t>GUANES CENTRO DE SOLUCIONES</t>
  </si>
  <si>
    <t>CL. 9 #6-55 OIBA SANTANDER COLOMBIA</t>
  </si>
  <si>
    <t>LICORES Y PAPELERIA ALEX</t>
  </si>
  <si>
    <t>MA 14 CA 6 CONJ TEJARES DE LA LOMA</t>
  </si>
  <si>
    <t>DON PAGO CAROPAGO</t>
  </si>
  <si>
    <t>CL 15 SUR # 24 H 42 / LC 1 BRR RESTREPO VALVANERA</t>
  </si>
  <si>
    <t>LAVASECO FATIMA</t>
  </si>
  <si>
    <t>CL 53 B SUR # 35 A - 94 BRR FATIMA</t>
  </si>
  <si>
    <t>SOLUCIONES PP</t>
  </si>
  <si>
    <t>CR 11 # 24 - 46 BRR MARGARITA</t>
  </si>
  <si>
    <t>WW COMUNICAR</t>
  </si>
  <si>
    <t>CR 8 # 80 30 - SUR BRR YOMASA</t>
  </si>
  <si>
    <t>CRISTALES DISENO Y EXHIBICION</t>
  </si>
  <si>
    <t>KR 84 # 61 A - 32 SUR BOSA LA PAZ</t>
  </si>
  <si>
    <t>PAPELERIA Y VARIEDADES PENTAGRAMA</t>
  </si>
  <si>
    <t>CR 31 # 38 178 BRR CIUDAD VERDE</t>
  </si>
  <si>
    <t>LA UNION</t>
  </si>
  <si>
    <t>2 BRR VEREDA SANTA ANA FRENTE A LA ESCUELA</t>
  </si>
  <si>
    <t>REFORESTACION ADRIVAL</t>
  </si>
  <si>
    <t>CL 9 # 17 102 BRR SANTANDER</t>
  </si>
  <si>
    <t>VARIEDADES MARYMUR</t>
  </si>
  <si>
    <t>CRA. 20B #47B-6 BARRANQUILLA ATLANTICO COLOMBIA</t>
  </si>
  <si>
    <t>DROGUERIA D LOS PAISAS  I</t>
  </si>
  <si>
    <t>CRA 7 6 02</t>
  </si>
  <si>
    <t>DROGUERIA Y MARKET FARMATRIBUNAS CONDINA</t>
  </si>
  <si>
    <t>CRAILOMETRO 8 VIA PEREIRA ARMENIA GUACARI CONDINA CORREGIMIENTO TRIBUNAS</t>
  </si>
  <si>
    <t>MARCAS MARCAS</t>
  </si>
  <si>
    <t>CR 14 # 14 32 BRR CENTRO</t>
  </si>
  <si>
    <t>DON PAGO ARIARI</t>
  </si>
  <si>
    <t>CR 13 # 24 10 BRR LAS DELICIAS</t>
  </si>
  <si>
    <t>EFECTY ARIAS</t>
  </si>
  <si>
    <t>CL 129 B BIS # 93 - 54 BRR SUBA RINCON</t>
  </si>
  <si>
    <t>TENDA FRENTE HOMCENTER</t>
  </si>
  <si>
    <t>CALLE 50 NO 16A 23</t>
  </si>
  <si>
    <t>CIGARRERA LA 50</t>
  </si>
  <si>
    <t>TV 50 # 76 46 BRR JERUSALEN TRES ESQUINAS</t>
  </si>
  <si>
    <t>PAPELERIA DE KRISTIAN</t>
  </si>
  <si>
    <t>CR 3 G # 2 05 BRR BARANDILLAS</t>
  </si>
  <si>
    <t>TECNIGAS CALDERON</t>
  </si>
  <si>
    <t>CL 4 # 22 37 BRR EL RECREO</t>
  </si>
  <si>
    <t>MINITODO LAS 3 R.R.R</t>
  </si>
  <si>
    <t>CL. 18 #41A-195 SOLEDAD ATLANTICO COLOMBIA</t>
  </si>
  <si>
    <t>LA GRAN PANADERIA</t>
  </si>
  <si>
    <t>CL 14 15 13</t>
  </si>
  <si>
    <t>WORD EXPRESS</t>
  </si>
  <si>
    <t>AV 42 A # 03 - 00 SUR BRR SANTALUCIA</t>
  </si>
  <si>
    <t>PAPELERIA KARITHO</t>
  </si>
  <si>
    <t>CR 3 # 2 - 16 BRR SAN ANTONIO</t>
  </si>
  <si>
    <t>COMUNICACIONES Y PAPELERIA ANGIE  MAR</t>
  </si>
  <si>
    <t>CL 88 C # 69 A - 13 SUR BRR BOSA SAN ANTONIO</t>
  </si>
  <si>
    <t>PAGOS FLORAIBA</t>
  </si>
  <si>
    <t>CL 56 # 4 C - 11 SUR BRR DANUBIO AZUL</t>
  </si>
  <si>
    <t>VARIEDADES MAVASOWY</t>
  </si>
  <si>
    <t>CR 1 B ESTE # 24 - 14 SUR BRR GRANADA SUR</t>
  </si>
  <si>
    <t>CELUY@.COM</t>
  </si>
  <si>
    <t>CL 36 # 86 4 BRR CAMBULOS</t>
  </si>
  <si>
    <t>CR 17 # 12 30 BRR NUEVA FLORESTA</t>
  </si>
  <si>
    <t>ALGARROBO</t>
  </si>
  <si>
    <t>AGROFERRETERIA EL TORITO</t>
  </si>
  <si>
    <t>CL 6 CR 7-72</t>
  </si>
  <si>
    <t>PANDORA BOUTIQUE</t>
  </si>
  <si>
    <t>CR 9 CL 6 - 63 BRR POPAYAN</t>
  </si>
  <si>
    <t>MISCELANEA GUANI</t>
  </si>
  <si>
    <t>BARICHARA #1 SAN GIL SANTANDER COLOMBIA</t>
  </si>
  <si>
    <t>VARIEDADES MARY CIUDADELA</t>
  </si>
  <si>
    <t>DG 25 A SUR # 25 B 55 BRR NUEVO GIRON</t>
  </si>
  <si>
    <t>MULTISERVICIOS Y VARIEDADES LA 39</t>
  </si>
  <si>
    <t>CL 39 # 15 A - 43 BRR MARIA EUGENIA</t>
  </si>
  <si>
    <t>DROGAS JULY PAOLA</t>
  </si>
  <si>
    <t>CL 4 # 6 81 BRR INDUSTRIAL</t>
  </si>
  <si>
    <t>MISCELANIA Y PAPELERIA DANY</t>
  </si>
  <si>
    <t>CL 104 G # 6 A 40 BRR PORVENIR</t>
  </si>
  <si>
    <t>NB MULTISERVICIOS PRADERA</t>
  </si>
  <si>
    <t>CR 3 # 4 21 BRR PRADERA CENTRO</t>
  </si>
  <si>
    <t>EL PROFE</t>
  </si>
  <si>
    <t>AV 23 # 17 A 52 / CEN BRR SAN RAFAEL</t>
  </si>
  <si>
    <t>DISTRISALDO. NET</t>
  </si>
  <si>
    <t>CL 15 # 34 A 50 BRR SAN JOSE</t>
  </si>
  <si>
    <t>CL. 7 #6-89 BARICHARA SANTANDER COLOMBIA</t>
  </si>
  <si>
    <t>P@PELECOPI@S</t>
  </si>
  <si>
    <t>Carrera 19 No.24 56</t>
  </si>
  <si>
    <t>EL PORTAL DEL BEBE MAGICO</t>
  </si>
  <si>
    <t>CALLE 57#35-02 PRIMERO DE MAYO</t>
  </si>
  <si>
    <t>LYDA PATRICIA</t>
  </si>
  <si>
    <t>CL 19 B # 16 - 80 SUR BRR RESTREPO</t>
  </si>
  <si>
    <t>ZONA CLICK GUADUAS</t>
  </si>
  <si>
    <t>CR 4 # 1 78 BRR CENTRO</t>
  </si>
  <si>
    <t>MISCELANIA JULILANDIA</t>
  </si>
  <si>
    <t>DG 50 D BIS SUR # 5 B - 34 BRR EL PORTAL</t>
  </si>
  <si>
    <t>VARIEDADES MURANO F</t>
  </si>
  <si>
    <t>CL 10 # 2 63 BRR COMUNEROS</t>
  </si>
  <si>
    <t>DETALLES JYM MATANZA</t>
  </si>
  <si>
    <t>CR 5 # 7 30 BRR LAS MERCEDES</t>
  </si>
  <si>
    <t>FERNEY FLOREZ</t>
  </si>
  <si>
    <t>CR 21 # 53 N 30 BRR LOS COLORADOS</t>
  </si>
  <si>
    <t>CIBERNET CUBA 1</t>
  </si>
  <si>
    <t>CRA 26 # 68 - 25 CUBA</t>
  </si>
  <si>
    <t>MISCELANEA 19 DE ENERO</t>
  </si>
  <si>
    <t>CRA. 19 #46-28 ARMENIA QUINDIO COLOMBIA</t>
  </si>
  <si>
    <t>ONLINE SHOP</t>
  </si>
  <si>
    <t>CL. 12 #9A-122 SANTUARIO RISARALDA COLOMBIA</t>
  </si>
  <si>
    <t>DON PAGO SAN JOSE SUR P</t>
  </si>
  <si>
    <t>CR 12 A BIS # 22 43 - SUR BRR SAN JOSE SUR</t>
  </si>
  <si>
    <t>CAFE INTERNET AURA MARIA</t>
  </si>
  <si>
    <t>AUT KM 12 BRR TENJO</t>
  </si>
  <si>
    <t>EL MARACUCHO</t>
  </si>
  <si>
    <t>CL 63 SUR # 71 F - 95 BRR ISMAEL PERDOMO</t>
  </si>
  <si>
    <t>MULTISOLUCIONES JYL</t>
  </si>
  <si>
    <t>CL 47 # 52 - 12 BRR CHAPINERITO ALTO</t>
  </si>
  <si>
    <t>ALMACEN TROPICALS</t>
  </si>
  <si>
    <t>CL 56 H # 17 A - 98 BRR 13 DE NOVIEMBRE</t>
  </si>
  <si>
    <t>KAROL PAIPA</t>
  </si>
  <si>
    <t>TV 36 A # 72 F - 92 SUR BRR ARBORIZADORA ALTA</t>
  </si>
  <si>
    <t>TELECOMPUINTER</t>
  </si>
  <si>
    <t>CL 75 D SUR # 75 04 BRR SANTA VIVIANA</t>
  </si>
  <si>
    <t>PUNTO CYBERNET</t>
  </si>
  <si>
    <t>CR 14C # 74B 44 SUR BRR CORTIJO SUR</t>
  </si>
  <si>
    <t>TELECOMUNICACIONES JCM</t>
  </si>
  <si>
    <t>CR 78 B # 71 D 17 - SUR BRR BOSA CARBONEL</t>
  </si>
  <si>
    <t>PAPELERIA LIMALA</t>
  </si>
  <si>
    <t>CL 2 # 6 - 34 / CEN BRR GUADUAS</t>
  </si>
  <si>
    <t>CAFE INTERNET MARYCELL</t>
  </si>
  <si>
    <t>CR 17 # 78 C 89 BRR LOS ALMENDROS II ETAPA</t>
  </si>
  <si>
    <t>FERRO VARIEDADES RAICILLAS</t>
  </si>
  <si>
    <t>CR 2SUR CL 42 5 DPL BA3837</t>
  </si>
  <si>
    <t>JUGOS FILL</t>
  </si>
  <si>
    <t>CR 41 G # 113 125 / TO 2 AP 102 BRR ALAMEDA DEL RIO</t>
  </si>
  <si>
    <t>MISCELANEA Y PAPELERIA JJJ</t>
  </si>
  <si>
    <t>CR 45 # 145 113 BRR CENTRO</t>
  </si>
  <si>
    <t>PAPELERIA Y CACHARRERIA PAPERBUENO</t>
  </si>
  <si>
    <t>CL 11 # 11 28 BRR EL CENTRO</t>
  </si>
  <si>
    <t>D.C</t>
  </si>
  <si>
    <t>CL 63 # 165 B 126 / LC 2 BRR SAN GERARDO</t>
  </si>
  <si>
    <t>MONVAL</t>
  </si>
  <si>
    <t>CL 4 # 7 24 BRR CENTRO</t>
  </si>
  <si>
    <t>DONPAGO RIONEGRO</t>
  </si>
  <si>
    <t>CR 58 # 97 72 BRR RIONEGRO</t>
  </si>
  <si>
    <t>DON PAGO LA CANDELARIA</t>
  </si>
  <si>
    <t>CL 62 SUR # 43 A 32 BRR CANDELARIA LA NUEVA</t>
  </si>
  <si>
    <t>LAWEBONADADELOLAYA</t>
  </si>
  <si>
    <t>CR 18 C # 26 A - 66 SUR BRR OLAYA</t>
  </si>
  <si>
    <t>MUEBLES CM DISENO Y CALIDAD</t>
  </si>
  <si>
    <t>CR 34 # 25 - 06 BRR EL TESORO</t>
  </si>
  <si>
    <t>DISEÑOS BETTY</t>
  </si>
  <si>
    <t>CL 1 E # 2 40 BRR VILLALINA</t>
  </si>
  <si>
    <t>DISTRIBUIDORA LA DIOSA GRIEGA</t>
  </si>
  <si>
    <t>CR 64 # 4 D 04 BRR GALAN</t>
  </si>
  <si>
    <t>PROYECTAR SERVICIOS 8.</t>
  </si>
  <si>
    <t>CR 9 # 31 - 74 SUR / CA ESQ BRR SAN ISIDRO</t>
  </si>
  <si>
    <t>DAILYN COMUNICACIONES</t>
  </si>
  <si>
    <t>CL 64 SUR # 21 A 09 BRR SAN FRANCISCO</t>
  </si>
  <si>
    <t>PIVIJAY</t>
  </si>
  <si>
    <t>COMERCIALIZADORA APL</t>
  </si>
  <si>
    <t>CL 11 # 10 31 BRR EL MERCADO</t>
  </si>
  <si>
    <t>URIBIA</t>
  </si>
  <si>
    <t>FRUVER PROVISIONES EL PALACIO DE LAS VERDURAS</t>
  </si>
  <si>
    <t>CL 8 CR 8-27 APTO 1</t>
  </si>
  <si>
    <t>CIVERMUNDO</t>
  </si>
  <si>
    <t>AV 60 139 40</t>
  </si>
  <si>
    <t>DON PAGO FACATATIVA</t>
  </si>
  <si>
    <t>CL 15 # 16 25 / LC 2 BRR TULIPANES</t>
  </si>
  <si>
    <t>MACROSERVICIOS TT</t>
  </si>
  <si>
    <t>CL 70 # 1 A 46 BRR LA FORTALEZA</t>
  </si>
  <si>
    <t>PAGO EXPRESS TUQUERRES</t>
  </si>
  <si>
    <t>CR 14 # 17 - 10 BRR CENTRO</t>
  </si>
  <si>
    <t>COMPUBRASS</t>
  </si>
  <si>
    <t>CR 10D 9 33 BRR SANTA ELENA</t>
  </si>
  <si>
    <t>SOLUCIONES HEIDY</t>
  </si>
  <si>
    <t>CL 132 D # 159 - 32 BRR LISBOA</t>
  </si>
  <si>
    <t>COFFEMARK</t>
  </si>
  <si>
    <t>CL 20 # 6 6 BRR SAN MARTIN</t>
  </si>
  <si>
    <t>JAMBALÓ</t>
  </si>
  <si>
    <t>TIENDA CENTRAL JAMBALO</t>
  </si>
  <si>
    <t>CL 6 3 32 PAR PRINCIPAL</t>
  </si>
  <si>
    <t>DON PAGO MARIA PAZ</t>
  </si>
  <si>
    <t>AK 86 # 33 14 - SUR BRR MARIA PAZ</t>
  </si>
  <si>
    <t>SURTIVELLEZA NC</t>
  </si>
  <si>
    <t>CL 24 # 33 68 BRR SAN BENITO</t>
  </si>
  <si>
    <t>JC FOTOGRAFIA</t>
  </si>
  <si>
    <t>CR 14 R # 74 D 09 - SUR BRR MIRAVALLE</t>
  </si>
  <si>
    <t>DROGAS CASA ORTIZ</t>
  </si>
  <si>
    <t>AV 4 # 3 15 BRR MANUEL F PABON</t>
  </si>
  <si>
    <t>MISCELANEA LA FUENTE DE LA ECONOMIA</t>
  </si>
  <si>
    <t>CR 93 D # 72 47 - SUR / CA 21 BRR BOSA RECREO</t>
  </si>
  <si>
    <t>COMERCIALIZADORA DE MATERIALES JULI</t>
  </si>
  <si>
    <t>CR 33 # 65 79 BRR LA FLORESTA</t>
  </si>
  <si>
    <t>PAPELERIA Y VARIEDADES BUDDY</t>
  </si>
  <si>
    <t>CL 39 N 3 A 32 BRR LA JOYA</t>
  </si>
  <si>
    <t>NEDBOX</t>
  </si>
  <si>
    <t>CL 11 # 27 29 BRR LA UNIVERSIDAD</t>
  </si>
  <si>
    <t>RECAUDOS DON PAGO</t>
  </si>
  <si>
    <t>CR 18 # 14 81 BRR CENTRO</t>
  </si>
  <si>
    <t>MICELANEA Y PAPELERIA PARTENON</t>
  </si>
  <si>
    <t>TV 6 BIS ESTE # 43 - 19 SUR BRR LA GLORIA</t>
  </si>
  <si>
    <t>INTERNET BANDA ANCHA SUPERRAPIDICIMO</t>
  </si>
  <si>
    <t>CL 67 # 1 78 BRR RIVIERA NORTE</t>
  </si>
  <si>
    <t>MANIS CASTLE</t>
  </si>
  <si>
    <t>CL 9 A # 25 A 34 BRR RICAUTE</t>
  </si>
  <si>
    <t>PAPELERIA5AVENIDA</t>
  </si>
  <si>
    <t>CL 67 C SUR # 1 B 89 - ESTE BRR QUINTAS DEL PORTAL</t>
  </si>
  <si>
    <t>SERVICUATES PAPELERIA</t>
  </si>
  <si>
    <t>CR 6 # 16 C 77 / LC 2 BRR BALMORAL</t>
  </si>
  <si>
    <t>IMG COMUNICACIONES</t>
  </si>
  <si>
    <t>CL 7 # 2 B 34 / LC 102 BRR CENTRO</t>
  </si>
  <si>
    <t>VARIEDADES YENIS YANETH</t>
  </si>
  <si>
    <t>CL 15 # 34 A 11 BRR SAN FRANCISCO</t>
  </si>
  <si>
    <t>CALDERON MERY</t>
  </si>
  <si>
    <t>CRA 30 W 59 57</t>
  </si>
  <si>
    <t>PAPELERIA Y MISCELANEA SOL</t>
  </si>
  <si>
    <t>CL 42 # 14 - 33 BRR HIERBABUENA</t>
  </si>
  <si>
    <t>PAPELERIA ZAJAR</t>
  </si>
  <si>
    <t>TV 33 # 49 B 17 - SUR / LC 2 BRR FATIMA</t>
  </si>
  <si>
    <t>VARIEDADES PATTY TECNOPIZ</t>
  </si>
  <si>
    <t>CL 3 # 7 - 50 BRR LA ESPERANZA</t>
  </si>
  <si>
    <t>PAPELERIA Y MISCELANEA NASLY</t>
  </si>
  <si>
    <t>CR 7 N # 10 95 / LC 9 ESTACIÃ“N DE SERVICIO TERPEL BRR SANTA ISABEL</t>
  </si>
  <si>
    <t>SERVIRECAUDOS LA INDEPENDENCIA</t>
  </si>
  <si>
    <t>CR 22 A # 15 04 BRR LA INDEPENDENCIA</t>
  </si>
  <si>
    <t>FULLCOLOR PAPELERIA</t>
  </si>
  <si>
    <t>CL. 113 #3248 FLORIDABLANCA SANTANDER COLOMBIA</t>
  </si>
  <si>
    <t>IZMUR DON PAGO</t>
  </si>
  <si>
    <t>CR 46 C # 76 06 - SUR BRR SIERRA MORENA</t>
  </si>
  <si>
    <t>LA ROCA TELECOMUNICACIONES</t>
  </si>
  <si>
    <t>CL 59 C SUR # 47 A - 09 BRR VERONA</t>
  </si>
  <si>
    <t>EFECTY GUADUAS</t>
  </si>
  <si>
    <t>CR 3 # 1 - 42 BRR CENTRO</t>
  </si>
  <si>
    <t>FMDAS CABINAS TELEFONICAS</t>
  </si>
  <si>
    <t>CR 50 # 72 - 12 BRR 12 DE OCTUBRE L 2</t>
  </si>
  <si>
    <t>MULTISERVICIOS LA 4TA</t>
  </si>
  <si>
    <t>CR 4 # 14 - 43 BRR CENTRO</t>
  </si>
  <si>
    <t>MULTISERVICIOS HALITEL</t>
  </si>
  <si>
    <t>CALLE 93 SUR # 4C - 31</t>
  </si>
  <si>
    <t>INTERNET MAJO</t>
  </si>
  <si>
    <t>CL 3 # 4 21 / CEN BRR GUADUAS   BARRIO CENTRO</t>
  </si>
  <si>
    <t>SITIONUEVO</t>
  </si>
  <si>
    <t>DROGUERIA SHADDAY</t>
  </si>
  <si>
    <t>27 #325 SITIONUEVO MAGDALENA COLOMBIA</t>
  </si>
  <si>
    <t>MULTIPAGOS NUEVA GRANADA</t>
  </si>
  <si>
    <t>CL. 7 #6-63 NUEVA GRANADA PLATO MAGDALENA COLOMBIA</t>
  </si>
  <si>
    <t>CAFE INTERNET RAPIDO Y CONFIABLE</t>
  </si>
  <si>
    <t>CL. 16 #17B-2 BARRANQUILLA ATLANTICO COLOMBIA</t>
  </si>
  <si>
    <t>DROGUERIA Y ORTOPEDICOS KAMI</t>
  </si>
  <si>
    <t>CL. 3 #8-45 SANTANDER DE QUILICHAO CAUCA COLOMBIA</t>
  </si>
  <si>
    <t>JESÚS MARÍA</t>
  </si>
  <si>
    <t>WWW.JULI.COM</t>
  </si>
  <si>
    <t>CR 6 # 4 15 BRR LA MURALLA</t>
  </si>
  <si>
    <t>PAPELERIA SINAII</t>
  </si>
  <si>
    <t>CL 58 A SUR # 18 C - 26 BRR SAN BENITO</t>
  </si>
  <si>
    <t>FERRETERIA LAS 4 L</t>
  </si>
  <si>
    <t>CR 4 A BIS SUR # 26 - 42 BRR LA LIBERTAD</t>
  </si>
  <si>
    <t>SERVICIOS DIGITALES</t>
  </si>
  <si>
    <t>TV 145 A # 56 - 05 BRR CUMBRE</t>
  </si>
  <si>
    <t>VENTILADOR Y VARIEDADES MELANY</t>
  </si>
  <si>
    <t>CR 21 # 2 32 / LC 101 BRR VENTILADOR</t>
  </si>
  <si>
    <t>COMUNICACIONESGMD.COM</t>
  </si>
  <si>
    <t>CL 72 A SUR # 14 X 11 BRR GRANADA</t>
  </si>
  <si>
    <t>SERVITEL COMUNICACIONES</t>
  </si>
  <si>
    <t>CL 5 # 4 64 / LC 1 BRR CENTRO</t>
  </si>
  <si>
    <t>ROSAS</t>
  </si>
  <si>
    <t>DISEO Y FOTOGRAFIA DIEGO</t>
  </si>
  <si>
    <t>CRA. 4 #653 ROSAS VDA. LA VIOLETA ROSAS CAUCA COLOMBIA</t>
  </si>
  <si>
    <t>DROGUERIA CAMELOT</t>
  </si>
  <si>
    <t>CL 8 N 3 196 TORRE II LOCAL 4 UNIDAD RESIDENCIAL CAMELOT</t>
  </si>
  <si>
    <t>DON PAGO BOSA PIAMONTE</t>
  </si>
  <si>
    <t>CR 78 C SUR # 69 B 26 BRR PIAMONTE</t>
  </si>
  <si>
    <t>DON PAGO STIFER COMERCIALIZACION DE ACCESORIOS</t>
  </si>
  <si>
    <t>CR 79 # 13 38 BRR KENNEDY BOMBEROS</t>
  </si>
  <si>
    <t>ALCELU</t>
  </si>
  <si>
    <t>CR 89 BIS # 59 - 76 SUR BRR BOSA LA LIBERTAD</t>
  </si>
  <si>
    <t>KATMI</t>
  </si>
  <si>
    <t>CR 5 # 3 - 31 BRR CENTRO</t>
  </si>
  <si>
    <t>SAI TELECOM</t>
  </si>
  <si>
    <t>CL 20 # 11 00 BRR SANTA BARBARA</t>
  </si>
  <si>
    <t>PAPELERIA SANTO DOMINGO</t>
  </si>
  <si>
    <t>TV 76 B # 68 B 08 - SUR BRR SANTO DOMINGO</t>
  </si>
  <si>
    <t>EL BANCO</t>
  </si>
  <si>
    <t>DEPSITO LIDER</t>
  </si>
  <si>
    <t>CR 2 # 11 30 BRR CENTRO</t>
  </si>
  <si>
    <t>PIENDAMÓ - TUNÍA</t>
  </si>
  <si>
    <t>SERVIMAX</t>
  </si>
  <si>
    <t>CR 11 # 14 114 BRR LAS VERANERAS</t>
  </si>
  <si>
    <t>DROGUERIA SUPERDROGAS  N 1</t>
  </si>
  <si>
    <t>CL 52 A 34 D 05</t>
  </si>
  <si>
    <t>SOLUCIONES EFECTIVAS EL TIO</t>
  </si>
  <si>
    <t>CR 33 A # 39 81 / LC 2 BRR EL DIAMANTE</t>
  </si>
  <si>
    <t>OREJITAS DE PAPEL</t>
  </si>
  <si>
    <t>CL 15 A # 81 B - 18 BRR ANDALUCIA</t>
  </si>
  <si>
    <t>JL COMUNICACIONES</t>
  </si>
  <si>
    <t>CL 15 # 119 A - 40 NORTE BRR EL CHARCO</t>
  </si>
  <si>
    <t>MAYRA ALEJANDRA VIVIESCAS DELGADO</t>
  </si>
  <si>
    <t>CR 6 SM 1 CL 3 A N MZ C CA 1 BRR SANTELMO I</t>
  </si>
  <si>
    <t>DROGUERIA DROSALUD 2</t>
  </si>
  <si>
    <t>CR 7 # 86 15 BRR LUIS IGNACIO ANDRADE</t>
  </si>
  <si>
    <t>PAPELERIA MI  PEQUEÑO BUDA</t>
  </si>
  <si>
    <t>CL 36 A # 3 C 04 - SUR BRR VILLA DE LOS ALPES</t>
  </si>
  <si>
    <t>DROGUERIA PHARMAUNIR #2</t>
  </si>
  <si>
    <t>CL 34 A SUR # 89 D 33 BRR UNIR</t>
  </si>
  <si>
    <t>PAGOS SEGUROS EN LINEA</t>
  </si>
  <si>
    <t>TV 12 # 22 42 / CC MANILA LC 8 BRR CENTRO</t>
  </si>
  <si>
    <t>THIAGOCEL II</t>
  </si>
  <si>
    <t>CRA. 51 #8-9 SANTA MARTA MAGDALENA COLOMBIA</t>
  </si>
  <si>
    <t>YO REPARO</t>
  </si>
  <si>
    <t>CL. 29 #11-14 FLORIDABLANCA SANTANDER COLOMBIA</t>
  </si>
  <si>
    <t>DON PAGO HACE LA VIDA MAS FACIL</t>
  </si>
  <si>
    <t>CL 6 # 11 2 / LC 3 BRR EL BOSQUE</t>
  </si>
  <si>
    <t>VARIEDADES DORIS Y JAVIER</t>
  </si>
  <si>
    <t>CL 18 # 17 27 BRR MANCERA</t>
  </si>
  <si>
    <t>VARIEDADESCASTILLO.NET</t>
  </si>
  <si>
    <t>CL 87 B SUR # 6 B 37 - ESTE BRR EL BOSQUE</t>
  </si>
  <si>
    <t>CR 104 # 139 61 BRR PUERTA DEL SOL</t>
  </si>
  <si>
    <t>MISCELANEA LA PERLA</t>
  </si>
  <si>
    <t>CL 15 # 18 A 21 BRR LA CRUZ</t>
  </si>
  <si>
    <t>LICORES SOFIMAR</t>
  </si>
  <si>
    <t>CARRERA 30 # 24 - 68 HIPODROMO SOLEDAD ATLANTICO</t>
  </si>
  <si>
    <t>SAN CRISTÓBAL</t>
  </si>
  <si>
    <t>PROVICIONES SURTICEL</t>
  </si>
  <si>
    <t>CR 12D CL 70 3 APTO 1 E7850</t>
  </si>
  <si>
    <t>LA ESQUINA DE NEVADA S.A.S</t>
  </si>
  <si>
    <t>SEC 1 MZ 8144 BRR NEVADA</t>
  </si>
  <si>
    <t>CYB</t>
  </si>
  <si>
    <t>CR 8 K # 129 29 BRR CARIBE VERDE</t>
  </si>
  <si>
    <t>GRUPO LA PUNZO</t>
  </si>
  <si>
    <t>CL 9 6 55</t>
  </si>
  <si>
    <t>DON PAGO- TU PAGO OPORTUNO</t>
  </si>
  <si>
    <t>CR 3 # 29 A 02 / LC 2 BRR SAN MATEO</t>
  </si>
  <si>
    <t>PAPELERIA ROSITA</t>
  </si>
  <si>
    <t>CR 102 A # 135 - 15 BRR SUBA COSTA AZUL</t>
  </si>
  <si>
    <t>SURTICELL DJ</t>
  </si>
  <si>
    <t>CR 7 # 18 A 34 / EN 3 P 1 LC 6 BRR EL CARMEN</t>
  </si>
  <si>
    <t>FOTOCOPIAS TAMAYOS</t>
  </si>
  <si>
    <t>CL 11 # 1 G - 32 / LC 102 BRR LOS MARTIRES</t>
  </si>
  <si>
    <t>DG 16 B # 101 A 02 BRR FONTIBON</t>
  </si>
  <si>
    <t>VARIEDADES MENPA</t>
  </si>
  <si>
    <t>CR 3 # 1 57 BRR CENTRO</t>
  </si>
  <si>
    <t>TIENDA EL PARQUE COTOPRIX</t>
  </si>
  <si>
    <t>CL 6 2 103 COTOPRIX</t>
  </si>
  <si>
    <t>INTERNET AVJ</t>
  </si>
  <si>
    <t>TV 11 # 13 12 BRR LA NUEVA CANDELARIA</t>
  </si>
  <si>
    <t>CJM@RIN</t>
  </si>
  <si>
    <t>CLL 77</t>
  </si>
  <si>
    <t>INTERNET.KIKE</t>
  </si>
  <si>
    <t>CR 15 # 1 B 17 BRR SAN FRANCISCO</t>
  </si>
  <si>
    <t>SERVICIOS SANMAN</t>
  </si>
  <si>
    <t>CR 4 # 6 30 BRR CENTRO</t>
  </si>
  <si>
    <t>ONLINE</t>
  </si>
  <si>
    <t>CR 4 # 3 09 BRR CENTRO</t>
  </si>
  <si>
    <t>DON PAGO PERDOMO DC</t>
  </si>
  <si>
    <t>CL 63 SUR # 70 B 40 / LC 1 BRR ISAMEL PERDOMO</t>
  </si>
  <si>
    <t>DON PAGO TERRON COLORADO</t>
  </si>
  <si>
    <t>AV 5 OESTE # 18 54 BRR TERRAMODA</t>
  </si>
  <si>
    <t>TIENDA YERALDIN Y MULTIPAGOS</t>
  </si>
  <si>
    <t>CR 6 BIS # 86 A - 39 BRR LUIS IGNACIO ANDRADE</t>
  </si>
  <si>
    <t>CAFÃ‰ SITAYO</t>
  </si>
  <si>
    <t>CL 8 N 14 - 48 BRR ECUADOR</t>
  </si>
  <si>
    <t>MISELANEA CAPRICHOS</t>
  </si>
  <si>
    <t>CR 21 A # 112 11 BRR GRANJAS DE PROVENZA PARTE BAJA</t>
  </si>
  <si>
    <t>TECHNOLOGY AND COFFEE</t>
  </si>
  <si>
    <t>CR 70 # 72 38 / LC 102 BRR LAS FERIAS</t>
  </si>
  <si>
    <t>PRODUCTOS  SERVICIOS</t>
  </si>
  <si>
    <t>CR 6 # 6 14 BRR COMERCIO BARICHARA</t>
  </si>
  <si>
    <t>LA TIENDA DE ROXI</t>
  </si>
  <si>
    <t>CR 13 # 9 87 BRR JUAN XXIII</t>
  </si>
  <si>
    <t>DON PAGO DESE</t>
  </si>
  <si>
    <t>CL 69 A # 73 A 77 BRR BOYACA REAL</t>
  </si>
  <si>
    <t>COINTEL.COM</t>
  </si>
  <si>
    <t>CR 105 # 16 F 41 BRR EL CARMEN  FONTIBON</t>
  </si>
  <si>
    <t>FIONNER INTERNET GAITAN</t>
  </si>
  <si>
    <t>CL 2 # 11 A 30 BRR GAITAN</t>
  </si>
  <si>
    <t>JUASAM.NET</t>
  </si>
  <si>
    <t>CL 5 A # 37 2 BRR SAN GABRIEL</t>
  </si>
  <si>
    <t>INVERSIONES DAYEIM</t>
  </si>
  <si>
    <t>CR 12 # 76 A 52 BRR SOLEDAD</t>
  </si>
  <si>
    <t>ALMACEN DE COMPRA VENTA POMPY S</t>
  </si>
  <si>
    <t>CRA 15 24 06</t>
  </si>
  <si>
    <t>QUALITY DESIGN S.A.S</t>
  </si>
  <si>
    <t>ESCUELA NAVAL DE SUBOFICIALES ARC BARRANQUILLA LOCAL 1</t>
  </si>
  <si>
    <t>ALEJAMAR</t>
  </si>
  <si>
    <t>CL 21 #2 PIEDECUESTA SANTANDER COLOMBIA</t>
  </si>
  <si>
    <t>CEVECOM</t>
  </si>
  <si>
    <t>VDA LOS LAURELES BRR EL CENTRO</t>
  </si>
  <si>
    <t>DON PAGO VARIEDADES SOFY</t>
  </si>
  <si>
    <t>CR 75 C SUR # 62 F 29 BRR MARIA CANO</t>
  </si>
  <si>
    <t>LUZ KARIME ANDRADES</t>
  </si>
  <si>
    <t>DG 6 # 15 42 BRR JUAN RAMON</t>
  </si>
  <si>
    <t>PAPELERIA Y MISCELANEA CASTILLO</t>
  </si>
  <si>
    <t>CR 8 # 11 - 08 BRR SIMON BOLIVAR</t>
  </si>
  <si>
    <t>MARIA CRISTINA FORERO</t>
  </si>
  <si>
    <t>CR 88 A # 59 C - 30 SUR BRR BOSA LIBERTAD</t>
  </si>
  <si>
    <t>CAFE INTERNET DETODITO</t>
  </si>
  <si>
    <t>CR 98 # 55 A 24 - SUR BRR BOSA EL PORVENIR</t>
  </si>
  <si>
    <t>COMUNICACIONES DANY</t>
  </si>
  <si>
    <t>CL 85 D SUR # 78 51 BRR SAN DIEGO BOSA</t>
  </si>
  <si>
    <t>CENTRO DE COMUNICACIONES G</t>
  </si>
  <si>
    <t>CL 77 A # 80 A 25 BRR LA GRANJA</t>
  </si>
  <si>
    <t>TIENDA EL LUCERO</t>
  </si>
  <si>
    <t>CL 5 # 5 5 BRR LA FLORIDA</t>
  </si>
  <si>
    <t>DROGUERIA CARIBE JK</t>
  </si>
  <si>
    <t>CR 9 G # 131 30 / LC 1 BRR CARIBE VERDE</t>
  </si>
  <si>
    <t>DROGUERIA Y MISCELANEA GUACAMAYAL</t>
  </si>
  <si>
    <t>CL 4 4 04</t>
  </si>
  <si>
    <t>MULTISERVICIOS PLAY</t>
  </si>
  <si>
    <t>CL 60 B # 16 F 02 BRR CIUDADELA COMFENALCO</t>
  </si>
  <si>
    <t>SYS SERVICIOS Y ASESORIAS</t>
  </si>
  <si>
    <t>CL 17 # 13 A 49 BRR LA ESTRELLA</t>
  </si>
  <si>
    <t>TECHNOLOGY STORE J.L</t>
  </si>
  <si>
    <t>CL 64 SUR # 29 - 50 BRR CANDELARIA LA NUEVA</t>
  </si>
  <si>
    <t>DON PAGO BUENOS AIRES</t>
  </si>
  <si>
    <t>CR 73 # 3 39 BRR BUENOS AIRES</t>
  </si>
  <si>
    <t>CAFE INTERNET SINGLES ON LINE</t>
  </si>
  <si>
    <t>CR 91 B # 83 A - 10 BRR QUIRIGUA</t>
  </si>
  <si>
    <t>VARIEDADES PERLITA</t>
  </si>
  <si>
    <t>CL 65 # 31 W - 06 BRR MONTERREDONDO</t>
  </si>
  <si>
    <t>A.8 M</t>
  </si>
  <si>
    <t>LC LC ABASTOS B 114 ABASTOS B 114 BRR ZONA INDUSTRIAL</t>
  </si>
  <si>
    <t>INTERNET GINNA</t>
  </si>
  <si>
    <t>CL 43 SUR # 12 B 80 BRR SAN JORGE</t>
  </si>
  <si>
    <t>BARIOLI</t>
  </si>
  <si>
    <t>CL 4 # 2 65 BRR CENTRO</t>
  </si>
  <si>
    <t>VARIEDADES LILA</t>
  </si>
  <si>
    <t>CR 32 # 13 226 BRR CIUDAD VERDE</t>
  </si>
  <si>
    <t>FERRETERIA RD21</t>
  </si>
  <si>
    <t>CL 68 A # 89 - 09 BRR LA FLORIDA</t>
  </si>
  <si>
    <t>PAPELERIA Y VARIEDADES GABY</t>
  </si>
  <si>
    <t>CL 41 A # 21 19 BRR EL TENDAL</t>
  </si>
  <si>
    <t>COMERCIALIZADORA AHAVA TIKVA</t>
  </si>
  <si>
    <t>CR 4 A SUR # 47 13 BRR CIUDADELA 20 DE JULIO</t>
  </si>
  <si>
    <t>REPELÓN</t>
  </si>
  <si>
    <t>HERNANDO RAUL CABRERA PEREZ</t>
  </si>
  <si>
    <t>CL. 6 #743 VILLA ROSA REPELON ATLANTICO COLOMBIA</t>
  </si>
  <si>
    <t>REFLEJOS PELUQUERA   SPA</t>
  </si>
  <si>
    <t>CR 17 # 14 46 / MZ U CA 703 BRR MOLINO DEL VIENTO</t>
  </si>
  <si>
    <t>MISCELANIA YULIETH</t>
  </si>
  <si>
    <t>MZ A 48 LT 22 BRR LA GLORIA</t>
  </si>
  <si>
    <t>EFECTY KIVISA</t>
  </si>
  <si>
    <t>MZ 67 CA12 BRR LA PATRIA</t>
  </si>
  <si>
    <t>MEFÃA S.A.S</t>
  </si>
  <si>
    <t>CL 27 # 46 70 / LC 0221 BRR MEDELLIN</t>
  </si>
  <si>
    <t>AGROPECUARIA ARIAS</t>
  </si>
  <si>
    <t>CR 5 # 3 39 BRR CENTRO</t>
  </si>
  <si>
    <t>MIS VARIEDADES HYS</t>
  </si>
  <si>
    <t>CL. 123 #23-36 BARRANQUILLA ATLï¿NTICO COLOMBIA</t>
  </si>
  <si>
    <t>DROGUERIA  MISCELANEA OSMAR</t>
  </si>
  <si>
    <t>CR 17 A # 59 A 76 BRR LAS MORAS</t>
  </si>
  <si>
    <t>ACCESORIOS WM</t>
  </si>
  <si>
    <t>CR 9 ESTE # 36 G 91 - SUR BRR SAN VICENTE</t>
  </si>
  <si>
    <t>SABANAS Y CUBRELECHOS DOLIVER</t>
  </si>
  <si>
    <t>CL 73 D # 82 G - 19 SUR BRR BOSA SAN PEDRO</t>
  </si>
  <si>
    <t>DSITRIBUCIONES EL BALCON</t>
  </si>
  <si>
    <t>TV 48 B # 69 D 12 - SUR BRR BELLAVISTA</t>
  </si>
  <si>
    <t>CIGARRERIA Y GRANERO MERKAMATIZ</t>
  </si>
  <si>
    <t>CL 20 SUR # 10 H - 29 BRR COMPARTIR</t>
  </si>
  <si>
    <t>VARIEDADES DIEVALE</t>
  </si>
  <si>
    <t>CR 9 # 11 151 BRR SANTA ANA</t>
  </si>
  <si>
    <t>TU TRANSACCION SOACHA</t>
  </si>
  <si>
    <t>CR 12 B # 17 - 13 SUR BRR SOACHA COMPARTIR</t>
  </si>
  <si>
    <t>URUMITA</t>
  </si>
  <si>
    <t>DROGUERIA CENTRAL #1</t>
  </si>
  <si>
    <t>CRA. 10 #894 URUMITA LA GUAJIRA COLOMBIA</t>
  </si>
  <si>
    <t>MASIVOS</t>
  </si>
  <si>
    <t>CL 7 # 9 48 BRR OLAYA HERRERA</t>
  </si>
  <si>
    <t>VARIEDADES Y TALLER DE JOYERIA IDEAL</t>
  </si>
  <si>
    <t>CL 8 # 7 59 CC ARROYAVE LC 16</t>
  </si>
  <si>
    <t>DEPOSITO VANER</t>
  </si>
  <si>
    <t>CL 70 # 18 I - 65 SUR BRR VISTA HERMOSA</t>
  </si>
  <si>
    <t>INTERNET Y PAPELERIA JF</t>
  </si>
  <si>
    <t>CR 20 # 25 4 BRR GUARATARA</t>
  </si>
  <si>
    <t>BOSA ATALAYAS</t>
  </si>
  <si>
    <t>CR 96 # 61 A - 13 SUR BRR ATALAYAS</t>
  </si>
  <si>
    <t>CYBERTRON.CALI</t>
  </si>
  <si>
    <t>CR 25 # 116 - 06 / AC BRR CIUDADELA DEL RIO</t>
  </si>
  <si>
    <t>CLAUDIA LILIANA GAMBOA DIAZ</t>
  </si>
  <si>
    <t>CL 10 # 14 - 44 BRR PIEDECUESTA</t>
  </si>
  <si>
    <t>VARIEDADES SAYRA  LAURA</t>
  </si>
  <si>
    <t>CL 27 A # 7 A - 37 BRR LAS GRANJAS</t>
  </si>
  <si>
    <t>DIMARK.COM</t>
  </si>
  <si>
    <t>CL 15 # 31 45 BRR BARRIO JARDIN</t>
  </si>
  <si>
    <t>CAPICENTRO Y ACESORIAS</t>
  </si>
  <si>
    <t>CR 93 C # 54 46 - SUR BRR BOSA PORVENIR</t>
  </si>
  <si>
    <t>PAGA TODO ALMENDROS</t>
  </si>
  <si>
    <t>CL 151 C # 114 F 10 BRR ALMENDROS</t>
  </si>
  <si>
    <t>MULTISERVICIOS LA 63</t>
  </si>
  <si>
    <t>CR 34 # 63 A 40 - SUR BRR CANDELARIA</t>
  </si>
  <si>
    <t>TIENDA RUBY</t>
  </si>
  <si>
    <t>VDA CHUNTAME SEC POMAR BRR CAJICA</t>
  </si>
  <si>
    <t>COMPRA VENTA TAYRONA</t>
  </si>
  <si>
    <t>CL 20 19 27 LC 24</t>
  </si>
  <si>
    <t>TIENDA JC</t>
  </si>
  <si>
    <t>SEC D MZ 1 LT 68 BRR NUEVA COLOMBIA</t>
  </si>
  <si>
    <t>DON PAGO Y PUNTO ELECTRICO</t>
  </si>
  <si>
    <t>CR 10 # 14 31 BRR CENTRO</t>
  </si>
  <si>
    <t>VARIEDADES LORENA</t>
  </si>
  <si>
    <t>CL 1 N BIS # 16 - 42 BRR SAN CARLOS</t>
  </si>
  <si>
    <t>DONDE PACHO</t>
  </si>
  <si>
    <t>CL 19 # 14 - 36 BRR LA TRANQUILIDAD</t>
  </si>
  <si>
    <t>RINCONCITO DE CELESTE</t>
  </si>
  <si>
    <t>CL 13 # 11 15 BRR SAN VICTORINO</t>
  </si>
  <si>
    <t>NILO</t>
  </si>
  <si>
    <t>JORGE A RUEDA</t>
  </si>
  <si>
    <t>CR 3 A # 4 43 BRR CENTRO DIAGONAL A LA ALCALDIA</t>
  </si>
  <si>
    <t>KATIANAMELISA TARJETERA SOCIAL</t>
  </si>
  <si>
    <t>CR 10 # 12 11 / LC 04 BRR CENTRO</t>
  </si>
  <si>
    <t>TIENDA NOVEDADES PUERTO TEJADA</t>
  </si>
  <si>
    <t>CL 21 KR 20-31</t>
  </si>
  <si>
    <t>INTERCHATDOLLY</t>
  </si>
  <si>
    <t>CLL 107B 15B 51 TOLEDO PLATA (CONVENIO) LAPAZ</t>
  </si>
  <si>
    <t>MISCELANEA LA 17</t>
  </si>
  <si>
    <t>CRA - 12C-1 COMUNEROS</t>
  </si>
  <si>
    <t>MISCELANEA ALY</t>
  </si>
  <si>
    <t>AVENIDA BUCARICA SECTOR 6 BLOQUE 10 - 5</t>
  </si>
  <si>
    <t>ESTADERO ISLA DE CUBA</t>
  </si>
  <si>
    <t>CR 7 # 4 - 02 BRR FATIMA</t>
  </si>
  <si>
    <t>JACKROOS PUBLICIDAD</t>
  </si>
  <si>
    <t>CL 21 # 21 - 11 BRR CENTRO</t>
  </si>
  <si>
    <t>MISCELANEA DAVID 26</t>
  </si>
  <si>
    <t>CL 89 SUR # 13 B 16 - ESTE BRR VILLA DIANA</t>
  </si>
  <si>
    <t>SOLUCIONES RAPIDAS MYL</t>
  </si>
  <si>
    <t>CL 57 A SUR # 80 B - 19 BRR CLASS ROMA</t>
  </si>
  <si>
    <t>MINI MERCADO LAS MONAS</t>
  </si>
  <si>
    <t>DG 68 B # 18 M - 47 BRR JUAN PABLO II</t>
  </si>
  <si>
    <t>SUMINISTROS EL PORTAL SAS</t>
  </si>
  <si>
    <t>CL 13 # 20 - 90 / LC 171 BRR SAN FACON</t>
  </si>
  <si>
    <t>VARIEDADES FERDANI</t>
  </si>
  <si>
    <t>CL 43 # 19 03 BRR PRADO NORTE</t>
  </si>
  <si>
    <t>STARNET</t>
  </si>
  <si>
    <t>CL 50 # 19 B 15 / AP 102 BRR ALAMOS NORTE</t>
  </si>
  <si>
    <t>VARIEDADES ISABELITA</t>
  </si>
  <si>
    <t>CL 22 H # 114 A 38 BRR ATAHUALPA</t>
  </si>
  <si>
    <t>PAPEL DORADO</t>
  </si>
  <si>
    <t>CR 85 C # 25 F 25 BRR MODELIA</t>
  </si>
  <si>
    <t>SERVICIO INTACTO SAS</t>
  </si>
  <si>
    <t>CL 64 SUR # 37 B 24 BRR CANDELARIA</t>
  </si>
  <si>
    <t>SAM COMUNICACIONES</t>
  </si>
  <si>
    <t>CL 22 F # 107 5 BRR VERSALLES</t>
  </si>
  <si>
    <t>AMAZING TRAVEL</t>
  </si>
  <si>
    <t>DG 56 # 18 A 88 / LC 130 BRR CENTRO</t>
  </si>
  <si>
    <t>SANDRA OCHOA</t>
  </si>
  <si>
    <t>TRANSVERSAL 143 56 51</t>
  </si>
  <si>
    <t>CENTRO DE SERVICIOS SAMAR</t>
  </si>
  <si>
    <t>CL 41 N # 20 E 03 BRR PORTAL DE LOS ANGELES</t>
  </si>
  <si>
    <t>ALEJITOPYM</t>
  </si>
  <si>
    <t>MZ E CA 15 BRR VILLA HELENA</t>
  </si>
  <si>
    <t>DON PAGO SANTA BARBARA</t>
  </si>
  <si>
    <t>CR 1 N # 6 132 BRR SANTA BARBARA</t>
  </si>
  <si>
    <t>DON PAGO ALEGRIA</t>
  </si>
  <si>
    <t>CR 23 # 1 36 - OESTE BRR MIRAFLORES</t>
  </si>
  <si>
    <t>OLD TIMES JR</t>
  </si>
  <si>
    <t>CL 55 SUR # 11 32 - ESTE BRR LOS LIBERTADORES</t>
  </si>
  <si>
    <t>MEDIGOOD</t>
  </si>
  <si>
    <t>CR 80 D # 9 88 BRR VALLADOLIT</t>
  </si>
  <si>
    <t>KANDY JACKCOMUNICACIONES</t>
  </si>
  <si>
    <t>CL 4 # 2 26 BRR CENTRO</t>
  </si>
  <si>
    <t>VARIEDADES ARIANA</t>
  </si>
  <si>
    <t>MZ 6 CA 177 BRR CIUDAD EQUIDAD</t>
  </si>
  <si>
    <t>MINIMARKET LA FORTUNA PARQUE CENTENARIO</t>
  </si>
  <si>
    <t>CL 31 18 09 LOCAL 1 BARRIO CENTRO</t>
  </si>
  <si>
    <t>MARIFER COMERCIALIZADORA #  3</t>
  </si>
  <si>
    <t>CRA. 22 #17-37 BUCARAMANGA SANTANDER COLOMBIA</t>
  </si>
  <si>
    <t>GLADYS NINO</t>
  </si>
  <si>
    <t>CR 11 A # 17 - 12 BRR VILLA MARCELA</t>
  </si>
  <si>
    <t>EXPLORER OFFICE</t>
  </si>
  <si>
    <t>CR 22 SUR # 16 A - 03 BRR TIMANCO</t>
  </si>
  <si>
    <t>INTERNET PUYANA</t>
  </si>
  <si>
    <t>FCA LA PANTANERA BRR VEREDA PUYANA</t>
  </si>
  <si>
    <t>WWW.INTERCOMUNICACIONESAM.COM</t>
  </si>
  <si>
    <t>CR 8 C BIS # 81 97 - SUR BRR YOMASA</t>
  </si>
  <si>
    <t>PAPELERIA Y MISCELANEA LAPIZ Y PAPEL</t>
  </si>
  <si>
    <t>CR 19 # 12 6 / LC 4 BRR SAN CARLOS</t>
  </si>
  <si>
    <t>LA UMP SERVICIOS</t>
  </si>
  <si>
    <t>CL LTE 8 BRR IMPAR CARDALES</t>
  </si>
  <si>
    <t>VARIEDADES EL PARAISO DE CECY</t>
  </si>
  <si>
    <t>CRA 6 10 04</t>
  </si>
  <si>
    <t>SANTA BÁRBARA DE PINTO</t>
  </si>
  <si>
    <t>PAPELERIA Y VARIEDADES TAGIOS</t>
  </si>
  <si>
    <t>CR 4 # 5 08 BRR EL CARMEN</t>
  </si>
  <si>
    <t>MANISASO</t>
  </si>
  <si>
    <t>CALLE 53 # 9D 75</t>
  </si>
  <si>
    <t>COLSUBSIDIO DON PAGO LA PAZ</t>
  </si>
  <si>
    <t>CL 8 N # 31 15 BRR LA PAZ</t>
  </si>
  <si>
    <t>DON PAGO LAURA CEP</t>
  </si>
  <si>
    <t>CL 2 B # 53 F 05 BRR GALAN</t>
  </si>
  <si>
    <t>DON PAGO CIUDAD VERDE</t>
  </si>
  <si>
    <t>TV 32 # 24 60 BRR MIRAFLORES</t>
  </si>
  <si>
    <t>PAPELERIA Y MISELANEA MILAGROS</t>
  </si>
  <si>
    <t>CL 10 # 12 54 BRR VILLABEL</t>
  </si>
  <si>
    <t>VARIEDADES DANSILOS</t>
  </si>
  <si>
    <t>TV 6 B BIS # 48 K 22 - SUR BRR MIRADOR</t>
  </si>
  <si>
    <t>VARIEDADES DILAN</t>
  </si>
  <si>
    <t>CL 79 SUR # 40 05 BRR POTOSI</t>
  </si>
  <si>
    <t>EL MEGA BARATON DE LA 12</t>
  </si>
  <si>
    <t>CR 12 # 60 57 BRR LOS CUSULES</t>
  </si>
  <si>
    <t>DROGUERIA FARMAMESA</t>
  </si>
  <si>
    <t>CONJUNTO PUEBLITO ACUARELA LOCAL C 2 ZONA MESA DE LOS SANTOS</t>
  </si>
  <si>
    <t>DON PAGO SANTA RITA</t>
  </si>
  <si>
    <t>CL 51 B SUR # 5 B 93 / LC A BRR SANTA RITA SUR ORIENTAL</t>
  </si>
  <si>
    <t>RUBEN BETANCUR</t>
  </si>
  <si>
    <t>CL 66 A SUR # 17 D - 24 BRR LA ALAMEDA</t>
  </si>
  <si>
    <t>INTER CAMI</t>
  </si>
  <si>
    <t>CL 1 # 4 01 BRR VEREDA EL CEDRAL</t>
  </si>
  <si>
    <t>M.B.G MULTISERVICIOS</t>
  </si>
  <si>
    <t>AV 26 # 35 - 57 BRR LAS GRANJAS</t>
  </si>
  <si>
    <t>TIENDA DAYAN</t>
  </si>
  <si>
    <t>CL 68 # 16 15 BRR LA VICTORIA</t>
  </si>
  <si>
    <t>VARIEDADES XM</t>
  </si>
  <si>
    <t>CL 92 C SUR # 14 B BIS 87 BRR EL PINO</t>
  </si>
  <si>
    <t>END GAME@</t>
  </si>
  <si>
    <t>CR 91 # 69 03 - SUR BRR BOSA MARGARITAS</t>
  </si>
  <si>
    <t>EL CUÑAO</t>
  </si>
  <si>
    <t>CR 80 J # 41 A - 63 SUR BRR EL AMPARO</t>
  </si>
  <si>
    <t>TIENDA MC</t>
  </si>
  <si>
    <t>CR 4 # 13 - 47 BRR VILLA COLOMBIA</t>
  </si>
  <si>
    <t>INVERSIONES Y ESTRATEGIAS LEGALES SAS</t>
  </si>
  <si>
    <t>CL 6 # 9 100 BRR PESCADITO</t>
  </si>
  <si>
    <t>VHS ELCTRICOS</t>
  </si>
  <si>
    <t>CALLE 14 # 10 - 101</t>
  </si>
  <si>
    <t>PAPELERIA Y SUMINISTROS OFIPAPEL</t>
  </si>
  <si>
    <t>CRA 13 W # 60 BIS 15 LOTE 3 MANZANA 2 APARTAMENTO 101 BARRIO BRISAS DEL MUTIS</t>
  </si>
  <si>
    <t>DON PAGO LA FRAGUITA</t>
  </si>
  <si>
    <t>CR 24 D # 2 54 - SUR / LC 3 BRR LA FRAGUITA</t>
  </si>
  <si>
    <t>DON PAGO DE LA 13</t>
  </si>
  <si>
    <t>CL 13 # 21 26 BRR ALTOPRADO</t>
  </si>
  <si>
    <t>PORTAL VIRTUAL</t>
  </si>
  <si>
    <t>CR 8 # 10 - 66 BRR LA CRUZ</t>
  </si>
  <si>
    <t>PAPELERIA EL PARAISO</t>
  </si>
  <si>
    <t>CL 62 SUR # 86 B - 60 SUR BRR BOSA NOVA</t>
  </si>
  <si>
    <t>RAUL ALBERTO MARTINEZ LOPEZ</t>
  </si>
  <si>
    <t>CL 1 N # 19 36 BRR ALCON DE GRANADA</t>
  </si>
  <si>
    <t>SU PAGO</t>
  </si>
  <si>
    <t>CL 8 # 6 - 42 BRR CENTRO</t>
  </si>
  <si>
    <t>JUAN.RR</t>
  </si>
  <si>
    <t>CL 26 C SUR # 22 04 BRR FRONTERAS DEL MILENIO</t>
  </si>
  <si>
    <t>TENO STORE</t>
  </si>
  <si>
    <t>CL 38 C SUR # 87 D 4 BRR PATIO BONITO</t>
  </si>
  <si>
    <t>CAFE INTERNET MARKITOS</t>
  </si>
  <si>
    <t>CR 4 # 2 01 BRR SAN ANTONIO</t>
  </si>
  <si>
    <t>JUAND. COMUNICACIONES</t>
  </si>
  <si>
    <t>CL 66 # 77 A 25 BRR SAN MARCOS</t>
  </si>
  <si>
    <t>MODA SOLANO</t>
  </si>
  <si>
    <t>CR 10 # CL 11 - 12 DPL AJ8072</t>
  </si>
  <si>
    <t>PAPELERIA FERCAR</t>
  </si>
  <si>
    <t>CR 77 Y # 47 A 29 - SUR BRR KENNEDY</t>
  </si>
  <si>
    <t>ARCELIO</t>
  </si>
  <si>
    <t>CL 19 # 30 - 165 BRR KENEDY</t>
  </si>
  <si>
    <t>CAFE INTERNET YAYIS@NET</t>
  </si>
  <si>
    <t>CL 141 K # 12 - 85 BRR EL OVIEDO</t>
  </si>
  <si>
    <t>DISTRIBUCIONES BABY HOGAR</t>
  </si>
  <si>
    <t>AV 1 # 10 - 30 BRR CENTRO</t>
  </si>
  <si>
    <t>PAPELERIA TOMMY</t>
  </si>
  <si>
    <t>CR 21 # 6 - 66 BRR SOCIEGO</t>
  </si>
  <si>
    <t>BRILLANTINA PAPELERIA</t>
  </si>
  <si>
    <t>MZ 15 CA 2 BRR LA FACHADA</t>
  </si>
  <si>
    <t>LUZ GONZALEZ</t>
  </si>
  <si>
    <t>CR 19 D # 64 - 99 BRR SAN FRANCISCO</t>
  </si>
  <si>
    <t>SC SOLUCIONES Y CONSULTAS S EM C</t>
  </si>
  <si>
    <t>AV 26 # 5 12 BRR LAS GRANJAS</t>
  </si>
  <si>
    <t>CL 28 # 9 21 BRR GIRARDOT</t>
  </si>
  <si>
    <t>COMUNICACIONES SION DV</t>
  </si>
  <si>
    <t>CR 93 C # 54 C 10 - SUR BRR BOSA PORVENIR</t>
  </si>
  <si>
    <t>ZOITEL TELECOMUNICACIONES</t>
  </si>
  <si>
    <t>CL 27 # 49 09 BRR VISTA HERMOSA</t>
  </si>
  <si>
    <t>DROGUERIA ITALIANA PLUS</t>
  </si>
  <si>
    <t>C ALUMBRADO PÃšBLICO</t>
  </si>
  <si>
    <t>DROGUERIA UNO A</t>
  </si>
  <si>
    <t>CL 15 12 67</t>
  </si>
  <si>
    <t>PAGO EXPRESS MONTERIA</t>
  </si>
  <si>
    <t>CR 9 # 26 33 / P 01 LC 04 BRR CHUCHURUBI</t>
  </si>
  <si>
    <t>INTERMAR</t>
  </si>
  <si>
    <t>CL 2 # 8 37 BRR SANTA MARIA</t>
  </si>
  <si>
    <t>REPITIENDO AUTOSERVICIO SANTA ISABEL</t>
  </si>
  <si>
    <t>TV. 8 #27-1 DOSQUEBRADAS RISARALDA COLOMBIA</t>
  </si>
  <si>
    <t>MULTIPUNTO LAURA SOFIA</t>
  </si>
  <si>
    <t>CR 7 # 4 - 87 BRR LA PORTADA</t>
  </si>
  <si>
    <t>DON PAGO SAN ANDRESITO</t>
  </si>
  <si>
    <t>AK 72 # 40 05 - SUR / AV BOYACA BRR SAN ANDRES</t>
  </si>
  <si>
    <t>DON PAGO TUNJUELITO</t>
  </si>
  <si>
    <t>CL 54 SUR # 12 C 46 BRR TUNJUELITO</t>
  </si>
  <si>
    <t>TELECOMUNICACIONES MATSURA</t>
  </si>
  <si>
    <t>CR 6 F ESTE # 98 - 56 SUR BRR EL NUEVO PORTAL USME</t>
  </si>
  <si>
    <t>PAPELERIA EL PRIMO .COM</t>
  </si>
  <si>
    <t>CL 56 SUR # 3 B 15 BRR DANUBIO AZUL</t>
  </si>
  <si>
    <t>SANDRA GIL</t>
  </si>
  <si>
    <t>CL 35 B SUR # 25 H - 15 BRR MATATIGRES</t>
  </si>
  <si>
    <t>DROGUERIA DRO-SALUD</t>
  </si>
  <si>
    <t>CL 93 # 8 17 BRR ALBERTO GALINDO</t>
  </si>
  <si>
    <t>SUPERMERCADO SAN CAYETANO</t>
  </si>
  <si>
    <t>CL 50 # 21 - 88 BRR LOS PINOS</t>
  </si>
  <si>
    <t>PAPELERIA SHEKINAH</t>
  </si>
  <si>
    <t>CL 64 S # 85 A 05 BRR LA PAZ</t>
  </si>
  <si>
    <t>PAPELERIA OLAYA LOPEZ</t>
  </si>
  <si>
    <t>CR 4 NO. 8 - 57 BRR PAR PPAL</t>
  </si>
  <si>
    <t>MULTISERVICIOS ANGELES</t>
  </si>
  <si>
    <t>CR 16 W # 10 05 / LC 02 BRR VALLEJO</t>
  </si>
  <si>
    <t>VIDEO JUEGOS EL ENANO.COM</t>
  </si>
  <si>
    <t>CR 11 # 47 39 BRR CARMEN</t>
  </si>
  <si>
    <t>AEROCENTER SOLUTION</t>
  </si>
  <si>
    <t>CL 12 A # 23 74 BRR MUTUALIDAD</t>
  </si>
  <si>
    <t>PROITEK</t>
  </si>
  <si>
    <t>CL 10 # 7 07 BRR BELLAVISTA</t>
  </si>
  <si>
    <t>QUALITY SERVICS</t>
  </si>
  <si>
    <t>CR 24 # 08 02 BRR LA UNIVERSIDAD</t>
  </si>
  <si>
    <t>ELSA ALVARADO RIVERA</t>
  </si>
  <si>
    <t>MZ 15 CA 10 BRR CORPOMECAVI</t>
  </si>
  <si>
    <t>OFICINA ALIADA FLORENCIA</t>
  </si>
  <si>
    <t>CR 13 # 13 24 BRR CENTRO</t>
  </si>
  <si>
    <t>DON PAGO SANTA INES</t>
  </si>
  <si>
    <t>CR 7 ESTE # 27 A 21 - SUR BRR SANTA INES</t>
  </si>
  <si>
    <t>DON PAGO S M</t>
  </si>
  <si>
    <t>CL 53 A SUR # 28 07 BRR SAN VICENTE FERRER</t>
  </si>
  <si>
    <t>MARISAVIC</t>
  </si>
  <si>
    <t>MZ 1 CA 11 ET 5 BRR VILLA CAFE</t>
  </si>
  <si>
    <t>PUNTO DE PAGO EL GUAVIO</t>
  </si>
  <si>
    <t>CR 80 # 70 D - 22 SUR BRR BOSA NARANJOS</t>
  </si>
  <si>
    <t>MACASAR</t>
  </si>
  <si>
    <t>CL 5 # 3 24 BRR CENTRO</t>
  </si>
  <si>
    <t>MISCELANEAY PAPELERIA ANGEL</t>
  </si>
  <si>
    <t>CR 81 C # 42 - 55 SUR BRR EL AMPARO</t>
  </si>
  <si>
    <t>HIPERDROGUERIAFARMACOS FENIX</t>
  </si>
  <si>
    <t>CR 15 # 6 A - 05 BRR LA ESTANZUELA</t>
  </si>
  <si>
    <t>ELECTRODOMESTICOS</t>
  </si>
  <si>
    <t>CL 13 # 3 - 12 BRR LA PAZ</t>
  </si>
  <si>
    <t>INTERNET BANDA ANCHA VECINO</t>
  </si>
  <si>
    <t>CL 67 # 1 -78</t>
  </si>
  <si>
    <t>VARIEDADES LUNA LUNERA</t>
  </si>
  <si>
    <t>CR 69 P # 78 88 BRR LAS FERIAS</t>
  </si>
  <si>
    <t>C/NES LAURA Y SARA</t>
  </si>
  <si>
    <t>CL 40 # 88 21 BRR PATIO BONITO</t>
  </si>
  <si>
    <t>TOPOS VARIEDADES</t>
  </si>
  <si>
    <t>CL 11 # 11 40 BRR PINALITO</t>
  </si>
  <si>
    <t>TIENDA MANANTIAL</t>
  </si>
  <si>
    <t>CR 14 23-16</t>
  </si>
  <si>
    <t>ESTACION SERVICIO AUTOMOTRIZ TERPEL AUTO LA UNION</t>
  </si>
  <si>
    <t>CRA 29 39 07</t>
  </si>
  <si>
    <t>LA BENDICION DE DIOS</t>
  </si>
  <si>
    <t>CL 38 A # 28 B 60 BRR CARIBE II</t>
  </si>
  <si>
    <t>SAN LUIS DE SINCÉ</t>
  </si>
  <si>
    <t>DROGAS LA ESMERALDA DE SINCE</t>
  </si>
  <si>
    <t>CR 8 # 8 10 BRR PALACIO</t>
  </si>
  <si>
    <t>MULTIVARIEDADES JP</t>
  </si>
  <si>
    <t>CR 6 # 46 9 BRR CIUDADELA METROPOLITANA</t>
  </si>
  <si>
    <t>VARIEDADES LA FINA</t>
  </si>
  <si>
    <t>CRA. 3 #10-8 TAGANGA SANTA MARTA MAGDALENA COLOMBIA</t>
  </si>
  <si>
    <t>EL CARMEN DE ATRATO</t>
  </si>
  <si>
    <t>SALA DE INTERNET L@ NET</t>
  </si>
  <si>
    <t>CR 4 BRR BRR MANZANARES</t>
  </si>
  <si>
    <t>MUNDO KONTACTOS CERTER CLUB</t>
  </si>
  <si>
    <t>CL 13 # 11 31 BRR ROSAL</t>
  </si>
  <si>
    <t>MISCELANEA DALE Y SIGA</t>
  </si>
  <si>
    <t>CL 6 # 14 - 73 BRR EL DORADO</t>
  </si>
  <si>
    <t>PAPELERIA MIJIRI</t>
  </si>
  <si>
    <t>CL 139 # 95 A 68 / LC 2 BRR LAS FLORES</t>
  </si>
  <si>
    <t>SERVIPUNTO LA 19</t>
  </si>
  <si>
    <t>CL 19 # 6 34 BRR CENTRO</t>
  </si>
  <si>
    <t>NEGOCIOS LM</t>
  </si>
  <si>
    <t>CRA 4 NO 11 - 69</t>
  </si>
  <si>
    <t>PROVIDENCIA</t>
  </si>
  <si>
    <t>PAPELERA Y VARIEDADES TAUROS PROVIDENCIA</t>
  </si>
  <si>
    <t>SEC SANTA ISABEL BRR SANTA ISABEL</t>
  </si>
  <si>
    <t>JAVIER ALFONSO MORENO MORENO</t>
  </si>
  <si>
    <t>CL 2 # 3 30 BRR FLORIDA</t>
  </si>
  <si>
    <t>SALA DE INTERNET  Y  VARIEDADES LA MEGA</t>
  </si>
  <si>
    <t>TIENDA CLARO</t>
  </si>
  <si>
    <t>CR 9 # 5 06 BRR JARDIN</t>
  </si>
  <si>
    <t>MISCELANEA JUANCHO</t>
  </si>
  <si>
    <t>TV 12 D BIS # 42 - 26 SUR BRR SAN JORGE SUR</t>
  </si>
  <si>
    <t>TV 34 # 107 36 / ET I BRR ALTOVIENTO</t>
  </si>
  <si>
    <t>ANDERSON FABIAN</t>
  </si>
  <si>
    <t>CR 6 18A 04BRR BALMORAL</t>
  </si>
  <si>
    <t>#ONLINE.CAFE</t>
  </si>
  <si>
    <t>CL 11 KR 9 163 MERCADO SANTA MARTA</t>
  </si>
  <si>
    <t>SIVA CAFE INTERNET</t>
  </si>
  <si>
    <t>CR 27 # 64 56 / LC 1 BRR NUEVA GRANADA</t>
  </si>
  <si>
    <t>VARIEDADES KRYSS</t>
  </si>
  <si>
    <t>CR 10 B # 15 33 BRR MARCOS LORTA</t>
  </si>
  <si>
    <t>DON REPARATODO</t>
  </si>
  <si>
    <t>CL 33 # 18 26 BRR CENTRO</t>
  </si>
  <si>
    <t>PUNTO MAGICO</t>
  </si>
  <si>
    <t>CR 2 # 24 A 22 BRR BUENOS AIRES</t>
  </si>
  <si>
    <t>COMERCIALIZADORA COLOMBIANA DE FRANQUICIAS SAS</t>
  </si>
  <si>
    <t>CL 33 A # 21 09 BRR TEUSAQUILLO</t>
  </si>
  <si>
    <t>DISTRIVARIEDADES JAM</t>
  </si>
  <si>
    <t>CR 3 # 3 - 16 BRR SAN JORGE</t>
  </si>
  <si>
    <t>SERVICIOS INTEGRALES DALEXA</t>
  </si>
  <si>
    <t>CR 1 # 32 - 13 BRR SANTA INES</t>
  </si>
  <si>
    <t>OBELIX.COM</t>
  </si>
  <si>
    <t>CL 103 # 14 33 LC 23 BRR COOVICONSA</t>
  </si>
  <si>
    <t>COMUNICACIONES Y VARIEDADES ROCITA</t>
  </si>
  <si>
    <t>DG 16 B BIS # 98 49 BRR SAN LORENZO</t>
  </si>
  <si>
    <t>SEGUROSSHEDA</t>
  </si>
  <si>
    <t>CL 7 # 90 76 BRR TINTAL</t>
  </si>
  <si>
    <t>AGROVETERINARIA</t>
  </si>
  <si>
    <t>CR 5 # 11 94 BRR CENTRO</t>
  </si>
  <si>
    <t>INVERSIONES ZARATE ORTEGA</t>
  </si>
  <si>
    <t>CL. 48 #15F-5 SOLEDAD ATLNTICO COLOMBIA</t>
  </si>
  <si>
    <t>PAPELERIA Y VARIEDADES GS</t>
  </si>
  <si>
    <t>CR 9 W # 17 54 BRR URBANIZACION VALLEJO</t>
  </si>
  <si>
    <t>ENGALLAMOS</t>
  </si>
  <si>
    <t>CR 5 # 6 A 41 BRR SANTA MARIA</t>
  </si>
  <si>
    <t>COMERCIALIZADORA ALDALU</t>
  </si>
  <si>
    <t>CL 46 J # 1 62 BRR CIUDADELA VEINTE DE JULIO</t>
  </si>
  <si>
    <t>CIBERSOCO ASTURIAS</t>
  </si>
  <si>
    <t>TV 9 A # 61 A 15 BRR VIA AL BOSQUE</t>
  </si>
  <si>
    <t>CLICK INGENIERA</t>
  </si>
  <si>
    <t>CR 7 # 18 46 BRR CIUDAD JARDIN</t>
  </si>
  <si>
    <t>MOVILES Y PAGOS LOS COMUNEROS</t>
  </si>
  <si>
    <t>CRA 10 12 37</t>
  </si>
  <si>
    <t>LUBRIFERRI</t>
  </si>
  <si>
    <t>CL 27 # 10 64 BRR GIRARDOT</t>
  </si>
  <si>
    <t>AFA INVERSIONES S.A.S</t>
  </si>
  <si>
    <t>CR 13 # 23 77 BRR CENTRO</t>
  </si>
  <si>
    <t>PAPELERIA Y CAHARRERIA LA 10</t>
  </si>
  <si>
    <t>CR 9 # 9 - 87 BRR BELEN</t>
  </si>
  <si>
    <t>PAPELERIA PAULA</t>
  </si>
  <si>
    <t>DG 71 # 80 P - 34 SUR BRR BOSA PALESTINA</t>
  </si>
  <si>
    <t>CSM COMUNICACIONES</t>
  </si>
  <si>
    <t>CR 5 # 100 - 05 / LC BRR PLAZA JARDIN</t>
  </si>
  <si>
    <t>MULTISERVICIOS J.D.G</t>
  </si>
  <si>
    <t>CL 68 A SUR # 49 - 35 BRR CANDELARIA LA NUEVA</t>
  </si>
  <si>
    <t>SBOX ONE SKIPER</t>
  </si>
  <si>
    <t>VIA CHIMITA KM 2 BRR JOSE ANTONIO GALAN</t>
  </si>
  <si>
    <t>PROYECTAR SERVICIOS 1</t>
  </si>
  <si>
    <t>CR 10 B ESTE # 21 70 - SUR BRR SAN BLAS</t>
  </si>
  <si>
    <t>MUNDO NET</t>
  </si>
  <si>
    <t>CR 121 # 129 D - 18 BRR SUBA VILLAMARIA</t>
  </si>
  <si>
    <t>VARIEDADES AD</t>
  </si>
  <si>
    <t>CR 2 # 87 C 91 - SUR BRR CHICO SUR</t>
  </si>
  <si>
    <t>PAPELERIA INGRID</t>
  </si>
  <si>
    <t>CR 2 # 3 37 BRR CENTRO</t>
  </si>
  <si>
    <t>SURTECOPIAS ALDEMAR</t>
  </si>
  <si>
    <t>CR 57 # 46 56 / LC 12 BRR BOSTON</t>
  </si>
  <si>
    <t>VARIEDADES ISABELLA. COM</t>
  </si>
  <si>
    <t>CALLE 28#6E-20</t>
  </si>
  <si>
    <t>LA RIVIERA MARKET</t>
  </si>
  <si>
    <t>CL 5 N # 18 20 BRR QUINTA GRANADA</t>
  </si>
  <si>
    <t>MANTINET</t>
  </si>
  <si>
    <t>CL 6 # 4 62 BRR CENTRO</t>
  </si>
  <si>
    <t>PUNTO INNOVADOR</t>
  </si>
  <si>
    <t>CL 53 # 13-34</t>
  </si>
  <si>
    <t>DON PAGO SANMARTIN</t>
  </si>
  <si>
    <t>CL 57 SUR # 88 F 28 BRR BOSA SAN MARTIN</t>
  </si>
  <si>
    <t>SUPERMERCADO CINCO MENOS LA MARAVILLA 2</t>
  </si>
  <si>
    <t>CR 1 # 71 A 79 BRR LAVORAGINE</t>
  </si>
  <si>
    <t>TELMARCOMUNICACIONES.COM</t>
  </si>
  <si>
    <t>CR 52 # 24 A 21 / AP 102 BRR LAS PALMAS</t>
  </si>
  <si>
    <t>MULTISERVICIOS SERGIO</t>
  </si>
  <si>
    <t>CR 9 # 16 - 33 BRR CENTRO</t>
  </si>
  <si>
    <t>DULCES Y COLORES</t>
  </si>
  <si>
    <t>CL 97 A # 16 G 45 BRR EL GUADUAL  FONTIBON</t>
  </si>
  <si>
    <t>JORGE CASTANEDA</t>
  </si>
  <si>
    <t>CR 3 # 3 84 BRR CENTRO</t>
  </si>
  <si>
    <t>LA GLORIA DE DIOS CARIBE VERDE</t>
  </si>
  <si>
    <t>CL 134 # 9 124 / URB CARIBE VERCE TO 3 AP 104 BRR CARIBE VERCE</t>
  </si>
  <si>
    <t>SERVICIOS FLOREZ  BARBOSA</t>
  </si>
  <si>
    <t>CL 3 # 2 69 BRR CENTRO</t>
  </si>
  <si>
    <t>DON PAGO SC</t>
  </si>
  <si>
    <t>CR 100 # 50 B 45 BRR BOSA PORVENIR</t>
  </si>
  <si>
    <t>ENVIOS OLGA PINZON</t>
  </si>
  <si>
    <t>DG 50 # 53 - 10 BRR VENECIA</t>
  </si>
  <si>
    <t>PAPELERIA NIKOS</t>
  </si>
  <si>
    <t>CR 3 # 8 - 53 CENTRO</t>
  </si>
  <si>
    <t>TIENDA - LA 12</t>
  </si>
  <si>
    <t>CL 12 # 2 - 45 / AP 1 BRR LOS MARTIRES</t>
  </si>
  <si>
    <t>LOS UNIFORMES DE GRANJAS</t>
  </si>
  <si>
    <t>CL 42 # 6 - 33 BRR GRANJAS</t>
  </si>
  <si>
    <t>CENTRO DE SERVICIOS ESPECIALIZAOS</t>
  </si>
  <si>
    <t>CR 1 # 3 27 BRR LA ESMERALDA II NORTE</t>
  </si>
  <si>
    <t>CENTER TECH COMNICACIONES</t>
  </si>
  <si>
    <t>CR 4 # 4 16 BRR CENTRO GUADUAS</t>
  </si>
  <si>
    <t>SERVIPAGO EL LIBANO J.E</t>
  </si>
  <si>
    <t>CR 5 # 16 09 BRR LOS ABETOS</t>
  </si>
  <si>
    <t>PAPELERIA Y VARIEDADES REY DAVID</t>
  </si>
  <si>
    <t>CL 8 # 10 31 BRR PUEBLO NUEVO</t>
  </si>
  <si>
    <t>DETALLES DARY</t>
  </si>
  <si>
    <t>CL 14 A # 18 33 BRR EL CONSUELO</t>
  </si>
  <si>
    <t>FOLDER OFICCE</t>
  </si>
  <si>
    <t>CL 22 # 16 07 BRR ARBOLEDA</t>
  </si>
  <si>
    <t>HOTEL DEL PARQUE DE SAN VICENTE DE CHUCURI</t>
  </si>
  <si>
    <t>CL 10 # 9 66 BRR CENTRO</t>
  </si>
  <si>
    <t>ARGONAUTICA COMUNICACIONES</t>
  </si>
  <si>
    <t>CRA 35 52 41</t>
  </si>
  <si>
    <t>DON PAGO SAN CRISTOBAL SUR 10</t>
  </si>
  <si>
    <t>CR 10 D ESTE # 17 C 16 - SUR BRR SAN CIRSTOBAL</t>
  </si>
  <si>
    <t>VARIEDADES EL SUEÑO DE ZARITA</t>
  </si>
  <si>
    <t>CR 5 # 3 170 BRR BOLO</t>
  </si>
  <si>
    <t>DON PAGO ATALAYA</t>
  </si>
  <si>
    <t>LT 7 MZ J 3 MZ J 3 BRR ATALAYA</t>
  </si>
  <si>
    <t>EFECTY</t>
  </si>
  <si>
    <t>CR 19 B # 60 B - 11 SUR BRR SAN FRANCISCO</t>
  </si>
  <si>
    <t>INTER JLK</t>
  </si>
  <si>
    <t>CL 71 I SUR # 27 G - 15 BRR PARAISO</t>
  </si>
  <si>
    <t>TE RESUELVO.COM</t>
  </si>
  <si>
    <t>CR 27 # 34 - 60 BRR SALESIANOS</t>
  </si>
  <si>
    <t>INTERNET LA PALMITA COM</t>
  </si>
  <si>
    <t>CR 6 W # 29 - 09 BRR CAILIFORNIA</t>
  </si>
  <si>
    <t>RECAUDO EXPRESS</t>
  </si>
  <si>
    <t>CR 87 # 26 79 - SUR BRR PATIO BONITO</t>
  </si>
  <si>
    <t>COMUNICACIONES MANILA.COM</t>
  </si>
  <si>
    <t>TV 12 # 22 42 / CEN BRR FUSAGASUGA</t>
  </si>
  <si>
    <t>TIENDA EL DIAMANTE J.A</t>
  </si>
  <si>
    <t>CL. 7 #37B-44 MALAMBO ATLNTICO COLOMBIA</t>
  </si>
  <si>
    <t>TUBARÁ</t>
  </si>
  <si>
    <t>ABASTOS TUBARA</t>
  </si>
  <si>
    <t>DROGAS EXITO</t>
  </si>
  <si>
    <t>CRA. 25 #30-78 COROZAL SUCRE COLOMBIA</t>
  </si>
  <si>
    <t>MEGA SERVICIOS PLUSS</t>
  </si>
  <si>
    <t>CALLE 13 16 56</t>
  </si>
  <si>
    <t>PAPELERIA Y VARIEDADES LA PROFE ROSITA</t>
  </si>
  <si>
    <t>DG 60 # 47 B 23 BRR VEINTE DE AGOSTO</t>
  </si>
  <si>
    <t>DON PAGO GR CALLE 63</t>
  </si>
  <si>
    <t>CL 86 # 95 F 16 BRR BACHUE</t>
  </si>
  <si>
    <t>ACC TORRES</t>
  </si>
  <si>
    <t>CL 143 # 52 57 BRR PRADO PINZON</t>
  </si>
  <si>
    <t>DSM MULTISERVICIOS</t>
  </si>
  <si>
    <t>CL 44 # 27 - 40 SUR BRR EL CLARET</t>
  </si>
  <si>
    <t>PAPELERIA Y MISCELANEA MAYITOS 11 ANTONELA</t>
  </si>
  <si>
    <t>CR 16 B # 13 - 33 / MZ F CA 189 BRR MOLINOS DEL VIENTO</t>
  </si>
  <si>
    <t>CIGARRERIA EL GORDO SANTANDERCITO</t>
  </si>
  <si>
    <t>CL 76 SUR # 16 P - 69 SUR BRR CASA DE TEJA</t>
  </si>
  <si>
    <t>PIXEL VARIEDADES</t>
  </si>
  <si>
    <t>CR 3 W # 25 E 93 BRR LOS ANDAQUIES</t>
  </si>
  <si>
    <t>PAPELERÃA GAMOL</t>
  </si>
  <si>
    <t>CL 29 # 18 27 BRR CASTILLA REAL 1</t>
  </si>
  <si>
    <t>INTERNET JULUAN</t>
  </si>
  <si>
    <t>CL 123 # 31 14 BRR BRR LA PRADERA</t>
  </si>
  <si>
    <t>ANGELA MARIA BECERRA BETANCUR</t>
  </si>
  <si>
    <t>CR 83 SEC ALTO DE LOS MANGOS BRR LA SIRENA</t>
  </si>
  <si>
    <t>ECOMADI</t>
  </si>
  <si>
    <t>CR 80 C # 9 39 BRR VALLADOLI</t>
  </si>
  <si>
    <t>ARIGUANÍ</t>
  </si>
  <si>
    <t>O A R TECNOLOGIA</t>
  </si>
  <si>
    <t>CR CARMEN DE ARIGUANI BRR COSTA AZUL</t>
  </si>
  <si>
    <t>NOVYTEC</t>
  </si>
  <si>
    <t>CL 68 A # 79 C - 31 SUR BRR BOSA PIAMONTE</t>
  </si>
  <si>
    <t>SURTIJUANCHO</t>
  </si>
  <si>
    <t>CR 5 # 80 A 03 BRR LUIS CARLOS GALAN</t>
  </si>
  <si>
    <t>SERVIR.COM</t>
  </si>
  <si>
    <t>AV 26 # 5 W 14 BRR CONJUNTO LA MAGDALENA LOCAL</t>
  </si>
  <si>
    <t>MISCELANEA MALEJA</t>
  </si>
  <si>
    <t>CR 93 C # 54 F 48 - SUR BRR BOSA EL CORZO</t>
  </si>
  <si>
    <t>NOCOTEX</t>
  </si>
  <si>
    <t>CR 97 B # 158 07 BRR SUBA TUNA BAJA</t>
  </si>
  <si>
    <t>SISTEM CENTER DONDE RAMIRO</t>
  </si>
  <si>
    <t>CR 6 # 5 B 47 BRR CENTRO</t>
  </si>
  <si>
    <t>VARIEDADES DIGITAL</t>
  </si>
  <si>
    <t>TV 1 F # 64 58 / TO 8 AP 104 BRR LA CANDERLARIA</t>
  </si>
  <si>
    <t>CAFEINTERNET JV</t>
  </si>
  <si>
    <t>TRANS 4B DIAG 36 44</t>
  </si>
  <si>
    <t>INTERNET Y PAPELERIA LA TORA</t>
  </si>
  <si>
    <t>CL 45 # 35 A 06 BRR SIMON BOLIVAR</t>
  </si>
  <si>
    <t>PAPELERIA SANGIL PLAZA</t>
  </si>
  <si>
    <t>CRA. 12 #10-3 SAN GIL SANTANDER COLOMBIA</t>
  </si>
  <si>
    <t>PAPELERIA SALOME Y STEVEN</t>
  </si>
  <si>
    <t>CL 65 # 20 A - 18 BRR AMBALA</t>
  </si>
  <si>
    <t>PAPELERIA EL SOL</t>
  </si>
  <si>
    <t>CR 21 A # 66 - 10 SUR BRR SAN FRANCISCO</t>
  </si>
  <si>
    <t>MERKATODO LAS DELICIAS</t>
  </si>
  <si>
    <t>CL 49 H SUR # 9 A - 06 BRR MOLINOS DEL SUR</t>
  </si>
  <si>
    <t>INTERRAPIDISIMO CASCO ANTIGUO</t>
  </si>
  <si>
    <t>CR 26 # 32 - 27 BRR CASCO ANTIGUO</t>
  </si>
  <si>
    <t>DACARLI PELUQUERIA</t>
  </si>
  <si>
    <t>CR 16 B # 2 A - 06 BRR BOSQUE NORTE PARTE BAJA</t>
  </si>
  <si>
    <t>DIAZNET.COM COMUNICACIONES</t>
  </si>
  <si>
    <t>CR 55 A # 166 75 / LC 6 BRR BARRIO SAN CIPRIANO</t>
  </si>
  <si>
    <t>GAB SC</t>
  </si>
  <si>
    <t>CR 13 A # 76 4 BRR VILLA ANGELITA</t>
  </si>
  <si>
    <t>PUNTO RECAUDO METROPOLITANO</t>
  </si>
  <si>
    <t>CR 17 # 80 B 30 BRR ALMENDROS SOLEDAD</t>
  </si>
  <si>
    <t>DON PAGO BOSA</t>
  </si>
  <si>
    <t>CL 59 SUR # 91 C 28 BRR BOSA EL REGALO</t>
  </si>
  <si>
    <t>SOLUCIONES HI</t>
  </si>
  <si>
    <t>CR 23 # 52 27 BRR NUEVO SOTOMAYOR</t>
  </si>
  <si>
    <t>SERVISEGUROS JULIA</t>
  </si>
  <si>
    <t>CR 7 # 10 85 / LC 9 ESTACIÃ“N DE SERVICIO TERPEL BRR CENTRO</t>
  </si>
  <si>
    <t>TECNOMOVIL Y PRODUCTOS JULIAO</t>
  </si>
  <si>
    <t>CL 8 # 5 64 BRR LA CENTRAL</t>
  </si>
  <si>
    <t>MISCELANEA BEYOTA</t>
  </si>
  <si>
    <t>SM 1 CA 1 MZ F BRR SAN TELMO I</t>
  </si>
  <si>
    <t>SERVIDROGAS BELEN</t>
  </si>
  <si>
    <t>CRA. 10 #777 BELEN DE UMBRIA RISARALDA COLOMBIA</t>
  </si>
  <si>
    <t>INVERSIONES SUPERMARK Y ALGO MAS</t>
  </si>
  <si>
    <t>CR 23 # 8 11 BRR EL CARMEN</t>
  </si>
  <si>
    <t>PAPELERIA MIS 5V</t>
  </si>
  <si>
    <t>CR 71 C # 5 A - 27 / CA BRR AMERICAS CENTRAL</t>
  </si>
  <si>
    <t>TECNOLOGIA MOVIL</t>
  </si>
  <si>
    <t>CR 14 N # 25 76 BRR LA UNIDAD</t>
  </si>
  <si>
    <t>SEBASCOM</t>
  </si>
  <si>
    <t>CR 8 # 8 42 BRR CENTRO</t>
  </si>
  <si>
    <t>TIENDA RUIZ VARGAS</t>
  </si>
  <si>
    <t>CLL 22 # 52-97 PALMAS</t>
  </si>
  <si>
    <t>TOYEDINA INTERNET</t>
  </si>
  <si>
    <t>CR 88 C # 54 C 08 - SUR BRR BOSA BRSASIL</t>
  </si>
  <si>
    <t>PROYECTAR SERVICIOS 2</t>
  </si>
  <si>
    <t>CR 16 SUR # 5 A 33 - OESTE BRR SAN CRISTOBAL</t>
  </si>
  <si>
    <t>VARIEDADES JOHNCAR</t>
  </si>
  <si>
    <t>CL 20 D # 43 C - 12 BRR SAMORA BELLO</t>
  </si>
  <si>
    <t>SURTIVARIEDADES MAJO</t>
  </si>
  <si>
    <t>DG 15 B # 104 - 46 BRR ZONA FRANCA CASA 22</t>
  </si>
  <si>
    <t>ALCE STORE</t>
  </si>
  <si>
    <t>CL 147 # 43 - 56 BRR PICALENA</t>
  </si>
  <si>
    <t>INTERMAS</t>
  </si>
  <si>
    <t>CR 10 E # 33 - 21 BRR CUMBRE</t>
  </si>
  <si>
    <t>DUZAN</t>
  </si>
  <si>
    <t>CL 5 # 19 30 BRR CENTRO</t>
  </si>
  <si>
    <t>CIGARRERIA LA BODEGUILLA</t>
  </si>
  <si>
    <t>CL 80 # 68 H - 07 BRR LAS FERIAS</t>
  </si>
  <si>
    <t>VARIEDADES UN NUEVO COMERCIO</t>
  </si>
  <si>
    <t>CR 14 A # 80 A 60 BRR LOS ALMENDROS</t>
  </si>
  <si>
    <t>SWEET LOVE ST</t>
  </si>
  <si>
    <t>CRA 15 A 150 12</t>
  </si>
  <si>
    <t>DON  PAGO NIKOLAS</t>
  </si>
  <si>
    <t>CR 116 B # 80 52 BRR IBERIA</t>
  </si>
  <si>
    <t>LAURA TAMAYO ROMERO</t>
  </si>
  <si>
    <t>AV LA TOMA 860 LC 1 BRR EDIFICIO LA TOMA</t>
  </si>
  <si>
    <t>DON PAGO VENTURA</t>
  </si>
  <si>
    <t>CL 33 A # 21 21 BRR TEUSAQUILLO</t>
  </si>
  <si>
    <t>COMUNICACIONES FLORIDA</t>
  </si>
  <si>
    <t>CL 30 # 10 E 31 / LC 6 BRR SURATOQUE</t>
  </si>
  <si>
    <t>PAÑALERA LA CHIA</t>
  </si>
  <si>
    <t>CL 81 C # 5 04 BRR EDUARDO SANTOS</t>
  </si>
  <si>
    <t>BBVA TELECOMUNICASIONES</t>
  </si>
  <si>
    <t>CL 27 # 8 C 05 BRR LOS CAMBULOS</t>
  </si>
  <si>
    <t>DINEMAR PAPELERIA</t>
  </si>
  <si>
    <t>CL 18 # 107 60 BRR BELEN FONTIBON</t>
  </si>
  <si>
    <t>CL 55 A SUR # 99 C 06 / CA BRR BOSA PORTAL</t>
  </si>
  <si>
    <t>CARRERA 8AW # 15 - 06 CA 2</t>
  </si>
  <si>
    <t>MISCELANEA Y PAPELERIA  J Y T</t>
  </si>
  <si>
    <t>CRA. 5 #2-13 POPAYN CAUCA COLOMBIA</t>
  </si>
  <si>
    <t>PAPELERIA CAPITAL J.C</t>
  </si>
  <si>
    <t>CL 61 A # 94 A 16 - SUR BRR ATALAYAS</t>
  </si>
  <si>
    <t>ANCUYÁ</t>
  </si>
  <si>
    <t>MUEBLE HOGAR ANCUYA</t>
  </si>
  <si>
    <t>CL 2 C 18 DIV 1 BRR LIBERTAD</t>
  </si>
  <si>
    <t>COMUNICACIONES C.R</t>
  </si>
  <si>
    <t>CL 92 B SUR # 1 D 13 / CEN BRR BARRIO LOS COMUNEROS</t>
  </si>
  <si>
    <t>ASENORMANDO</t>
  </si>
  <si>
    <t>CR 3 A # 10 76 BRR CENTRO</t>
  </si>
  <si>
    <t>MISCELNEA Y PAPELERA CAPINET</t>
  </si>
  <si>
    <t>TV METROPOLITANA 103 A 10 BRR COAVICONSA</t>
  </si>
  <si>
    <t>COMPUCOPIAS OK</t>
  </si>
  <si>
    <t>CR 10 # 6 70 BRR BOSQUE BAJO</t>
  </si>
  <si>
    <t xml:space="preserve">CASETA SAN VICTORINO </t>
  </si>
  <si>
    <t>CL. 13 #16-56 SOCORRO SANTANDER COLOMBIA</t>
  </si>
  <si>
    <t>DROGUERIA Y PERFUMERIA FELIX</t>
  </si>
  <si>
    <t>CRA 10 OCC 45 A 04</t>
  </si>
  <si>
    <t>INTERNET TORRE GIRARDOT</t>
  </si>
  <si>
    <t>CR 5 # 28 11 BRR GIRARDOT</t>
  </si>
  <si>
    <t>APIA MULTISERVICIOS</t>
  </si>
  <si>
    <t>CL 9 N 8 25 PLAZA PRINCIPAL</t>
  </si>
  <si>
    <t>RECAUDO Y PAGOS PITALITO</t>
  </si>
  <si>
    <t>CR 3 # 3 65 BRR RODEO PITALITO</t>
  </si>
  <si>
    <t>DON PAGO RESTREPO</t>
  </si>
  <si>
    <t>CR 16 # 18 35 BRR RESTREPO</t>
  </si>
  <si>
    <t>DON PAGO CENTRO DE PAGOS</t>
  </si>
  <si>
    <t>CL 63 SUR # 80 A 18 BRR BOSA CENTRO</t>
  </si>
  <si>
    <t>PAPELERIA MATHIAS</t>
  </si>
  <si>
    <t>CL 69 A SUR # 88 I 22 BRR SAN ANTONIO</t>
  </si>
  <si>
    <t>VARIEDADES INFANTILES DONDE HELLO</t>
  </si>
  <si>
    <t>CR 20 C # 64 - 64 BRR SAN FRANCISCO</t>
  </si>
  <si>
    <t>LEONOR NIÑO</t>
  </si>
  <si>
    <t>CR 6 # 13 18 / 6 T BRR CAMINO DEL PARQUE</t>
  </si>
  <si>
    <t>N@VENET.COM</t>
  </si>
  <si>
    <t>PAPELERIA Y VARIEDADES EYC</t>
  </si>
  <si>
    <t>CL 3 E SUR # 22 04 BRR RIVERAS DEL RIO</t>
  </si>
  <si>
    <t>COMUNICACIONES ELEPHANT</t>
  </si>
  <si>
    <t>CL 73 # 80 N 50 - SUR BRR BOSA LAURELES</t>
  </si>
  <si>
    <t>INTERNET-SANYEHOM</t>
  </si>
  <si>
    <t>CR 7 # 12 A 24 BRR PARQUES DEL MUNA</t>
  </si>
  <si>
    <t>CAFE INBLUE NORTE</t>
  </si>
  <si>
    <t>KM 33 VIA SILVANIA BRR EL RINCONCITO</t>
  </si>
  <si>
    <t>REDPHONE</t>
  </si>
  <si>
    <t>CL 6 # 6 20 BRR BOCAGRANDE</t>
  </si>
  <si>
    <t>FNM MULTISERVICIOS Y SOLUCIONES</t>
  </si>
  <si>
    <t>CL. 64 #65-11 BARRANQUILLA ATLï¿NTICO COLOMBIA</t>
  </si>
  <si>
    <t>BUENOS AIRES</t>
  </si>
  <si>
    <t>MINIMARKET LA DAMA DROGUERIA</t>
  </si>
  <si>
    <t>CRA. 71 #2D-44 CALI VALLE DEL CAUCA COLOMBIA</t>
  </si>
  <si>
    <t>ESTACION VIRTUAL SQ</t>
  </si>
  <si>
    <t>CL 5 # 15 38 / LC 1 BRR MORALES DUQUE</t>
  </si>
  <si>
    <t>VARIEDADES OPAG</t>
  </si>
  <si>
    <t>CL 18 A # 28 - 63 BRR PALOQUEMADO</t>
  </si>
  <si>
    <t>ARCUSFI SAS</t>
  </si>
  <si>
    <t>CL 70 # 7 60 / OF 302 BRR BOGOTA</t>
  </si>
  <si>
    <t>ÍQUIRA</t>
  </si>
  <si>
    <t>VARIEDADES IQUIRA</t>
  </si>
  <si>
    <t>CL 5 # 5 41 BRR CENTRO IQUIRA</t>
  </si>
  <si>
    <t>ALMACEN MYRIAM</t>
  </si>
  <si>
    <t>CL 106 # 41 A 11 BRR SAN BERNARDO</t>
  </si>
  <si>
    <t>MUNDO INTIMO SPA</t>
  </si>
  <si>
    <t>CL 43 # 22 46 BRR POBLADO</t>
  </si>
  <si>
    <t>CAFE INTERNET DAYANA.COM</t>
  </si>
  <si>
    <t>CL 65 C SUR # 11 50 / IN 18 C31 BRR PORVENIR II</t>
  </si>
  <si>
    <t>MEGACEL SERVICIOS 2</t>
  </si>
  <si>
    <t>CL 58 C BIS # 86 37 - SUR BRR BOSA BRASIL</t>
  </si>
  <si>
    <t>PAGA TODO PAPELERIA PAGA PAGA</t>
  </si>
  <si>
    <t>CL 49 SUR # 91 D - 65 BRR BOSA PORVENIR</t>
  </si>
  <si>
    <t>ADEM PAPELERIA</t>
  </si>
  <si>
    <t>CRA. 4A #31-47 SANTA MARTA MAGDALENA COLOMBIA</t>
  </si>
  <si>
    <t>LICORES MODELO J.R</t>
  </si>
  <si>
    <t>CRA 9 1 AN 17</t>
  </si>
  <si>
    <t>LA CASONA DEL CAMPO EL PROGRESO S.A.S</t>
  </si>
  <si>
    <t>CL 25 # 21 B 206 BRR LOS CANEYES</t>
  </si>
  <si>
    <t>COMPUZONE</t>
  </si>
  <si>
    <t>CL 25 # 12 05 BRR COMUNEROS</t>
  </si>
  <si>
    <t>EUTOPIA SERVICIO</t>
  </si>
  <si>
    <t>TV 47 # 9 - 05 ESTE BRR LOS CEREZOS</t>
  </si>
  <si>
    <t>VARIEDADES SR COMUNICACIONES</t>
  </si>
  <si>
    <t>CR 18 # 14 39 BRR CENTRO</t>
  </si>
  <si>
    <t>T Y K ACCESORIOS</t>
  </si>
  <si>
    <t>CR 121 C # 129 91 / LC 2 BRR NUEVA TIBABUYES</t>
  </si>
  <si>
    <t>SURICAT3 UNIR</t>
  </si>
  <si>
    <t>CL 34 A SUR # 89 C 47 BRR UNIR PATIO BONITO</t>
  </si>
  <si>
    <t>FENIX.COM</t>
  </si>
  <si>
    <t>CR 3 # 7 24 BRR FUSAGASUGA NORTE</t>
  </si>
  <si>
    <t>NEW.COM COMPUTADORES</t>
  </si>
  <si>
    <t>CR 8 # 9 40 / LC 8 BRR JUAN JOSE NEIRA</t>
  </si>
  <si>
    <t>LA CASITA DE JULIANA MR</t>
  </si>
  <si>
    <t>DG 2 # 10 42 BRR BELLO HORIZONTE</t>
  </si>
  <si>
    <t>DROGUERï¿­A TORRE 15</t>
  </si>
  <si>
    <t>CL. 68 #1 SUR-171 BARRANQUILLA ATLï¿NTICO COLOMBIA</t>
  </si>
  <si>
    <t>TOLÚ VIEJO</t>
  </si>
  <si>
    <t>TELEVARIEDADES JAC</t>
  </si>
  <si>
    <t>TR 4 5 30 CL EL POZO</t>
  </si>
  <si>
    <t>MISCELANEA MIL DESEOS Y ALGO MAS</t>
  </si>
  <si>
    <t>CL. 22 #5-10 SANTA MARTA MAGDALENA COLOMBIA</t>
  </si>
  <si>
    <t>MULTISERVICOS JE LA 34</t>
  </si>
  <si>
    <t>CRA 23 #33A-66 BUCARAMANGA SANTANDER COLOMBIA</t>
  </si>
  <si>
    <t>PUNTO LA 64</t>
  </si>
  <si>
    <t>CR 64 # 21 64 BRR NUEVE DE ABRIL</t>
  </si>
  <si>
    <t xml:space="preserve">OLITAS DEL MAR </t>
  </si>
  <si>
    <t>CL. 197 #28-62 FLORIDABLANCA SANTANDER COLOMBIA</t>
  </si>
  <si>
    <t>EXTINTORES SURAMERICANA</t>
  </si>
  <si>
    <t>CL 17 # 137 31 BRR EL RECODO</t>
  </si>
  <si>
    <t>DON PAGO PARQUES SOACHA</t>
  </si>
  <si>
    <t>CR 6 # 12 77 BRR PARQUES SOACHA</t>
  </si>
  <si>
    <t>DOBBYNET</t>
  </si>
  <si>
    <t>CL 98 C # 1 E - 120 BRR GARDENIAS</t>
  </si>
  <si>
    <t>SUPERMERCADO SOL Y LUNA</t>
  </si>
  <si>
    <t>CL 11 # 9 32 BRR SANTA ISABEL</t>
  </si>
  <si>
    <t>DEPOSITO YAMOGA</t>
  </si>
  <si>
    <t>CRA 7 A 5 24</t>
  </si>
  <si>
    <t>MULTISERVI EXPRESS MENSAJERIA</t>
  </si>
  <si>
    <t>CR 5 # 4 22 BRR SANTANA</t>
  </si>
  <si>
    <t>SOLUCIONES FAJ</t>
  </si>
  <si>
    <t>CR 2 A ESTE # 28 - 77 SUR BRR CORDOBA</t>
  </si>
  <si>
    <t>SERVIRED TARQUI</t>
  </si>
  <si>
    <t>CR 6 #1 -35 SUR</t>
  </si>
  <si>
    <t>CAST.COM</t>
  </si>
  <si>
    <t>CR 14 R # 75 14 - SUR BRR SAN JUAN BAUTISTA</t>
  </si>
  <si>
    <t>PAPELERIA Y MISCELANEA ALFA</t>
  </si>
  <si>
    <t>DG 55 A SUR # 4 L 34 BRR DANUBIO AZUL</t>
  </si>
  <si>
    <t>MULTISERVICIOS SAN ROQUE</t>
  </si>
  <si>
    <t>CRR SAN ISIDRO VDA SAN ROQUE BRR Q</t>
  </si>
  <si>
    <t>DOMI LUXURY EXPRESS</t>
  </si>
  <si>
    <t>CR 17 A # 88 45 BRR SAN LUIS</t>
  </si>
  <si>
    <t>DONPAGO SANTA INES</t>
  </si>
  <si>
    <t>CR 7 E # 27 A 21 - SUR BRR SANTA INES</t>
  </si>
  <si>
    <t>DON PAGO COMPARTIR SANTA ANA</t>
  </si>
  <si>
    <t>CR 9 C # 15 140 - SUR BRR SANTA ANA COMPARTIR</t>
  </si>
  <si>
    <t>LIBRERIA Y PAPELERIA LA PLUMA GIRADOTA</t>
  </si>
  <si>
    <t>CL 6 # 15 - 60 BRR CENTRO</t>
  </si>
  <si>
    <t>VELAS SANTA MARTA</t>
  </si>
  <si>
    <t>TV 77 L BIS SUR # 71 B - 86 / LC BRR BOSA</t>
  </si>
  <si>
    <t>SERVIPAGOS LA PLATA</t>
  </si>
  <si>
    <t>CR 3 E # 12 B 10 BRR AVENIDA LOS LIBERTADORES</t>
  </si>
  <si>
    <t>DROGUERIA ICOLFARMA</t>
  </si>
  <si>
    <t>CL 40 SUR # 97 A 05 BRR PATIO BONITO</t>
  </si>
  <si>
    <t>SUPERVARIEDADES MYM</t>
  </si>
  <si>
    <t>CL 15 # 5 C 61 BRR SAN JUANITO</t>
  </si>
  <si>
    <t>VARIEDADES MYM.NET</t>
  </si>
  <si>
    <t>CALLE 40 N 6-123</t>
  </si>
  <si>
    <t>TIENDA LA 66 PUERTA DEL SOL</t>
  </si>
  <si>
    <t>CL 66 #  28 16</t>
  </si>
  <si>
    <t>MAG PAPELERIA Y RECAUDOS</t>
  </si>
  <si>
    <t>CRA 24 24 06 LC 4</t>
  </si>
  <si>
    <t>ALEJANDRO</t>
  </si>
  <si>
    <t>DG 67 B SUR # 28 - 21 / MZ 3 C CA 7 BRR CANDELARIA LA NUEVA</t>
  </si>
  <si>
    <t>NATALIA SANCHEZ</t>
  </si>
  <si>
    <t>CR 72 # 57 H - 36 SUR / LC 107 BRR SURVANA</t>
  </si>
  <si>
    <t>COMUNICACIONES ESPITIA</t>
  </si>
  <si>
    <t>CL 68 B SUR # 8 A 44 BRR SANTA MARTHA</t>
  </si>
  <si>
    <t>RC MULTISERVICIOS PIGOANZA</t>
  </si>
  <si>
    <t>CL 50 # 16 B - 15 BRR ALAMOS NORTE</t>
  </si>
  <si>
    <t>MJ ZONA REFRESCANTE</t>
  </si>
  <si>
    <t>CR 26 # 1 59 BRR BAHONDO</t>
  </si>
  <si>
    <t>MULTISERVICIOS GIRARDOT</t>
  </si>
  <si>
    <t>CL 27 # 5 41 BRR GIRARDOT</t>
  </si>
  <si>
    <t>PAPELERIA MANTINET</t>
  </si>
  <si>
    <t>CLL 6430</t>
  </si>
  <si>
    <t>DON PAGO BOSA PARQUES DE BOGOTA</t>
  </si>
  <si>
    <t>CL 80 BIS SUR # 91 90 BRR BOSA PARQUES DE BOGOTA</t>
  </si>
  <si>
    <t>PUNTOS DE PAGO S Y S</t>
  </si>
  <si>
    <t>CL 8 BIS # 81 B 58 BRR MONTERREY</t>
  </si>
  <si>
    <t>MISCELANEA LA CASONA Y ALGO MAS</t>
  </si>
  <si>
    <t>CR 20 B # 68 - 16 SUR BRR JUAN JOSE RONDON</t>
  </si>
  <si>
    <t>CISTCA</t>
  </si>
  <si>
    <t>CL 14 # 18 - 64 BRR CENTRO</t>
  </si>
  <si>
    <t>YEICO.NET</t>
  </si>
  <si>
    <t>CR 7 D ESTE # 87 C 10 - SUR BRR EL BOSQUE</t>
  </si>
  <si>
    <t>MISCELANEA JIRETH # 1</t>
  </si>
  <si>
    <t>CL 59 0 # 104 - 04 SUR BRR CANAVERALEJO</t>
  </si>
  <si>
    <t>PAPELERIA Y MISCELANEA CYBERNET</t>
  </si>
  <si>
    <t>CL 19 21 51 BARRIO SAN FRANCISCO</t>
  </si>
  <si>
    <t>DROGUERIA Y MISCELANEA LA 14</t>
  </si>
  <si>
    <t>CL 11 # 13 48 BRR PLACITAS</t>
  </si>
  <si>
    <t>CENTRO DE PAGOS Y RECAUDOS CAI VILLAMONICA</t>
  </si>
  <si>
    <t>CR 18 # 3 19 / A BRR VILLAMONICA</t>
  </si>
  <si>
    <t>DON PAGO SOLUCION AHORA</t>
  </si>
  <si>
    <t>DG 52 B # 32 95 BRR EL CARMEN</t>
  </si>
  <si>
    <t>ZONACIBERT</t>
  </si>
  <si>
    <t>CL 68 # 8 35 BRR BUCARAMANGA</t>
  </si>
  <si>
    <t>MACHETÁ</t>
  </si>
  <si>
    <t>CELUMACH</t>
  </si>
  <si>
    <t>CR 5 # 7 15 BRR PABLO VI</t>
  </si>
  <si>
    <t>VARIEDADES EL REY BL</t>
  </si>
  <si>
    <t>CALLE 62 # 1C-91</t>
  </si>
  <si>
    <t>FARMA SALUD EXPRESS</t>
  </si>
  <si>
    <t>CL 13 # CR 18 170 APTO 2 ED1158</t>
  </si>
  <si>
    <t>TIENDA DE REGALOS ROLIHER</t>
  </si>
  <si>
    <t>CL 52 # 34 B 18 BRR SANTA ANA</t>
  </si>
  <si>
    <t>DISPENSAR DROGUERIA</t>
  </si>
  <si>
    <t>CL 50 -3LC 101</t>
  </si>
  <si>
    <t>LAS 4 JOTAS</t>
  </si>
  <si>
    <t>CL 68 A SUR # 18 X - 57 BRR SAN FRANCISCO COMPARTIR</t>
  </si>
  <si>
    <t>CAFE INTERNET TELECABINAS</t>
  </si>
  <si>
    <t>AK 13 B # 42 - 25 SUR BRR ALTAMIRA</t>
  </si>
  <si>
    <t>MULTISERVICIOS MYC3</t>
  </si>
  <si>
    <t>CR 9 ESTE # 22 B - 51 SUR / LC 2 BRR SAN PEDRO</t>
  </si>
  <si>
    <t>MULTISERVICIOS EL TRIUNFO</t>
  </si>
  <si>
    <t>CL 19 # 50 - 35 BRR EL TRIUNFO</t>
  </si>
  <si>
    <t>FACEBOX</t>
  </si>
  <si>
    <t>KR 14 G 76 B 04 SUR</t>
  </si>
  <si>
    <t>MISCUELANEA FEIJOA</t>
  </si>
  <si>
    <t>CR 112 A # 78 F 14 / P 2 BRR VILLAS DE GRANADA I</t>
  </si>
  <si>
    <t>VARIEDADES JOSHUA DAVID</t>
  </si>
  <si>
    <t>CL 40 # 18 06 BRR LA ILUSION</t>
  </si>
  <si>
    <t>TIERRALTA</t>
  </si>
  <si>
    <t>TU COMPRA EFICAZ</t>
  </si>
  <si>
    <t>CR 11 A # 26 47 BRR LA PAZ</t>
  </si>
  <si>
    <t>MULTISERVICIOS LA 22</t>
  </si>
  <si>
    <t>CL 22 # 14 21 / LC 1 BRR LOS ALCAZAREZ</t>
  </si>
  <si>
    <t>MICROMERCADO LA ECONOMIA GARROTERA</t>
  </si>
  <si>
    <t>CHACARITA 2 MANZANA M CASA 12</t>
  </si>
  <si>
    <t>MISCELANEJUISAFE</t>
  </si>
  <si>
    <t>CL 27 # 3 38 BRR SAN JORGE</t>
  </si>
  <si>
    <t>MISCELANEA Y PAPELERIA CANDYFE</t>
  </si>
  <si>
    <t>TV 68 D # 44 - 05 SUR BRR DELICIAS</t>
  </si>
  <si>
    <t>NETZONE</t>
  </si>
  <si>
    <t>CL 5 # 6 - 31 BRR LA CAMPINA</t>
  </si>
  <si>
    <t>MAXICOOL</t>
  </si>
  <si>
    <t>CR 39 # 30 A - 40 SUR / TO 7 AP 104 BRR MARIA PAULA</t>
  </si>
  <si>
    <t>J.B. TELECOMUNICACIONES</t>
  </si>
  <si>
    <t>FNM TIENDA</t>
  </si>
  <si>
    <t>KM 1 PAMPLONA # 1 101 BRR ALBANIA</t>
  </si>
  <si>
    <t>TIEDA LA NINAVANESA</t>
  </si>
  <si>
    <t>CL 6 CR 5-51</t>
  </si>
  <si>
    <t>LA RED DE AIPE</t>
  </si>
  <si>
    <t>PAPELERIA CIGARRERIA CHAVEZ</t>
  </si>
  <si>
    <t>CL 64 A SUR # 72 - 64 BRR ISMAEL PERDOMO</t>
  </si>
  <si>
    <t>PAPELERIA DE LA U</t>
  </si>
  <si>
    <t>TV 12 # 18 B 7 BRR PIEDRA GRANDE</t>
  </si>
  <si>
    <t>FLORES CLL 146</t>
  </si>
  <si>
    <t>CL 146 A # 94 D - 10 BRR LAS FLORES</t>
  </si>
  <si>
    <t>MULTISERVICIOS KAROL</t>
  </si>
  <si>
    <t>CL 128 B # 88 A - 06 BRR SUBA</t>
  </si>
  <si>
    <t>MISCELANEA SONICELL</t>
  </si>
  <si>
    <t>CL 4 # 3 24 BRR CENTRO</t>
  </si>
  <si>
    <t>PAÑALERA Y VARIEDADES NICOL VANESA</t>
  </si>
  <si>
    <t>CR 93 C # 54 D 24 - SUR BRR BOSA</t>
  </si>
  <si>
    <t>SERVIPAGOS F Y C</t>
  </si>
  <si>
    <t>CR 6 # 8 49 / OF BRR CENTRO</t>
  </si>
  <si>
    <t>EL ESQUINAZO</t>
  </si>
  <si>
    <t>CL. 7 #24D-17 MONTERï¿A Cï¿“RDOBA COLOMBIA</t>
  </si>
  <si>
    <t>LICORES DON BONY</t>
  </si>
  <si>
    <t>CR 19 # 29 7 / LC 3 BRR PEREGUETANO</t>
  </si>
  <si>
    <t>AUTOSERVICIO MEGACENTRO</t>
  </si>
  <si>
    <t>CARRERA 9 N.11-57</t>
  </si>
  <si>
    <t>DON PAGO MIKE</t>
  </si>
  <si>
    <t>CL 18 B # 3 03 BRR SIETE DE AGOSTO</t>
  </si>
  <si>
    <t>PS VISTAHERMOS</t>
  </si>
  <si>
    <t>DG 71 B SUR # 78 J - 15 BRR VISTA HERMOSA</t>
  </si>
  <si>
    <t>ANGELICA MACHETE</t>
  </si>
  <si>
    <t>CR 20 D # 67 - 25 SUR BRR SAN FRANCISCO</t>
  </si>
  <si>
    <t>PAPELERIA MALIRUD</t>
  </si>
  <si>
    <t>CR 3 # 206 208 BRR CENTRO</t>
  </si>
  <si>
    <t>INTERNET LUX</t>
  </si>
  <si>
    <t>CL 13 # 13 A 08 BRR LIBERIA</t>
  </si>
  <si>
    <t>MULTISERVICIOS SILVANA</t>
  </si>
  <si>
    <t>CR 3 # 7 - 61 BRR CENTRO</t>
  </si>
  <si>
    <t>COMERCIALIZADORA TORRES MERIO</t>
  </si>
  <si>
    <t>CL 34 B # 2 4 / P 2 AP 2 BRR UNIVERSAL</t>
  </si>
  <si>
    <t>MILTISERVICIOS COPY EXPRESS</t>
  </si>
  <si>
    <t>CL 20 # 16 68 BRR CENTRO</t>
  </si>
  <si>
    <t>UNAS DARY</t>
  </si>
  <si>
    <t>CR 6 CL 26</t>
  </si>
  <si>
    <t>TODO EN SALUD LA CUARTA</t>
  </si>
  <si>
    <t>CL 4 7 67</t>
  </si>
  <si>
    <t>KBOD</t>
  </si>
  <si>
    <t>CR 15 # 107 B 07 / LC 7 BRR DANGOND</t>
  </si>
  <si>
    <t>EQUILIBRIO VITAL</t>
  </si>
  <si>
    <t>CRA. 30 #56-26 BUCARAMANGA SANTANDER COLOMBIA</t>
  </si>
  <si>
    <t>SERVICIOS INTEGRALES ALEVA SAS</t>
  </si>
  <si>
    <t>CR 4 A # 3 22 BRR HERNANDEZ</t>
  </si>
  <si>
    <t>DON PAGO BOSA RECREO EJ</t>
  </si>
  <si>
    <t>CR 97 # 73 20 BRR BOSA RECREO</t>
  </si>
  <si>
    <t>CABINAS MUSSU</t>
  </si>
  <si>
    <t>CL 60 G # 18 B - 21 SUR BRR MEISSEN</t>
  </si>
  <si>
    <t>LIBIA HERNANDEZ</t>
  </si>
  <si>
    <t>CR 21 A # 67 - 04 SUR BRR SAN FRANCISCO</t>
  </si>
  <si>
    <t>TELEMUNDI</t>
  </si>
  <si>
    <t>CL 61 A SUR # 100 A 47 BRR BOSA RECREO</t>
  </si>
  <si>
    <t>SANTA CATALINA</t>
  </si>
  <si>
    <t>ROPA Y CALZADO BY EMMANUEL</t>
  </si>
  <si>
    <t>LOMA DE ARENA K5 CL 8-10</t>
  </si>
  <si>
    <t>PAPELERIA Y VARIEDADES DANGEDAV</t>
  </si>
  <si>
    <t>CR 12 # 12 05 BRR CENTRO</t>
  </si>
  <si>
    <t>PAPELERIA Y ACCESORIOS NANDA STEEL</t>
  </si>
  <si>
    <t>CC DORADA PLAZA LOCAL N107 2</t>
  </si>
  <si>
    <t>TIENDA SALO</t>
  </si>
  <si>
    <t>CR 32 E # 22 A - 55 SUR BRR ENCENILLO</t>
  </si>
  <si>
    <t>VARIEDADES Y PAPELERIA S Y S 67</t>
  </si>
  <si>
    <t>CR 91 D # 49 D 34 - SUR BRR BOSA PORVENIR</t>
  </si>
  <si>
    <t>PO SOLUCIONES.COM</t>
  </si>
  <si>
    <t>CR 8 # 6 45 BRR CENTRO</t>
  </si>
  <si>
    <t>VARIEDADES GENESIS</t>
  </si>
  <si>
    <t>CR 34 B # 29 104 BRR TUCAN</t>
  </si>
  <si>
    <t>MINIMARKET PINKING</t>
  </si>
  <si>
    <t>CRA 10 17-55 ED TORRO CENTRAL LOCAL 104 PEREIRA</t>
  </si>
  <si>
    <t>PANADERIA EL MINUTO</t>
  </si>
  <si>
    <t>CR 3 # 1 BIS 94 BRR EL MINUTO</t>
  </si>
  <si>
    <t>VARIEDADES GALUC DON PAGO</t>
  </si>
  <si>
    <t>CL 8 # 69 B 28 BRR MARSELLA</t>
  </si>
  <si>
    <t>COMUNICACIONES WILLY</t>
  </si>
  <si>
    <t>CR 77 Y # 48 - 28 SUR BRR JACKELINE</t>
  </si>
  <si>
    <t>VARIEDADES BELLAS</t>
  </si>
  <si>
    <t>CR 3A # 4 104 CORREGIMIENTO DE FORTALECILLAS</t>
  </si>
  <si>
    <t>TIENDA YULISA</t>
  </si>
  <si>
    <t>CL 8 B # 7 A 39 BRR SAN JORGE II</t>
  </si>
  <si>
    <t>MISCELANEA Y PAPELERIA SAN CARLOS</t>
  </si>
  <si>
    <t>CR 19 SUR # 52 63 BRR SAN CARLOS</t>
  </si>
  <si>
    <t>PAÑALERA JUANCHIS 1</t>
  </si>
  <si>
    <t>CL 11 # 6 33 BRR CENTRO</t>
  </si>
  <si>
    <t>A LA MANO MARKET</t>
  </si>
  <si>
    <t>CR 12 # 3 57 / LC 4 BRR TENJO BARRIO LA CUMBRE</t>
  </si>
  <si>
    <t>MENSAJERA HECAR</t>
  </si>
  <si>
    <t>DG 20 # 2 140 BRR LA GRANJA</t>
  </si>
  <si>
    <t>TECNOCAMARAREDES</t>
  </si>
  <si>
    <t>CR 20 A # 27 A 73 / AP 4 BRR POSTOBON SANTA MARTA</t>
  </si>
  <si>
    <t>NICOLLCELL</t>
  </si>
  <si>
    <t>CL 28 # 37 33 BRR URB EL RIO</t>
  </si>
  <si>
    <t>MI CARIITO</t>
  </si>
  <si>
    <t>CL 27 C # 40 A 18 BRR COSTA HERMOSA</t>
  </si>
  <si>
    <t>CELLNOLOGY</t>
  </si>
  <si>
    <t>CR 21 B # 63 08 / LC 2 BRR LOS ANDES</t>
  </si>
  <si>
    <t>PAPELERIA GLORIFER</t>
  </si>
  <si>
    <t>CR 16 # 50 68 BRR SAN MIGUEL</t>
  </si>
  <si>
    <t>DOMIGEX</t>
  </si>
  <si>
    <t>CL 57 44 27</t>
  </si>
  <si>
    <t>DON PAGO ALUMIZAS SAS FACATATIVA</t>
  </si>
  <si>
    <t>CR 3 # 15 14 BRR LOS MOLINOS</t>
  </si>
  <si>
    <t>MISCELANEA FREDDY</t>
  </si>
  <si>
    <t>CR 4 # 9 6 BRR CENTRO</t>
  </si>
  <si>
    <t>KAVANET</t>
  </si>
  <si>
    <t>CL 16 # 7 A - 27 BRR CAMPO NUNEZ</t>
  </si>
  <si>
    <t>VARIEDADES VIOLETTA</t>
  </si>
  <si>
    <t>CL 25 D SUR # 25 - 05 BRR SAN JORGE ETAPA 1</t>
  </si>
  <si>
    <t>COPYNOS</t>
  </si>
  <si>
    <t>CR 97 B # 61 98 - SUR / MZ 36 BRR BOSA LAS VEGAS</t>
  </si>
  <si>
    <t>PUNTO VIRTUAL</t>
  </si>
  <si>
    <t>CL 7 # 10 E 32 BRR ARACATACA MAGDALENA</t>
  </si>
  <si>
    <t>MERCADITO Y CACHARRERA GHIRETH</t>
  </si>
  <si>
    <t>CL PRINCIPAL 31 226 BRR BONDA</t>
  </si>
  <si>
    <t>LA APARTADA</t>
  </si>
  <si>
    <t>CL 20 10 B 56</t>
  </si>
  <si>
    <t>DROGUERIA POBLADO 2</t>
  </si>
  <si>
    <t>MANZANA 18 CASA 30 PRIMER PISO ESQUINA</t>
  </si>
  <si>
    <t>TECNOLOGIA Y HOGAR JOLIVER</t>
  </si>
  <si>
    <t>CR 82 C # 73 F - 17 SUR BRR BOSA SAN PEDRO</t>
  </si>
  <si>
    <t>COMERCIALIZADORA DE PAPELES GOLDEN</t>
  </si>
  <si>
    <t>DG 45 F SUR # 13 C - 45 BRR SAN JORGE</t>
  </si>
  <si>
    <t>COMUNICACIONES CV #2</t>
  </si>
  <si>
    <t>CL 47 A SUR # 27 21 BRR SAMORE</t>
  </si>
  <si>
    <t>PANALERA CARINOSITOS</t>
  </si>
  <si>
    <t>CR 82 B # 72 A - 45 SUR BRR BOSA ISLANDIA</t>
  </si>
  <si>
    <t>COMERCIANTE PAPELERIA</t>
  </si>
  <si>
    <t>CR 4 # 3 53 BRR CENTRO</t>
  </si>
  <si>
    <t>SERVICIOS FINANCIEROS VANE</t>
  </si>
  <si>
    <t>CR 36 CA 11 BRR SAN PEDRO CLAVER</t>
  </si>
  <si>
    <t>MULTISERVICIOS RAPI EXPRESS</t>
  </si>
  <si>
    <t>CL 105 # 24-98 LOCAL 1</t>
  </si>
  <si>
    <t>FARMAVIDA C</t>
  </si>
  <si>
    <t>CL 9 4 06</t>
  </si>
  <si>
    <t>VARIEDADES SOFI Y SANTI</t>
  </si>
  <si>
    <t>CR 2 A # 4 11 / VDA RIO FRIO 2 ETAPA BRR RIO FRIO</t>
  </si>
  <si>
    <t>PAPELERIA YIRETH</t>
  </si>
  <si>
    <t>CL 55 # 33 98 - SUR BRR SAN VICENTE FERRER</t>
  </si>
  <si>
    <t>DROGUERIA Y MICELANEA SUNF</t>
  </si>
  <si>
    <t>CL 51 # 6 - 23 BRR LA GRANJA NORTE</t>
  </si>
  <si>
    <t>COMUNICASIONES SANCHEZ NEIVA</t>
  </si>
  <si>
    <t>CL 50 # 19 05 BRR ALAMOS NORTE</t>
  </si>
  <si>
    <t>CL 3 C SUR # 20 03 BRR RIVERAS DEL RIO</t>
  </si>
  <si>
    <t>BITUIMA</t>
  </si>
  <si>
    <t>TIENDA LA DINASTIA BITUIMA</t>
  </si>
  <si>
    <t>CR 3 # 3 28 BRR CENTRO</t>
  </si>
  <si>
    <t>PAGOS</t>
  </si>
  <si>
    <t>CL 71 # 32 50 BRR LA FLORESTA</t>
  </si>
  <si>
    <t>PAPELERIA ZAPFOR</t>
  </si>
  <si>
    <t>CR 61 B # 51 A 39 - SUR BRR NUEVO MUZU</t>
  </si>
  <si>
    <t>INTERCOMUNICACIONESJUANR</t>
  </si>
  <si>
    <t>CR 18 H # 81 A - 30 SUR BRR ARABIA</t>
  </si>
  <si>
    <t>MULTISERVICIOS BONY</t>
  </si>
  <si>
    <t>CRA. 32 #23-61 SANTA MARTA MAGDALENA COLOMBIA</t>
  </si>
  <si>
    <t>FLORENCIA #2 BOLIVAR CAUCA COLOMBIA</t>
  </si>
  <si>
    <t>ACCESORIOS SAN</t>
  </si>
  <si>
    <t>CL 51 # 29 01 BRR EL CERRO</t>
  </si>
  <si>
    <t>EL PUNTO DEL CELULAR BELALCAZAR</t>
  </si>
  <si>
    <t>CRA 3 8-27</t>
  </si>
  <si>
    <t>FERCHO.COM</t>
  </si>
  <si>
    <t>CR 3 # 6 22 BRR CENTRO</t>
  </si>
  <si>
    <t>TIENDA SANTI</t>
  </si>
  <si>
    <t>CL 1 C SUR # 1 C 26 BRR PARDO LEAL</t>
  </si>
  <si>
    <t>CONAR.COM NEIVA</t>
  </si>
  <si>
    <t>CL 2 # 14 25 BRR QUEBRADITAS</t>
  </si>
  <si>
    <t>READY RED</t>
  </si>
  <si>
    <t>CR 29 A # 12 10 BRR LIMONAR</t>
  </si>
  <si>
    <t>DELICIAS  PP</t>
  </si>
  <si>
    <t>CR 5 # 9 18 / CEN BRR SERREZUELITA</t>
  </si>
  <si>
    <t>MODA CARIBE TROPICAL Y COMUNICACIONES</t>
  </si>
  <si>
    <t>CR 9 # 9 - 70 BRR JARDIN</t>
  </si>
  <si>
    <t>ALMACEN MULTIGANGAS</t>
  </si>
  <si>
    <t>CL 8 # 5 64 BRR CENTRO</t>
  </si>
  <si>
    <t>PAPELERIA Y MISCELANEA MD</t>
  </si>
  <si>
    <t>CL 76 A # 20 39 BRR VEINTE DE ENERO</t>
  </si>
  <si>
    <t>INTERNET MISHEEL</t>
  </si>
  <si>
    <t>CL 5 6 38 BRR CENTRO</t>
  </si>
  <si>
    <t>PAPELERIA R.G DON PAGO</t>
  </si>
  <si>
    <t>DG 49 SUR # 53 71 BRR VENECIA</t>
  </si>
  <si>
    <t>BOLIVIA II</t>
  </si>
  <si>
    <t>CR 103 D # 83 - 18 BRR BOLIVIA</t>
  </si>
  <si>
    <t>PAPELERIA Y VARIEDADES VALLI</t>
  </si>
  <si>
    <t>AV 7 OESTE # 23 B - 58 BRR TERRON COLORADO</t>
  </si>
  <si>
    <t>MUNDO RED</t>
  </si>
  <si>
    <t>CL 13 # 1 D 03 BRR CIUDAD JARDIN</t>
  </si>
  <si>
    <t>ANTIDOTO</t>
  </si>
  <si>
    <t>CR 12 N # 12 N 29 BRR KENEDDY</t>
  </si>
  <si>
    <t>ESK@P.RED</t>
  </si>
  <si>
    <t>CL 45 C # 69 SUR 82 - BRR MANUELA BELTRAN</t>
  </si>
  <si>
    <t>PUNTONET</t>
  </si>
  <si>
    <t>CL 56 SUR # 4 L 30 BRR DANUBIO AZUL</t>
  </si>
  <si>
    <t>CR 17 # 6 96 BRR EL CARMEN</t>
  </si>
  <si>
    <t>DROGUERIA SUPERSALUD</t>
  </si>
  <si>
    <t>CL. 8 #18-73 POPAYAN CAUCA COLOMBIA</t>
  </si>
  <si>
    <t>COMUNIKT.COM</t>
  </si>
  <si>
    <t>CL 16 # 10 39 BRR SIETE AGOSTO</t>
  </si>
  <si>
    <t>FOTOCOPIADORA EMANUEL</t>
  </si>
  <si>
    <t>CL 3 SUR # 4 - 58 BRR TRINIDAD</t>
  </si>
  <si>
    <t>PAPELERIA CHAROJS</t>
  </si>
  <si>
    <t>CR 16 D # 2 - 14 BRR BOSQUE NORTE PARTE BAJA</t>
  </si>
  <si>
    <t>MISCELANEA ANDRELIN</t>
  </si>
  <si>
    <t>CR 69 Q # 79 A - 69 BRR LAS FERIAS</t>
  </si>
  <si>
    <t>VARIEDADES  ELMOA</t>
  </si>
  <si>
    <t>CL 49 # 8 B 34 - SUR / AP 2 BRR SIETE DE ABRIL</t>
  </si>
  <si>
    <t>VANHEL.COM</t>
  </si>
  <si>
    <t>CR 7 # 34 04 / LC 1 BRR EL LIMON</t>
  </si>
  <si>
    <t>COPY GRAFIC</t>
  </si>
  <si>
    <t>CL 38 45 40 P 1 AP 1</t>
  </si>
  <si>
    <t>DISTRIBUIDORA PAPELERA SAN JOS</t>
  </si>
  <si>
    <t>CL 39 # 16 39 BRR LA FLORESTA</t>
  </si>
  <si>
    <t>MISCELNEA DANNAE</t>
  </si>
  <si>
    <t>CR 9 A # 60 N 199 / MZ A CA 2 BRR ASTURIAS</t>
  </si>
  <si>
    <t>DOMY OMY</t>
  </si>
  <si>
    <t>CRA 35 A 49 07 LOCAL 303 CENTRO COMERCIAL</t>
  </si>
  <si>
    <t>MULTICESARLUIS</t>
  </si>
  <si>
    <t>CR 15 # 15 18 BRR SANTA INES</t>
  </si>
  <si>
    <t>DON PAGO 7 DE AGOSTO</t>
  </si>
  <si>
    <t>CR 27 # 63 G 14 BRR SIETE DE AGOSTO</t>
  </si>
  <si>
    <t>DON PAGO NICO Y PAU</t>
  </si>
  <si>
    <t>CL 62 BIS SUR # 68 A 56 BRR MADELENA</t>
  </si>
  <si>
    <t>COMPUCOPIAS JS</t>
  </si>
  <si>
    <t>TV 7 A # 16 A - 14 BRR SAN CARLOS</t>
  </si>
  <si>
    <t>TUS UNAS SPA CLASE Y ESTILO</t>
  </si>
  <si>
    <t>CL 19 # 38 - 28 BRR LA ARBOLEDA</t>
  </si>
  <si>
    <t>MISCELANEA LAFAM</t>
  </si>
  <si>
    <t>CL 16 NO. 39 - 113</t>
  </si>
  <si>
    <t>PAPELERIA Y MISELANEA LA 59</t>
  </si>
  <si>
    <t>CL 59 # 42 W 52 BRR ESTORAQUES</t>
  </si>
  <si>
    <t>VARIEDADES CANDY PAPER</t>
  </si>
  <si>
    <t>CL 6 # 3 15 BRR CENTRO</t>
  </si>
  <si>
    <t>MISTER PAGOS</t>
  </si>
  <si>
    <t>CL 43 B SUR # 1 93 BRR SAN MARTIN</t>
  </si>
  <si>
    <t>DIGITAL SHOOOW</t>
  </si>
  <si>
    <t>CLL 9 # 6</t>
  </si>
  <si>
    <t>DON PAGO LA FRAGUA -TECHNOLOGY</t>
  </si>
  <si>
    <t>CL 17 SUR # 29 B 17 BRR LA FRAGUA</t>
  </si>
  <si>
    <t>VANES JULIETH</t>
  </si>
  <si>
    <t>CL 127 # 119 B - 16 BRR COROLMAS</t>
  </si>
  <si>
    <t>VARIEDADES BLANCO MORA</t>
  </si>
  <si>
    <t>CL 35 SUR # 93 82 BRR RIBERAS DE OCCIDENTE</t>
  </si>
  <si>
    <t>DALUNACI PAGOS Y SERVICIOS</t>
  </si>
  <si>
    <t>DG 87 SUR # 14 I 05 / LC 1 BRR MARICHUELA</t>
  </si>
  <si>
    <t>PAPELERIA PHF</t>
  </si>
  <si>
    <t>CL 4 # 4 40 BRR CENTRO NARIÃ‘O</t>
  </si>
  <si>
    <t>ESTACION DE SERVICIO LAS PALMITAS</t>
  </si>
  <si>
    <t>CRA. 24 #38-62 BARRANQUILLA ATLANTICO COLOMBIA</t>
  </si>
  <si>
    <t>MEDICALS  DROGUERIA</t>
  </si>
  <si>
    <t>CRA 9 NRO 24 - 25 LOCAL 3</t>
  </si>
  <si>
    <t>TURBANÁ</t>
  </si>
  <si>
    <t>DON PAGO TURBANA</t>
  </si>
  <si>
    <t>CR 19 # 3 75 BRR REAL</t>
  </si>
  <si>
    <t>VARIEDADES Y MISCELANEA CRISTY</t>
  </si>
  <si>
    <t>CL 70 C # 1 - 101 BRR PINGOANZA</t>
  </si>
  <si>
    <t>NB MULTISERVICIOS</t>
  </si>
  <si>
    <t>CL 3 # 4 30 BRR CENTRO</t>
  </si>
  <si>
    <t>PAPELES Y PALITOS</t>
  </si>
  <si>
    <t>CR 10 # 13 68 BRR CENTRO</t>
  </si>
  <si>
    <t>SAI LOSTRESHERMANOS</t>
  </si>
  <si>
    <t>CL 98 E # 7 F 154 BRR LAS MALVINAS</t>
  </si>
  <si>
    <t>PATÍA</t>
  </si>
  <si>
    <t>PAPELERIA MERCEDES CAUCA</t>
  </si>
  <si>
    <t>SUPER ESTACION EMANUEL ZONA URBANA EL ESTRECHO</t>
  </si>
  <si>
    <t>TELECOMUNICACIONES KARINA</t>
  </si>
  <si>
    <t>CR 7 CL 5 - 13 LOC 03</t>
  </si>
  <si>
    <t>EDS SAN ANDRES</t>
  </si>
  <si>
    <t>DG. 63B #46-123 BARRANCABERMEJA SANTANDER COLOMBIA</t>
  </si>
  <si>
    <t>VARIEDADES Y PAPELERIA KATING</t>
  </si>
  <si>
    <t>CL 37 # 38 22 BRR BOSQUES DE LA CIRA</t>
  </si>
  <si>
    <t>CORREO BORIS</t>
  </si>
  <si>
    <t>DG 1 # 82 - 07 BRR URIBE URIBE</t>
  </si>
  <si>
    <t>CASA COMERCIAL ESTOCOLMO</t>
  </si>
  <si>
    <t>CL 61 B SUR # 19 F - 14 BRR SAN FRANCISCO</t>
  </si>
  <si>
    <t>MULTISERVICIOS NET LA ESPERANZA</t>
  </si>
  <si>
    <t>CR 145 # 145 A 54 BRR CAMINOS DE LA ESPERANZA</t>
  </si>
  <si>
    <t>DISTRIASEO LA PERLA</t>
  </si>
  <si>
    <t>CL 80 SUR # 89 46 BRR POTRERITOS BOSA</t>
  </si>
  <si>
    <t>TOPAIPÍ</t>
  </si>
  <si>
    <t>SUPERMERCADO EL BOSQUE</t>
  </si>
  <si>
    <t>CR 2 # 3 21 BRR SAN ANTONIO CENTRO</t>
  </si>
  <si>
    <t>PAPELERIA JX</t>
  </si>
  <si>
    <t>CL 19 ESTE # 1 A 27 - SUR BRR PRADO MANABLANCA</t>
  </si>
  <si>
    <t>MORA MOLINA MARA MILENA</t>
  </si>
  <si>
    <t>CL 41 15B 22 URBANIZACION EL MORA</t>
  </si>
  <si>
    <t>COMPUELU</t>
  </si>
  <si>
    <t>CL. 18 #10-21 BARRANQUILLA ATLNTICO COLOMBIA</t>
  </si>
  <si>
    <t>TIENDA MERCADITO LA 20</t>
  </si>
  <si>
    <t>CL 20 # 9 3 BRR LA CONCEPCION</t>
  </si>
  <si>
    <t>PALMAR DE VARELA</t>
  </si>
  <si>
    <t>TIEDA EL MANANTIAL AMERICANO</t>
  </si>
  <si>
    <t>CR 14 # 13 44 BRR CENTRO</t>
  </si>
  <si>
    <t>CAJIBÍO</t>
  </si>
  <si>
    <t>VARIEDADES EVELYN FERNANDA</t>
  </si>
  <si>
    <t>CRA 2 5 16</t>
  </si>
  <si>
    <t>FARMACIA MAGISTRAL # 1</t>
  </si>
  <si>
    <t>CR 3 # 24 12 BRR YESCA GRANDE</t>
  </si>
  <si>
    <t>DON PAGO LA PRADERA</t>
  </si>
  <si>
    <t>CL 4 D # 60 09 BRR LA PRADERA</t>
  </si>
  <si>
    <t>TECNOMOVIL CRZ</t>
  </si>
  <si>
    <t>TV 12 # 24 - 30 BRR EL PORVENIR</t>
  </si>
  <si>
    <t>VARIEDADES KYL</t>
  </si>
  <si>
    <t>CL 12 # 18 29 BRR PRIMERO DE MAYO</t>
  </si>
  <si>
    <t>MICELANEA Y VARIEDADES C T</t>
  </si>
  <si>
    <t>CL 8 # 9 40 BRR CANDELARIA CENTRO</t>
  </si>
  <si>
    <t>COMPUNET.COM</t>
  </si>
  <si>
    <t>CL 10 # 10 144 / CEN BRR SIMON BOLIVATR</t>
  </si>
  <si>
    <t>PAPELERIA DAVID</t>
  </si>
  <si>
    <t>CR 3 # 1 72 BRR PASO ANCHO</t>
  </si>
  <si>
    <t>PUEBLO NUEVO</t>
  </si>
  <si>
    <t>ENVIA</t>
  </si>
  <si>
    <t>CR 12 # 17 31 BRR EL CARMEN</t>
  </si>
  <si>
    <t>ABDALLAH SERVICIOS</t>
  </si>
  <si>
    <t>CL 5 # 8 D 7 BRR SANTO DOMINGO</t>
  </si>
  <si>
    <t>MUNDO SYS COMUNICACIONES</t>
  </si>
  <si>
    <t>CL 11 # 3 76 / LC 12 BRR BELLAVISTA</t>
  </si>
  <si>
    <t>MENSAJERIA URBANA SERVIBARRANCA</t>
  </si>
  <si>
    <t>CRA. 34 #61-89 BARRANCABERMEJA SANTANDER COLOMBIA</t>
  </si>
  <si>
    <t>VARIEDADES  Y MULTISERVICIOS JUANPIS</t>
  </si>
  <si>
    <t>CL 1 D # 13 40 BRR DIEGO DE OSPINA</t>
  </si>
  <si>
    <t>ANASOFIA.NET</t>
  </si>
  <si>
    <t>CL 108 # 34 B 22 BRR CALDAS</t>
  </si>
  <si>
    <t>M Y C COMUNICACIONES</t>
  </si>
  <si>
    <t>CR 87 A # 26 16 - SUR BRR PATIO BONITO</t>
  </si>
  <si>
    <t>OCCIDENTAL DE SEGUROS</t>
  </si>
  <si>
    <t>CR 3 # 2 01 BRR BARRIO CENTRO FACATATIVA</t>
  </si>
  <si>
    <t>PAPELERIA LOS PINOS 56</t>
  </si>
  <si>
    <t>CL 55 # 26 06 BRR LOS PINOS</t>
  </si>
  <si>
    <t>DROGUERIA LA RABAJISIMA</t>
  </si>
  <si>
    <t>CR 11A # CL27A - 5APTO 1 ED3390</t>
  </si>
  <si>
    <t>BETA SEGUROS MONTERIA</t>
  </si>
  <si>
    <t>CL 26 # 03 27 BRR CENTRO</t>
  </si>
  <si>
    <t>INTERUNION</t>
  </si>
  <si>
    <t>CR 12 # 11 60 BRR SANTO DOMINGO</t>
  </si>
  <si>
    <t>DROGUERIAS FARMACOSTA 2</t>
  </si>
  <si>
    <t>CRA 21 A 6 04</t>
  </si>
  <si>
    <t>INTERRAPIDISIMO BUENOS AIRES</t>
  </si>
  <si>
    <t>CL 44 B # 4 14 / LC 1 BRR BUENOS AIRES</t>
  </si>
  <si>
    <t>SWEET STORE</t>
  </si>
  <si>
    <t>CRA. 26 #26 GIRN SANTANDER COLOMBIA</t>
  </si>
  <si>
    <t>KELLY DALLAN</t>
  </si>
  <si>
    <t>CL 21 # 48 - 36 / LC 1 BRR EL CARMEN</t>
  </si>
  <si>
    <t>PEPELERIA LA MAYOR</t>
  </si>
  <si>
    <t>CR 50 A # 33 - 14 SUR BRR SANTA RITA</t>
  </si>
  <si>
    <t>TELEENTER.DIAZ</t>
  </si>
  <si>
    <t>CL 31 F # 12 K - 32 SUR BRR GUSTAVO RESTREPO</t>
  </si>
  <si>
    <t>CL 46 SUR # 11 B - 30 ESTE BRR BOGOTA</t>
  </si>
  <si>
    <t>CR 3 # 6 54 / LC 2 BRR VILLA ESPERANZA</t>
  </si>
  <si>
    <t>VARIEDADES DESAYUNOS Y DETALLITOS LUNA</t>
  </si>
  <si>
    <t>CL 4 # 8 - 59 / CRR EL CAGUAN BRR CENTRO CAGUAN</t>
  </si>
  <si>
    <t>CDS COMUNICACIONES</t>
  </si>
  <si>
    <t>CR 111 A # 16 I 31 BRR BAHIA SOLANO</t>
  </si>
  <si>
    <t>ACCESORIOS JIREH ACOSTA</t>
  </si>
  <si>
    <t>CR 14 # 106 C 18 BRR BRAZUELOS</t>
  </si>
  <si>
    <t>CONSTRUYA SAN PELAYO</t>
  </si>
  <si>
    <t>CL. 6 ###6-30 SAN PELAYO Cï¿“RDOBA COLOMBIA</t>
  </si>
  <si>
    <t>CAF BAR LA EZQUINA</t>
  </si>
  <si>
    <t>CRA. 8 #10-42 BARBOSA SANTANDER COLOMBIA</t>
  </si>
  <si>
    <t>MULTISERVISJS</t>
  </si>
  <si>
    <t>CALLE 15#7-11</t>
  </si>
  <si>
    <t>DON PAGO ABRIL CALLE 26</t>
  </si>
  <si>
    <t>CL 26 # 25 50 BRR TEUSAQUILLO</t>
  </si>
  <si>
    <t>DON PAGO SAHAGUN</t>
  </si>
  <si>
    <t>CR 18 # 17 34 BRR MIRAMAR</t>
  </si>
  <si>
    <t>VARIEDADES MANANTIAL</t>
  </si>
  <si>
    <t>CR 17 A # 73 A - 36 SUR BRR SOTAVENTO</t>
  </si>
  <si>
    <t>IMPERIO DEL CELULAR 2</t>
  </si>
  <si>
    <t>CR 3 # 7 - 17 BRR CENTRO</t>
  </si>
  <si>
    <t>FABIO NELSON SAENZ LEAL</t>
  </si>
  <si>
    <t>CL 70 G # 18 L 45 - SUR BRR VILLA GLORIA</t>
  </si>
  <si>
    <t>PAPELERIA JV</t>
  </si>
  <si>
    <t>CR 3 # 6 07 BRR CENTRO</t>
  </si>
  <si>
    <t>DROGUERIA CIUDAD NORTE</t>
  </si>
  <si>
    <t>CR 23 # 12 A 08 BRR LA ESPERANZA III</t>
  </si>
  <si>
    <t>PAGOS Y SERVICIOS A Y K</t>
  </si>
  <si>
    <t>CL 41 SUR # 86 C 57 BRR PATIO BONITO</t>
  </si>
  <si>
    <t>SAN PABLO</t>
  </si>
  <si>
    <t>MI APP MOVIL</t>
  </si>
  <si>
    <t>CL 16 # 9 - 20 BRR SANTANDER</t>
  </si>
  <si>
    <t>MILAGROS FONSECA</t>
  </si>
  <si>
    <t>CL. 17 #16-26 FONSECA LA GUAJIRA COLOMBIA</t>
  </si>
  <si>
    <t>ELIVIC VARIEDADES</t>
  </si>
  <si>
    <t>CL 8 SUR # 41 11 BRR CIUDAD MONTES</t>
  </si>
  <si>
    <t>PAGOS Y DETALLES VILLA ANCLA</t>
  </si>
  <si>
    <t>CR 95 H BIS # 91 A 03 BRR VILLA CRISTINA</t>
  </si>
  <si>
    <t>MARICADITAS SHOP</t>
  </si>
  <si>
    <t>CR 5 # 6 - 44 / CC METROPOLITANO LC 213 TO A BRR CENTRO</t>
  </si>
  <si>
    <t>MAS PAGO EXPRESS</t>
  </si>
  <si>
    <t>CL 87 D # 0 07 - SUR BRR PATIO BONITO</t>
  </si>
  <si>
    <t>RODRIGUEZ VARGAS</t>
  </si>
  <si>
    <t>CL 22 I # 112 A 3 BRR VERSALLES FONTIBON</t>
  </si>
  <si>
    <t>VIDEORAMA38</t>
  </si>
  <si>
    <t>CR 38 # 7 61 BRR GORGONZOLA</t>
  </si>
  <si>
    <t>NEXT SOLUTION SAS</t>
  </si>
  <si>
    <t>CL 34 A SUR # 7 A 33 BRR SAN ISIDRO</t>
  </si>
  <si>
    <t>WEB CENTER CM</t>
  </si>
  <si>
    <t>CL 7 # 5 10 BRR CENTRO</t>
  </si>
  <si>
    <t>DISTRITODO LA QUINTA</t>
  </si>
  <si>
    <t>CR 5 # 11 46 / CEN BRR AV COLOMBIA</t>
  </si>
  <si>
    <t>AUDITORES Y CONSULTORES EN SALUD S.A.S</t>
  </si>
  <si>
    <t>CR 5 # 14 84 / P 1 BRR OYOLA</t>
  </si>
  <si>
    <t>CREDISERVICE DEL CARIBE SAS</t>
  </si>
  <si>
    <t>CL 41 # 43 128 / LC 1A BRR ROSARIO</t>
  </si>
  <si>
    <t>VARIEDADES EMILIANA RAMIREZ</t>
  </si>
  <si>
    <t>CR 17 # 62 N 93 / P 2 BRR POPAYAN</t>
  </si>
  <si>
    <t>CIBER CHAT</t>
  </si>
  <si>
    <t>CR 4 # 4 18 BRR CENTRO</t>
  </si>
  <si>
    <t>DON PAGO SAN JOSE</t>
  </si>
  <si>
    <t>CL 81 SUR # 81 90 / LC 1 BRR BOSA SAN JOSE</t>
  </si>
  <si>
    <t>DISTRIBUIDORA BEAUTY J.S</t>
  </si>
  <si>
    <t>CL 40 SUR # 72 F - 38 BRR LA CAMPINA</t>
  </si>
  <si>
    <t>SANTY NET</t>
  </si>
  <si>
    <t>CL 6 # 14 - 11 BRR COBURGO</t>
  </si>
  <si>
    <t>SERVICENTRO ESSO 58</t>
  </si>
  <si>
    <t>CL 27 23 75</t>
  </si>
  <si>
    <t>MERCATODO</t>
  </si>
  <si>
    <t>CL 3 # 17 122 BRR CALICANTO</t>
  </si>
  <si>
    <t>ENVIEMPRESS SAS</t>
  </si>
  <si>
    <t>CL. 14 #11-82 BUCARAMANGA SANTANDER COLOMBIA</t>
  </si>
  <si>
    <t>SERVIENTREGA</t>
  </si>
  <si>
    <t>CR 19 B # 60 B - 11 BRR MOLINOS</t>
  </si>
  <si>
    <t>MARIA BERNAL</t>
  </si>
  <si>
    <t>CR 32 # 63 - 44 SUR BRR CANDELARIA LA NUEVA</t>
  </si>
  <si>
    <t>ISA COSMETICOS MAS</t>
  </si>
  <si>
    <t>KDX K 2 252 P 2 BRR MARQUETALIA</t>
  </si>
  <si>
    <t>CREACIONES LAURA MILENA</t>
  </si>
  <si>
    <t>DG 60 # 3 B - 50 SUR BRR DANUBIO AZUL</t>
  </si>
  <si>
    <t>DISPOSITIVO VIRTUAL</t>
  </si>
  <si>
    <t>CL 97 # 22 104 / LC 102 BRR TALANGA</t>
  </si>
  <si>
    <t>DANI.JEF COMUNICACIONES</t>
  </si>
  <si>
    <t>CL 5 # 1 99 BRR OBRERO</t>
  </si>
  <si>
    <t>TIENDA CHIKILIN</t>
  </si>
  <si>
    <t>CALLE 80 N 2 - 04 MINUTO DE DIOS 4 ETAPA</t>
  </si>
  <si>
    <t>PROYECTAR SERVICIOS 6</t>
  </si>
  <si>
    <t>CL 19 SUR # 10 B 37 - ESTE BRR LAS MERCEDES</t>
  </si>
  <si>
    <t>JAIRO ALCIDES</t>
  </si>
  <si>
    <t>CL 8 # 6 04 / ESQ BRR CENTRO</t>
  </si>
  <si>
    <t>DONDE TIO ROBERT</t>
  </si>
  <si>
    <t>CR 3 # 7 06 BRR TERRAPLEN</t>
  </si>
  <si>
    <t>EL PORVENIR DE CHAGUANI</t>
  </si>
  <si>
    <t>CR 5 # 2 - 77 / CEN BRR LAS FERIAS - CHAGUANI</t>
  </si>
  <si>
    <t>DOLMEN</t>
  </si>
  <si>
    <t>TV 29 # 31 4 BRR CANTACLARO</t>
  </si>
  <si>
    <t>VITAL PLUS DROGUERIA</t>
  </si>
  <si>
    <t>CL. 7 #1546 ARACATACA MAGDALENA COLOMBIA</t>
  </si>
  <si>
    <t>MENSAJERIA  DOMICILIOS EDRI</t>
  </si>
  <si>
    <t>CALLE 18 ##6-50 PIEDECUESTA SANTANDER COLOMBIA</t>
  </si>
  <si>
    <t>SANDYNET RUSSY</t>
  </si>
  <si>
    <t>MZ 27 CA 29 BRR EL TOPACIO</t>
  </si>
  <si>
    <t>PAGOS ANDRES</t>
  </si>
  <si>
    <t>CL 40 SUR # 72 F - 83 SUR BRR LA CHUCUA</t>
  </si>
  <si>
    <t>MUNDONET</t>
  </si>
  <si>
    <t>CL 7 # 7 16 BRR PACARNI</t>
  </si>
  <si>
    <t>SERVICIOS DYM</t>
  </si>
  <si>
    <t>CR 33 # 33 - 03 BRR VILLA CAROLINA 2</t>
  </si>
  <si>
    <t>KAROLINE COMUNICACIONES</t>
  </si>
  <si>
    <t>CR 6 ESTE # 97 B 44 - SUR BRR CENTRO</t>
  </si>
  <si>
    <t>SHOPING STORE</t>
  </si>
  <si>
    <t>CR 89 B # 52 C 22 - SUR BRR BOSA PORVENIR</t>
  </si>
  <si>
    <t>PUNTO PAGO FC</t>
  </si>
  <si>
    <t>CL 18 SUR # 14 08 / LC 1 BRR BARRIO COMPARTIR SOACHA</t>
  </si>
  <si>
    <t>MISCELANEA MAFER</t>
  </si>
  <si>
    <t>CL 13 # 4 58 BRR EL CERREJON</t>
  </si>
  <si>
    <t>KEYMAR CELL</t>
  </si>
  <si>
    <t>CL. 45 #1 SUR-140 BARRANQUILLA ATLNTICO COLOMBIA</t>
  </si>
  <si>
    <t>MISCELANEA Y PAPELERIA NANCY</t>
  </si>
  <si>
    <t>DG 5 # 4 13 BRR LA MURALLA JESUS MARIA</t>
  </si>
  <si>
    <t>DON PAGO SANTA LIBRADA</t>
  </si>
  <si>
    <t>CR 10 # 75 A 25 - SUR BRR SANTA LIBRADA</t>
  </si>
  <si>
    <t>SUPERMERCADO DCALIDAD</t>
  </si>
  <si>
    <t>CR 18 Q BIS A # 65 - 29 SUR BRR ACACIA</t>
  </si>
  <si>
    <t>MERCACOL XPRESS</t>
  </si>
  <si>
    <t>CR 32 A # 18 07 BRR SAN ALONSO</t>
  </si>
  <si>
    <t>COMUNICACIONES AMD</t>
  </si>
  <si>
    <t>CR 72 D # 56 17 - SUR BRR OLARTE</t>
  </si>
  <si>
    <t>MASCOLANDIA E INVERSIONES SAS</t>
  </si>
  <si>
    <t>CL 42 SUR # 23 - 61 BRR SANTA LUCIA</t>
  </si>
  <si>
    <t>PUERTO COLOMBIA</t>
  </si>
  <si>
    <t>FARIMOTO</t>
  </si>
  <si>
    <t>CL 12 # 5 A 44 BRR LAS AMERICAS</t>
  </si>
  <si>
    <t>JOSDAN</t>
  </si>
  <si>
    <t>CRA. 17A #46-105 SOLEDAD ATLNTICO COLOMBIA</t>
  </si>
  <si>
    <t>CANDY POPS</t>
  </si>
  <si>
    <t>CL 13 C # 27 05 BRR EL CONCORD</t>
  </si>
  <si>
    <t>NOVEDADES LIDY</t>
  </si>
  <si>
    <t>CR 37 # 27 50 BRR SOLEDAD SANTA INES</t>
  </si>
  <si>
    <t>DONDE ALEX Y RUBY</t>
  </si>
  <si>
    <t>45A #4-73 OLIVAL SUAITA SANTANDER COLOMBIA</t>
  </si>
  <si>
    <t>MISCELANEA YULDAMA</t>
  </si>
  <si>
    <t>MZ D CA 4 BRR YULDAMA</t>
  </si>
  <si>
    <t>CAFE INTERNET EL NATAN</t>
  </si>
  <si>
    <t>DG 65 B SUR # 18 P - 46 BRR COMPARTIR</t>
  </si>
  <si>
    <t>VARIEDADES TRAVESURAS LITHOSAN</t>
  </si>
  <si>
    <t>CL 20 # 27 46 / LC 2 BRR EL JARDIN</t>
  </si>
  <si>
    <t>TIENDA JHOSHY</t>
  </si>
  <si>
    <t>CL 54 C SUR # 102 25 BRR BOSA PORVENIR</t>
  </si>
  <si>
    <t>MORG@NS COFFEE.NET</t>
  </si>
  <si>
    <t>AV COLOMBIA EDIFICIO HANSA CORAL CLUB LC 5</t>
  </si>
  <si>
    <t>CL. 9 #10-19 BARRANQUILLA ATLANTICO COLOMBIA</t>
  </si>
  <si>
    <t>SHARITO.NET</t>
  </si>
  <si>
    <t>MZ E CA 3 ET 1 BRR BRISAS DE PRIMAVERA</t>
  </si>
  <si>
    <t>COMUNICACIONES MYR</t>
  </si>
  <si>
    <t>CR 3 A ESTE # 29 - 20 SUR / C BRR CORDOBA</t>
  </si>
  <si>
    <t>PAPELERIA Y NOVEDADES R Y S</t>
  </si>
  <si>
    <t>CL 8 # 32 52 BRR PRADO ALTO</t>
  </si>
  <si>
    <t>PAPELERIA VILLAS</t>
  </si>
  <si>
    <t>CR 25 # 10 22 BRR VILLAS DE SAN JUAN</t>
  </si>
  <si>
    <t>CONEXION.RED</t>
  </si>
  <si>
    <t>CL 28 SUR # 14 - 05 BRR COMPARTIR</t>
  </si>
  <si>
    <t>SERVIPAGOS RAUL</t>
  </si>
  <si>
    <t>CL 16 # 21 16 BRR PASTRANA</t>
  </si>
  <si>
    <t>SERVICOMPUTER</t>
  </si>
  <si>
    <t>CL 4 # 5 06 BRR JORGE ELIECER GAITAN</t>
  </si>
  <si>
    <t>DON PAGO SIERRA MORENA</t>
  </si>
  <si>
    <t>CR 73 F # 69 F 11 - SUR BRR SIERRA MORENA</t>
  </si>
  <si>
    <t>DON PAGO LAS PALMAS</t>
  </si>
  <si>
    <t>CL 4 OESTE # 90 08 BRR POLVORINES</t>
  </si>
  <si>
    <t>MISCELANEA PAPELERIA ALFA</t>
  </si>
  <si>
    <t>CL 64 # 37 B - 33 BRR CANDELARIA LA NUEVA</t>
  </si>
  <si>
    <t>ANDREA ISABEL YACELGA GUERRERO</t>
  </si>
  <si>
    <t>MZ ALTOS DE LA COLINA 40 CA 11 BRR ALTOS DE LA COLINA</t>
  </si>
  <si>
    <t>CL 77 # 2 - 05 BRR LUIS EDUARDO VANEGAS</t>
  </si>
  <si>
    <t>CR 4 A # 2 66 BRR CENTRO</t>
  </si>
  <si>
    <t>PAPELERIA EXPRESATE</t>
  </si>
  <si>
    <t>CL 8 # 10 05 BRR ZAMBRANO</t>
  </si>
  <si>
    <t>INTERNET JR</t>
  </si>
  <si>
    <t>CR 5 # 48 Y - 12 SUR BRR DIANA TURBAY</t>
  </si>
  <si>
    <t>LA NUEVA ESPERANZA</t>
  </si>
  <si>
    <t>CARRERA 18 B 1 #22 BARANOA ATLï¿NTICO COLOMBIA</t>
  </si>
  <si>
    <t>DISTRIBUCIONES SHEL</t>
  </si>
  <si>
    <t>CL 45 # CR 1 85 P 1 APTO 60 BE4066</t>
  </si>
  <si>
    <t>MOÑITOS</t>
  </si>
  <si>
    <t>AGROVETERINARIA JITET</t>
  </si>
  <si>
    <t>CALLE 21 N. 4-21</t>
  </si>
  <si>
    <t>VARIEDADES F. ALTAMASAN</t>
  </si>
  <si>
    <t>CL 50 CA 3 AV PRINCIPAL BRR VILLA ARELIS 2</t>
  </si>
  <si>
    <t>TELKA TECNOLOGA</t>
  </si>
  <si>
    <t>CRA. 22 #110-47 BUCARAMANGA SANTANDER COLOMBIA</t>
  </si>
  <si>
    <t>DROGUERIA MYM</t>
  </si>
  <si>
    <t>CRA 24 39 54</t>
  </si>
  <si>
    <t>DON PAGO PALENQUE</t>
  </si>
  <si>
    <t>CR 78 F # 42 05 - SUR BRR PALENQUE</t>
  </si>
  <si>
    <t>PAPELERIA Y MISCELANEA  EL TIO</t>
  </si>
  <si>
    <t>MZ J 11 C BRR EBENEZER</t>
  </si>
  <si>
    <t>S.KOOL SHOP</t>
  </si>
  <si>
    <t>CL 13 SUR # 19 - 20 BRR RESTREPO</t>
  </si>
  <si>
    <t>PAPELERIA MARIANA II</t>
  </si>
  <si>
    <t>CR 19 # 8 A 36 / DP 12 BRR LA PEPITA</t>
  </si>
  <si>
    <t>EDILMA BARRERA GALLO</t>
  </si>
  <si>
    <t>CL 5 # 9 22 BRR BUCARAMANGA</t>
  </si>
  <si>
    <t>PAPELERIA LA</t>
  </si>
  <si>
    <t>CL 89 C SUR # 2 A 6 BRR CHICO SUR</t>
  </si>
  <si>
    <t>PIÑATERIA LAURA</t>
  </si>
  <si>
    <t>CR 3 A # 4 96 BRR CENTRO</t>
  </si>
  <si>
    <t>PANALERA SAMUEL DAVID</t>
  </si>
  <si>
    <t>CR 2 # 1 36 / CEN BRR CABRERA BARRIO CENTRO</t>
  </si>
  <si>
    <t>DIA - DISEO IMPRESIONES Y ARTES</t>
  </si>
  <si>
    <t>CL 6 # 7 05 BRR VILLA CLARENTINA</t>
  </si>
  <si>
    <t>TSP SOLUCIONES</t>
  </si>
  <si>
    <t>CARRERA 21 A #2175 LORICA CRDOBA COLOMBIA</t>
  </si>
  <si>
    <t>ZONA MIX ARRAYANES</t>
  </si>
  <si>
    <t>CL 21 # 29 99 / MZ E TO A LC 6 BRR LOS ARRAYANES</t>
  </si>
  <si>
    <t>CALIFORNIA</t>
  </si>
  <si>
    <t>LA PASTELERIA DE MARCE</t>
  </si>
  <si>
    <t>CR 5 # 3 28 BRR CENTRO</t>
  </si>
  <si>
    <t>PAPELERIA Y VARIEDADES SEMILLA DE MOSTAZA</t>
  </si>
  <si>
    <t>AV BELLAVISTA SEC 7 BL 1-29 LC 10 BRR ALTOS DE BELLAVISTA</t>
  </si>
  <si>
    <t>PORTAL DEL HOGAR</t>
  </si>
  <si>
    <t>CR 3 # 23 A 26 BRR ATALAYA</t>
  </si>
  <si>
    <t>DON PAGO AV JIMENEZ</t>
  </si>
  <si>
    <t>AK 14 # 12 99 BRR LA CAPUCHINA</t>
  </si>
  <si>
    <t>PAGO EXPRESS MATI</t>
  </si>
  <si>
    <t>CL 5 # 7 62 BRR CENTRO</t>
  </si>
  <si>
    <t>PAPELERIA JOHANA CALIMA</t>
  </si>
  <si>
    <t>CR 8 # 12 - 28 BRR BELLA VISTA</t>
  </si>
  <si>
    <t>HECTOR JAVIER SAENZ GUERRERO</t>
  </si>
  <si>
    <t>CR 7 C # 03 A 98 BRR PARQUE CAMPESTRE SOACHA</t>
  </si>
  <si>
    <t>ROSSI.COM</t>
  </si>
  <si>
    <t>CR 21 # 66 - 97 SUR BRR SAN FRANCISCO</t>
  </si>
  <si>
    <t>COMUNICACIONES LIYI</t>
  </si>
  <si>
    <t>CL 63 # 73 41 - SUR BRR PERDOMO</t>
  </si>
  <si>
    <t>CIBER  STATIONERY LA HACIENDA</t>
  </si>
  <si>
    <t>CL 49 B SUR # 5 I 40 / CEN BRR MOLINOS PRIMER SECTOR</t>
  </si>
  <si>
    <t>COMUNICACIONES BARBOSA</t>
  </si>
  <si>
    <t>CR 4 A # 12 60 / LC BRR FUNZA  BARRIO SERREZUELITA</t>
  </si>
  <si>
    <t>SUPERMERCADO DON  EDGAR</t>
  </si>
  <si>
    <t>CR 3 # 2 - 56 / CEN BRR VENECIA CUNDINAMARCA</t>
  </si>
  <si>
    <t>LUBRICANTES Y REPUESTOS MARACAY</t>
  </si>
  <si>
    <t>CR 6 # 10 46 BRR EL ROSARIO</t>
  </si>
  <si>
    <t>GUARANDA</t>
  </si>
  <si>
    <t>VARIEDADES PUNTO NET</t>
  </si>
  <si>
    <t>CL 7 6 35</t>
  </si>
  <si>
    <t>COMERCIALIZADORA RIVERO CASTILLO</t>
  </si>
  <si>
    <t>CL 29 6-26 LOC 01</t>
  </si>
  <si>
    <t>VARIEDADES LA 79</t>
  </si>
  <si>
    <t>CR 79 # 23 9 BRR LOS ROBLES VIII ETAPA</t>
  </si>
  <si>
    <t>FERRETERIA MARCELA</t>
  </si>
  <si>
    <t>CR 32 # 30 A 04 BRR CINCUENTENARIO</t>
  </si>
  <si>
    <t>TIENDA MARUCHITA</t>
  </si>
  <si>
    <t>CL 20 A # 24 87 BRR PORTAL CAMPESTRE</t>
  </si>
  <si>
    <t>MUNDO DIGITAL</t>
  </si>
  <si>
    <t>CR 11 # 13 29 BRR CENTRO</t>
  </si>
  <si>
    <t>DON PAGO BOSA CARBONEL</t>
  </si>
  <si>
    <t>DG 71 SUR # 78 75 BRR BOSA CARBONEL</t>
  </si>
  <si>
    <t>BARQUITOO LARA 2</t>
  </si>
  <si>
    <t>CR 105 D # 64 C - 21 BRR EL MUELLE</t>
  </si>
  <si>
    <t>CR 68 A # 57 B - 20 SUR BRR VILLA DEL RIO</t>
  </si>
  <si>
    <t>FOTOCOPIAS DIANA</t>
  </si>
  <si>
    <t>CR 5 # 38 - 61 SUR BRR MERCANEIVA</t>
  </si>
  <si>
    <t>MINIMERCADO 126</t>
  </si>
  <si>
    <t>CR 4 # 9 - 27 BRR CENTRO</t>
  </si>
  <si>
    <t>TELECABINAS LA 25</t>
  </si>
  <si>
    <t>CL 25 # 4 A 04 BRR MACARENA</t>
  </si>
  <si>
    <t>MULTISERVIS ELILAU</t>
  </si>
  <si>
    <t>CL. 16 #360 MONTELIBANO MONTELBANO CRDOBA COLOMBIA</t>
  </si>
  <si>
    <t>DROGUERIA MI BENDICION D.C # 2</t>
  </si>
  <si>
    <t>CRA. 8A #33-71 MONTERIA CORDOBA COLOMBIA</t>
  </si>
  <si>
    <t>RK COMUNICACIONES</t>
  </si>
  <si>
    <t>CR 3 CL 4 14</t>
  </si>
  <si>
    <t>INTERNET PUNTO NET NORTE</t>
  </si>
  <si>
    <t>CL 1 # 25 23 BRR REGADERO</t>
  </si>
  <si>
    <t>DON PAGO ALQUERIA 1</t>
  </si>
  <si>
    <t>CL 37 B # 68 F 58 BRR ALQUERIA FRAGUA</t>
  </si>
  <si>
    <t>DON PAGO BOSA LA AMISTAD</t>
  </si>
  <si>
    <t>CR 77 M # 65 A 54 BRR BOSA LA AMISTAD</t>
  </si>
  <si>
    <t>MICHO PAPELERIA</t>
  </si>
  <si>
    <t>CR 2 # 12 96 / LC 300 BRR CENTRO</t>
  </si>
  <si>
    <t>YURY QUINTERO</t>
  </si>
  <si>
    <t>CL 21 # 14 - 81 BRR JULIAN POLANIA</t>
  </si>
  <si>
    <t>DIMONEX SIETE DE AGOSTO</t>
  </si>
  <si>
    <t>CR 24 # 67 - 37 BRR 7 DE AGOSTO</t>
  </si>
  <si>
    <t>MULTICOMUNICACIONES</t>
  </si>
  <si>
    <t>CL 36 # 14 40 / LC 1C BRR CENTRO</t>
  </si>
  <si>
    <t>SOAN COMERCIALIZADORA</t>
  </si>
  <si>
    <t>AV LAS PALMAS 10 49 BRR POTOSI</t>
  </si>
  <si>
    <t>SERVIPLAY SINCELEJO</t>
  </si>
  <si>
    <t>CL 7 # 15 A 26 BRR VERSALLES</t>
  </si>
  <si>
    <t>INVERSIONES AMDAR</t>
  </si>
  <si>
    <t>CL 8 # 7 100 BRR CENTRO</t>
  </si>
  <si>
    <t>UNURECAUDOS</t>
  </si>
  <si>
    <t>CL 13 # 10 63 BRR CENTRO</t>
  </si>
  <si>
    <t>MARTHA ELVIRA MOLINA OSORIO</t>
  </si>
  <si>
    <t>CR 80 M # 71 D - 04 SUR BRR EL RETAZO</t>
  </si>
  <si>
    <t>CIBER@.COM.</t>
  </si>
  <si>
    <t>CL 5 # 5 22 LA JAGUA</t>
  </si>
  <si>
    <t>PAWER.COM</t>
  </si>
  <si>
    <t>AC 51 SUR # 9 30 / LC 132 BRR MOLINOS</t>
  </si>
  <si>
    <t>GENS STORE</t>
  </si>
  <si>
    <t>CR 16 # 6 71 BRR ALGARRA 3</t>
  </si>
  <si>
    <t>LAUSICAR</t>
  </si>
  <si>
    <t>DG 33 B # 4 31 BRR VIÃ‘A DEL REY</t>
  </si>
  <si>
    <t>ALFA &amp; OMEGA SERVICELL</t>
  </si>
  <si>
    <t>CR 3 # CL 31 - 90 APTO 2 A09905</t>
  </si>
  <si>
    <t>VIAJES SOL Y PLAYA</t>
  </si>
  <si>
    <t>CL. 26 #22-108 GIRï¿“N SANTANDER COLOMBIA</t>
  </si>
  <si>
    <t>CR 24 # 18 17 BRR SAN FRANCISCO</t>
  </si>
  <si>
    <t>SUPERDROGAS EL PROGRESO</t>
  </si>
  <si>
    <t>CL 16 21 10</t>
  </si>
  <si>
    <t>PAPELERIA Y DON PAGO</t>
  </si>
  <si>
    <t>CL 11 # 13 86 BRR CENTRO</t>
  </si>
  <si>
    <t>DON PAGO JULIO</t>
  </si>
  <si>
    <t>CR 69 B # 4 19 BRR NUEVA MARSELLA</t>
  </si>
  <si>
    <t>CR 8 H # 164 B 10 BRR SAN CRISTOBAL NORTE</t>
  </si>
  <si>
    <t>PAPELERIA Y MISCELANEA DONDE LILI</t>
  </si>
  <si>
    <t>CR 34 # 14 - 37 BRR SANTA ISABEL</t>
  </si>
  <si>
    <t>MARIA PATRICIA</t>
  </si>
  <si>
    <t>CR 31 B # 28 - 27 BRR PUERTAS DEL SOL</t>
  </si>
  <si>
    <t>DONMATÍAS</t>
  </si>
  <si>
    <t>ANDERSON MONSALVE</t>
  </si>
  <si>
    <t>CL 28 # 30 - 121 / LC 3 BRR CENTRO</t>
  </si>
  <si>
    <t>SUPERMERCADO CINCO MENOS LA MARAVILLA SAS</t>
  </si>
  <si>
    <t>CL 28 SUR # 23 A 06 BRR SAN JORGE</t>
  </si>
  <si>
    <t>COMPUSERVICEMW</t>
  </si>
  <si>
    <t>CL 4 # 13 21 / LC 123 BRR SAN PABLO</t>
  </si>
  <si>
    <t>MINIMARKET D.W.</t>
  </si>
  <si>
    <t>CR 12 # 4 05 BRR CENTRO</t>
  </si>
  <si>
    <t>MERCAYA</t>
  </si>
  <si>
    <t>CL 17 # 22 A 16 BRR VILLA HELENA</t>
  </si>
  <si>
    <t>CENTRO DE PAGOD DIANA SHARITH</t>
  </si>
  <si>
    <t>CALLE 59 NO 39 W 04</t>
  </si>
  <si>
    <t>JEREZ TUS SERVICIOS</t>
  </si>
  <si>
    <t>PAPELERIA VILLA MARIA</t>
  </si>
  <si>
    <t>CL 26 A # 10 03 BRR VILLA MARIA</t>
  </si>
  <si>
    <t>GRANADELIS</t>
  </si>
  <si>
    <t>CRA 9A 57E 04 LA CAROLA</t>
  </si>
  <si>
    <t>MISCELANEA EL TRIUNFO</t>
  </si>
  <si>
    <t>CL 37 # 1 H 03 BRR ALTOS DE SAN JORGE LA PAZ</t>
  </si>
  <si>
    <t>CAFE INTERNET BRANFER</t>
  </si>
  <si>
    <t>CL 91 SUR # 2 B - 12 ESTE BRR ALFONSO LOPEZ</t>
  </si>
  <si>
    <t>VARIEDADES GINNY</t>
  </si>
  <si>
    <t>CR 9 M # 56 A - 35 BRR EL BOSQUE</t>
  </si>
  <si>
    <t>MISEELANEOS-EFECTY</t>
  </si>
  <si>
    <t>CR 11 ESTE # 42 - 35 SUR BRR SAN JOSE ORIENTE  LOCAL 01</t>
  </si>
  <si>
    <t>PAGOS CAMILO</t>
  </si>
  <si>
    <t>CR 7 C # 03 - 98 SUR BRR SOACHA PARQUE CAMPESTRE</t>
  </si>
  <si>
    <t>PUNTOWEB BOSA</t>
  </si>
  <si>
    <t>DG 70 F SUR # 78 A 20 / SEC I BRR JOSE MARIA CARBONELL</t>
  </si>
  <si>
    <t>MONEY MOYCK</t>
  </si>
  <si>
    <t>CR 2 # 3 33 BRR BUENOS AIRES</t>
  </si>
  <si>
    <t>MOLAGAVITA</t>
  </si>
  <si>
    <t>ACEITES LA PRIMAVERA</t>
  </si>
  <si>
    <t>CL. 5 #233 MOLAGAVITA SANTANDER COLOMBIA</t>
  </si>
  <si>
    <t>MICROMERCADO EL SUPER 8</t>
  </si>
  <si>
    <t>BL 8 LC 2 SEC A BRR MIRAMAR</t>
  </si>
  <si>
    <t>SAN JOSÉ DE MIRANDA</t>
  </si>
  <si>
    <t>PAPELERIA GIORDY</t>
  </si>
  <si>
    <t>CR 4 # 3 63 BRR CENTRO</t>
  </si>
  <si>
    <t>DON PAGO JR VENECIA</t>
  </si>
  <si>
    <t>DG 45 B SUR # 53 C 23 BRR VENCIA</t>
  </si>
  <si>
    <t>DON PAGO HELEN</t>
  </si>
  <si>
    <t>CR 88 I # 52 B 65 BRR BOSA BRASIL</t>
  </si>
  <si>
    <t>NAHUM RODRIGUEZ</t>
  </si>
  <si>
    <t>CR 20 D # 66 - 46 SUR BRR SAN FRANCISCO</t>
  </si>
  <si>
    <t>TECHNOLOGY AND PAPER ZIPA</t>
  </si>
  <si>
    <t>CR 71 # 62 - 25 SUR BRR ISMAEL PERDOMO</t>
  </si>
  <si>
    <t>SONDELICIAS</t>
  </si>
  <si>
    <t>CR 32 E # 22 A - 31 SUR BRR CIUDADELA ENCENILLO</t>
  </si>
  <si>
    <t>INTERNET CALL HEARD</t>
  </si>
  <si>
    <t>CL 69 D # 45 C 10 - SUR BRR MANUELA BELTRAN</t>
  </si>
  <si>
    <t>MAGGE</t>
  </si>
  <si>
    <t>CL 13 # 12 23 BRR SAN MARTIN</t>
  </si>
  <si>
    <t>LUCIANA STORE78</t>
  </si>
  <si>
    <t>CR 199-18</t>
  </si>
  <si>
    <t>MULTISERVICIOS EXPRES LA 44</t>
  </si>
  <si>
    <t>CL 44 # 14 D 19 / AP 112 BRR PORTAL DE ALMERIA</t>
  </si>
  <si>
    <t>DROGUERA SYG</t>
  </si>
  <si>
    <t>CR 21 C # 29 D 103 BRR VILLA DEL CARMEN</t>
  </si>
  <si>
    <t>SAMANTHA 1</t>
  </si>
  <si>
    <t>CR 5 C # 65 04 / VDA GONZALEZ BRR GONZALEZ</t>
  </si>
  <si>
    <t>ENVIOS SALOME</t>
  </si>
  <si>
    <t>CR 23 C # 32 - 47 SUR BRR QUIROGA</t>
  </si>
  <si>
    <t>MICHEL MORA</t>
  </si>
  <si>
    <t>CL 67 # 118 B - 17 BRR EL PALMAR</t>
  </si>
  <si>
    <t>GERSON LIZCANO</t>
  </si>
  <si>
    <t>MZ 13 D LOTE 19 1A BRR CUCUTA 75</t>
  </si>
  <si>
    <t>KP MULTISERVICIOS</t>
  </si>
  <si>
    <t>CRA 5 NRO 78B-21</t>
  </si>
  <si>
    <t>PAÑALERA YUMANYI</t>
  </si>
  <si>
    <t>CL 65 C # 11 60 - SUR BRR PORVENIR</t>
  </si>
  <si>
    <t>AV DISEÑOS</t>
  </si>
  <si>
    <t>CR 27 # 64 38 / LC 4 BRR NUEVA GRANADA</t>
  </si>
  <si>
    <t>DROGUERIA MEGAFARMA K # 3</t>
  </si>
  <si>
    <t>CL 5 5 14</t>
  </si>
  <si>
    <t>CYBERPAGOS</t>
  </si>
  <si>
    <t>TV 79 D # 73 16 - SUR BRR BOSA CARLOS ALBAN</t>
  </si>
  <si>
    <t>MULTISEVICIOS EDUARDO</t>
  </si>
  <si>
    <t>CL 67 A # 18 N - 95 SUR BRR SUMAPAZ</t>
  </si>
  <si>
    <t>EL APRENDIZ</t>
  </si>
  <si>
    <t>CR 97 # 23 G 95 BRR FONTIBON ARABIA</t>
  </si>
  <si>
    <t>CR 94 C # 42 56 - SUR BRR LAS BRISAS</t>
  </si>
  <si>
    <t>FERRETERIA LA CANDELARIA II</t>
  </si>
  <si>
    <t>DG 56 # 0 - 0 / TV 1 C 03 BRR LA CANDELARIA II</t>
  </si>
  <si>
    <t>CONFECCIONES 5J</t>
  </si>
  <si>
    <t>CL 5 # 6 - 53 / LC 1 BRR EL CENTRO</t>
  </si>
  <si>
    <t>BOUTIQUE Y PAPELERIA FUCSIA</t>
  </si>
  <si>
    <t>CL 4 # 5 69 / ED MAGDALENA BRR CENTRO</t>
  </si>
  <si>
    <t>TECNOLOGA MVIL ZAMO</t>
  </si>
  <si>
    <t>CR 22 C # 22 A 69 BRR SAN ANTONIO DEL CARRIZAL</t>
  </si>
  <si>
    <t>PAPELERIA Y VARIEDADES T.A.Z</t>
  </si>
  <si>
    <t>CL 22 # 1 C 36 BRR ATALAYA</t>
  </si>
  <si>
    <t>DON PAGO QUINTANARES</t>
  </si>
  <si>
    <t>CR 1 ESTE # 44 26 BRR QUINTANARES</t>
  </si>
  <si>
    <t>INTERNET Y PAPELERIA SOLEY</t>
  </si>
  <si>
    <t>VDA PAJARITO BRR TAUSA</t>
  </si>
  <si>
    <t>SOLUCIONES RYP</t>
  </si>
  <si>
    <t>DG 5 C BIS # 45 - 34 BRR SAN RAFAEL</t>
  </si>
  <si>
    <t>FERRELECTRICOS MYR</t>
  </si>
  <si>
    <t>CR 12 # 21 - 101 / LC 1 BRR GRANADA</t>
  </si>
  <si>
    <t>MENSAJERIA SAREHT EXPRESS</t>
  </si>
  <si>
    <t>CR 11 # 3 13 BRR SAN RAFAEL</t>
  </si>
  <si>
    <t>OPALINA</t>
  </si>
  <si>
    <t>CR 75 # 24 41 BRR MODELIA</t>
  </si>
  <si>
    <t>VERGARA</t>
  </si>
  <si>
    <t>PAPELERIA GIMY.NET</t>
  </si>
  <si>
    <t>CL 2 # 6 A 02 BRR JARDIN</t>
  </si>
  <si>
    <t>BOLONIA.COM</t>
  </si>
  <si>
    <t>CR 8 # 6 01 / MZ C CA 16 D BRR BOLONIA</t>
  </si>
  <si>
    <t>INTERNET MILENIUM</t>
  </si>
  <si>
    <t>CL 10 # 9 28 CEN BRR ZIPAQUIRA</t>
  </si>
  <si>
    <t>RAMV D  G SAS</t>
  </si>
  <si>
    <t>CL 10 17 74</t>
  </si>
  <si>
    <t>COLPAGOS FD</t>
  </si>
  <si>
    <t>CR 6 # 4 72 / LC 01 BRR KM 15</t>
  </si>
  <si>
    <t>TELECOMUNICACIONES VANHEL</t>
  </si>
  <si>
    <t>CR 7 # 34 4 / LC 1 BRR EL LIMON</t>
  </si>
  <si>
    <t>DROGUERIA GIRALDO HERRERA</t>
  </si>
  <si>
    <t>CL. 7 #8-57 SAMANA CALDAS COLOMBIA</t>
  </si>
  <si>
    <t>CAJUMI</t>
  </si>
  <si>
    <t>CR 25 # 03 09 BRR YAPURA</t>
  </si>
  <si>
    <t>DON PAGO NUEVAS DELICIAS</t>
  </si>
  <si>
    <t>CL 45 SUR # 72 96 BRR LAS DELICIAS</t>
  </si>
  <si>
    <t>DON PAGO LAS FLORES</t>
  </si>
  <si>
    <t>CR 21 # 36 40 BRR LAS FLORES</t>
  </si>
  <si>
    <t>DON PAGO ALTOPRADO</t>
  </si>
  <si>
    <t>CL 14 # 20 73 BRR ALTOPRADO</t>
  </si>
  <si>
    <t>GLOBAL FHONE</t>
  </si>
  <si>
    <t>CR 11 # 12 - 45 BRR CENTRO</t>
  </si>
  <si>
    <t>PAPELERIA QUE DETALLASO OIS</t>
  </si>
  <si>
    <t>CR 24 A # 5 A - 07 SUR BRR ALBORADA 2</t>
  </si>
  <si>
    <t>DROGUERIA Y VARIEDADES EXCEFORMA</t>
  </si>
  <si>
    <t>CL 82 # 2 B 09 BRR SANTA ROSA</t>
  </si>
  <si>
    <t>INTERNET AVE FENIX</t>
  </si>
  <si>
    <t>TV 49 C # 76 A 18 BRR JERUSALEM</t>
  </si>
  <si>
    <t>DOBLE CLICK PAPELERIA INTERNET</t>
  </si>
  <si>
    <t>CR 7 # 2 96 / LC 2 BRR CENTRO</t>
  </si>
  <si>
    <t>PURÍSIMA DE LA CONCEPCIÓN</t>
  </si>
  <si>
    <t>MAYTE INNOVANDO</t>
  </si>
  <si>
    <t>CL 5 # 7 - 06 BRR CENTRO</t>
  </si>
  <si>
    <t>TIENDANET</t>
  </si>
  <si>
    <t>TV 7 # 11 24 BRR LA GRANJA</t>
  </si>
  <si>
    <t>PAPELERIA Y MULTISERVICIOS JOSUE</t>
  </si>
  <si>
    <t>CR 55 # 4 C 67 BRR LOMAS DE GRANADA</t>
  </si>
  <si>
    <t>LOAIZA</t>
  </si>
  <si>
    <t>CR 2 # 50 16 BRR EL MUELLE</t>
  </si>
  <si>
    <t>DON PAGO ESPAÑA</t>
  </si>
  <si>
    <t>CR 20 # 10 41 BRR LA SABANA</t>
  </si>
  <si>
    <t>XPRESS VARIEDADES Y DETALLE</t>
  </si>
  <si>
    <t>CL 68 B SUR # 20 C - 41 BRR JUAN JOSE RENDON</t>
  </si>
  <si>
    <t>PAPELERIA TU PRIMER LIBRO</t>
  </si>
  <si>
    <t>CR 3 # 15 - 40 BRR DIVINO NINO</t>
  </si>
  <si>
    <t>PAILITAS</t>
  </si>
  <si>
    <t>AGROPAI</t>
  </si>
  <si>
    <t>CR 6 # 4 - 02 BRR CENTRO</t>
  </si>
  <si>
    <t>VARIEDADES LA ECONOMIA ISA</t>
  </si>
  <si>
    <t>CL 25 # 13 19 BRR TENERIFE</t>
  </si>
  <si>
    <t>INTERNET TOYEDINA</t>
  </si>
  <si>
    <t>CR 90 # 49 D 69 - SUR BRR BOSA PORVENIR</t>
  </si>
  <si>
    <t>SERVICIO LINKAFE</t>
  </si>
  <si>
    <t>CR 12 # 12 33 BRR CENTRO CHIA</t>
  </si>
  <si>
    <t>FERNANDO JOSE GARCIA GRISALES</t>
  </si>
  <si>
    <t>CL 22 B # 5 66 BRR FLORES DE MANGA</t>
  </si>
  <si>
    <t>MULTIPAGOS LUCIANA</t>
  </si>
  <si>
    <t>CL 53 SUR # 18 C 43 BRR SAN CARLOS</t>
  </si>
  <si>
    <t>INTERNET LUZ</t>
  </si>
  <si>
    <t>CL 23 # 7 A 20 BRR JOSE EUSTASIO RIVERA</t>
  </si>
  <si>
    <t>VARIEDADES TITAS</t>
  </si>
  <si>
    <t>CR 51 B # 26 A 4 BRR ENRIQUE OLAYA HERRERA</t>
  </si>
  <si>
    <t>COMPUSEBAS</t>
  </si>
  <si>
    <t>CL 62 SUR # 83 A 04 BRR BOSA LA PAZ</t>
  </si>
  <si>
    <t>TU SITIO.COM</t>
  </si>
  <si>
    <t>CL 15 # 19 B 4 BRR BERLIN</t>
  </si>
  <si>
    <t>PAPELERIA SAMIS</t>
  </si>
  <si>
    <t>CR 23 # 43 7 BRR LOS OLIVOS SEGUNDO SECTOR</t>
  </si>
  <si>
    <t>DROGUERIA EL DESCUENTO DE ARIGUANI</t>
  </si>
  <si>
    <t>DG 7 7A 41</t>
  </si>
  <si>
    <t>ACCELL AG LEBRIJA</t>
  </si>
  <si>
    <t>CL 11 # 7 59 BRR LEBRIJA</t>
  </si>
  <si>
    <t>MARKET BUENOS AIRES</t>
  </si>
  <si>
    <t>CRA. 3 ESTE #28-18 FLORIDABLANCA SANTANDER COLOMBIA</t>
  </si>
  <si>
    <t>MACH PRINT</t>
  </si>
  <si>
    <t>CL 70 # 51 - 43 BRR SAN FERNANDO</t>
  </si>
  <si>
    <t>MISCELANEA FUCSIA</t>
  </si>
  <si>
    <t>CR 6 W # 3 P 12 BRR SANTA INES</t>
  </si>
  <si>
    <t>PAPELERÃA</t>
  </si>
  <si>
    <t>CR 139 # 148 09 BRR SUBA BERLIN</t>
  </si>
  <si>
    <t>SERVIPAGO MY</t>
  </si>
  <si>
    <t>CR 15 # 7 25 BRR JOSE DOMINGO</t>
  </si>
  <si>
    <t>INVERSIONES AIRCO</t>
  </si>
  <si>
    <t>CL 2 B # 1 B 34 BRR LA ROSITA</t>
  </si>
  <si>
    <t>DELIZEHAVA</t>
  </si>
  <si>
    <t>ED CARIBE PLAZA BRR CARIBE VERDE</t>
  </si>
  <si>
    <t>SKINET CAFE INTERNET</t>
  </si>
  <si>
    <t>CL 87 # 35 B 25 / LC 8 BRR COLINAS</t>
  </si>
  <si>
    <t>SALSAMENTARIA BERAKA</t>
  </si>
  <si>
    <t>CL 28 # 5 77 BRR GIRARDOT</t>
  </si>
  <si>
    <t>VARIEDADES CESAR DAVID</t>
  </si>
  <si>
    <t>DON PAGO FONTIBON PORTON DE HAYUELOS</t>
  </si>
  <si>
    <t>CR 96 B # 19 27 BRR FONTIBON</t>
  </si>
  <si>
    <t>EFECTY TRES REYES</t>
  </si>
  <si>
    <t>CR 77 C # 62 I - 66 SUR / LC BRR CIUDAD BOLIVAR</t>
  </si>
  <si>
    <t>CONET@2</t>
  </si>
  <si>
    <t>CR 50 # 21 A 31 BRR RIOJA</t>
  </si>
  <si>
    <t>VARIEDADES Y STILOS H Y K</t>
  </si>
  <si>
    <t>CL 70 # 3 - 96 BRR EL CEDRAL</t>
  </si>
  <si>
    <t>PAPELERIA JUANES</t>
  </si>
  <si>
    <t>CL 53 # 9 - 63 BRR VILLA CONSTANZA</t>
  </si>
  <si>
    <t>PAPELERIA TIERRA COLOMBIANA</t>
  </si>
  <si>
    <t>AC 80 # 71 05 / LC 3 BRR BONANZA</t>
  </si>
  <si>
    <t>VARIEDADES Y PAPELERIA MARIANA</t>
  </si>
  <si>
    <t>CL 33 SUR # 87 H 14 / CA BRR PATIO BONITO</t>
  </si>
  <si>
    <t>FRUTOS</t>
  </si>
  <si>
    <t>CR 7 # 10 64 BRR PRADO</t>
  </si>
  <si>
    <t>USIACURÍ</t>
  </si>
  <si>
    <t>CALZADO CARYAEL</t>
  </si>
  <si>
    <t>CL 7 A # 21 04 / LC 1 BRR BELLA VISTA</t>
  </si>
  <si>
    <t>SERVILIKE</t>
  </si>
  <si>
    <t>CL 8 # 7 42 BRR CENTRO</t>
  </si>
  <si>
    <t>OLAFO LA 31</t>
  </si>
  <si>
    <t>BET ZONE</t>
  </si>
  <si>
    <t>CL 20 # 4 C 99 BRR BUENOS AIRES</t>
  </si>
  <si>
    <t>PAPELERIA EL CLAN DE LOS GATOS</t>
  </si>
  <si>
    <t>CR 8 # 5 - 70 BRR SAN RAFAEL</t>
  </si>
  <si>
    <t>PAPELERIA Y VARIEDADES ISABET</t>
  </si>
  <si>
    <t>CL 33 SUR # 87 C 09 BRR PATIO BONITO</t>
  </si>
  <si>
    <t>MIS TRAVESURAS</t>
  </si>
  <si>
    <t>TV 6 B BIS # 48 K 12 - SUR BRR MIRADOR</t>
  </si>
  <si>
    <t>VOICE.DIGITAL</t>
  </si>
  <si>
    <t>CR 96 G # 17 15 BRR VILLEMAR  FONTIBON</t>
  </si>
  <si>
    <t>DETALLES  ANGIE</t>
  </si>
  <si>
    <t>CR 3 # 5 47 BRR CENTRO</t>
  </si>
  <si>
    <t>MULTISERVICIOS LOS ANDES</t>
  </si>
  <si>
    <t>CR 21 B # 63 08 / LC 2 BRR</t>
  </si>
  <si>
    <t>FERRETERIA RUEDA</t>
  </si>
  <si>
    <t>CL 72 66 49</t>
  </si>
  <si>
    <t>TALLER DE MADERA POPEYE</t>
  </si>
  <si>
    <t>CR 1E CL 48B - 27 LOC 1 BA25</t>
  </si>
  <si>
    <t>CALZADO CALZAMODA</t>
  </si>
  <si>
    <t>CRA. 17 #5-70 POPAYAN CAUCA COLOMBIA</t>
  </si>
  <si>
    <t>MISCELANEA GRAFFITIS DELUXE</t>
  </si>
  <si>
    <t>MZ 2 LT 5 IN 2 BRR ACAPULCO</t>
  </si>
  <si>
    <t>EL HADA Y EL MAGO</t>
  </si>
  <si>
    <t>CR 33 # 41 20 BRR CABECERA</t>
  </si>
  <si>
    <t>COMUNICACIONES SYS</t>
  </si>
  <si>
    <t>CR 6 # 10 03 / LC 2 BRR UBATE</t>
  </si>
  <si>
    <t>MULTISERVICIOS LPI</t>
  </si>
  <si>
    <t>CL 14 # 10 13 BRR CENTRO</t>
  </si>
  <si>
    <t>MULTISERVICIOS SAUL</t>
  </si>
  <si>
    <t>CRA 16 59 33</t>
  </si>
  <si>
    <t>EL PEÑÓN</t>
  </si>
  <si>
    <t>PIKARIKA</t>
  </si>
  <si>
    <t>CL 5 CR 9-84</t>
  </si>
  <si>
    <t>MISCELANEA TODO HOGAR MARMOTO</t>
  </si>
  <si>
    <t>SECTOR EL ATRIO</t>
  </si>
  <si>
    <t>DON PAGO CIUDAD DEL CAMPO</t>
  </si>
  <si>
    <t>CR 41 # 95 123 BRR JUANCHITO</t>
  </si>
  <si>
    <t>PAPELERIA CASA MIA</t>
  </si>
  <si>
    <t>CL 65 F SUR # 78 K 24 BRR BOSA JIEMEZ QUESADA</t>
  </si>
  <si>
    <t>PANADERIA ROCAPAN LA 38</t>
  </si>
  <si>
    <t>CL 56 38 02</t>
  </si>
  <si>
    <t>INTERNET Y PELUQUERIA TATIANA</t>
  </si>
  <si>
    <t>CR 9 # 33 14 BRR LAS DELICIAS</t>
  </si>
  <si>
    <t>KOKOS SERVI</t>
  </si>
  <si>
    <t>CL 13 B # 14 A 20 BRR CENTRO</t>
  </si>
  <si>
    <t>INVERSIONES ESCANDALO</t>
  </si>
  <si>
    <t>CL 51 B # 8 7 BRR SIETE DE ABRIL</t>
  </si>
  <si>
    <t>MAXI RECARGAS</t>
  </si>
  <si>
    <t>CR 29 # 18 8 / LC 01 BRR LAS VEGAS</t>
  </si>
  <si>
    <t>TIMBÍO</t>
  </si>
  <si>
    <t>COMPULEF</t>
  </si>
  <si>
    <t>CRA. 20 #1552 TIMBIO TIMBO CAUCA COLOMBIA</t>
  </si>
  <si>
    <t>PINTULUZZ</t>
  </si>
  <si>
    <t>DG 9 # 8 37 BRR BELLA VISTA</t>
  </si>
  <si>
    <t>DON PAGO CAMI</t>
  </si>
  <si>
    <t>CR 80 # 70 73 - SUR BRR BOSA EL RETAZO</t>
  </si>
  <si>
    <t>MISCELANEA GALAN</t>
  </si>
  <si>
    <t>CR 56 # 2 B - 77 BRR GALAN</t>
  </si>
  <si>
    <t>KAFECALOFS.COM</t>
  </si>
  <si>
    <t>CR 4 # 4 12 BRR CENTRO</t>
  </si>
  <si>
    <t>AYA CASANOVA CARLOS ALBERTO</t>
  </si>
  <si>
    <t>CL 13 # 16 02 BRR CENTRO</t>
  </si>
  <si>
    <t>PAPELERIA LA ROCA</t>
  </si>
  <si>
    <t>CR 25 # 9 A 10 BRR LA UNIVERSIDAD</t>
  </si>
  <si>
    <t>TERRANET.COM</t>
  </si>
  <si>
    <t>CL 10 # 17 75 BRR DIECINUEVE DE MARZO</t>
  </si>
  <si>
    <t>SABIAS UN DATO</t>
  </si>
  <si>
    <t>DG 54 # 22 C 06 BRR SAN ANTONIO DEL CARRIZAL</t>
  </si>
  <si>
    <t>LICORERA JR</t>
  </si>
  <si>
    <t>CALLE 5#11-65</t>
  </si>
  <si>
    <t>PAPELERA KATHY</t>
  </si>
  <si>
    <t>CR 6 # 20 15 BRR LA PRADERA</t>
  </si>
  <si>
    <t>MISCELANIA VILLA MARIA</t>
  </si>
  <si>
    <t>CRA. 34A #73A-2 PEREIRA RISARALDA COLOMBIA</t>
  </si>
  <si>
    <t>VARIEDADES SPLENDORMILY</t>
  </si>
  <si>
    <t>DG 31 C SUR # 5 35 - ESTE BRR COLUMNAS</t>
  </si>
  <si>
    <t>MICHELL MORALES</t>
  </si>
  <si>
    <t>CL 65 # 20 A - 18 / LC 25 BRR SAN FRANCISCO</t>
  </si>
  <si>
    <t>RAPITIENDA THEBEST</t>
  </si>
  <si>
    <t>CR 46 # 52 - 41 BRR CIUDAD CORDOBA</t>
  </si>
  <si>
    <t>ACCESORIOS SANDOVAL</t>
  </si>
  <si>
    <t>URB MORRORRICO KM VIA PAMPLONA BRR MORRORRICO</t>
  </si>
  <si>
    <t>TIENDA EL MAGO</t>
  </si>
  <si>
    <t>CL 71 A # 24 - 06 BRR LA TRINIDAD</t>
  </si>
  <si>
    <t>MULTISERVICIOS PERALTA</t>
  </si>
  <si>
    <t>CL 19 # 8 55 / MCP CAMPO ALEGRE BRR CENTRO</t>
  </si>
  <si>
    <t>MULTISERVICIOS CEDILO S.A.S.</t>
  </si>
  <si>
    <t>CR 7 # 22 46 BRR JOSE EUSTACIO RIVERA</t>
  </si>
  <si>
    <t>SERVI TIENDA LA 31</t>
  </si>
  <si>
    <t>CR 31 # 18 F - 20 BRR MANZANARES</t>
  </si>
  <si>
    <t>COMUNICACIONES YANFER</t>
  </si>
  <si>
    <t>CR 87 # 39 A 09 - SUR BRR PATIO BONITO II</t>
  </si>
  <si>
    <t>DROGUERIA MI BENDICIN D.C</t>
  </si>
  <si>
    <t>CR 14 # 9 24 / LC 2 BRR CENTRO</t>
  </si>
  <si>
    <t>FELIX MISCELANEA</t>
  </si>
  <si>
    <t>DG 36 D # 6 A 72 BRR RENACER</t>
  </si>
  <si>
    <t>PAGAFACIL</t>
  </si>
  <si>
    <t>Carrera # Piss Cartagema.</t>
  </si>
  <si>
    <t>PAPELERIA Y DETALLES CLIP</t>
  </si>
  <si>
    <t>CL. 104 #7-73 BUCARAMANGA SANTANDER COLOMBIA</t>
  </si>
  <si>
    <t>DON PAGO FIESTA SUBA</t>
  </si>
  <si>
    <t>CR 101 # 147 21 / LC 141 CC FIESTA SUBA BRR SUBA</t>
  </si>
  <si>
    <t>DON PAGO-HERNANDEZ</t>
  </si>
  <si>
    <t>CL 17 # 114 14 BRR FONTIBON</t>
  </si>
  <si>
    <t>PAPELERIA ANGELICA</t>
  </si>
  <si>
    <t>CR 109 # 69 B - 05 BRR VILLAS DEL CORADO</t>
  </si>
  <si>
    <t>JOKAR GRAPHICS</t>
  </si>
  <si>
    <t>DG 52 SUR # 54 A - 40 BRR VENECIA</t>
  </si>
  <si>
    <t>PANALERA AVENTURA EN UN PANAL</t>
  </si>
  <si>
    <t>CR 72 B # 7 A - 92 BRR CASTILLA</t>
  </si>
  <si>
    <t>CUMBAL</t>
  </si>
  <si>
    <t>CONECTA2.COM</t>
  </si>
  <si>
    <t>CR 9 # 15 - 58 BRR CENTRO</t>
  </si>
  <si>
    <t>LA TROPICANA</t>
  </si>
  <si>
    <t>CR 3 # 3 82 BRR SAN BERNARDO DE BATA</t>
  </si>
  <si>
    <t>TIC SERVICES AS</t>
  </si>
  <si>
    <t>CL 22 # 57 21 BRR LAS PALMAS</t>
  </si>
  <si>
    <t>MAY DETALLES</t>
  </si>
  <si>
    <t>CA 1020 BRR RAMAL LA HORMIGA</t>
  </si>
  <si>
    <t>DEPOSITO Y ANDAMIOS J.A</t>
  </si>
  <si>
    <t>CL 34 A SUR # 90 A 36 - SUR BRR UNIR</t>
  </si>
  <si>
    <t>PAPELERIA DETALLITOS</t>
  </si>
  <si>
    <t>CL 15 # 2 15 - ESTE BRR CIUDAD VERDE</t>
  </si>
  <si>
    <t>MINI MERCADO EXPRESS</t>
  </si>
  <si>
    <t>CL 65 F SUR # 77 M 51 BRR BARRIO  AZUCENA</t>
  </si>
  <si>
    <t>CACHARRERIA Y PAPELERIA LOS ANGELES</t>
  </si>
  <si>
    <t>CR 6 # 18 32 BRR LOS ANGELES</t>
  </si>
  <si>
    <t>PAPELERIA Y MISCELANEA VARIEDADES MATHY</t>
  </si>
  <si>
    <t>CL 66 B # 122 14 / CEN BRR ENGATIVA</t>
  </si>
  <si>
    <t>DEDITOS Y PASTELITOS SAN JORGE</t>
  </si>
  <si>
    <t>CR 9 SUR # 50 C 33 BRR 7 DE ABRIL</t>
  </si>
  <si>
    <t>MISCELANEA CRISTALINA</t>
  </si>
  <si>
    <t>VDA L LA CRISTALINA BRR CENTRO</t>
  </si>
  <si>
    <t>DON PAGO FLORALIA</t>
  </si>
  <si>
    <t>CL 73 # 3 N 04 BRR FLORALIA</t>
  </si>
  <si>
    <t>VIDEONET.COL</t>
  </si>
  <si>
    <t>CL 79 # 6 - 20 SUR / CA 28 BRR COOPDIASAM</t>
  </si>
  <si>
    <t>MINI MARKET JM</t>
  </si>
  <si>
    <t>CL 42 B SUR # 72 H - 80 BRR URAPANES</t>
  </si>
  <si>
    <t>ERIK JOHAN</t>
  </si>
  <si>
    <t>CR 75 D # 75 H - 10 SUR BRR SANTA BIBIANA</t>
  </si>
  <si>
    <t>VARIEDADES SEBAS LA 21</t>
  </si>
  <si>
    <t>CL 21 # 58 - 35 BRR LAS PALMAS</t>
  </si>
  <si>
    <t>CYBERNET.CO</t>
  </si>
  <si>
    <t>CL 19 A # 91 5 / CC TREBOLIS CAPELLANIA LC 6 BRR CAPELLANIA</t>
  </si>
  <si>
    <t>MICAN PUBLICIDAD</t>
  </si>
  <si>
    <t>CR 103 A BIS # 16 H 39 BRR LA LAGUNA FONTIBON</t>
  </si>
  <si>
    <t>ANDRYSA TIENDA DE MODA Y VARIEDADES</t>
  </si>
  <si>
    <t>CL 3 # 14 A 28 BRR BUENA ESPERANZA</t>
  </si>
  <si>
    <t>VARIEDADES EMEN</t>
  </si>
  <si>
    <t>TV 7 # 9 8 BRR LA GRANJA</t>
  </si>
  <si>
    <t>DON PAGO LINCOLN</t>
  </si>
  <si>
    <t>CL 19 A # 7 A 42 BRR LINCOLN</t>
  </si>
  <si>
    <t>DON PAGO BOSA NARANJOS</t>
  </si>
  <si>
    <t>CL 71 C # 80 J 06 - SUR BRR BOSA NARANJOS</t>
  </si>
  <si>
    <t>CIBER DE LA 37</t>
  </si>
  <si>
    <t>CL 37 # 52 A - 07 SUR BRR AL QUERIA</t>
  </si>
  <si>
    <t>MISCELANEA PORTALEGRE</t>
  </si>
  <si>
    <t>CR 12 # 17 - 31 BRR PORTALEGRE</t>
  </si>
  <si>
    <t>MINIMARKET LA RESERVA</t>
  </si>
  <si>
    <t>CRA 11 #67 A 09 SUR</t>
  </si>
  <si>
    <t>LAS CHINGADITAS</t>
  </si>
  <si>
    <t>CL 15 # 13 05 BRR CENTRO</t>
  </si>
  <si>
    <t>DROGUERIA LUZ MAR N.G</t>
  </si>
  <si>
    <t>CL 74 N 18 05</t>
  </si>
  <si>
    <t>VARIEDADES TOPO</t>
  </si>
  <si>
    <t>MZ 6 LT 11 BRR CAMINO CORRECTO</t>
  </si>
  <si>
    <t>VIKINGOS BARBER</t>
  </si>
  <si>
    <t>CR 44 # 40 61 / LC 2 BRR CENTRO</t>
  </si>
  <si>
    <t>PAPELERA PAOLA</t>
  </si>
  <si>
    <t>CL. 22 #20-35 BUCARAMANGA SANTANDER COLOMBIA</t>
  </si>
  <si>
    <t>CONEXION PLAY</t>
  </si>
  <si>
    <t>CRA 17 W 64 41 APARTAMENTO 101</t>
  </si>
  <si>
    <t>CENTRO DE PAGOS GRAN ESTACION</t>
  </si>
  <si>
    <t>CR 11 # 3 14 BRR JORGE ELIECER GAITAN</t>
  </si>
  <si>
    <t>HESAFA.COM</t>
  </si>
  <si>
    <t>CL 27 SUR # 95 12 / LC 3 BRR BOSA RECRERO</t>
  </si>
  <si>
    <t>VARIEDADES YUMUZ D.P SAN MATEO</t>
  </si>
  <si>
    <t>CL 30 # 2 62 - ESTE BRR SAN MATEO</t>
  </si>
  <si>
    <t>CONNECTING CITY</t>
  </si>
  <si>
    <t>CR 4 A # 56 A 09 - SUR BRR DANUBIO</t>
  </si>
  <si>
    <t>AV BOYACA ARGELIA</t>
  </si>
  <si>
    <t>AV BOYACA # 39 B - 15 SUR BRR NUEVA YORK</t>
  </si>
  <si>
    <t>COMPENSAR</t>
  </si>
  <si>
    <t>AK 68 # 49 A 47 BRR BOGOTA</t>
  </si>
  <si>
    <t>ANGUI TATIANA ABRIL URIBE</t>
  </si>
  <si>
    <t>CR 15 # 10 63 / MZ G CA 191 BRR CHIQUINQUIRA</t>
  </si>
  <si>
    <t>CIGARRERIA LA 15</t>
  </si>
  <si>
    <t>CL 15 # 4 25 BRR CENTRO</t>
  </si>
  <si>
    <t>VARIEDADESY DETALLES MAYU</t>
  </si>
  <si>
    <t>CR 7 # 4 97 BRR LA VICTORIA YAGUARA</t>
  </si>
  <si>
    <t>CL 8 # 10 B 103 / AP 102 BRR EL ESTERO</t>
  </si>
  <si>
    <t>PINATERIA Y PAPELERIA M.L</t>
  </si>
  <si>
    <t>CR 29 SUR # 52 F 09 BRR SAN VICENTE</t>
  </si>
  <si>
    <t>CYBER PAGOS</t>
  </si>
  <si>
    <t>CR 88 D # 36 21 - SUR BRR PATIO BONITO</t>
  </si>
  <si>
    <t>CIBER MATEO</t>
  </si>
  <si>
    <t>CR 123 A # 22 J 28 BRR FONTIBON</t>
  </si>
  <si>
    <t>VIDRIOS JC</t>
  </si>
  <si>
    <t>CR 5 # 4 20 / LC 1 BRR FUSAGASUGA BARRIO EMILIO SIERRA</t>
  </si>
  <si>
    <t>MISCELANEA Y PAPELERIA SHADAY #1</t>
  </si>
  <si>
    <t>CL 7 A # 38 17 BRR VEGAS MORRORRICO</t>
  </si>
  <si>
    <t>CRA. 39A #46-2 ARMENIA QUINDIO COLOMBIA</t>
  </si>
  <si>
    <t>PANADERIA EL PAN NUESTRO</t>
  </si>
  <si>
    <t>CR 3 # 1 BIS 0 BRR EL MINUTO DE DIOS</t>
  </si>
  <si>
    <t>RIOFRÍO</t>
  </si>
  <si>
    <t>SERVICIOS YOSETH</t>
  </si>
  <si>
    <t>CR 9 # 5 - 72 BRR CENTRO</t>
  </si>
  <si>
    <t>NUBANIK</t>
  </si>
  <si>
    <t>CL 18 # 16 08 BRR CENTRO</t>
  </si>
  <si>
    <t>COMUNICACIONESROSAV</t>
  </si>
  <si>
    <t>CRA. 8 #16-69 FUNDACION MAGDALENA COLOMBIA</t>
  </si>
  <si>
    <t>COMUNICACIONES PEPE</t>
  </si>
  <si>
    <t>CARRERA 19 # 22 -22</t>
  </si>
  <si>
    <t>SOLUCONTEC</t>
  </si>
  <si>
    <t>CL 29 H # 21 C 419 BRR VILLA BELLA SANTAMARTA</t>
  </si>
  <si>
    <t>VILLA RICA</t>
  </si>
  <si>
    <t>COMPU SERVIS</t>
  </si>
  <si>
    <t>CR 8 # 2 58 BRR JARDIN</t>
  </si>
  <si>
    <t>MISCELANEA_TUTIN</t>
  </si>
  <si>
    <t>CR 89 # 42 F - 28 SUR BRR LAS VEGAS 2</t>
  </si>
  <si>
    <t>VARIEDADES SAMU</t>
  </si>
  <si>
    <t>CR 45 SUR # 147 - 34 SUR BRR PICALENA IBAGUE</t>
  </si>
  <si>
    <t>SUPERMERCADO SUPER 1</t>
  </si>
  <si>
    <t>CL 7 ESTE # 11 A - 43 / MZ 3 SM K CA 2 BRR FACATATIVA CIUDADELA PORTAL DE MARIA</t>
  </si>
  <si>
    <t>VARIEDADES FULLPAGOS JD</t>
  </si>
  <si>
    <t>CR 20 # 5 B - 23 BRR LA ESMERALDA</t>
  </si>
  <si>
    <t>STAR COMUNICACIONES</t>
  </si>
  <si>
    <t>CR 20 A # 65 94 - SUR BRR SAN FRANCISCO</t>
  </si>
  <si>
    <t>LA24ART</t>
  </si>
  <si>
    <t>CR 111 C # 69 - 12 BRR ENGATIVA</t>
  </si>
  <si>
    <t>TECNOLOGIAJC</t>
  </si>
  <si>
    <t>CL. 103 #25A-18 BARRANQUILLA ATLNTICO COLOMBIA</t>
  </si>
  <si>
    <t xml:space="preserve">DROGUERIA Y VARIEDADES JJ </t>
  </si>
  <si>
    <t>CL 1931 SN SN BONDA SANTA MARTA</t>
  </si>
  <si>
    <t>COPYCEL</t>
  </si>
  <si>
    <t>CL 6 # 8 09 BRR CENTRO</t>
  </si>
  <si>
    <t>P@ INTERNET</t>
  </si>
  <si>
    <t>CL 90 # 6 D 67 BRR EL ROMANCE</t>
  </si>
  <si>
    <t>PAPELERIA GJP</t>
  </si>
  <si>
    <t>CL. 61 NTE. #3 POPAYN CAUCA COLOMBIA</t>
  </si>
  <si>
    <t>MULTIMOVIL  FC</t>
  </si>
  <si>
    <t>CL 10 5 - 43 LOCAL 3</t>
  </si>
  <si>
    <t>PAPELERIA VALE Y NIKO</t>
  </si>
  <si>
    <t>CR 45 # 69 J - 21 SUR BRR ARBONIZADORA ALTA</t>
  </si>
  <si>
    <t>POINT THREE</t>
  </si>
  <si>
    <t>CR 86 # 37 A - 28 SUR BRR PATIO BONITO</t>
  </si>
  <si>
    <t>PAPELERIA Y VARIEDADES JA</t>
  </si>
  <si>
    <t>CL 80 C # 23 A 76 BRR VALLE GRANDE</t>
  </si>
  <si>
    <t>PAPELERIA Y ASESORIAS JL</t>
  </si>
  <si>
    <t>CR 7 # 11 - 32 BRR CENTRO</t>
  </si>
  <si>
    <t>SOLUCIONES ACADEMICAS SS</t>
  </si>
  <si>
    <t>CR 78 K # 73 B 78 - SUR / LC 5 BRR BOSA CHARLES DE GAULLE</t>
  </si>
  <si>
    <t>DISTRILICORES EL BOSQUE</t>
  </si>
  <si>
    <t>CR 97 # 24 B 86 / LC 105 BRR PUERTA DE TEJA FONTIBON</t>
  </si>
  <si>
    <t>ELOIM DE LA SIERRA</t>
  </si>
  <si>
    <t>TV 11 # 0 9 BRR CENTRO</t>
  </si>
  <si>
    <t>POLONUEVO</t>
  </si>
  <si>
    <t>CAFE INTERNET KERARCA CELL</t>
  </si>
  <si>
    <t>CL 5 # 11 66 BRR CENTRO</t>
  </si>
  <si>
    <t>VARIEDADES EL DESVARE</t>
  </si>
  <si>
    <t>CR 44 # 27 C 129 BRR COSTA HERMOSA</t>
  </si>
  <si>
    <t>PAPELERï¿­A MIL COLORES</t>
  </si>
  <si>
    <t>CL. 7 #13-5 FLORIDABLANCA SANTANDER COLOMBIA</t>
  </si>
  <si>
    <t>AUTOTIENDA BOLIVAR</t>
  </si>
  <si>
    <t>CL. 22 #1896 CHARALA SANTANDER COLOMBIA</t>
  </si>
  <si>
    <t>DROGUERIA FARMA Y TODO</t>
  </si>
  <si>
    <t>CR 32 # 1 22 BRR LOS PINOS</t>
  </si>
  <si>
    <t>PAGO EXPRESS SAFER</t>
  </si>
  <si>
    <t>CL 27 # 8 D 24 BRR CAMBULOS</t>
  </si>
  <si>
    <t>SERVICIO SEBAS</t>
  </si>
  <si>
    <t>CR 78 N # 63 71 - SUR BRR BOSA ESTACION</t>
  </si>
  <si>
    <t>DON PAGO GIOVANNY</t>
  </si>
  <si>
    <t>CL 5 A SUR # 84 09 BRR MARIA PAZ</t>
  </si>
  <si>
    <t>CAFEDIGITAL.CO</t>
  </si>
  <si>
    <t>MZ H CA 3 BRR CAMBULOS</t>
  </si>
  <si>
    <t>PAPELERIA VIKYCAR</t>
  </si>
  <si>
    <t>CL 16 I # 98 - 15 BRR FONTIBON EL CARMEN</t>
  </si>
  <si>
    <t>COELLO</t>
  </si>
  <si>
    <t>KAMILIS</t>
  </si>
  <si>
    <t>CL 4 # 1 34 BRR CENTRO</t>
  </si>
  <si>
    <t>MULTISERVICIOS DAFEL</t>
  </si>
  <si>
    <t>MZ C CA 20 BRR RODRIGUEZ ANDRADE</t>
  </si>
  <si>
    <t>LO NUESTRO Y MAS NEIVA</t>
  </si>
  <si>
    <t>CR 5 B # 63 25 BRR EL CORTIJO</t>
  </si>
  <si>
    <t>VARIEDADES GASAVA</t>
  </si>
  <si>
    <t>MZ L CA 1 BRR BARRIO EL PINAL</t>
  </si>
  <si>
    <t>M Y H  ROPA INTIMA</t>
  </si>
  <si>
    <t>CR 86 G # 26 83 - SUR BRR PATIO BONITO</t>
  </si>
  <si>
    <t xml:space="preserve">VARIEDADES LA SANTANDEREANA </t>
  </si>
  <si>
    <t>CRA. 28 #24-2 BARRANQUILLA ATLANTICO COLOMBIA</t>
  </si>
  <si>
    <t>TIENDA JHODA</t>
  </si>
  <si>
    <t>CL 57 Z SUR # 75 D - 67 BRR LA ESTANCIA</t>
  </si>
  <si>
    <t>DULCES EL LIMONAR</t>
  </si>
  <si>
    <t>CR 14 # 13 - 77 BRR EL LIMONAR</t>
  </si>
  <si>
    <t>PAPELERIA SAMY</t>
  </si>
  <si>
    <t>CL 4 # 5 81 BRR CENTRO</t>
  </si>
  <si>
    <t>LA MONTAÑITA</t>
  </si>
  <si>
    <t>HARLEX TECNOLOGIAS Y SENALIZACIONES</t>
  </si>
  <si>
    <t>CR 5 # 6 A - 40 BRR BRISAS BAJAS</t>
  </si>
  <si>
    <t>TIENDA MI SUEÑO</t>
  </si>
  <si>
    <t>CR 12 A # 103 F 01 BRR MANUELA BELTRAN</t>
  </si>
  <si>
    <t>MISCELANEA Y PAPELERIA ALFA Y OMEGA</t>
  </si>
  <si>
    <t>CL 88 # 88 C 89 BRR BOSA SAN BERNARDINO</t>
  </si>
  <si>
    <t>YORLEIDIS MONTERROZA</t>
  </si>
  <si>
    <t>CR 30 # 26 111 / LC 8 BRR HIPODROMO</t>
  </si>
  <si>
    <t>VARIEDADES JONFER</t>
  </si>
  <si>
    <t>CR 51 # 122 21 BRR ZAPAMANGA V ETAPA</t>
  </si>
  <si>
    <t>DROGUERIA FARMA FUSION SANTANDER</t>
  </si>
  <si>
    <t>CL 13 # 15 19 BRR SAN VICTORINO</t>
  </si>
  <si>
    <t>MULTISERVICIOS LORENZO</t>
  </si>
  <si>
    <t>CR 2 # 17 - 98 BRR LORENZO</t>
  </si>
  <si>
    <t>PAPELERIA Y VARIEDADES MATIAS</t>
  </si>
  <si>
    <t>TV 94 # 128 C - 11 BRR SUBA RINCON</t>
  </si>
  <si>
    <t>SOLUCIONES Y PAPELERIA BETHEL</t>
  </si>
  <si>
    <t>TV 92 BIS # 129 C - 19 BRR SUBA RINCON</t>
  </si>
  <si>
    <t>MULTISOLUCIONES OGG SAS - PUNTOSERVIS COMERCIO INT</t>
  </si>
  <si>
    <t>CL 17 B # 96 C 40 BRR VILLEMAR FONTIBON</t>
  </si>
  <si>
    <t>PUNTOSERVIS MAICAO 1</t>
  </si>
  <si>
    <t>AK 11 # 10 47 / P 1 LC 1 BRR EL CENTRO</t>
  </si>
  <si>
    <t>CONEXIONES Y SUMINISTROS B Y G</t>
  </si>
  <si>
    <t>CL. 8 A SUR #23 JAMUNDI VALLE DEL CAUCA COLOMBIA</t>
  </si>
  <si>
    <t>FERRETERIA J BERNAL</t>
  </si>
  <si>
    <t>MANZANA I CASA 35 B SANTA MONICA</t>
  </si>
  <si>
    <t>SALSAMENTARIAS GLOBAL</t>
  </si>
  <si>
    <t>DG 68 I # 30 A 15 - SUR BRR VILLAS DE BOLIVAR</t>
  </si>
  <si>
    <t>CARRANZA CUESTA GLORIA INES</t>
  </si>
  <si>
    <t>CL 22 SUR # 70 29</t>
  </si>
  <si>
    <t>MISCELANEA Y PAPELERIA ANDROMEDA</t>
  </si>
  <si>
    <t>KR 81 G NO 42 G SUR - 24</t>
  </si>
  <si>
    <t>DRUIZ</t>
  </si>
  <si>
    <t>CRA 58 #127 59 LOCAL 330B</t>
  </si>
  <si>
    <t>PAPELERIA EL CASTILLO DE PILY</t>
  </si>
  <si>
    <t>CRA. 16 #184A-2 BOGOTA COLOMBIA</t>
  </si>
  <si>
    <t>MAXI SHOP</t>
  </si>
  <si>
    <t>CL. 127B BIS #53A-92 BOGOTA COLOMBIA</t>
  </si>
  <si>
    <t>JAZMIN HELENA ZARATE</t>
  </si>
  <si>
    <t>DG 69 A SUR 18 P 52</t>
  </si>
  <si>
    <t>TIENDA MARGARETH</t>
  </si>
  <si>
    <t>CL. 146F #72B-13 BOGOTA COLOMBIA</t>
  </si>
  <si>
    <t>DROGUERIA REXAL RIO NEGRO</t>
  </si>
  <si>
    <t>CRA 57 92 23</t>
  </si>
  <si>
    <t>BETI YAMILE ARIAS</t>
  </si>
  <si>
    <t>TV 8 # 10 07 BRR FUNDADORES</t>
  </si>
  <si>
    <t>GUARNE</t>
  </si>
  <si>
    <t>FARMA EXPERTA LAS VEGAS</t>
  </si>
  <si>
    <t>CR 35 C # 49 A 12 / LC 3 BRR VEGAS</t>
  </si>
  <si>
    <t>SS VIVAMOS</t>
  </si>
  <si>
    <t>CR 11 # 19 99 BRR SUCRE</t>
  </si>
  <si>
    <t>AQUÃ YO COMPRO</t>
  </si>
  <si>
    <t>CL 3 # 8 82 BRR VILLA NUEVA</t>
  </si>
  <si>
    <t>COMESTIBLES TPICOS COLOMBIANO NURY PINZN</t>
  </si>
  <si>
    <t>CR 14 B # 95 17 - SUR BRR MONTE BLANCO</t>
  </si>
  <si>
    <t xml:space="preserve">PINATERIA ACCESORIOS PARA FIESTAS </t>
  </si>
  <si>
    <t>KR 78J BIS 50 SUR 23</t>
  </si>
  <si>
    <t>DROGUERIA NACIONAL DE DROGAS 3</t>
  </si>
  <si>
    <t>CL 10 A # 73 A 16 LOCAL 102</t>
  </si>
  <si>
    <t>VARIEDADES Y DETALLES ANAMA</t>
  </si>
  <si>
    <t>CR 2 A # 37 B 04 - SUR BRR LAS GUACAMAYAS</t>
  </si>
  <si>
    <t>SERVINET SOLUTION</t>
  </si>
  <si>
    <t>MZ 15 CA 10 BRR MI RANCHITO</t>
  </si>
  <si>
    <t>PAPELES HERMANOS</t>
  </si>
  <si>
    <t>CL 23 B # 113 79 / BL 10 LC 5 BRR FONTIBON ATAHUALPA</t>
  </si>
  <si>
    <t>DROGUERIA HIPERFARMA RINCON</t>
  </si>
  <si>
    <t>CL 129 # 91 56</t>
  </si>
  <si>
    <t>PLUS BUENOS AIRES RIOHACHA</t>
  </si>
  <si>
    <t>CR 7 # 35 23 BRR BUENO AIRES</t>
  </si>
  <si>
    <t>EXPRESS YOPAL VILLA BENILDA</t>
  </si>
  <si>
    <t>CL 30 # 29 08 BRR VILLA BENILDA</t>
  </si>
  <si>
    <t>FERRETERIA LA QUINTA ESTACION</t>
  </si>
  <si>
    <t>CR 2 # 1 A 35 BRR LOS JAZMINES MADRID</t>
  </si>
  <si>
    <t>APHIA</t>
  </si>
  <si>
    <t>CL 3 OESTE # 83 46 / LC 2 BRR ALTO NAPOLES</t>
  </si>
  <si>
    <t>VARIEDADESMISIRENITA</t>
  </si>
  <si>
    <t>CR 43 A # 48 131 BRR CIUDAD CORDOBA</t>
  </si>
  <si>
    <t>MEGASUR</t>
  </si>
  <si>
    <t>CRA 48 NO. 12A-55</t>
  </si>
  <si>
    <t>DROGUERIA PHARMA PLUS</t>
  </si>
  <si>
    <t>AV 45 B 61 03</t>
  </si>
  <si>
    <t>LA CEJA</t>
  </si>
  <si>
    <t>JULIMAR P&amp;G</t>
  </si>
  <si>
    <t>CR 23ACL 27A-4</t>
  </si>
  <si>
    <t>INSTRUCHECK</t>
  </si>
  <si>
    <t>CRA. 72G #41A SUR-19 BOGOT COLOMBIA</t>
  </si>
  <si>
    <t>DAVITEL COMUNICACIONES SAS</t>
  </si>
  <si>
    <t>CL 73 F SUR # 80 Q 34 BRR BOSA LAURELES</t>
  </si>
  <si>
    <t>COMUNICACIONES SMS</t>
  </si>
  <si>
    <t>CR 12 H BIS N # 26 B 33 - SUR BRR JOSE OBRERO</t>
  </si>
  <si>
    <t>INTERRAPIDISIMO CASTILLA</t>
  </si>
  <si>
    <t>CR 72 B # 8 14 / LC 1 BRR CASTILLA</t>
  </si>
  <si>
    <t>DROGUERIA REGENTE</t>
  </si>
  <si>
    <t>CRA 15 A BIS 45 10</t>
  </si>
  <si>
    <t>TV 27 BIS # 45 A 9 - SUR BRR CLARET</t>
  </si>
  <si>
    <t>MINIEXPRESS PELAYA BRR COLOMBIA</t>
  </si>
  <si>
    <t>CR 4 # 5 37 BRR COLOMBIA</t>
  </si>
  <si>
    <t>COLPAGOS MAICAO</t>
  </si>
  <si>
    <t>CL 13 # 10 19 BRR CENTRO</t>
  </si>
  <si>
    <t>MISCELANEA Y PAPELERIA PACARA</t>
  </si>
  <si>
    <t>CL 55 A N 2 E N 48</t>
  </si>
  <si>
    <t>CALZAMODA BULLDOG 1</t>
  </si>
  <si>
    <t>CL. 17 #17A-27 JAMUND VALLE DEL CAUCA COLOMBIA</t>
  </si>
  <si>
    <t>CL 13 49 20</t>
  </si>
  <si>
    <t>PAPELERIA SELLOS Y SERVICIOS</t>
  </si>
  <si>
    <t>CL 39 B SUR # 33 53 BRR MESA</t>
  </si>
  <si>
    <t>PRODUCTOS DE ASEO D  J</t>
  </si>
  <si>
    <t>CL 68 SUR 78J</t>
  </si>
  <si>
    <t>PAPELERIA MILENIUM.</t>
  </si>
  <si>
    <t>CRA. 87C #35B SUR-75 BOGOT COLOMBIA</t>
  </si>
  <si>
    <t>G  G INTERNET</t>
  </si>
  <si>
    <t>AV 19 # 136 A - 06 LC 210 Y 244</t>
  </si>
  <si>
    <t>RING COMUNICACIONES</t>
  </si>
  <si>
    <t>CL 17. A SUR NO 10A ESTE - 60</t>
  </si>
  <si>
    <t>CAFE INTERNET DANIELS</t>
  </si>
  <si>
    <t>CL 83SUR #80L 10 CA</t>
  </si>
  <si>
    <t>MANUALIDADES ALEJA</t>
  </si>
  <si>
    <t>CL 129 B # 94 C 51 BRR SAN CAYETANO</t>
  </si>
  <si>
    <t>L@N HOUSE</t>
  </si>
  <si>
    <t>TV 5 P # 48 R 04 - SUR BRR MARRUECOS</t>
  </si>
  <si>
    <t>DROGUERIA RENACER C</t>
  </si>
  <si>
    <t>CL 3 58 02</t>
  </si>
  <si>
    <t>CR 56 # 4 G 19 BRR SAN GABRIEL</t>
  </si>
  <si>
    <t>CR 77 C # 57 Y - 10 SUR BRR LA PRIMAVERA 2</t>
  </si>
  <si>
    <t>GINEBRA</t>
  </si>
  <si>
    <t>GINEBRA TOURS</t>
  </si>
  <si>
    <t>CR 7 # 3 41 BRR SAN PEDRO GINEBRA</t>
  </si>
  <si>
    <t>MULTISERVICIOS JYD LA AVENIDA</t>
  </si>
  <si>
    <t>CL 5 # 6 A 26 BRR PANAMERICANO</t>
  </si>
  <si>
    <t>MINIMARKET MI TIERRA</t>
  </si>
  <si>
    <t>CR 16 A # 16 D 50 / LC 152 TERMINAL DE TRANSPORTE BRR MADRIGAL</t>
  </si>
  <si>
    <t>SALGAR</t>
  </si>
  <si>
    <t>SERVISOLUSH</t>
  </si>
  <si>
    <t>CL. 29 #29-71 SALGAR ANTIOQUIA COLOMBIA</t>
  </si>
  <si>
    <t>SANTA BÁRBARA</t>
  </si>
  <si>
    <t>DAIBERCELL</t>
  </si>
  <si>
    <t>CR 50 # 48 24 BRR CUATRO ESQUINAS</t>
  </si>
  <si>
    <t>CABINAS JHOON</t>
  </si>
  <si>
    <t>CL 89 SUR # 13 B 11 - ESTE BRR VILLA DIANA</t>
  </si>
  <si>
    <t>CIGARRERIA BLV</t>
  </si>
  <si>
    <t>CALLE 88 # 95F-27 INT 102</t>
  </si>
  <si>
    <t>PYC.NET</t>
  </si>
  <si>
    <t>CR 113 B # 63 I 39 / LC 102 BRR LAURELES</t>
  </si>
  <si>
    <t>COMIDAS RAPIDAS LA ESMERALDA</t>
  </si>
  <si>
    <t>CL 60 A # 75 B 16 BRR LA ESTANCIA</t>
  </si>
  <si>
    <t>JACKYS PAPELERIA</t>
  </si>
  <si>
    <t>CR 1 # 49 30 BRR DIANA TURBAY</t>
  </si>
  <si>
    <t>DROGUERIA Y MINIMARKET HACIENDA LA ESTANCIA</t>
  </si>
  <si>
    <t>CRA 8 # 172 A 85 LC 3</t>
  </si>
  <si>
    <t>LAVASECO LUZ MATIC</t>
  </si>
  <si>
    <t>CL. 24B #27-12 BOGOT COLOMBIA</t>
  </si>
  <si>
    <t>SHALOM VARIEDADES Y ACCESORIOS</t>
  </si>
  <si>
    <t>CL 65 SUR # 104 41 / CA 292 BRR BOSA RECREO</t>
  </si>
  <si>
    <t>CIGARRERIA TORRIJOSS</t>
  </si>
  <si>
    <t>CL. 145A #17-28 BOGOTA COLOMBIA</t>
  </si>
  <si>
    <t>DROGUERIA EL PORTAL DE L 170 CYF</t>
  </si>
  <si>
    <t>CL 172 A 21 A 18</t>
  </si>
  <si>
    <t>DROGUERIA MEGASPHARMA II</t>
  </si>
  <si>
    <t>CL. 51 #23-58 BOGOTA COLOMBIA</t>
  </si>
  <si>
    <t>INVERSIONES CUELLAR - PAPELERIA Y DETALLES</t>
  </si>
  <si>
    <t>DG. 52 SUR #54-9 BOGOTA COLOMBIA</t>
  </si>
  <si>
    <t>INTERRAPIDISIMO JYS PAY  S</t>
  </si>
  <si>
    <t>CR 7 # 32 C - 33 BRR SAN MATEO</t>
  </si>
  <si>
    <t>INTERNET Y PAPELERIA JUANINET</t>
  </si>
  <si>
    <t>CL 13 # 4 - 02 BRR VILLA DE SAN DIEGO DE UBATE</t>
  </si>
  <si>
    <t>AGILIZAMOS</t>
  </si>
  <si>
    <t>CL 12 # 27 50 BRR LA PRADERA</t>
  </si>
  <si>
    <t>MINIMARKET CIT</t>
  </si>
  <si>
    <t>CR 17 # 21 46 / LC 110 BRR TERMINAL DE TRANSPORTES</t>
  </si>
  <si>
    <t>COLPAGOS VILLA SORRENTO</t>
  </si>
  <si>
    <t>CR 32 # 42 78 / AP 1 BRR VILLA SORRENTO</t>
  </si>
  <si>
    <t>PUNTOSERVIIS SAN MARTIN META</t>
  </si>
  <si>
    <t>CL 8 # 6 69 BRR FUNDADORES</t>
  </si>
  <si>
    <t>EXPRESS KENNEDY BARRIO LAS LUCES</t>
  </si>
  <si>
    <t>CR 77 V BIS A # 51 A 14 - SUR BRR LAS LUCES</t>
  </si>
  <si>
    <t>ANGELÓPOLIS</t>
  </si>
  <si>
    <t>RELOJERIA MIXTA J&amp;S</t>
  </si>
  <si>
    <t>CALLE ALCALDIA</t>
  </si>
  <si>
    <t>VARIEDADES YESSIK</t>
  </si>
  <si>
    <t>CRA. 30 #78-71 MEDELLN ANTIOQUIA COLOMBIA</t>
  </si>
  <si>
    <t>PAPELERIA THE STATION</t>
  </si>
  <si>
    <t>AV CALLE 6 # 78B-47</t>
  </si>
  <si>
    <t>PAPELERIA MANITOS</t>
  </si>
  <si>
    <t>CR 105 F # 68 54 / AP 100 BRR VILLA DEL MAR</t>
  </si>
  <si>
    <t>DROGUERIAS FARMACOLMENA</t>
  </si>
  <si>
    <t>CL. 137 #46-59 BOGOTï¿ COLOMBIA</t>
  </si>
  <si>
    <t>CL 58 A SUR NO 49 A 02 LC 3</t>
  </si>
  <si>
    <t>SUPERMERCADO ALDER JYA</t>
  </si>
  <si>
    <t>DG 129 B # 122 D 03 BRR LA CANIZA</t>
  </si>
  <si>
    <t>DROGUERIA SOY SALUD N1</t>
  </si>
  <si>
    <t>CL 62 D SUR # 75 I 12 BRR LOS HUERTOS</t>
  </si>
  <si>
    <t>DROGUERIA GRAND PRIX VILLA DEL PRADO</t>
  </si>
  <si>
    <t>CRA. 4 #185C-9 BOGOTA COLOMBIA</t>
  </si>
  <si>
    <t>TIENDA MUSICAL MUSICALIA</t>
  </si>
  <si>
    <t>AV CARACAS 57 30</t>
  </si>
  <si>
    <t>ABLUNET</t>
  </si>
  <si>
    <t>CR 31 # 49 31 - SUR / P 1 BRR EL CARMEN</t>
  </si>
  <si>
    <t>ALCALA CALLE 33 SUR</t>
  </si>
  <si>
    <t>CL 33 SUR # 51 A 83 / LC 1 BRR ALCALA</t>
  </si>
  <si>
    <t>VIVERES SAN MIGUEL ARCANGEL</t>
  </si>
  <si>
    <t>DG 23 BIS # 19 A 30 BRR SAMPER MENDOZA</t>
  </si>
  <si>
    <t>CONCORDIA</t>
  </si>
  <si>
    <t>MERCADOS CAUCANIA</t>
  </si>
  <si>
    <t>CL 19 # 20 11 BRR PARQUE PRINCIPAL</t>
  </si>
  <si>
    <t>GRUPO EMPRESARIAL PUNTOSERVIS</t>
  </si>
  <si>
    <t>CL 27 # 25 38 / P 2 BRR TEUSAQUILLO</t>
  </si>
  <si>
    <t>INTERNET LA 84</t>
  </si>
  <si>
    <t>CL. 84 #26B-32 CALI VALLE DEL CAUCA COLOMBIA</t>
  </si>
  <si>
    <t>LA VICTORIA</t>
  </si>
  <si>
    <t>DROGAS LA SEPTIMA</t>
  </si>
  <si>
    <t>CRA 6#7 - 88</t>
  </si>
  <si>
    <t>DROGUERIA FARMATIENDA</t>
  </si>
  <si>
    <t>CRA 51 E 124 4</t>
  </si>
  <si>
    <t>MANUEL E URIBE</t>
  </si>
  <si>
    <t>CL 51 # 50 15 BRR CENTRO</t>
  </si>
  <si>
    <t>MOVILTECH MEDELLIN</t>
  </si>
  <si>
    <t>CL 10 70 15</t>
  </si>
  <si>
    <t>LOS PALMITOS</t>
  </si>
  <si>
    <t>SERVICER LTDA</t>
  </si>
  <si>
    <t>CR 6 NO. 6 - 98 LAS LOMAS</t>
  </si>
  <si>
    <t>MASTER TRADERS</t>
  </si>
  <si>
    <t>CALLE 66A 83 57</t>
  </si>
  <si>
    <t>COMUNICACIONESIRIS.G</t>
  </si>
  <si>
    <t>DIAGONAL 51 A 27 38 SUR</t>
  </si>
  <si>
    <t>CAFE INTERNET ISA.COM</t>
  </si>
  <si>
    <t>CL 10 # 37 A 61 BRR LOS EJIDOS</t>
  </si>
  <si>
    <t>GRAFICAS D.G. LITOIMAGEN</t>
  </si>
  <si>
    <t>KR 29 NO44SUR-01 AP 102</t>
  </si>
  <si>
    <t>SOLUCIONES CB</t>
  </si>
  <si>
    <t>CL 60 SUR # 22 62 / CA 3 BRR CASA LINDA EL TUNAL</t>
  </si>
  <si>
    <t>CL 63 H NO 117-17</t>
  </si>
  <si>
    <t>PAPELERIA FLOR DE LIZ</t>
  </si>
  <si>
    <t>CL 81 # 81 90 - SUR / TO 25 LC 1 BRR BOSA LAURELES</t>
  </si>
  <si>
    <t>MAS SALUD PARA TODOS 1</t>
  </si>
  <si>
    <t>CRA. 3 #0 SUR-19 BOGOTA COLOMBIA</t>
  </si>
  <si>
    <t>TIENCOL</t>
  </si>
  <si>
    <t>CL 52 # 14 37 BRR QUESADA</t>
  </si>
  <si>
    <t>PS BILBAO CENTRO</t>
  </si>
  <si>
    <t>CR 142 # 143 B 08 BRR SUBA BILBAO</t>
  </si>
  <si>
    <t>SUBSIDROGAS MADRID</t>
  </si>
  <si>
    <t>CL 7 # 3 84 BRR MADRID CENTRO</t>
  </si>
  <si>
    <t>SERVICIO INTEGRALES D Y R</t>
  </si>
  <si>
    <t>CL 5 # 5 26 / LC 102 BRR MADRID CENTRO</t>
  </si>
  <si>
    <t>VARIEDADES ALIIZ E.U.</t>
  </si>
  <si>
    <t>CR 49 A # 49 18 BRR CIUDAD CORDOBA</t>
  </si>
  <si>
    <t>PAPELERIA ZACK</t>
  </si>
  <si>
    <t>TV 18 H # 69 A 69 - SUR BRR BELLAVISTA</t>
  </si>
  <si>
    <t>CIGARRERIA Y SERVICIOS EL PASO</t>
  </si>
  <si>
    <t>TV 142 # 149 55 BRR CAMINOS</t>
  </si>
  <si>
    <t>LAVADERO DE MOTO CARS PEKITAS</t>
  </si>
  <si>
    <t>CR 20 F # 64 65 - SUR BRR SAN FRANCISCO</t>
  </si>
  <si>
    <t>COMUNICACION TOTAL C ESMAR</t>
  </si>
  <si>
    <t>CRA 27 B 71 N 24 SUR</t>
  </si>
  <si>
    <t>CYBERADICTION</t>
  </si>
  <si>
    <t>CR 41 A # 3 81 BRR PRIMAVERA</t>
  </si>
  <si>
    <t>VIA TELECOM LOS 4 SEQUERA</t>
  </si>
  <si>
    <t>CRA. 4 ESTE #30B SUR-7 BOGOT COLOMBIA</t>
  </si>
  <si>
    <t>VARIEDADES DH</t>
  </si>
  <si>
    <t>CR 140 # 138 32 BRR BERLIN</t>
  </si>
  <si>
    <t>DROGUERIA BETAPHARMA</t>
  </si>
  <si>
    <t>CRA 79C NO 35B 86 SUR</t>
  </si>
  <si>
    <t>PAPELERIA Y VARIEDADES JM</t>
  </si>
  <si>
    <t>DG 59 D BIS SUR NO 03 D ESTE 97 PI2</t>
  </si>
  <si>
    <t>ASOCIA2.COM</t>
  </si>
  <si>
    <t>CR 1 C # 41 02 - SUR BRR SAN MARTIN</t>
  </si>
  <si>
    <t>SERFOFAX</t>
  </si>
  <si>
    <t>CL 5 # 22 A - 35</t>
  </si>
  <si>
    <t>CALDAS</t>
  </si>
  <si>
    <t>SERVILUBRICANTES</t>
  </si>
  <si>
    <t>CL 3 # 1 24 BRR CENTRO</t>
  </si>
  <si>
    <t>PAGARAPIDO CALI</t>
  </si>
  <si>
    <t>AV 4 NORTE # 19 71 - NORTE / LC PAGARAPIDO BRR VERSALLES</t>
  </si>
  <si>
    <t>DROGUERIA MEDICA B R</t>
  </si>
  <si>
    <t>CL 13 # 7 A 29 BRR SERREZUELITA</t>
  </si>
  <si>
    <t>VARIEDADES SALO LA ITALIA</t>
  </si>
  <si>
    <t>CL 5 E # 31 35 BRR SENDEROS DE ITALIA</t>
  </si>
  <si>
    <t>INTERNET A.C PAPELERIA</t>
  </si>
  <si>
    <t>CL 99 # 26 B 101 BRR PUERTAS DEL SOL CUATRO</t>
  </si>
  <si>
    <t>CR 15 # 14 27 BRR LA CRUZ</t>
  </si>
  <si>
    <t>COMUNICACIONES JIPA</t>
  </si>
  <si>
    <t>CR 101 # 72 A 36 BRR ALAMOS NORTE</t>
  </si>
  <si>
    <t>PAGOS-YAMAGU.COM</t>
  </si>
  <si>
    <t>CL. 73 SUR #18-22 BOGOT COLOMBIA</t>
  </si>
  <si>
    <t>PUNTO SANTAFE</t>
  </si>
  <si>
    <t>CL 22 # 16 A 16 BRR SANTAFE</t>
  </si>
  <si>
    <t>CB REDES</t>
  </si>
  <si>
    <t>CL 63 SUR # 19 G 16 / AP 2 BRR LAS ACACIAS</t>
  </si>
  <si>
    <t>DANAPAPELERIA</t>
  </si>
  <si>
    <t>CRA. 3B BIS ESTE #96 SUR-66 BOGOT COLOMBIA</t>
  </si>
  <si>
    <t>ASESORIA</t>
  </si>
  <si>
    <t>CL 139 # 94 05 BRR VILLA ELISA</t>
  </si>
  <si>
    <t>AUXIFARMA 1</t>
  </si>
  <si>
    <t>CRA. 78 #3-40 BOGOTA COLOMBIA</t>
  </si>
  <si>
    <t>DROGAS FRANCY</t>
  </si>
  <si>
    <t>KR 105F 70D 08 PI1</t>
  </si>
  <si>
    <t>MISCELANEA PAPELERIA Y COMUNICACIONES FLOWERS</t>
  </si>
  <si>
    <t>CRA 42 71 12 SUR</t>
  </si>
  <si>
    <t>GESTION DE TRAMITES Y ASESORIAS JURIDICAS CM</t>
  </si>
  <si>
    <t>KR 28A 18 51 LC</t>
  </si>
  <si>
    <t xml:space="preserve">DROGUERIA PHARMA EXPRES DELA 38 </t>
  </si>
  <si>
    <t>TV. 35 BIS #38A-75 BOGOTA COLOMBIA</t>
  </si>
  <si>
    <t>KING PAPER</t>
  </si>
  <si>
    <t>CL 64 A # 51 47 BRR SAN MIGUEL</t>
  </si>
  <si>
    <t>TECSA.NET</t>
  </si>
  <si>
    <t>CL 34 B # 66 A 18 BRR SAN JUAN</t>
  </si>
  <si>
    <t>MULTISERVICIOS MOÑITO EXPRESS</t>
  </si>
  <si>
    <t>CL 22 B # 5 63 / AP 1 BRR EL CENTRO</t>
  </si>
  <si>
    <t>COLPAGOS EL PRADO</t>
  </si>
  <si>
    <t>CL 5 # 9 40 BRR EL PRADO</t>
  </si>
  <si>
    <t>PUNTOSERVIS MAICAO 02</t>
  </si>
  <si>
    <t>AK 16 # 10 48 BRR SAN JOSE</t>
  </si>
  <si>
    <t>DROGUERIA SAN GABRIEL</t>
  </si>
  <si>
    <t>CL 36 67 16</t>
  </si>
  <si>
    <t>JEICOB COMUNICACIONES</t>
  </si>
  <si>
    <t>TV 18 J BIS A # 71 71 - SUR / LC 3 BRR VISTA HERMOSA</t>
  </si>
  <si>
    <t>INFANTILES Y VARIEDADES SOFY</t>
  </si>
  <si>
    <t>CL 51 SUR NO 78 N 04</t>
  </si>
  <si>
    <t>DROGUERIA SARALUNA</t>
  </si>
  <si>
    <t>CL 37 SUR # 33 A 32 BRR VILLA MAYOR</t>
  </si>
  <si>
    <t>CL. 19 #7-46 BOGOT COLOMBIA</t>
  </si>
  <si>
    <t>DROGAS REAL PARK A.M.</t>
  </si>
  <si>
    <t>CL 45 72 P 23 SUR</t>
  </si>
  <si>
    <t>CR 20 # 65 - 86 SUR BRR SAN FRANCISCO</t>
  </si>
  <si>
    <t>INTERNET COPIAS Y SERVICIOS</t>
  </si>
  <si>
    <t>CR 12 # 11 70 BRR LAS FERIAS</t>
  </si>
  <si>
    <t>PUERTO TRIUNFO</t>
  </si>
  <si>
    <t>OCASIONES</t>
  </si>
  <si>
    <t>CR 11 # 12 72 BRR AVENIDA NAPOLES</t>
  </si>
  <si>
    <t>CALOTO</t>
  </si>
  <si>
    <t>ESTACION DE SERVICIO CALOTO</t>
  </si>
  <si>
    <t>CR 5 # 19 57 BRR NUEVO DESPERTAR</t>
  </si>
  <si>
    <t>PUNTOSERVIS BOGOTA 25</t>
  </si>
  <si>
    <t>CL 9 # 23 17 / LC 4 BRR SAN ANDRESITO SAN JOSE</t>
  </si>
  <si>
    <t>EXPRESS SOACHA BRR EL TREBOL</t>
  </si>
  <si>
    <t>DG 37 # 18 13 BRR EL TREBOL</t>
  </si>
  <si>
    <t>DROGUERIA CAMARIN</t>
  </si>
  <si>
    <t>CL 31 50 39</t>
  </si>
  <si>
    <t>DROGUERIA Y MINIMARKET FARM JYM</t>
  </si>
  <si>
    <t>KR 106A 70F 91</t>
  </si>
  <si>
    <t>LA VENTANITA DE MOLINOS</t>
  </si>
  <si>
    <t>CL 49B 9-56 SUR</t>
  </si>
  <si>
    <t>PAPELERIA LA NUESTRA</t>
  </si>
  <si>
    <t>AVENIDA CARACAS 31 B 15 SUR</t>
  </si>
  <si>
    <t>CL 44 SUR # 22 A 14 BRR SANTA LUCIA</t>
  </si>
  <si>
    <t>PAPELERIA E INTERNET EYLEEN</t>
  </si>
  <si>
    <t>CR 59 D # 131 A 68 BRR CIUDAD JARDIN NORTE</t>
  </si>
  <si>
    <t>MISCELANEA USME</t>
  </si>
  <si>
    <t>CR 14 # 137 B 04 - SUR BRR CENTRO USME</t>
  </si>
  <si>
    <t>WORLDEXPRESS</t>
  </si>
  <si>
    <t>TV 14 B ESTE # 57 03 - SUR BRR SAN CRISTOBAL</t>
  </si>
  <si>
    <t>VARIEDADES LONDON</t>
  </si>
  <si>
    <t>CR 14 K # 138 C 39 - SUR BRR USME CENTRO</t>
  </si>
  <si>
    <t>TIENDA EL EXITOSO PEDRO</t>
  </si>
  <si>
    <t>CL 70 H SUR # 19 D 07 BRR LA ESMERALDA</t>
  </si>
  <si>
    <t>PAPYRUS PAPELERIA</t>
  </si>
  <si>
    <t>CL 23 A NO 58 40 LC 19</t>
  </si>
  <si>
    <t>MINOTA</t>
  </si>
  <si>
    <t>CR 5 # 4 10 BRR CALLE DEL COMERCIO</t>
  </si>
  <si>
    <t>PUNTO PARQUE COLON</t>
  </si>
  <si>
    <t>AV 3 # 11 65 BRR CENTRO DE CUCUTA</t>
  </si>
  <si>
    <t>AG MICROCREDITOS RIVER PLAZA</t>
  </si>
  <si>
    <t>CL 9 # 4 52 / LC 247 CC RIVER PLAZA BRR CENTRO</t>
  </si>
  <si>
    <t>MISCELANEA Y PAPELERIA EL PARAISO DE MOSQUERA 2</t>
  </si>
  <si>
    <t>CR 13 A # 23 1 BRR EL PARAISO MOSQUERA</t>
  </si>
  <si>
    <t>CRISTALERIA Y VARIEDADES EL CENTRO</t>
  </si>
  <si>
    <t>CL TELECOM BRR CALLE TELECOM</t>
  </si>
  <si>
    <t>MEGA DROGUERIA TRES</t>
  </si>
  <si>
    <t>CRA 7 N 25 - 47</t>
  </si>
  <si>
    <t>PUERTO NARE</t>
  </si>
  <si>
    <t>CHIQUILLADAS DE LUCELLY</t>
  </si>
  <si>
    <t>CR 4 A CL 20 BL F LC 21 BRR PUERTO NARE</t>
  </si>
  <si>
    <t>TERRIAN.COM</t>
  </si>
  <si>
    <t>CL 83 # 39 124 BRR MANRIQUE</t>
  </si>
  <si>
    <t>COCOMUNICACIONES</t>
  </si>
  <si>
    <t>CARRERA 8 C 1 02</t>
  </si>
  <si>
    <t>PAPELERIA LA CASA DE PAPEL</t>
  </si>
  <si>
    <t>TV. 12J #32C SUR-25 BOGOTA COLOMBIA</t>
  </si>
  <si>
    <t>PLASTICOS Y DESECHABLES YURI</t>
  </si>
  <si>
    <t>CL 132 D NO 159-21.Pl1 -</t>
  </si>
  <si>
    <t>MIS MASKOTAS PET SHOP</t>
  </si>
  <si>
    <t>CR 3 # 39 12 BRR TIBANA</t>
  </si>
  <si>
    <t>NOTEBOOK ZONE</t>
  </si>
  <si>
    <t>CL 81 SUR # 6 A 03 - ESTE BRR BOLONIA</t>
  </si>
  <si>
    <t>TELECOMUNICACIONES MG</t>
  </si>
  <si>
    <t>CR 91 A # 51 08 - SUR BRR OSORIO DIEZ</t>
  </si>
  <si>
    <t>PAPELERIA Y VARIEDADES SANYED</t>
  </si>
  <si>
    <t>CR 78 C # 78 97 - SUR BRR SAN DIEGO</t>
  </si>
  <si>
    <t>COPYPAPER</t>
  </si>
  <si>
    <t>CL 10 # 60 19 BRR SALAZAR GOMEZ</t>
  </si>
  <si>
    <t>SUPERTIENDAS AUTOSERVICIO LA DESPENSA S A S</t>
  </si>
  <si>
    <t>CL 27 SUR #10 38</t>
  </si>
  <si>
    <t>PAPELERIA Y COMUNICACIONES DONDE GERARD</t>
  </si>
  <si>
    <t>CR 77 A # 71 A 22 / LC 103 BRR SANTA HELENITA</t>
  </si>
  <si>
    <t>FLORISTERIA TIBABUYES</t>
  </si>
  <si>
    <t>CL 143 # 129 A 05 BRR SABANA DE TIBABUYES</t>
  </si>
  <si>
    <t>CORRESPONSAL YC</t>
  </si>
  <si>
    <t>CL 63 SUR 99C 0046 111 11B.01</t>
  </si>
  <si>
    <t>DROGUERIA JA</t>
  </si>
  <si>
    <t>CR 20 # 12 16 BRR CUATROESQUINAS</t>
  </si>
  <si>
    <t>COLPAGOS LA 35</t>
  </si>
  <si>
    <t>CL 35 # 10 A 33 BRR EL CENTRO</t>
  </si>
  <si>
    <t>COMPUTECNOLOGYKS</t>
  </si>
  <si>
    <t>CR 28 # 86 25 BRR BONILLA ARANGON</t>
  </si>
  <si>
    <t>OFICINAVIRTUALBOLIVAR@GMAIL.COM</t>
  </si>
  <si>
    <t>CL. 5 #404 BOLIVAR BOLIVAR VALLE DEL CAUCA COLOMBIA</t>
  </si>
  <si>
    <t>DROGUERIA ALIANZA PUENTE TIERRA</t>
  </si>
  <si>
    <t>VDA PUENTE TIERRA</t>
  </si>
  <si>
    <t>CENTRO DE SERVICIOS DJV</t>
  </si>
  <si>
    <t>CL 99 A # 25 C 53 BRR LA ESPERANZA</t>
  </si>
  <si>
    <t>PAPELERIA INT.MARY</t>
  </si>
  <si>
    <t>CL 75 # 112 B 49 BRR VILLAS DE GRANADA</t>
  </si>
  <si>
    <t>SNACKS MALU</t>
  </si>
  <si>
    <t>DG. 48J BIS SUR #5-35 BOGOTA COLOMBIA</t>
  </si>
  <si>
    <t>INVERSIONES CJ 20</t>
  </si>
  <si>
    <t>AC 13 # 15 35 / P 2 BRR VOTO NACIONAL</t>
  </si>
  <si>
    <t>MISCELANEA Y PAPELERIA KATE</t>
  </si>
  <si>
    <t>CL 73 SUR # 14 A 06 - SUR BRR LA FORTALEZA</t>
  </si>
  <si>
    <t>TELOPAGO.COM</t>
  </si>
  <si>
    <t>CRA. 105F BIS #70D-22 BOGOT COLOMBIA</t>
  </si>
  <si>
    <t>TV 60 # 106 A 28 / LC 2 BRR PUENTE LARGO</t>
  </si>
  <si>
    <t>FOTO ESTUDIO DIGITAL VALENTINA D</t>
  </si>
  <si>
    <t>CR 97 C # 49 C 15 - SUR BRR BOSA PORVENIR</t>
  </si>
  <si>
    <t>COLPAGOS MOGAMBO</t>
  </si>
  <si>
    <t>MZ 61 LT 4 BRR MOGAMBO</t>
  </si>
  <si>
    <t>COLPAGOS CIENAGA DE ORO</t>
  </si>
  <si>
    <t>CR 15 # 7 - 31 BRR CIENAGA DE ORO</t>
  </si>
  <si>
    <t>SERVIMENSAJERIA</t>
  </si>
  <si>
    <t>CL 7 # 8 16 / LC 21 CC LOS PINOS BRR CENTRO</t>
  </si>
  <si>
    <t>LA FLORIDA</t>
  </si>
  <si>
    <t>COPIATEX LEA</t>
  </si>
  <si>
    <t>CL 3 CRA 3 ESQUINA CASA 32</t>
  </si>
  <si>
    <t>A.T ASESORIAS</t>
  </si>
  <si>
    <t>CL 57 2D 31</t>
  </si>
  <si>
    <t>MACEO</t>
  </si>
  <si>
    <t>GALERIAS  QUINTARIA</t>
  </si>
  <si>
    <t>CRA. 30 #2851 MACEO ANTIOQUIA COLOMBIA</t>
  </si>
  <si>
    <t>REMATES EL 20</t>
  </si>
  <si>
    <t>CL 39 A # 110 07 BRR VEINTE DE JULIO</t>
  </si>
  <si>
    <t>MANRESA.COM</t>
  </si>
  <si>
    <t>CR 141 A BIS # 143 B 57 BRR SUBA BILBAO</t>
  </si>
  <si>
    <t>DROGUERIAS M  M 2</t>
  </si>
  <si>
    <t>CL 64 C 68 G 48</t>
  </si>
  <si>
    <t>FERRETODO JM</t>
  </si>
  <si>
    <t>CRA. 111 #65B-9 BOGOTï¿ COLOMBIA</t>
  </si>
  <si>
    <t>M Y W HORIZONTES</t>
  </si>
  <si>
    <t>CR 3 A # 12 C 75 BRR HORIZONTE</t>
  </si>
  <si>
    <t>PUNTO LEO</t>
  </si>
  <si>
    <t>CL 64 SUR # 32 24 BRR CANDELARIA</t>
  </si>
  <si>
    <t>SOLUCIONES GAMING WORLD</t>
  </si>
  <si>
    <t>CL 35 SUR # 26 D 03 BRR MURILLO TORO</t>
  </si>
  <si>
    <t>VARIEDADES ARIES  STILO</t>
  </si>
  <si>
    <t>CL 74 D BIS # 78 I 15 BRR BOSA PRIMAVERA</t>
  </si>
  <si>
    <t>TIENDA DE DESCUENTOS</t>
  </si>
  <si>
    <t>CRA. 75 #24B-24 BOGOTï¿ COLOMBIA</t>
  </si>
  <si>
    <t>MISCELÃNEA Y VARIEDADES POLO RAMOS</t>
  </si>
  <si>
    <t>CR 8 # 1 A 39 - SUR BRR MODELO SUR</t>
  </si>
  <si>
    <t>TIENDA J S</t>
  </si>
  <si>
    <t>CR 34 A # 37 - 77 BRR CIUDAD VERDE</t>
  </si>
  <si>
    <t>PUNTOSERVIS YOPAL 2</t>
  </si>
  <si>
    <t>CR 7 # 29 87 BRR EL PARAISO</t>
  </si>
  <si>
    <t>PAINTCOP</t>
  </si>
  <si>
    <t>AV 5 OESTE # 19 81 BRR CALI VALLE DEL CAUCA</t>
  </si>
  <si>
    <t>COMPUTEC CALI</t>
  </si>
  <si>
    <t>CRA 27 A TV 103 - 95</t>
  </si>
  <si>
    <t>MVAGROUP</t>
  </si>
  <si>
    <t>CL 50 # 40 08 BRR EL VALLADO</t>
  </si>
  <si>
    <t>VARIEDADES DE AURA</t>
  </si>
  <si>
    <t>CR 3 # 5 24 BRR BOLIVAR</t>
  </si>
  <si>
    <t>JUAN CAMILO BENITEZ</t>
  </si>
  <si>
    <t>CL 7 # 8 08 BRR CENTRO</t>
  </si>
  <si>
    <t>VARIEDADES DEMI</t>
  </si>
  <si>
    <t>AV 42 OESTE # 11-24</t>
  </si>
  <si>
    <t>TURBO</t>
  </si>
  <si>
    <t>PAPELERIA Y VARIEDADES BEERMAR</t>
  </si>
  <si>
    <t>CRA 50 49B - 63 CORR CURRULAO</t>
  </si>
  <si>
    <t>TIENDA YULAHEN</t>
  </si>
  <si>
    <t>CRA 46 89 118</t>
  </si>
  <si>
    <t>DIGITAL GRANEL</t>
  </si>
  <si>
    <t>CL 129 C # 101 C 16 BRR LAGOS DE SUBA</t>
  </si>
  <si>
    <t>ALMACN</t>
  </si>
  <si>
    <t>CL 97 # 61 A 12 BRR ANDES</t>
  </si>
  <si>
    <t>DROGUERIA MANUELA BELTRAN DEL LUCERO</t>
  </si>
  <si>
    <t>CRA 18 L 66 19 SUR</t>
  </si>
  <si>
    <t>DROGUERIA ALIANZA EXPREX 2</t>
  </si>
  <si>
    <t>CRA 68 D 38 G 08 SUR</t>
  </si>
  <si>
    <t>AMERICATEL.NET</t>
  </si>
  <si>
    <t>CR 110 # 72 30 BRR VILLA AMALIA</t>
  </si>
  <si>
    <t>PAPELERIA Y CACHARRERIA YEYOS</t>
  </si>
  <si>
    <t>CL 49 SUR # 88 G 35 BRR LAS MARGARITAS</t>
  </si>
  <si>
    <t>TV 78 C # 6 C 10 / IN 1 LC 1 BRR EL RINCON DE LOS ANGELES</t>
  </si>
  <si>
    <t>PAPELERIA MEK</t>
  </si>
  <si>
    <t>CL 57 SUR # 88 F 48 BRR BOSA SAN MARTIN</t>
  </si>
  <si>
    <t>INTER EXITO.KOM</t>
  </si>
  <si>
    <t>KR 00A 53A SUR 04</t>
  </si>
  <si>
    <t>SUPER DROGUERIA RESTREPO III</t>
  </si>
  <si>
    <t>CL 14 A SUR # 19 - 54</t>
  </si>
  <si>
    <t>PAPELERIA FOX</t>
  </si>
  <si>
    <t>CL 42 F SUR # 87 I 44 BRR ALTAMAR</t>
  </si>
  <si>
    <t>CABINAS ATALAYAS</t>
  </si>
  <si>
    <t>CRA. 94B #61 SUR-60 BOGOTï¿ COLOMBIA</t>
  </si>
  <si>
    <t>PUNTOSERVIS COMERCIO BASICO CASANARE</t>
  </si>
  <si>
    <t>CL 18 # 6 25 BRR LA FLORIDA</t>
  </si>
  <si>
    <t>PUNTOSERVIS SOCORRO</t>
  </si>
  <si>
    <t>CL 16 # 14 70 BRR CENTRO</t>
  </si>
  <si>
    <t>COLPAGOS SANTA HELENA</t>
  </si>
  <si>
    <t>CL 39 # 40 028 / LC 11 BRR SANTA HELENA</t>
  </si>
  <si>
    <t>CHIGORODÓ</t>
  </si>
  <si>
    <t>GERENCIA IMPULSAR MULTISERVICIOS S.A.S</t>
  </si>
  <si>
    <t>CL 92 # 107 44 BRR KENNEDY</t>
  </si>
  <si>
    <t>SUPER TIENDA LA MEJOR</t>
  </si>
  <si>
    <t>CL 22 # 10 D 13 TO 9 AP 104</t>
  </si>
  <si>
    <t>DROGUERIA EL MIMI</t>
  </si>
  <si>
    <t>CL 10 8 35</t>
  </si>
  <si>
    <t>MDS SERVICIO Y TECNOLOGIA</t>
  </si>
  <si>
    <t>KR 88 C NO 54 F SUR - 92 AP 1</t>
  </si>
  <si>
    <t>MI CABA 24 HORAS SAS</t>
  </si>
  <si>
    <t>CRA. 62 #161D-5 BOGOT COLOMBIA</t>
  </si>
  <si>
    <t>SOINTEC</t>
  </si>
  <si>
    <t>CR 20 D # 67 25 - SUR BRR SAN FRANCISCO</t>
  </si>
  <si>
    <t>RYM MULTISERVICIOS SAS</t>
  </si>
  <si>
    <t>TV 13 K # 45 F 75 - SUR BRR MARCO FIDEL SUAREZ</t>
  </si>
  <si>
    <t>DROGAS GRAN COLOMBIANA JUNIOR</t>
  </si>
  <si>
    <t>CL 7 A BIS C 79 17</t>
  </si>
  <si>
    <t>CAFERED</t>
  </si>
  <si>
    <t>CL 16 # 37 L 01 BRR GUATIQUIA</t>
  </si>
  <si>
    <t>DROGUERIA QUIMAR SALUD</t>
  </si>
  <si>
    <t>CL 35 # 15 05 BRR VEINTE DE JULIO</t>
  </si>
  <si>
    <t>PUNTOSERVIS TOCAIMA 1</t>
  </si>
  <si>
    <t>CL 4 # 7 116 / LC 1 BRR CENTRO</t>
  </si>
  <si>
    <t>PETS KINGDOM BENJI</t>
  </si>
  <si>
    <t>CL 20 # 14 C 11 BRR NUEVA CASTILLA</t>
  </si>
  <si>
    <t>ENTRERRÍOS</t>
  </si>
  <si>
    <t>COPYNET</t>
  </si>
  <si>
    <t>CL 10 # 13 56 BRR CALLE PRINCIPAL ENTRERRIOS</t>
  </si>
  <si>
    <t>DROGUERIA VIVAFARMA</t>
  </si>
  <si>
    <t>CRA 51 27 B 16</t>
  </si>
  <si>
    <t>MULTISERVICIOS ESMERALDA</t>
  </si>
  <si>
    <t>CL 67 SUR # 18 J 22 BRR TEUSAQUILLO</t>
  </si>
  <si>
    <t>NYS COMUNICACIONES</t>
  </si>
  <si>
    <t>CL 83 B BIS # 94 F 18 BRR QUIRIGUA</t>
  </si>
  <si>
    <t>COMERCIALIZADORA DANUBIO AZULCOM</t>
  </si>
  <si>
    <t>CL 68 # 105 G 04 BRR EL MUELLE</t>
  </si>
  <si>
    <t xml:space="preserve">ANAMA GIROS Y ENCOMIENDAS </t>
  </si>
  <si>
    <t>CRA. 23 #8-75 BOGOTA COLOMBIA</t>
  </si>
  <si>
    <t>CL 23 # 24 H - 07 BRR CENTENARIO</t>
  </si>
  <si>
    <t>COLPAGOS LA GRANJA 3</t>
  </si>
  <si>
    <t>TV 3 # 21-33 APTO 1 BRR LA GRANJA</t>
  </si>
  <si>
    <t>ULLOA</t>
  </si>
  <si>
    <t>RECAUDOS EDFAR</t>
  </si>
  <si>
    <t>CL 8 # 2 47 BRR CENTRO</t>
  </si>
  <si>
    <t>URRAO</t>
  </si>
  <si>
    <t>SERVICOMPUTO URRAO</t>
  </si>
  <si>
    <t>CL 29 # 31 60 BRR CALLE LA NORMAL URRAO</t>
  </si>
  <si>
    <t>PAPELERIA LAS PLAYAS</t>
  </si>
  <si>
    <t>CRA 72 9 147</t>
  </si>
  <si>
    <t>JEREMYSTORE</t>
  </si>
  <si>
    <t>CR 74 # 110 A 07 BRR FLORENCIA</t>
  </si>
  <si>
    <t>VARIEDADES RONNY</t>
  </si>
  <si>
    <t>CL 0 # 0 0 BRR EL SALVADOR</t>
  </si>
  <si>
    <t>YARUMAL</t>
  </si>
  <si>
    <t>TIENDA LA FE</t>
  </si>
  <si>
    <t>CR 19 # 15 82 BRR YURUMAL</t>
  </si>
  <si>
    <t>DROGUERIA SINDELHATO</t>
  </si>
  <si>
    <t>CR 49 CL 47-83</t>
  </si>
  <si>
    <t>PAPELERIA MALU</t>
  </si>
  <si>
    <t>CL 67 A BIS SUR # 5 59 BRR ALASKA</t>
  </si>
  <si>
    <t>DROGUERIA CARDIOREBAJAS</t>
  </si>
  <si>
    <t>CL 163A 12 B 32</t>
  </si>
  <si>
    <t>ASIXZ MOBILE TECH</t>
  </si>
  <si>
    <t>CR 6 F ESTE # 97 F 44 - SUR BRR ALFONSO LOPEZ</t>
  </si>
  <si>
    <t>SERVICIOS ESTRADA</t>
  </si>
  <si>
    <t>CR 69 C # 70 A 37 BRR BELLA VISTA</t>
  </si>
  <si>
    <t>ANGINET COM</t>
  </si>
  <si>
    <t>CL 38 SUR # 88 13 BRR PATIO BONITO</t>
  </si>
  <si>
    <t>DIVERMEDIOS VIDEO</t>
  </si>
  <si>
    <t>CR 136 A # 152 A 25 BRR SABANA DE TIBABUYES NORTE</t>
  </si>
  <si>
    <t>PAPELERIA TRES REYES</t>
  </si>
  <si>
    <t>CL 10 A # 72 B 12 BRR VILLA ALSACIA</t>
  </si>
  <si>
    <t>RAUL FORERO</t>
  </si>
  <si>
    <t>CL 47 # 14 A 87 BRR PALERMO</t>
  </si>
  <si>
    <t>INTERSERVICIOS DIGITALES EN LINEA</t>
  </si>
  <si>
    <t>CR 12 # 10 49 BRR LAS FERIAS</t>
  </si>
  <si>
    <t>RECARGAMAX.RM</t>
  </si>
  <si>
    <t>AV 24 # 13 88 BRR POLICARPA</t>
  </si>
  <si>
    <t>AUTOSERVICIO YOGUI</t>
  </si>
  <si>
    <t>CL 139 # 148 A 03 BRR BERLIN</t>
  </si>
  <si>
    <t>PUNTO SERVI-MAS</t>
  </si>
  <si>
    <t>CR 49 B # 28 73 BRR PIEDRA BOLIVAR</t>
  </si>
  <si>
    <t>PUNTO 2807 TEGNOLOGIA Y MISCELANEA</t>
  </si>
  <si>
    <t>CRR FELIDIA CA 61 BRR FELIDIA</t>
  </si>
  <si>
    <t>CL 07 # 12 04 BRR CENTRO</t>
  </si>
  <si>
    <t>HABLEMOS ZCRH.COM</t>
  </si>
  <si>
    <t>CRA. 7D ESTE #112 SUR-30 BOGOTA COLOMBIA</t>
  </si>
  <si>
    <t>NELSON FERNEY LINARES MORENO</t>
  </si>
  <si>
    <t>CRA 81 B NO 8 90</t>
  </si>
  <si>
    <t>DROGUERIA BUGANVILES J E</t>
  </si>
  <si>
    <t>DG 2 64 A 52</t>
  </si>
  <si>
    <t>OH LA LA SALON DE BELLEZA BARBERIA Y SPA</t>
  </si>
  <si>
    <t>CL 8 D NO 79 C 96</t>
  </si>
  <si>
    <t>MISCELANEA Y PAPELERIA A Y A</t>
  </si>
  <si>
    <t>CL. 69B SUR #77-32 BOGOTA COLOMBIA</t>
  </si>
  <si>
    <t>LA ESQUINA FELIZ</t>
  </si>
  <si>
    <t>KR 79A 16F 03</t>
  </si>
  <si>
    <t>SERVITEC N.A</t>
  </si>
  <si>
    <t>CL 81 SUR # 6 17 BRR GRAN YOMASA</t>
  </si>
  <si>
    <t>VARIEDADES MERCANTIL</t>
  </si>
  <si>
    <t>CR 13 B # 74 76 - SUR BRR SANTA LIBRADA NORTE</t>
  </si>
  <si>
    <t>MISCELANEA Y PAPELERIA MAC SERVICE</t>
  </si>
  <si>
    <t>CRA 108 76 26</t>
  </si>
  <si>
    <t>PAPELERIA MORIAH</t>
  </si>
  <si>
    <t>CR 29 B # 75 B 29 BRR SANTA MONICA</t>
  </si>
  <si>
    <t>ZONACTIVA</t>
  </si>
  <si>
    <t>CL 56 F # 18 C 42 BRR TRECE DE NOVIEMBRE</t>
  </si>
  <si>
    <t>PARQUE SANTANDER</t>
  </si>
  <si>
    <t>CL 11 # 5 83 BRR CENTRO DE CUCUTA</t>
  </si>
  <si>
    <t>EXPRESS CIMITARRA ALFONSO LOPEZ</t>
  </si>
  <si>
    <t>CR 7 8 PAR BRR ALFONSO LOPEZ</t>
  </si>
  <si>
    <t>ARBOLETES</t>
  </si>
  <si>
    <t>COLPAGOS ARBOLETES</t>
  </si>
  <si>
    <t>CL 39 # 2 43 BRR CENTRO</t>
  </si>
  <si>
    <t>FELICEL</t>
  </si>
  <si>
    <t>CR 7 # 9 92 BRR PAJONAL</t>
  </si>
  <si>
    <t>SERVINTER COMUNICACIONES</t>
  </si>
  <si>
    <t>CRA. 19 #36-96 PALMIRA VALLE DEL CAUCA COLOMBIA</t>
  </si>
  <si>
    <t>CAFE INTERNET GUADALUPE ITAGUI</t>
  </si>
  <si>
    <t>CRA 45 A 65 27</t>
  </si>
  <si>
    <t>CAMBIAR BONOS</t>
  </si>
  <si>
    <t>CL 36 A SUR # 46 A 81 BRR PORTAL</t>
  </si>
  <si>
    <t>LA DESPENSA DE ROBIN</t>
  </si>
  <si>
    <t>DG 13 E # 15 A 18 BRR MIRAFLORES</t>
  </si>
  <si>
    <t>PAPELERIA TRIANA</t>
  </si>
  <si>
    <t>CRA 60 22 12 INTERIOR 201</t>
  </si>
  <si>
    <t>ALDANAPLAST</t>
  </si>
  <si>
    <t>CL 1 C SUR # 10 A 06 BRR ANTONIO NARIÃ‘O</t>
  </si>
  <si>
    <t>DIAYAN QUEEN</t>
  </si>
  <si>
    <t>CL. 57A SUR #78B-18 BOGOTA COLOMBIA</t>
  </si>
  <si>
    <t>BLUE - PRODUCTOS DE ASEO Y PAPELERIA</t>
  </si>
  <si>
    <t>CL 75A SUR 14B 0097</t>
  </si>
  <si>
    <t>HL VARIEDADES</t>
  </si>
  <si>
    <t>CL 59C SUR 48B 0030 01</t>
  </si>
  <si>
    <t>INVERSIONES JS</t>
  </si>
  <si>
    <t>CR 97 # 13 B 56 / LC 1 BRR AURES</t>
  </si>
  <si>
    <t>PAGOSYA EXPRESS</t>
  </si>
  <si>
    <t>CL 61 S # 66 A 28 - SUR BRR MADELENA</t>
  </si>
  <si>
    <t>FABRICA DE REGALOS Y PIï¿‘ATERIA BERLIN</t>
  </si>
  <si>
    <t>CRA. 72N #37 SUR-17 BOGOTï¿ COLOMBIA</t>
  </si>
  <si>
    <t>PAPELERIA Y CIBER NET GAMA</t>
  </si>
  <si>
    <t>CL 9 C # 20 13 / MZ 4 CA 10 BRR VILLA DIANA</t>
  </si>
  <si>
    <t>CL 26 # 14 05 BRR PRADOS EL MIRADOR</t>
  </si>
  <si>
    <t>PAPELERIA 1A</t>
  </si>
  <si>
    <t>CR 93 # 127 B 15 BRR RINCON DE SUBA</t>
  </si>
  <si>
    <t>FOLANET 2</t>
  </si>
  <si>
    <t>CL 27 # 25 64 / AP 100 BRR TEUSAQUILLO</t>
  </si>
  <si>
    <t xml:space="preserve">PAYEXPRESS </t>
  </si>
  <si>
    <t>CL. 39 SUR #72M-22 BOGOTA COLOMBIA</t>
  </si>
  <si>
    <t>DETALLITOS Y TERNURITA</t>
  </si>
  <si>
    <t>CRA. 19D #61A SUR-28 BOGOT COLOMBIA</t>
  </si>
  <si>
    <t>PAPELERIAMONUMENTAL Z</t>
  </si>
  <si>
    <t>DG. 45F SUR #16H-26 BOGOTA COLOMBIA</t>
  </si>
  <si>
    <t>VHF COMUNICARTE</t>
  </si>
  <si>
    <t>CR 90 # 69 A 40 / LC 1 BRR FLORIDA</t>
  </si>
  <si>
    <t>DISTRIPAPER LA 26</t>
  </si>
  <si>
    <t>CL 15 # 3 - 50 ESTE BRR SAN CARLOS</t>
  </si>
  <si>
    <t>FARMA EXPERTA</t>
  </si>
  <si>
    <t>CL 38 A # 52 B 46 BRR SAN ANTONIO</t>
  </si>
  <si>
    <t>COLPAGOS RANCHO GRANDE 2</t>
  </si>
  <si>
    <t>SEC 2 MZ 5-10 APTO 1 BRR RANCHO GRANDE</t>
  </si>
  <si>
    <t>MINIEXPRESS PUENTE ARANDA CIUDAD MONTES</t>
  </si>
  <si>
    <t>CR 37 # 10 A 14 - SUR BRR CIUDAD MONTES</t>
  </si>
  <si>
    <t>PLUS FAST J  D</t>
  </si>
  <si>
    <t>CR 7 # 13 51 BRR PARQUES DEL MUNA</t>
  </si>
  <si>
    <t>PUNTOSERVIS SARAVENA 2</t>
  </si>
  <si>
    <t>CR 13 # 27 49 BRR EL CENTRO</t>
  </si>
  <si>
    <t>PHONE.NET</t>
  </si>
  <si>
    <t>CL 47 2B1 17</t>
  </si>
  <si>
    <t>SAN PEDRO DE CARTAGO</t>
  </si>
  <si>
    <t>DROGUERIA FARMANA</t>
  </si>
  <si>
    <t>CRA 4 3 03</t>
  </si>
  <si>
    <t>MULTISERVICIOS VILLAGORGONA</t>
  </si>
  <si>
    <t>CR 11 # 13 67 BRR CENTRAL VILLA GORGONA</t>
  </si>
  <si>
    <t>JOYERIA Y COMPRAVENTA LOS ANDES</t>
  </si>
  <si>
    <t>CR 2 # 59 08 BRR LOS ANDES</t>
  </si>
  <si>
    <t>COMUNICACIONES VALLEGRANDE</t>
  </si>
  <si>
    <t>CL. 84A #22-93 CALI VALLE DEL CAUCA COLOMBIA</t>
  </si>
  <si>
    <t>SEGOVIA</t>
  </si>
  <si>
    <t>PAPELERIA LA ESTRELLA F Y G</t>
  </si>
  <si>
    <t>CL 50 NRO 53 51 BRR SUCRAE</t>
  </si>
  <si>
    <t>CELESTIAL COMUNICVACIONES II</t>
  </si>
  <si>
    <t>CRA. 14 #104-4 TURBO ANTIOQUIA COLOMBIA</t>
  </si>
  <si>
    <t>MULTISERVICIOS SUPEROSSA</t>
  </si>
  <si>
    <t>CR 39 # 39 21 BRR MESA</t>
  </si>
  <si>
    <t>COMERCIALIZADORA MAXIDESECHABLES</t>
  </si>
  <si>
    <t>CR 74 SUR # 58 A 9 BRR LA ESTANCIA</t>
  </si>
  <si>
    <t>DROGUERIA JUANCHITO S</t>
  </si>
  <si>
    <t>CL 17 F 136 10</t>
  </si>
  <si>
    <t>DROGUERIA ESPECIAL FERIAS</t>
  </si>
  <si>
    <t>CR 68 H # 75 02 BRR LAS FERIAS</t>
  </si>
  <si>
    <t>PERCEPHONET</t>
  </si>
  <si>
    <t>CL 71 SUR # 89 26 / LC 1 BRR SAN ANTONIO</t>
  </si>
  <si>
    <t>OPTIMUS PRINT</t>
  </si>
  <si>
    <t>CL 9 # 26 87 / LC 1 BRR RICAURTE</t>
  </si>
  <si>
    <t>ISC IMPORTACIONES</t>
  </si>
  <si>
    <t>CL. 72 #27A-38 BOGOTA COLOMBIA</t>
  </si>
  <si>
    <t>CIGARRERIA PANINI PEDRO NEL MENDIETA</t>
  </si>
  <si>
    <t>CL 145 7C 58</t>
  </si>
  <si>
    <t>DISTRIBUCIONES S Y A</t>
  </si>
  <si>
    <t>TRANSVERSAL 52 A BIS 1A 27</t>
  </si>
  <si>
    <t>DROGUERIA ALTOS DE MARBELLA</t>
  </si>
  <si>
    <t>DG 6 # 2 A 24 - SUR BRR BUENOS AIRES</t>
  </si>
  <si>
    <t>HIPERDROGUERIA DIOSALUD</t>
  </si>
  <si>
    <t>CL 56 SUR # 3 C 17</t>
  </si>
  <si>
    <t>INVERSIONES MCC COLOMBIA SAS</t>
  </si>
  <si>
    <t>CL 58 A SUR # 88 A 16 BRR BOSA LIBERTAD</t>
  </si>
  <si>
    <t>CIGARRERIA LA MANCHA</t>
  </si>
  <si>
    <t>CL 166 46 53</t>
  </si>
  <si>
    <t>SINGULARCOM</t>
  </si>
  <si>
    <t>AV BOYACA CON CL 80 LC 1-51 BRR TITAN</t>
  </si>
  <si>
    <t>REDPAG PIVIJAY</t>
  </si>
  <si>
    <t>CR 10 # 11 37 BRR SEC MERCADO PUBLICO</t>
  </si>
  <si>
    <t>J.R MULTIEXPRESS</t>
  </si>
  <si>
    <t>TV 1 # 15 26 BRR LA GRANJA</t>
  </si>
  <si>
    <t>FOTO STUDIO NARVAEZ</t>
  </si>
  <si>
    <t>CRA. 10 #11-67 JAMUNDI VALLE DEL CAUCA COLOMBIA</t>
  </si>
  <si>
    <t>COSITAS LINDAS VARIEDADES</t>
  </si>
  <si>
    <t>CRA. 39 #12-34 CALI VALLE DEL CAUCA COLOMBIA</t>
  </si>
  <si>
    <t>CISNEROS</t>
  </si>
  <si>
    <t>DONDE ANDRESS</t>
  </si>
  <si>
    <t>CRA COLON</t>
  </si>
  <si>
    <t>TIENDA TAMARINDO DE BLANCA</t>
  </si>
  <si>
    <t>CL 131 SUR CR 50-36 (INTERIOR 105)</t>
  </si>
  <si>
    <t>PAPELERIA Y EMPAQUES LIZ</t>
  </si>
  <si>
    <t>CL 9 BIS # 19 A 66 / LC 105 BRR SAN ANDRESITO SAN JOSE</t>
  </si>
  <si>
    <t>COMUNICACIONES JAG</t>
  </si>
  <si>
    <t>CL. 11 #11-53 BOGOT COLOMBIA</t>
  </si>
  <si>
    <t>CL 1 B # 52 63 BRR LA CAMELIA</t>
  </si>
  <si>
    <t>SUPERTIENDA SAMANEA</t>
  </si>
  <si>
    <t>CL 132 A # 123 B 31 BRR VILLAMARIA</t>
  </si>
  <si>
    <t>OKKIE</t>
  </si>
  <si>
    <t>AK 7 # 163 09 / LC 101 BRR SAN CRISTOBAL</t>
  </si>
  <si>
    <t>VARIEDADES SAGU</t>
  </si>
  <si>
    <t>AV. CRA 19 #120-55 BOGOT COLOMBIA</t>
  </si>
  <si>
    <t>DROGUERIA Y MINIMARKET FARMALIZ</t>
  </si>
  <si>
    <t>CL 8 SUR 32 D 15</t>
  </si>
  <si>
    <t>CALI COMUNICACIONES</t>
  </si>
  <si>
    <t>CL 70 C # 112 54 BRR LA RIVIERA</t>
  </si>
  <si>
    <t>INTERRAPIDISMO</t>
  </si>
  <si>
    <t>CR 86 F # 38 B 04 BRR PATIO BONITO II</t>
  </si>
  <si>
    <t>FOTOCLICK</t>
  </si>
  <si>
    <t>CL. 48X SUR #2F-23 BOGOT COLOMBIA</t>
  </si>
  <si>
    <t>DROGUERIA MIL DROGAS</t>
  </si>
  <si>
    <t>CL 129 C 101 A 21</t>
  </si>
  <si>
    <t>CIBER SHALON MANTENIMIENTO PC</t>
  </si>
  <si>
    <t>CR 25 # 24 B 15 BRR PANAMERICANO</t>
  </si>
  <si>
    <t>AGENCIA FRAUZUA STORE</t>
  </si>
  <si>
    <t>CL 15 A # 12 74 / LC 3 BRR LA LIBERTAD</t>
  </si>
  <si>
    <t>PUNTOSERVIS VILLAVICENCIO 2</t>
  </si>
  <si>
    <t>CR 21 # 20 29 / LT 4 BRR KIRPAS</t>
  </si>
  <si>
    <t>ASESORIAS SHEKINA</t>
  </si>
  <si>
    <t>CR 12 # 18 36 BRR EL LAGO</t>
  </si>
  <si>
    <t>SERVICIOS-INTERNET COLOMBIATEL</t>
  </si>
  <si>
    <t>CL 17 N 5 N 41</t>
  </si>
  <si>
    <t>MERCADO LA 42</t>
  </si>
  <si>
    <t>CR 42 # 27 05 BRR LA MILAGROSA</t>
  </si>
  <si>
    <t>RENOVA CAPILAR</t>
  </si>
  <si>
    <t>CL 102 C # 81 45 BRR SANTA MARIA</t>
  </si>
  <si>
    <t>GRANERO CARLI</t>
  </si>
  <si>
    <t>CL 101B 33DD 35</t>
  </si>
  <si>
    <t>SARA NICOLE DISTRIBUIDORA DE BELLEZA</t>
  </si>
  <si>
    <t>AC 153 # 100 20 BRR SUBA PINAR</t>
  </si>
  <si>
    <t>VARIEDADES NICOLESOFIA</t>
  </si>
  <si>
    <t>CL 57 C SUR # 90 B 86 BRR BOSA</t>
  </si>
  <si>
    <t>LASERS.COM</t>
  </si>
  <si>
    <t>CL 187 # 17 A 15 / LC 101 BRR VERBENAL</t>
  </si>
  <si>
    <t>DACO IMAGEN</t>
  </si>
  <si>
    <t>CR 28 # 51 B 38 - SUR BRR EL CARMEN</t>
  </si>
  <si>
    <t>IMPREGAN</t>
  </si>
  <si>
    <t>CR 45 B # 130 05 BRR PRADO VERANIEGO</t>
  </si>
  <si>
    <t>HIPERDROGUERIA MODERNA</t>
  </si>
  <si>
    <t>CL 17 SUR # 11 B - 08</t>
  </si>
  <si>
    <t>SELEM.COM</t>
  </si>
  <si>
    <t>CR 27 # 22 42 - SUR BRR SANTANDER</t>
  </si>
  <si>
    <t>ASIXZ MOBILE TECH 2</t>
  </si>
  <si>
    <t>CR 7 ESTE # 91 80 - SUR BRR ALFONSO LOPEZ</t>
  </si>
  <si>
    <t>JUAN CARLOS ORTIZ</t>
  </si>
  <si>
    <t>TV. 1H ESTE #73D SUR-8 BOGOT COLOMBIA</t>
  </si>
  <si>
    <t>TV 78 B # 48 A 03 - SUR BRR TOCAREMA</t>
  </si>
  <si>
    <t>COMUNICACIONES KARITO</t>
  </si>
  <si>
    <t>CL 13 # 11 34 BRR EL JARDIN</t>
  </si>
  <si>
    <t>EL CERRITO</t>
  </si>
  <si>
    <t>VARIEDADES Y SERVICIOS JF</t>
  </si>
  <si>
    <t>CL 9 # 19 64 BRR SANTA BARBARA</t>
  </si>
  <si>
    <t>VARIEDADES SDF 2</t>
  </si>
  <si>
    <t>CL 92 B SUR # 3 D 18 BRR COMUNEROS</t>
  </si>
  <si>
    <t>CL. 57A SUR #80-33 BOGOT COLOMBIA</t>
  </si>
  <si>
    <t>PS PATIO BONITO</t>
  </si>
  <si>
    <t>CL 38 SUR # 87 F 78 BRR PATIO BONITO</t>
  </si>
  <si>
    <t>COMUNICACIONES Y VARIEDADES@.NET</t>
  </si>
  <si>
    <t>DG 73 B # 78 G 08 - SUR / LC 04 BRR VILLA ANNY</t>
  </si>
  <si>
    <t>DROGUERIAS DISTRYMED MAPE  HIJOS</t>
  </si>
  <si>
    <t>CL. 76A SUR #74C-27 BOGOTA COLOMBIA</t>
  </si>
  <si>
    <t>PAPELERIA EL GRAN CASTILLO</t>
  </si>
  <si>
    <t>CRA. 16 #185-76 BOGOTA COLOMBIA</t>
  </si>
  <si>
    <t>DROGUERIA EL BUEN VECINO</t>
  </si>
  <si>
    <t>CRA 106 A 64 B 04</t>
  </si>
  <si>
    <t>COMUNICACIONES MV</t>
  </si>
  <si>
    <t>KR 26B 42 SUR 81</t>
  </si>
  <si>
    <t>CR 8 # 92 A 33 - SUR BRR VIRREY</t>
  </si>
  <si>
    <t>VHF COMUNICARTE 2</t>
  </si>
  <si>
    <t>CR 77 A # 64 F 31 BRR VILLA LUZ</t>
  </si>
  <si>
    <t>AMB FARMACEUTICOS Y POPULARES</t>
  </si>
  <si>
    <t>CRA 84 75 BIS 57</t>
  </si>
  <si>
    <t>FERRSURTIDO</t>
  </si>
  <si>
    <t>CL 62 I SUR # 74 B 04 BRR RINCON DE GALICIA</t>
  </si>
  <si>
    <t>VARIEDADES ERIKA</t>
  </si>
  <si>
    <t>CR 9 # 28 C 18 BRR SAN PEDRO</t>
  </si>
  <si>
    <t>DROGUERIAS M Y M</t>
  </si>
  <si>
    <t>CL 63 C # 69N - 20</t>
  </si>
  <si>
    <t>TIENDATUBELLEZA.COM</t>
  </si>
  <si>
    <t>KR 58 70B 22 AP 102</t>
  </si>
  <si>
    <t>CR 14 ESTE # 32 A - 26 BRR SAN MATEO SOACHA</t>
  </si>
  <si>
    <t>CL 12 G # 7 - 8 BRR SAN MARTIN</t>
  </si>
  <si>
    <t>EXPRESS POLONUEVO BRR CENTRO</t>
  </si>
  <si>
    <t>CR 10 A # 4 31 BRR CENTRO</t>
  </si>
  <si>
    <t>MAYKAS EU URUMITA</t>
  </si>
  <si>
    <t>CR 9 # 6 25 BRR LAS DELICIAS</t>
  </si>
  <si>
    <t>COLPAGOS JUAN 23</t>
  </si>
  <si>
    <t>CR 1 W # 37 A 9 BRR JUAN XXIII</t>
  </si>
  <si>
    <t>EXPRESS FUSAGASUGA C.CIAL UNO A</t>
  </si>
  <si>
    <t>CL 8 # 9 50 BRR CC UNO A</t>
  </si>
  <si>
    <t>ASESORIAS JIMY</t>
  </si>
  <si>
    <t>CL 9 # 9 31 BRR CENTRO</t>
  </si>
  <si>
    <t>JENNY CECILIA AGUIRRE LOPEZ</t>
  </si>
  <si>
    <t>CL 42 F SUR # 87 I 94 BRR ALTAMAR</t>
  </si>
  <si>
    <t>VICTORAS CENTER</t>
  </si>
  <si>
    <t>CR 142 # 139 51 BRR SUBA BERLIN</t>
  </si>
  <si>
    <t>DROGUERIA DON GUILLERMO</t>
  </si>
  <si>
    <t>CL 7 9 28</t>
  </si>
  <si>
    <t>SUPER PGO</t>
  </si>
  <si>
    <t>CRA. 6A #189A-20 BOGOT COLOMBIA</t>
  </si>
  <si>
    <t>MAFHER COMUNICACIONES</t>
  </si>
  <si>
    <t>CL 13 # 15 61 / LC 111 BRR VOTO NACIONAL</t>
  </si>
  <si>
    <t>PAPELERIA LODIMAR</t>
  </si>
  <si>
    <t>CL 56 F SUR # 95 B 03 BRR EL ANHELO</t>
  </si>
  <si>
    <t>-74.191889</t>
  </si>
  <si>
    <t>COMUNICACIONES ALONSO.COM</t>
  </si>
  <si>
    <t>TV 73 N # 62 C 19 - SUR BRR GALICIA</t>
  </si>
  <si>
    <t>VARIEDADES PAZ</t>
  </si>
  <si>
    <t>CL 3 # 72 40 BRR AMERICAS OCCIDENTAL</t>
  </si>
  <si>
    <t>TAUROSNET</t>
  </si>
  <si>
    <t>CL. 114A SUR #8B ESTE-44 BOGOTA COLOMBIA</t>
  </si>
  <si>
    <t>JL COMUNICACIONES 2011</t>
  </si>
  <si>
    <t>KR 69 B NO 19 SUR 58</t>
  </si>
  <si>
    <t>VARIEDADES BERAKHAH</t>
  </si>
  <si>
    <t>CL 21 # 13 23 / CA BRR CENTRO</t>
  </si>
  <si>
    <t>TIBANÁ</t>
  </si>
  <si>
    <t>MULTISERVICIOS KS</t>
  </si>
  <si>
    <t>PM LOCAL 4 BRR CENTRO</t>
  </si>
  <si>
    <t>CELU GABY COMUNICACIONES</t>
  </si>
  <si>
    <t>CL 9 # 3 68 BRR SANTA ROSA DE VITERBO</t>
  </si>
  <si>
    <t>COLPAGOS VILLA LUZ</t>
  </si>
  <si>
    <t>CR 1 W 43A 1-16 PISO 1 APTO 1 BRR VILLA LUZ</t>
  </si>
  <si>
    <t>COPY EXPRESS PAPELERIA Y COMUNICACIONES</t>
  </si>
  <si>
    <t>CL 5 # 66 B 75 / ED CENTRO EMPRESARIAL EL LIMONAR LC 104 BRR LIMONAR</t>
  </si>
  <si>
    <t>ANSERMANUEVO</t>
  </si>
  <si>
    <t>VARIEDADES CRISYE</t>
  </si>
  <si>
    <t>CL. 6 #3-68 ANSERMANUEVO VALLE DEL CAUCA COLOMBIA</t>
  </si>
  <si>
    <t>INTERNET LA FRONTERA</t>
  </si>
  <si>
    <t>DG 68 # 47 20 BRR NIQUIA</t>
  </si>
  <si>
    <t>PAPELERIA YALUME</t>
  </si>
  <si>
    <t>AV CRA 45 187 32 LC 15</t>
  </si>
  <si>
    <t>COMUNICACIONES USMO.NET</t>
  </si>
  <si>
    <t>CRA 18 A BIS 73 - 32 SUR</t>
  </si>
  <si>
    <t>VARIEDADES AY CARAMBA</t>
  </si>
  <si>
    <t>CL 33 SUR # 93 82 BRR KENNEDY</t>
  </si>
  <si>
    <t>PAPELERIAAVILAG</t>
  </si>
  <si>
    <t>CRA. 4A ESTE #113A SUR-20 BOGOT COLOMBIA</t>
  </si>
  <si>
    <t>MARIA ELENA ESCOBAR</t>
  </si>
  <si>
    <t>CL 140 # 12 18 / LC 12 BRR CEDRITOS</t>
  </si>
  <si>
    <t>MISCELANEA Y PAPELERIA EL UNIVERSO MAGICO</t>
  </si>
  <si>
    <t>CL 65 SUR 1 F 41 ESTE INT 17 CASA 49</t>
  </si>
  <si>
    <t>THE PAPER BOX</t>
  </si>
  <si>
    <t>CR 14 A # 95 A 06 - SUR BRR MONTEBLANCO</t>
  </si>
  <si>
    <t>GLOBAL COMPUTO</t>
  </si>
  <si>
    <t>CL 16 I # 107 A 19 BRR VILLA CARMENZA</t>
  </si>
  <si>
    <t>PAPELERIA BOSTON</t>
  </si>
  <si>
    <t>CR 14 C # 73 D 17 - SUR BRR SANTA LIBRADA</t>
  </si>
  <si>
    <t>MISCELANEA Y PAPELERIA EL ENCANTO</t>
  </si>
  <si>
    <t>AK 27 # 29 62 - SUR BRR LIBERTADOR</t>
  </si>
  <si>
    <t>DROGUERIA LA GALENA</t>
  </si>
  <si>
    <t>TV. 77I #72 SUR-1 BOGOTA COLOMBIA</t>
  </si>
  <si>
    <t>DISTRIBUIDORA MOANA</t>
  </si>
  <si>
    <t>CL 5 # 30 35 BRR PUENTE ARANDA</t>
  </si>
  <si>
    <t>MINI SANTA. MARTHA</t>
  </si>
  <si>
    <t>CL. 91 SUR #1-45 BOGOT COLOMBIA</t>
  </si>
  <si>
    <t>COCORNÁ</t>
  </si>
  <si>
    <t>TECMOVIL.A.C</t>
  </si>
  <si>
    <t>CL 21 # 20 7 BRR CENTRO</t>
  </si>
  <si>
    <t>PUNTOSERVIS DOS QUEBRADAS</t>
  </si>
  <si>
    <t>TV 6 # 0 0 / LC 62 A BRR PORTAL DEL PARQUE</t>
  </si>
  <si>
    <t>PUNTOSERVIS BOGOTA 03</t>
  </si>
  <si>
    <t>CR 78 I # 57 I 25 - SUR / LC 2 BRR VILLA DE LOS SAUCES</t>
  </si>
  <si>
    <t>CONSACÁ</t>
  </si>
  <si>
    <t>COMUNICACIONES JAV</t>
  </si>
  <si>
    <t>CL 2 3 95</t>
  </si>
  <si>
    <t>PHARMA NET 2</t>
  </si>
  <si>
    <t>CL 75 64 A 88</t>
  </si>
  <si>
    <t>EL SANTUARIO</t>
  </si>
  <si>
    <t xml:space="preserve"> FERVALLE</t>
  </si>
  <si>
    <t>CRA. 4 #4-53 GUASCA SANTUARIO GUASCA CUNDINAMARCA COLOMBIA</t>
  </si>
  <si>
    <t>INTERRAPIDISIMO BOSA ATALAYAS</t>
  </si>
  <si>
    <t>CRA 100A#60-06 SUR</t>
  </si>
  <si>
    <t>MISCELANEA Y PAPELERIA LULU PORVENIR</t>
  </si>
  <si>
    <t>CL 49 SUR # 98 B 75 BRR BOSA PORVENIR</t>
  </si>
  <si>
    <t>MERCADOS ASARO</t>
  </si>
  <si>
    <t>CR 136 A # 143 11 / AP 100 BRR SAN CARLOS DE SUBA</t>
  </si>
  <si>
    <t>ACCESO WEB</t>
  </si>
  <si>
    <t>KR 24 NO 39 SUR 41 PI 6</t>
  </si>
  <si>
    <t>PAPELERIA JN</t>
  </si>
  <si>
    <t>CL 103 SUR # 7 H 83 - ESTE BRR PORTAL II</t>
  </si>
  <si>
    <t>RPJ INGENIERIA</t>
  </si>
  <si>
    <t>CR 5 # 49 D 39 - SUR BRR MOLINOS</t>
  </si>
  <si>
    <t>ASL DIGITAL</t>
  </si>
  <si>
    <t>CR 70 C SUR # 88 C 15 BRR SAN ANTONIO</t>
  </si>
  <si>
    <t>FULLPAPEL Y PLAST</t>
  </si>
  <si>
    <t>CL 132 D # 150 D 28 BRR LISBOA</t>
  </si>
  <si>
    <t>CIGARRERIA LA ESQUINA PAISA RBC</t>
  </si>
  <si>
    <t>CR 39 # 30 87 - SUR BRR VIL</t>
  </si>
  <si>
    <t>PAPELERIA LYD</t>
  </si>
  <si>
    <t>DG 100 C SUR NO 4B 18</t>
  </si>
  <si>
    <t>AUTOSERVICIO MERKDARELI</t>
  </si>
  <si>
    <t>CR 87 SUR # 59 C 83 BRR BOSA LIBERTAD</t>
  </si>
  <si>
    <t>LOS KIOSCOS AUTOSERVICIO RESTAURANTE</t>
  </si>
  <si>
    <t>VIA COTA FUNZA LORA 5</t>
  </si>
  <si>
    <t>RT.NET</t>
  </si>
  <si>
    <t>CR 10 A # 10 10 BRR OLIMPICO</t>
  </si>
  <si>
    <t>EXPRESS MAICAO BRR EL PARAISO</t>
  </si>
  <si>
    <t>CL 8 # 24 31 BRR EL PARAISO</t>
  </si>
  <si>
    <t>OH LALA SMOKING</t>
  </si>
  <si>
    <t>CL 25 # 12 16 BRR PLAYAS</t>
  </si>
  <si>
    <t>SERVICIOS A.C</t>
  </si>
  <si>
    <t>CR 2 # 2 34 BRR ALFONSO CAICEDO ROA</t>
  </si>
  <si>
    <t>VARIEDADES SECTOR 15 MANZANARES</t>
  </si>
  <si>
    <t>CR 26 C OESTE # 12 22 BRR MANZANARES</t>
  </si>
  <si>
    <t>PAPELERIA Y LIBRERIA IPIALES EU</t>
  </si>
  <si>
    <t>CRA 6 14 82</t>
  </si>
  <si>
    <t>SERVINET.COM</t>
  </si>
  <si>
    <t>DG. 51 #9 OESTE-155 CALI VALLE DEL CAUCA COLOMBIA</t>
  </si>
  <si>
    <t>PUERTO BERRÍO</t>
  </si>
  <si>
    <t>MOTOSEBAS</t>
  </si>
  <si>
    <t>CL 7 # 57 1 BRR ALFONSO LOPEZ</t>
  </si>
  <si>
    <t>CONEXITO RUSWAL</t>
  </si>
  <si>
    <t>DG 50 SUR # 13 B 22 - ESTE BRR REPÃšBLICA DE CANADA</t>
  </si>
  <si>
    <t>SYSTEMCOM</t>
  </si>
  <si>
    <t>CARRERA 80 71C-24 SUR</t>
  </si>
  <si>
    <t>DROGUERIA PIZA</t>
  </si>
  <si>
    <t>CL 1 B 52 C 04</t>
  </si>
  <si>
    <t>CLL 48J 5F 11</t>
  </si>
  <si>
    <t>INTERNET POP PLANET</t>
  </si>
  <si>
    <t>CL. 51B SUR #80-21 BOGOTA COLOMBIA</t>
  </si>
  <si>
    <t>COMUNICACIONES MITA V Y G</t>
  </si>
  <si>
    <t>CL 36 SUR NO 3-58</t>
  </si>
  <si>
    <t>DISTRIPLASTICOS EL DORADO</t>
  </si>
  <si>
    <t>CRA 11# 65-70 SUR CASA 439</t>
  </si>
  <si>
    <t>DISTRIBUIDORA WF</t>
  </si>
  <si>
    <t>CRA. 45A #74 SUR-6 BOGOT COLOMBIA</t>
  </si>
  <si>
    <t>SERVICIOS LYH</t>
  </si>
  <si>
    <t>TV 87 C # 58 D 04 - SUR BRR BOSA NOVA EL PORVENIR</t>
  </si>
  <si>
    <t>DISTRIBUIDORA DE BELLEZA Y PAPELERIA OH LALA</t>
  </si>
  <si>
    <t>CL. 45 SUR #77X-26 BOGOTï¿ COLOMBIA</t>
  </si>
  <si>
    <t>DYC TELECOMUNICACIONES</t>
  </si>
  <si>
    <t>CR 26 K # 73 16 / LC 10 BRR LOS MANGOS</t>
  </si>
  <si>
    <t>RAPITIENDA PINARES</t>
  </si>
  <si>
    <t>CRA 68 13 B 63</t>
  </si>
  <si>
    <t>PAGOS LILINET</t>
  </si>
  <si>
    <t>CL 57 F 92 DD 69</t>
  </si>
  <si>
    <t>TIENDA GARPI</t>
  </si>
  <si>
    <t>CR 92 # 6 C 39 BRR TINTAL</t>
  </si>
  <si>
    <t>JERD SOLUCIONES ALTERNATIVAS</t>
  </si>
  <si>
    <t>CL 59 SUR # 22 B 65 BRR CASA LINDA</t>
  </si>
  <si>
    <t>PAPELERIA Y MISCELANEA CONCEPCION</t>
  </si>
  <si>
    <t>CL. 56A SUR #79-1 BOGOTA COLOMBIA</t>
  </si>
  <si>
    <t>PAPELERIA Y MISCELANEA MILENA</t>
  </si>
  <si>
    <t>CR 87 I # 35 B 09 - SUR BRR PATIO BONITO SECTOR II</t>
  </si>
  <si>
    <t>VARIEDADES KAROL DURAN</t>
  </si>
  <si>
    <t>CALLE 73 B 44 15 SUR</t>
  </si>
  <si>
    <t>MODUMSTORE</t>
  </si>
  <si>
    <t>CL. 73A #70A-3 BOGOTï¿ COLOMBIA</t>
  </si>
  <si>
    <t>DISTRICOLORS  MAKEUP</t>
  </si>
  <si>
    <t>CL 42 C BIS SUR # 78 F 04 BRR TIMIZA</t>
  </si>
  <si>
    <t>MGIC PAPER RP</t>
  </si>
  <si>
    <t>CR 7 D # 64 H 80 BRR LA FISCALIA</t>
  </si>
  <si>
    <t>MERCADOS CRIMAES</t>
  </si>
  <si>
    <t>CR 12 # 17 06 BRR FRAY EUGENIO</t>
  </si>
  <si>
    <t>EXPRESS SUBA BRR AURES 2</t>
  </si>
  <si>
    <t>CR 109 A # 132 16 BRR AURES II</t>
  </si>
  <si>
    <t>SERVICIO INTEGRADO CANAAN</t>
  </si>
  <si>
    <t>CRA 9 # 21 - 70</t>
  </si>
  <si>
    <t>MIMAS KOTA</t>
  </si>
  <si>
    <t>CL 62 63AA 29</t>
  </si>
  <si>
    <t>VARIEDADES LOS ANGELES LA 90</t>
  </si>
  <si>
    <t>CALLE 90 SUR 5 F 34 ESTE</t>
  </si>
  <si>
    <t>TELECOMUNICACIONES INTERGALACTICAS</t>
  </si>
  <si>
    <t>CARRERA 41A #32-22SUR</t>
  </si>
  <si>
    <t>DROGUERIA COSBY</t>
  </si>
  <si>
    <t>CR 81 SUR # 73 F 84 BRR BOSA LAURELES</t>
  </si>
  <si>
    <t>STUDIO VIRTUAL.NET</t>
  </si>
  <si>
    <t>CL 64 SUR # 17 05 / LC 101 BRR MEXICO</t>
  </si>
  <si>
    <t>PUNTOSERVIS TUNJA</t>
  </si>
  <si>
    <t>CR 16 # 34 40 BRR JORGE ELIECER GAITAN</t>
  </si>
  <si>
    <t>VERSALLES</t>
  </si>
  <si>
    <t>VARIEDADES LM</t>
  </si>
  <si>
    <t>CL 8 # 4 51 BRR EL GUAYABITO</t>
  </si>
  <si>
    <t>ASESORIAS INTEGRALES</t>
  </si>
  <si>
    <t>CRA. 2 #10-55 TORO VALLE DEL CAUCA COLOMBIA</t>
  </si>
  <si>
    <t>MASTERCOPIAS</t>
  </si>
  <si>
    <t>CRA 9 8 40</t>
  </si>
  <si>
    <t>SANTA ROSA DE OSOS</t>
  </si>
  <si>
    <t>COMPUCOMERCIAL</t>
  </si>
  <si>
    <t>CR 29 # 30 35 BRR CALDAS</t>
  </si>
  <si>
    <t>SAN PEDRO DE LOS MILAGROS</t>
  </si>
  <si>
    <t>ESTABLECIMIENTO SERVIEFECTIVOS SAN PEDRO</t>
  </si>
  <si>
    <t>CR 50 # 48 25 BRR CALLE REAL</t>
  </si>
  <si>
    <t>TIMBRAMOS Y SERVIMOS YA</t>
  </si>
  <si>
    <t>CRA 30 108 44</t>
  </si>
  <si>
    <t>LA CABAITA</t>
  </si>
  <si>
    <t>CRA. 1 #6C-33 BOGOT COLOMBIA</t>
  </si>
  <si>
    <t>DROGUERIA ANGELOS</t>
  </si>
  <si>
    <t>CL 158 101 01</t>
  </si>
  <si>
    <t>PAPELERIA DANNY 525</t>
  </si>
  <si>
    <t>CL 13 NO 19-71 LCL-1 115</t>
  </si>
  <si>
    <t>TECNOLOGA SOFIA</t>
  </si>
  <si>
    <t>CRA. 81F #8A-62 BOGOT COLOMBIA</t>
  </si>
  <si>
    <t>DEL CIELO</t>
  </si>
  <si>
    <t>CL. 38A SUR #72J-68 BOGOT COLOMBIA</t>
  </si>
  <si>
    <t>DROGUERIA Y PAPELERIA LISBOA</t>
  </si>
  <si>
    <t>CL 142 11 74</t>
  </si>
  <si>
    <t>DROGUERIA PUNTO PAEZ ALCALA</t>
  </si>
  <si>
    <t>CRA 51 D 31 23 SUR</t>
  </si>
  <si>
    <t>PAPELERIA MISCELANEA J.F.</t>
  </si>
  <si>
    <t>CR 82 SUR # 70 A 27 BRR PASO ANCHO</t>
  </si>
  <si>
    <t>DPM ADVANCE</t>
  </si>
  <si>
    <t>CR 33 # 47 B 06 - SUR BRR EL CARMEN</t>
  </si>
  <si>
    <t>FOTO ALMACEN JERSEY</t>
  </si>
  <si>
    <t>DG 64 B SUR NO 19 B - 95</t>
  </si>
  <si>
    <t>DROGUERIA SU SALUD PRIMERO</t>
  </si>
  <si>
    <t>AK 68 #78-67 BOGOTA COLOMBIA</t>
  </si>
  <si>
    <t>AG ANIVERSARIO II - MARITZA</t>
  </si>
  <si>
    <t>CL 11 # 17 A 87 BRR ANIVERSARIO II</t>
  </si>
  <si>
    <t>COLPAGOS LOS ANGELES</t>
  </si>
  <si>
    <t>CR 44 # 14 D 19 / APTDO 102 BRR LOS ANGELES</t>
  </si>
  <si>
    <t>JUAN DE ACOSTA</t>
  </si>
  <si>
    <t>EXPRESS JUAN DE ACOSTA CALLE NUEVA</t>
  </si>
  <si>
    <t>CL 8 # 2 A 63 BRR CALLE NUEVA</t>
  </si>
  <si>
    <t>MISCELANEA.35</t>
  </si>
  <si>
    <t>CR 35 # 50 01 BRR RETIRO</t>
  </si>
  <si>
    <t>WESTERN</t>
  </si>
  <si>
    <t>AV 5 OESTE 22 16</t>
  </si>
  <si>
    <t>VEIREDADES EXITO</t>
  </si>
  <si>
    <t>CL 14 # 11 19 BRR CENTRO</t>
  </si>
  <si>
    <t>DROGUERIA 4 ANGELES</t>
  </si>
  <si>
    <t>CRA. 8 #1 SUR-69 BOGOTA COLOMBIA</t>
  </si>
  <si>
    <t>MULTIRECAUDO JB</t>
  </si>
  <si>
    <t>CR 19 A # 51 01 - SUR BRR SAN CARLOS</t>
  </si>
  <si>
    <t>COMPUSYSTEM NET</t>
  </si>
  <si>
    <t>CR 6 F ESTE # 98 56 - SUR BRR NUEVO PORTAL</t>
  </si>
  <si>
    <t>DARISAGO LOGISTIC</t>
  </si>
  <si>
    <t>CL 58 A SUR # 88 C 24 BRR LA LIBERTAD</t>
  </si>
  <si>
    <t>CENTRO PAGOS MANI</t>
  </si>
  <si>
    <t>CR 3 # 18 54 BRR CENTRO</t>
  </si>
  <si>
    <t>COLPAGOS P5</t>
  </si>
  <si>
    <t>TV 15 # 09-22 BRR ANDALUCIA</t>
  </si>
  <si>
    <t>PUNTOSERVIS IBAGUE 01</t>
  </si>
  <si>
    <t>CR 3 # 8 55 BRR LA POLA</t>
  </si>
  <si>
    <t>VARIEDADES DULCE ACIDO</t>
  </si>
  <si>
    <t>CL 23 # 20 A 15 BRR NUEVO MILENIO</t>
  </si>
  <si>
    <t>PREMIUM SOCORRO</t>
  </si>
  <si>
    <t>CR 16 # 13 67 BRR SOCORRO</t>
  </si>
  <si>
    <t>PAGOS DE UNA</t>
  </si>
  <si>
    <t>CL 5 # 6 67 BRR LA ESTRELLA</t>
  </si>
  <si>
    <t>ZARZAL</t>
  </si>
  <si>
    <t>RECAUDOS VALERY LA PAILA</t>
  </si>
  <si>
    <t>CL 11 CR 5 ESQ BRR RAFAEL GONZALEZ</t>
  </si>
  <si>
    <t>CANELA CENTTRAL</t>
  </si>
  <si>
    <t>CRA 10 9 36</t>
  </si>
  <si>
    <t>TELEYA</t>
  </si>
  <si>
    <t>CR 50 # 50 66 / LC 124 BRR PARQUE PRINCIPAL</t>
  </si>
  <si>
    <t>LOS JUANES</t>
  </si>
  <si>
    <t>CR 79 # 92 195 BRR ROBLEDO</t>
  </si>
  <si>
    <t>VIDEO TIENDA EL DRAGON ROJO</t>
  </si>
  <si>
    <t>CL 5 # 12 63 INT 102</t>
  </si>
  <si>
    <t>VARIEDADES PALOQUEMAO</t>
  </si>
  <si>
    <t>CL 19 # 22 32 BRR PALOQUEMAO PLAZA MERCADO</t>
  </si>
  <si>
    <t>PAPELERIA TEUSAQUILLO VMG</t>
  </si>
  <si>
    <t>TV 18 A BIS NO 37 - 80</t>
  </si>
  <si>
    <t>PAPELERIA Y COPIAS FENIX</t>
  </si>
  <si>
    <t>KR 9 NO 23 59BL3 AP 144</t>
  </si>
  <si>
    <t>COPY CENTER LA 40</t>
  </si>
  <si>
    <t>CL 40 B # 7 44 BRR SUCRE</t>
  </si>
  <si>
    <t>EXPRESS VILLAVICENCIO BRR DOÑA LUZ</t>
  </si>
  <si>
    <t>LT 25 C TV 22 N 1106 LC 101 BRR DONA LUZ</t>
  </si>
  <si>
    <t>INTERNET STEPHY</t>
  </si>
  <si>
    <t>CR 9 # 8 60 BRR PENSAMIENTO</t>
  </si>
  <si>
    <t>LA OFICINA SALA DE INTERNET</t>
  </si>
  <si>
    <t>CL 19 # 8 38 BRR CENTRO</t>
  </si>
  <si>
    <t>AGENCIA DE VIAJES Y SEGUROS SAS</t>
  </si>
  <si>
    <t>CR 10 # 15 99 BRR LA ESPERANZA</t>
  </si>
  <si>
    <t>SUPERMERCADO A GRANEL GRANOS DEL CAMPO</t>
  </si>
  <si>
    <t>CL 142 # 128 C 30 BRR SABANA DE TIBABUYES</t>
  </si>
  <si>
    <t>PAPELERA Y MISCELANEA GRAFOS</t>
  </si>
  <si>
    <t>CARRERA 38 # 9 -55 SUR</t>
  </si>
  <si>
    <t>DROGUERIA CONDER 2</t>
  </si>
  <si>
    <t>CL 8 C 92 72 LOCAL 2 PISO 1</t>
  </si>
  <si>
    <t>CIBER PLANET INTERNACIONAL</t>
  </si>
  <si>
    <t>CL. 89 SUR #3 ESTE-9 BOGOT COLOMBIA</t>
  </si>
  <si>
    <t>FBN COMUNICACIONES</t>
  </si>
  <si>
    <t>AC 51 SUR # 9 30 / LC 222 BRR MOLINOS DEL SUR</t>
  </si>
  <si>
    <t>T-CONECTA DESARROLLO QUE INNOVA</t>
  </si>
  <si>
    <t>CL 9 NO 78 A 31</t>
  </si>
  <si>
    <t>NATUBELLL</t>
  </si>
  <si>
    <t>CR 78 K # 33 A 69 - SUR BRR AYACUCHO</t>
  </si>
  <si>
    <t>T FBRICA.COM</t>
  </si>
  <si>
    <t>CR 11 # 9 57 BRR SANTA INES</t>
  </si>
  <si>
    <t>PC  INK STORE</t>
  </si>
  <si>
    <t>CL 63 # 71 F 27 BRR PERDOMO</t>
  </si>
  <si>
    <t>GARCIA REYES LUZMIRA</t>
  </si>
  <si>
    <t>CL 70 C 106 A 90</t>
  </si>
  <si>
    <t>MOGAMBO 2</t>
  </si>
  <si>
    <t>SEC 1 MANZANA 21 11 MANZANA 21 11 APTO 1 BRR MOGAMBO</t>
  </si>
  <si>
    <t>DROGAS FARMATOTAL</t>
  </si>
  <si>
    <t>CL 26B NRO 31 A 46</t>
  </si>
  <si>
    <t>OBANDO</t>
  </si>
  <si>
    <t>PRODESECHABLES OBANDO</t>
  </si>
  <si>
    <t>CL 3 2 37 EL CENTRO OBANDO VALLÃ‰ DEL CAUCA</t>
  </si>
  <si>
    <t>ALMACEN COMPRAVENTA ORIENTAL</t>
  </si>
  <si>
    <t>CRA 15 33 B 41</t>
  </si>
  <si>
    <t>CLL 49 # 50-25</t>
  </si>
  <si>
    <t>SAMY GIRLS</t>
  </si>
  <si>
    <t>CL 62 SUR # 70 01 BRR MADELENA</t>
  </si>
  <si>
    <t>COMUNICACIONES MONTE BELLO</t>
  </si>
  <si>
    <t>CL 26 # 2 02 - SUR BRR MONTEBELLO</t>
  </si>
  <si>
    <t>SOLUCIONES LA 91</t>
  </si>
  <si>
    <t>CL 135 A # 91 15 BRR VILLA ELISA</t>
  </si>
  <si>
    <t>BABILONIA</t>
  </si>
  <si>
    <t>CR 121 # 69 A 14 BRR LA FAENA</t>
  </si>
  <si>
    <t>MANAMI</t>
  </si>
  <si>
    <t>CL 143 # 138 A 08 / LC 1 BRR SUBA SAN CARLOS DE TIBABUYES</t>
  </si>
  <si>
    <t>PAPELERA Y MISCELNEA LIZ</t>
  </si>
  <si>
    <t>TV 79 D # 72 B 19 - SUR BRR BOSA NARANJOS EL RETAZO</t>
  </si>
  <si>
    <t>FARMA AVRIL DROGUERIA</t>
  </si>
  <si>
    <t>CL 129 58 18 LC 1</t>
  </si>
  <si>
    <t>SUPERMERCADO USME EXPRESS</t>
  </si>
  <si>
    <t>CRA 3 136 23 SUR NUEVA</t>
  </si>
  <si>
    <t>MULISERVICIOS VALHALLA</t>
  </si>
  <si>
    <t>CR 20 # 33 73 / CR BRR VEINTE DE JULIO</t>
  </si>
  <si>
    <t>PUNTOSERVIS YOPAL 3</t>
  </si>
  <si>
    <t>CL 13 # 27 066 BRR LOS HELECHOS</t>
  </si>
  <si>
    <t>AG MONTACARGA Y EQUIPOS INSDUSTRIALES SAS</t>
  </si>
  <si>
    <t>CL 10 # 19 39 BRR SAN MIGUEL</t>
  </si>
  <si>
    <t>X BOX.NET</t>
  </si>
  <si>
    <t>CR 5 # 17 49 BRR SAN PABLO</t>
  </si>
  <si>
    <t>LA PAJUELA</t>
  </si>
  <si>
    <t>MARCELA ALVAREZ GARCIA</t>
  </si>
  <si>
    <t>CL 85 A SUR # 78 79 BRR SAN DIEGO</t>
  </si>
  <si>
    <t>DROGUERIA HIPERFARMA BRAND</t>
  </si>
  <si>
    <t>CRA 37 10 06 SUR</t>
  </si>
  <si>
    <t>MINIMARKET DAVYSOF</t>
  </si>
  <si>
    <t>CL 57 Z SUR NO 75 D - 67 CA 66</t>
  </si>
  <si>
    <t>SALUD Y VIDA</t>
  </si>
  <si>
    <t>CL 57 SUR # 100 A 21 BRR BOSA CANAVERALEJO</t>
  </si>
  <si>
    <t>SIRLEY</t>
  </si>
  <si>
    <t>CL. 73 SUR #102-29 BOGOT COLOMBIA</t>
  </si>
  <si>
    <t>INTERRAPIDICIMO</t>
  </si>
  <si>
    <t>CL 73 SUR # 87 C 69 BRR REMANSO I</t>
  </si>
  <si>
    <t>PUBLIGRAFICOS.COM</t>
  </si>
  <si>
    <t>CR 69 G # 71 48 / LC 1 BRR LA ESTRADA</t>
  </si>
  <si>
    <t>PAï¿‘ALERA EL CASTILLO DE THIAGO</t>
  </si>
  <si>
    <t>CARRERA 116C # 66A 20</t>
  </si>
  <si>
    <t>MISCELANEA Y PAPELERIA THIAGO</t>
  </si>
  <si>
    <t>CL. 89 SUR #3B ESTE-36 BOGOTï¿ COLOMBIA</t>
  </si>
  <si>
    <t>VARIEDADES ABBAKADABRAH</t>
  </si>
  <si>
    <t>TV. 72B #44G SUR-32 BOGOTï¿ COLOMBIA</t>
  </si>
  <si>
    <t>DROGUERIA SAN REMO CJE</t>
  </si>
  <si>
    <t>CRA 13 A 77 A 13</t>
  </si>
  <si>
    <t>DB SUMINISTROS</t>
  </si>
  <si>
    <t>CL 6 # 4 26 BRR CENTRO</t>
  </si>
  <si>
    <t>MISCELANEA JM.COM</t>
  </si>
  <si>
    <t>CR 13 # 31 04 BRR NUEVO HABITAD II</t>
  </si>
  <si>
    <t>MINIEXPRESS CORDOBA BRR MOGAMBO</t>
  </si>
  <si>
    <t>MZ 46 LT 12 BRR BRR MOGAMBO</t>
  </si>
  <si>
    <t>SANTANA</t>
  </si>
  <si>
    <t>PUNTOSERVIS SANTANA 1</t>
  </si>
  <si>
    <t>CL 1 # 3 45 BRR CENTRO</t>
  </si>
  <si>
    <t>HECTOR SANCHEZ GUERRERO</t>
  </si>
  <si>
    <t>AV3ANDFTE C-23 COMPONENTES DEL COSTO</t>
  </si>
  <si>
    <t>DROGUERIA MILDESCUENTOS</t>
  </si>
  <si>
    <t>DG 59 A 23B 15</t>
  </si>
  <si>
    <t>VARIEDADES YC</t>
  </si>
  <si>
    <t>CL 61 A # 100 A 91 / CA 40 BRR ATALAYAS</t>
  </si>
  <si>
    <t>PAPELERA MONTESSORI</t>
  </si>
  <si>
    <t>DIAGONAL 49 SUR # 85 - 17</t>
  </si>
  <si>
    <t>DROGUERIA CADENA 2</t>
  </si>
  <si>
    <t>CRA. 73 #1-14 BOGOTA COLOMBIA</t>
  </si>
  <si>
    <t>COMUNICACIONES MG</t>
  </si>
  <si>
    <t>CL. 70 SUR #79-4 BOGOTA COLOMBIA</t>
  </si>
  <si>
    <t>CELUVICTORIA</t>
  </si>
  <si>
    <t>CL 38 C SUR # 86 07 BRR PATIO BONITO II</t>
  </si>
  <si>
    <t>PAPELERIA CONFICOMPUTOS</t>
  </si>
  <si>
    <t>CL. 57B SUR #98-2 BOGOT COLOMBIA</t>
  </si>
  <si>
    <t>BETHEL</t>
  </si>
  <si>
    <t>CL 105 SUR # 7 10 - ESTE BRR NUEVO PORVENIR</t>
  </si>
  <si>
    <t>DROGUERIA H.R. HEALTH PHARMA</t>
  </si>
  <si>
    <t>CL 39A # 8G - 37 SEGUNDO SECTOR</t>
  </si>
  <si>
    <t>MISCELANEA Y PAPELERIA MI UNIVERSO CREATIVO</t>
  </si>
  <si>
    <t>CR 110 F # 71 C 03 BRR VILLA AMALIA</t>
  </si>
  <si>
    <t>SORPREDIENDO CON AMOR</t>
  </si>
  <si>
    <t>CRA. 3B #49 SUR-12 BOGOT COLOMBIA</t>
  </si>
  <si>
    <t>MULTISANFRANCISCO</t>
  </si>
  <si>
    <t>CR 22 # 9 A 47 BRR LA PEPITA</t>
  </si>
  <si>
    <t>COLECCIONES JOSEPH</t>
  </si>
  <si>
    <t>DG 46 SUR # 13 J - 29 0 BRR MARCO FIDEL SUAREZ</t>
  </si>
  <si>
    <t>INVERSIONES JUANKE</t>
  </si>
  <si>
    <t>CL 60 # 6 A 04 BRR LLANO LINDO</t>
  </si>
  <si>
    <t>PUNTOSERVIS SABANA DE TORRES</t>
  </si>
  <si>
    <t>AK 13 # 10 55 BRR CARVAJAL</t>
  </si>
  <si>
    <t>COLPAGOS LA PRADERA</t>
  </si>
  <si>
    <t>MZ 46 LT 16 BRR CANTA CLARO</t>
  </si>
  <si>
    <t>COLPAGOS ANGELES</t>
  </si>
  <si>
    <t>CR 8 A OESTE # 15 A 05 BRR VALLEJO</t>
  </si>
  <si>
    <t>MINIEXPRESSFONSECA BRR CENTRO</t>
  </si>
  <si>
    <t>CL 12 # 18 100 / LC 2 BRR CENTRO</t>
  </si>
  <si>
    <t>MULTIPAG CODAZZI</t>
  </si>
  <si>
    <t>CL 10 # 15 48 BRR TRUJILLO</t>
  </si>
  <si>
    <t>PUNTOSERVIS SOACHA 3</t>
  </si>
  <si>
    <t>CR 1 # 14 B 55 BRR SAN HUMBERTO</t>
  </si>
  <si>
    <t>AG ZULIA</t>
  </si>
  <si>
    <t>CL 7 # 2 32 BRR CENTRO ZULIA</t>
  </si>
  <si>
    <t>COPY TEXTOS GANDI</t>
  </si>
  <si>
    <t>CL. 14 #47-20 CALI VALLE DEL CAUCA COLOMBIA</t>
  </si>
  <si>
    <t>SERVIPUNTO EL CANEY</t>
  </si>
  <si>
    <t>CL. 48 2222 #85D-55 CALI VALLE DEL CAUCA COLOMBIA</t>
  </si>
  <si>
    <t>PAPELERIA Y VARIEDADES LA 51</t>
  </si>
  <si>
    <t>CL 50 # 47 84 BRR CALLE DEL COMERCIO</t>
  </si>
  <si>
    <t>PAGAYA</t>
  </si>
  <si>
    <t>CL. 22A SUR #2-22 BOGOT COLOMBIA</t>
  </si>
  <si>
    <t>FERRESTRONG</t>
  </si>
  <si>
    <t>CL 68 B # 77 A 04 - SUR BRR SANTO DOMINGO</t>
  </si>
  <si>
    <t>DROGUERIA CAPI EXPRESS PRINCIPAL</t>
  </si>
  <si>
    <t>CL 163 # 7 A - 14</t>
  </si>
  <si>
    <t>DROGUERIA CUIDA TU BIENESTRAR</t>
  </si>
  <si>
    <t>DG 2 # 60 90 / IN 2 LC 2 BRR GALAN</t>
  </si>
  <si>
    <t>SAN JORGE DG. 45 BIS</t>
  </si>
  <si>
    <t>DG 45 BIS B NO 13 F SUR - 62 AP 101</t>
  </si>
  <si>
    <t xml:space="preserve"> PAPELERIA Y CENTRO DE COMPUTO  TS AI LUN PAPER</t>
  </si>
  <si>
    <t>KR 129 NO 138- 83</t>
  </si>
  <si>
    <t>VIDEO ZOOM</t>
  </si>
  <si>
    <t>CR 98 A # 61 B 09 - SUR BRR ATALAYAS</t>
  </si>
  <si>
    <t>PAPELERIA DONDE LAURA</t>
  </si>
  <si>
    <t>CR 18 A 55 SUR 50 BRR SAN CARLOS</t>
  </si>
  <si>
    <t>BEAUTY STORE</t>
  </si>
  <si>
    <t>KR 129 NO 138 - 65</t>
  </si>
  <si>
    <t>DROGUERIA J R PHARMA SANTA TERESA</t>
  </si>
  <si>
    <t>CR 45 A # 124 17 BRR BATAN</t>
  </si>
  <si>
    <t>CABINAS TELEFNICAS PARQUE ETB</t>
  </si>
  <si>
    <t>CR 5 L # 48 X 14 - SUR BRR MARRUECOS</t>
  </si>
  <si>
    <t>MEGANET COMUNICACIONES J</t>
  </si>
  <si>
    <t>CL 83 NO 95 D 71 IN 101</t>
  </si>
  <si>
    <t>VARIEDADES PAULA S</t>
  </si>
  <si>
    <t>CR 1 BIS # 20 A - 87 BRR 12 MARZO</t>
  </si>
  <si>
    <t>CL 48 L # 5 H - 21 BRR BOCHICA SUR</t>
  </si>
  <si>
    <t>RECAUDOS.COM</t>
  </si>
  <si>
    <t>CL 4 # 12 71 BRR CENTRO</t>
  </si>
  <si>
    <t>AYAPEL</t>
  </si>
  <si>
    <t>INTERPACK</t>
  </si>
  <si>
    <t>CR 7 # 21 28 BRR LA INMACULADA</t>
  </si>
  <si>
    <t>CONTROL CAR COSMOCENTRO</t>
  </si>
  <si>
    <t>AV. ROOSEVELT #50-342 CALI VALLE DEL CAUCA COLOMBIA</t>
  </si>
  <si>
    <t>CL 5 # 6 08 BRR PLAZA DE BOYACA</t>
  </si>
  <si>
    <t>MRCOMUNICACIONES@188</t>
  </si>
  <si>
    <t>CL 188 # 11 26 / P 1 BRR VERBENAL SAN ANTONIO</t>
  </si>
  <si>
    <t>PIJAMERA Y VARIEDADES MUNDO BABY</t>
  </si>
  <si>
    <t>CL 163 A # 13 20 BRR LA PRADERA NORTE</t>
  </si>
  <si>
    <t>DROGUERIA PENTAFARMA</t>
  </si>
  <si>
    <t>CL 76 # 77 - 17</t>
  </si>
  <si>
    <t>MULTIPAGOSCAH</t>
  </si>
  <si>
    <t>CR 80 J # 40 G 04 - SUR BRR EL AMPARO</t>
  </si>
  <si>
    <t>MISCELANEA JULIETH</t>
  </si>
  <si>
    <t>CL 36 B SUR # 3 C 71 BRR VILLA DE LOS ALPES</t>
  </si>
  <si>
    <t>JORITSVARIEDADES</t>
  </si>
  <si>
    <t>CR 106 # 18 80 BRR FONTIBON BELEN</t>
  </si>
  <si>
    <t>DROGUERIA FARMAPLUS SAMORE</t>
  </si>
  <si>
    <t>AK 33 # 47 B 24 BRR SAMORE</t>
  </si>
  <si>
    <t>LUZRED</t>
  </si>
  <si>
    <t>CL. 54 SUR #28-85 BOGOT COLOMBIA</t>
  </si>
  <si>
    <t>PAPIROMANIAS</t>
  </si>
  <si>
    <t>CRA. 103D #83-15 BOGOTï¿ COLOMBIA</t>
  </si>
  <si>
    <t>VARIEDADES MAGAFAMILIAR</t>
  </si>
  <si>
    <t>CRA 52 C # 38 B 36 SUR</t>
  </si>
  <si>
    <t>GONGA SPORT</t>
  </si>
  <si>
    <t>CRA 19 D NO 64 99 SUR</t>
  </si>
  <si>
    <t>CL 78 # 8 B - 25 BRR LA ANDREA</t>
  </si>
  <si>
    <t>PAPELERIA MISCELANEA BELSAHU</t>
  </si>
  <si>
    <t>CL 35 A # 42 A 32 BRR LLANO VARGAS</t>
  </si>
  <si>
    <t>MACROMOVIL.COM</t>
  </si>
  <si>
    <t>CR 4 # 5 60 BRR CENTRO</t>
  </si>
  <si>
    <t>COLPAGOS ISTMINA</t>
  </si>
  <si>
    <t>ADL BRR CUBIS</t>
  </si>
  <si>
    <t>PUNTOSERVIS BARRANCABERMEJA</t>
  </si>
  <si>
    <t>CL 52 # 19 10 BRR COLOMBIA</t>
  </si>
  <si>
    <t>AG OCAÑA CENTRO</t>
  </si>
  <si>
    <t>CR 12 N # 11 49 BRR CENTRO</t>
  </si>
  <si>
    <t>DISTRIBUCIONES RENACER YOTOCO</t>
  </si>
  <si>
    <t>CRA. 8 #8-37 YOTOCO VALLE DEL CAUCA COLOMBIA</t>
  </si>
  <si>
    <t>SERVIPAGOS BARBOSA</t>
  </si>
  <si>
    <t>CR 15 # 13 25 / LC 102 BRR CENTRO</t>
  </si>
  <si>
    <t>DROGUERIA ELIFARMA</t>
  </si>
  <si>
    <t>CRA 39 48 10</t>
  </si>
  <si>
    <t>DROGUERIA CRISTMEDICA CV</t>
  </si>
  <si>
    <t>CL 56 F SUR # 103 A 03 BRR BOSA RECUERDO DE SANTAFE</t>
  </si>
  <si>
    <t>CORRESPONSAL PUNTO DIGITAL SUBA</t>
  </si>
  <si>
    <t>CL 128 B BIS ANO 93 - 12 PI 1</t>
  </si>
  <si>
    <t>PAPELERIA MARTIN</t>
  </si>
  <si>
    <t>CR 100 # 137 08 / LC 101 BRR LA CHUCUA</t>
  </si>
  <si>
    <t>INTERNET KIDS</t>
  </si>
  <si>
    <t>CL 15A #81-53 BOGOTA COLOMBIA</t>
  </si>
  <si>
    <t>LION HEART</t>
  </si>
  <si>
    <t>CRA. 90 #49D SUR-79 BOGOTï¿ COLOMBIA</t>
  </si>
  <si>
    <t>PAPELERIA AMBARS</t>
  </si>
  <si>
    <t>CRA. 8B #4 SUR-33 BOGOTA COLOMBIA</t>
  </si>
  <si>
    <t>MISCELNEA INSOMNIO</t>
  </si>
  <si>
    <t>CRA 27 B # 71 L - 16 SUR</t>
  </si>
  <si>
    <t>SOLUTIONS.COM</t>
  </si>
  <si>
    <t>CARRERA 89 # 58 - 08 SUR</t>
  </si>
  <si>
    <t>CR 104 A BIS # 61 A 59 - SUR / CA 5 MZ 2 BRR BOSA RECREO</t>
  </si>
  <si>
    <t>DROGUERIA REVIVE</t>
  </si>
  <si>
    <t>CRA. 103B #151A-18 BOGOTA COLOMBIA</t>
  </si>
  <si>
    <t>MM FULL CONECTION CLARO</t>
  </si>
  <si>
    <t>CARRERA 4 ESTE #37D 47 SUR</t>
  </si>
  <si>
    <t>DISTRIHUEVOS EL TESORO</t>
  </si>
  <si>
    <t>CR 18 A BIS # 73 38 - SUR BRR LA ESTRELLA</t>
  </si>
  <si>
    <t>PAPELERIA Y MISCELANEA LA 46</t>
  </si>
  <si>
    <t>CL 46 # 7 A 33 BRR PROGRESO II</t>
  </si>
  <si>
    <t>PAPELERIA Y DIVERSION ESPACIO  EXTREMO</t>
  </si>
  <si>
    <t>CR 29 # 28 02 BRR SIGLO XXI</t>
  </si>
  <si>
    <t>VARIEDADES Y SERVICIOS LA FE</t>
  </si>
  <si>
    <t>CL 1 B CR 8-7 CASA 1 BRR MARTINEZ</t>
  </si>
  <si>
    <t>GYR SOLUCIONES PALMIRA</t>
  </si>
  <si>
    <t>CR 33 # 34 23 BRR COLOMBIA</t>
  </si>
  <si>
    <t>SU DROGUERIA FARMAVITAL</t>
  </si>
  <si>
    <t>CRA. 2 #23B-11 PASTO NARIO COLOMBIA</t>
  </si>
  <si>
    <t>MARSANCELL 1</t>
  </si>
  <si>
    <t>CL MOSQUERA DG EMSANAR</t>
  </si>
  <si>
    <t>SUPER RECARGAS VALLE</t>
  </si>
  <si>
    <t>CRA. 6 #7-32 YUMBO ARROYO HONDO YUMBO VALLE DEL CAUCA COLOMBIA</t>
  </si>
  <si>
    <t>DROGUERIA COMBY</t>
  </si>
  <si>
    <t>CRA 48 44 04</t>
  </si>
  <si>
    <t>MULTIOPERACIONES LA 70</t>
  </si>
  <si>
    <t>CRA 30 31 52</t>
  </si>
  <si>
    <t>ONLINE NETWORK ONLINE</t>
  </si>
  <si>
    <t>CL. 5A #53D-35 BOGOT COLOMBIA</t>
  </si>
  <si>
    <t>TEAM SHADDAI</t>
  </si>
  <si>
    <t>CL 8 C # 92 72 / CA 361 BRR KENNEDY VALLADOLID</t>
  </si>
  <si>
    <t>CENTRO DE PAGOS ORH</t>
  </si>
  <si>
    <t>CL 155 # 7 C 08 BRR BARRANCAS</t>
  </si>
  <si>
    <t>JUVENTUD EXPRESS</t>
  </si>
  <si>
    <t>CR 27 SUR # 39 80 BRR INGLES</t>
  </si>
  <si>
    <t>PAPELERIA JIREHT</t>
  </si>
  <si>
    <t>CL. 70 SUR #18F-15 BOGOTA COLOMBIA</t>
  </si>
  <si>
    <t>CIGARRERIA TOMATE ALGUITO</t>
  </si>
  <si>
    <t>CR 7 ESTE # 90 42 - SUR BRR LA REFORMA</t>
  </si>
  <si>
    <t>SERVITEC M.N</t>
  </si>
  <si>
    <t>CR 1 # 87 C 06 / P 2 BRR CHAPINERITO</t>
  </si>
  <si>
    <t>AVIVA COMUNICACIONES</t>
  </si>
  <si>
    <t>CL. 128D #92B-11 BOGOTA COLOMBIA</t>
  </si>
  <si>
    <t>SOLUCIONES BACATA</t>
  </si>
  <si>
    <t>CL 43 SUR # 72 M 33 BRR SANTA CATALINA</t>
  </si>
  <si>
    <t>DROGUERIAS CENTER</t>
  </si>
  <si>
    <t>AV CARACAS # 60 - 11</t>
  </si>
  <si>
    <t>TELECOMUNICACIONES GIFO</t>
  </si>
  <si>
    <t>CR 13 # 63 21 / LC 103 BRR SANTANDER</t>
  </si>
  <si>
    <t>PREMIUM GACHETA</t>
  </si>
  <si>
    <t>CR 4 # 6 21 / AV CR BRR JARDIN</t>
  </si>
  <si>
    <t>CYBERPLAY LA UNION</t>
  </si>
  <si>
    <t>CL 22 # 15 15 BRR SAN PEDRO</t>
  </si>
  <si>
    <t>TELEFONET COMUNICAT</t>
  </si>
  <si>
    <t>CL 6 # 11 - 67</t>
  </si>
  <si>
    <t>MISCELANEA Y PAPELERIA TAIS</t>
  </si>
  <si>
    <t>KM 3 VIA LA BUITRERA SEC LA MEGA</t>
  </si>
  <si>
    <t>SANDRA LORENA CAMPO PUSCUZ</t>
  </si>
  <si>
    <t>CL. 8A #1-25 JAMUNDI VALLE DEL CAUCA COLOMBIA</t>
  </si>
  <si>
    <t>GUATAPÉ</t>
  </si>
  <si>
    <t>SERTEL GUATAPE</t>
  </si>
  <si>
    <t>CR 28 CL 28 -45</t>
  </si>
  <si>
    <t>TODOLINUX COMUNICACIONES</t>
  </si>
  <si>
    <t>CRA 48 # 65 13 SIMON BOLIVAR ITAGUI</t>
  </si>
  <si>
    <t>AV CEMENTERIO</t>
  </si>
  <si>
    <t>CR 7 A # 30 A 13 - SUR BRR VEINTE DE JULIO</t>
  </si>
  <si>
    <t>PAPELERA  SOLUCIONES RD</t>
  </si>
  <si>
    <t>TV 4 B ESTE # 58 27 BRR BOSQUE CALDERON</t>
  </si>
  <si>
    <t>EL MUNDO DE LAS COMUNICACIONES</t>
  </si>
  <si>
    <t>KR 79 49C SUR 14</t>
  </si>
  <si>
    <t>DROGAS PHARMA SALUD WG</t>
  </si>
  <si>
    <t>CL 68 SUR 78 B 31</t>
  </si>
  <si>
    <t>MISCELANEA LUZ SOL</t>
  </si>
  <si>
    <t>VIA LA CALERA KM 4.5 BRR SAN ISIDRO</t>
  </si>
  <si>
    <t>PUNTOSERVIS SUCRE SINCE</t>
  </si>
  <si>
    <t>CR 10 # 10 17 / LC 01 BRR SINCE</t>
  </si>
  <si>
    <t>COMUNICACIONES MOVIL</t>
  </si>
  <si>
    <t>CR 5 6 34 CGTO CEILAN BUGALAGRANDE VALLE DEL CAUCA</t>
  </si>
  <si>
    <t>PAPELERIA Y VARIEDADES SAN MARTIN</t>
  </si>
  <si>
    <t>CARRERA 12 #12-33</t>
  </si>
  <si>
    <t>VALENTINA VICTORIA</t>
  </si>
  <si>
    <t>CRA. 93C #61 SUR-11 BOGOTï¿ COLOMBIA</t>
  </si>
  <si>
    <t>PAPELERIA JMS#2</t>
  </si>
  <si>
    <t>CL 131 # 102 10 BRR AURES</t>
  </si>
  <si>
    <t>DROGUERIA F MARANATHAI</t>
  </si>
  <si>
    <t>CRA 111 142 A 29</t>
  </si>
  <si>
    <t>CASA DE SORPRESAS</t>
  </si>
  <si>
    <t>CL. 64I #85-5 BOGOTï¿ COLOMBIA</t>
  </si>
  <si>
    <t>COMUNICATE EXPRS # 3</t>
  </si>
  <si>
    <t>CR 13 # 92 C 04 - SUR BRR VIRREY</t>
  </si>
  <si>
    <t>MARIK-DITAS DE LA 60</t>
  </si>
  <si>
    <t>CRA 60 # 4 C 33</t>
  </si>
  <si>
    <t>PUNTO DE SERVICIO CARBONNELL</t>
  </si>
  <si>
    <t>TV 78 B # 74 D 08 BRR BOSA CARBONELL</t>
  </si>
  <si>
    <t>MONISEBAS</t>
  </si>
  <si>
    <t>CR 98 B # 73 85 - SUR BRR BOSA RECREO</t>
  </si>
  <si>
    <t>GEEK ZONE</t>
  </si>
  <si>
    <t>CL. 7C BIS #72B-25 BOGOTA COLOMBIA</t>
  </si>
  <si>
    <t>VILLAMAR COMUNICACIONES</t>
  </si>
  <si>
    <t>CL. 132A #18 BOGOTA COLOMBIA</t>
  </si>
  <si>
    <t>CAFETERIA PUNTO Y CLAVE DE LA CANDELARIA</t>
  </si>
  <si>
    <t>CL. 8 #5-55 BOGOTA COLOMBIA</t>
  </si>
  <si>
    <t>SAN LUIS DE PALENQUE</t>
  </si>
  <si>
    <t>COTISERVICIOS</t>
  </si>
  <si>
    <t>CR 7 # 1 36 BRR CENTRO</t>
  </si>
  <si>
    <t>PUNTOSERVIS VALLEDUPAR 01</t>
  </si>
  <si>
    <t>CR 21 # 6 C 05 BRR ESPERANZA</t>
  </si>
  <si>
    <t>PREMIUM CHOCONTA</t>
  </si>
  <si>
    <t>CL 5 # 4 61 BRR CENTRO</t>
  </si>
  <si>
    <t>BM COMUNICACIONES EAT</t>
  </si>
  <si>
    <t>CR 3 NO. 17- 49</t>
  </si>
  <si>
    <t>PAPELERIA Y MUCHO MAS</t>
  </si>
  <si>
    <t>CRA. 83C #38-74 CALI VALLE DEL CAUCA COLOMBIA</t>
  </si>
  <si>
    <t>RAPISUR</t>
  </si>
  <si>
    <t>CR 48 53 67</t>
  </si>
  <si>
    <t>ACEVEDOS Y RAMIREZ S.A.S</t>
  </si>
  <si>
    <t>CL 52 # 12 24 BRR VILLA COLOMBIA</t>
  </si>
  <si>
    <t>SHALOM SERVICIOS DIGITALES</t>
  </si>
  <si>
    <t>CL 50 # 27 A 15 / LC 2 BRR NUEVA FLORESTA</t>
  </si>
  <si>
    <t>AV. CIRCUNVALAR #47-84 CALI VALLE DEL CAUCA COLOMBIA</t>
  </si>
  <si>
    <t>CRA. 106 #43-1 MEDELLN ANTIOQUIA COLOMBIA</t>
  </si>
  <si>
    <t>BLACK CELL LA MILA</t>
  </si>
  <si>
    <t>CRA 33 A 42 7</t>
  </si>
  <si>
    <t>CR 93 # 128 A 24 BRR SUBA RINCON</t>
  </si>
  <si>
    <t>DROGUERIA ENAIFEM</t>
  </si>
  <si>
    <t>KR 6B 163D 48</t>
  </si>
  <si>
    <t>AUTOSERVICIO CARRY</t>
  </si>
  <si>
    <t>CRA. 119 #23-47 BOGOTï¿ COLOMBIA</t>
  </si>
  <si>
    <t>SUPERMERCADOS LA PIRAMIDE LTDA</t>
  </si>
  <si>
    <t>CRA. 145 #145-87 BOGOT COLOMBIA</t>
  </si>
  <si>
    <t>DROGUERIA CIUDAD JARDIN NORTE</t>
  </si>
  <si>
    <t>KR 59 NO 129-71AP100</t>
  </si>
  <si>
    <t>CAIMITO</t>
  </si>
  <si>
    <t>NOEDADES UNO A</t>
  </si>
  <si>
    <t>CR 13 # 11 25 BRR AV LOS ESTUDIANTES</t>
  </si>
  <si>
    <t>PUNTOSERVIS CALI 10</t>
  </si>
  <si>
    <t>CR 112 # 25 53 BRR BOCHALEMA</t>
  </si>
  <si>
    <t>DARK HOUSE ARQUITECTURA</t>
  </si>
  <si>
    <t>CL 14 # 15 08 / LC 9 BRR CENTRO DE FUNZA</t>
  </si>
  <si>
    <t>ALMACEN CAFETERO SIETE</t>
  </si>
  <si>
    <t>CRA 9 9 42 CORR VERSALLES</t>
  </si>
  <si>
    <t>MISCELANEA Y PAPELERIA OKT.NET</t>
  </si>
  <si>
    <t>CALLE 5A SUR 88C-16 PATIO BONITO</t>
  </si>
  <si>
    <t>PAGA.NET</t>
  </si>
  <si>
    <t>CR 98 # 17 -53</t>
  </si>
  <si>
    <t>DROGUERIA VIVIR ALKOSTO NO 3</t>
  </si>
  <si>
    <t>CRA 62 162 A 20</t>
  </si>
  <si>
    <t>DANIEL.COM</t>
  </si>
  <si>
    <t>CL 155 7C 63 AD 1</t>
  </si>
  <si>
    <t>CONFICOMPUTO</t>
  </si>
  <si>
    <t>CALLE 76 B SUR # 16 I 21</t>
  </si>
  <si>
    <t>EL ENCANTO - DETALLES Y VARIEDDAES</t>
  </si>
  <si>
    <t>CL 130 D BIS # 105 C 22 BRR SUBA</t>
  </si>
  <si>
    <t>SHALOM</t>
  </si>
  <si>
    <t>CL 147 A # 143 B 52 BRR BILBAO</t>
  </si>
  <si>
    <t>CYBER SAYA</t>
  </si>
  <si>
    <t>CL 81 A # 18 Q 22 BRR REPUBLICA DE CANADA</t>
  </si>
  <si>
    <t>DROGUERIA GAMA</t>
  </si>
  <si>
    <t>CL. 17 #96C-14 BOGOTA COLOMBIA</t>
  </si>
  <si>
    <t>SALSAMENTARIA BERACA</t>
  </si>
  <si>
    <t>TV 59 74 SUR 12</t>
  </si>
  <si>
    <t>DOBLECLICK COM CO</t>
  </si>
  <si>
    <t>CRA. 81H #45 SUR-87 BOGOTA COLOMBIA</t>
  </si>
  <si>
    <t>PAPELERIA 7 FIN</t>
  </si>
  <si>
    <t>CL 70 A BIS # 78 C 20 BRR EL RETAZO</t>
  </si>
  <si>
    <t>SUPER DROGUERIA RESTREPO</t>
  </si>
  <si>
    <t>CRA 24 13 16 SUR</t>
  </si>
  <si>
    <t>CR 7 B # 4 D 58 - SUR BRR EL PORVENIR</t>
  </si>
  <si>
    <t>CALLE 10 #933 EL CARMELO CANDELARIA VALLE DEL CAUCA COLOMBIA</t>
  </si>
  <si>
    <t>DROGUERIA SANTA ANITA</t>
  </si>
  <si>
    <t>CRA 14 25 52 LA AV DE TUQUERRES</t>
  </si>
  <si>
    <t>MULTISERVICIOS TOKIO</t>
  </si>
  <si>
    <t>CL 67 SUR # 87 N 17 BRR CHICO SUR</t>
  </si>
  <si>
    <t>PAPELERA Y MISCELNEA PEGASO JC</t>
  </si>
  <si>
    <t>CL 26 SUR # 6 58 / P 1 BRR 20 DE JULIO</t>
  </si>
  <si>
    <t>CL 64 # 111 B 03 BRR VILLA GLADYS</t>
  </si>
  <si>
    <t>VITALFHARMA NP</t>
  </si>
  <si>
    <t>CL. 58 SUR #79B-6 BOGOTA COLOMBIA</t>
  </si>
  <si>
    <t>DROGUERIA COMUNITARIA DE SALUD JL</t>
  </si>
  <si>
    <t>CL 161 A # 8 - 58 LC 101</t>
  </si>
  <si>
    <t>PAPER NET</t>
  </si>
  <si>
    <t>CR 104 B # 23 B 10 BRR LA GIRALDA</t>
  </si>
  <si>
    <t>DROGUERIA ATILA</t>
  </si>
  <si>
    <t>AK 27 # 4 10 / P 1 BRR LOS MARTIRES</t>
  </si>
  <si>
    <t>MEDI DROGAS</t>
  </si>
  <si>
    <t>CRA 71 C 5 C 14</t>
  </si>
  <si>
    <t>CUG EXPRESS SAS</t>
  </si>
  <si>
    <t>AC 63 # 9 A 84 BRR CHAPINERO</t>
  </si>
  <si>
    <t>ELECTROFERRO JCM</t>
  </si>
  <si>
    <t>CL 7 # 7 46 BRR CENTRO</t>
  </si>
  <si>
    <t>CONTROLCAR CENTENARIO</t>
  </si>
  <si>
    <t>CL 5 #50-103 PISO 2 CC COSMOCENTRO PASILLO BANCOLOMBIA</t>
  </si>
  <si>
    <t>ESTANQUILLO PUNTO CHAT</t>
  </si>
  <si>
    <t>CR 10 # 14 27 BRR CABECERA</t>
  </si>
  <si>
    <t>LA FORTUNA PLAZA</t>
  </si>
  <si>
    <t>CL 10 9 67</t>
  </si>
  <si>
    <t>JEISON JIMENEZ</t>
  </si>
  <si>
    <t>CR 111 # 140 A 04 BRR PUERTA DEL SOL</t>
  </si>
  <si>
    <t>CIGARRERA Y TIENDA LA PAISITA</t>
  </si>
  <si>
    <t>CL 60 SUR # 98 A 07 BRR BOSA ATALAYAS</t>
  </si>
  <si>
    <t>MBSCOMUNICACIONES</t>
  </si>
  <si>
    <t>CRA. 22 #166-89 BOGOT COLOMBIA</t>
  </si>
  <si>
    <t>HIPERDROGUERIA DIARIA G</t>
  </si>
  <si>
    <t>CRA 71 C 5 B 04 LAS AMERICAS</t>
  </si>
  <si>
    <t>MINIMARKET MAYA</t>
  </si>
  <si>
    <t>CR 12 D # 32 F 19 - SUR BRR GRANJAS DE SANTA SOFIA</t>
  </si>
  <si>
    <t>EMPAMY</t>
  </si>
  <si>
    <t>KR 17 F NO 66 SUR - 43 LC : 2</t>
  </si>
  <si>
    <t>MISCELANEA Y PAPELERIA YOLIS</t>
  </si>
  <si>
    <t>CL 132 B # 130 - 23 BRR SUBA TOSCANA</t>
  </si>
  <si>
    <t>SAN ANTERO</t>
  </si>
  <si>
    <t>COLPAGOS SAN ANTERO</t>
  </si>
  <si>
    <t>CL 12 # 14 60 BRR CARDALES</t>
  </si>
  <si>
    <t>COLPAGOS POLICARPA</t>
  </si>
  <si>
    <t>DG 5 2A 137 LOCAL 1 BRR POLICARPA</t>
  </si>
  <si>
    <t>INVERSIONES JYC 1919</t>
  </si>
  <si>
    <t>CALLE 20B #13A-80</t>
  </si>
  <si>
    <t>SABANETA</t>
  </si>
  <si>
    <t>COMPUTADORES DEL SUR</t>
  </si>
  <si>
    <t>CL 70 SUR # 45 A 37 BRR SABANETA</t>
  </si>
  <si>
    <t>CAFETERIA BON NAPOLI</t>
  </si>
  <si>
    <t>CR 22 # 3 A 26 - SUR BRR ANTONIO NARINO</t>
  </si>
  <si>
    <t>DROGUERIA ELKIN 1</t>
  </si>
  <si>
    <t>CRA. 12 #142-77 BOGOTA COLOMBIA</t>
  </si>
  <si>
    <t>CL. 19C #32-9 BOGOTï¿ COLOMBIA</t>
  </si>
  <si>
    <t>DROGUERIA HIPER FARMA</t>
  </si>
  <si>
    <t>CRA. 105B #75B-20 BOGOTA COLOMBIA</t>
  </si>
  <si>
    <t>AMAYA PENA WALDO EDUARDO</t>
  </si>
  <si>
    <t>CRA 24 # 67 - 47</t>
  </si>
  <si>
    <t>PET SHOP PELUQUERIA CANINA</t>
  </si>
  <si>
    <t>KR 14 C NO 69 C SUR - 15</t>
  </si>
  <si>
    <t>INN THE HOUSE</t>
  </si>
  <si>
    <t>KR 5C 48H SUR 29 PI: 2</t>
  </si>
  <si>
    <t>COFFE TIME</t>
  </si>
  <si>
    <t>CRA. 66A #4G-91 BOGOT COLOMBIA</t>
  </si>
  <si>
    <t>DROGUERIA SANTI</t>
  </si>
  <si>
    <t>CL 6B NRO 78C 53</t>
  </si>
  <si>
    <t>MINIMERCADO BRAMARION</t>
  </si>
  <si>
    <t>CR 102 A # 132 D 03 BRR COSTA AZUL</t>
  </si>
  <si>
    <t>CERECOMUNICACIONES</t>
  </si>
  <si>
    <t>CL. 78 SUR #87I-2 BOGOTA COLOMBIA</t>
  </si>
  <si>
    <t>CIGARRERIA LOS CEDROS 142</t>
  </si>
  <si>
    <t>CL 57 # 57 - 32</t>
  </si>
  <si>
    <t>CL 59 SUR # 78 J - 58 BRR JOSE ANTONIO GALAN</t>
  </si>
  <si>
    <t>COLPAGOS SAHAGUN</t>
  </si>
  <si>
    <t>CR 1 B # 19 70 BRR BELALCAZAR</t>
  </si>
  <si>
    <t>AGENCIA LORICA TANIA LUCIA</t>
  </si>
  <si>
    <t>CR 27 # 24 A 379 BRR NUEVA COLOMBIA</t>
  </si>
  <si>
    <t>CL 7 # 18 81 BRR MARIA EUGENIA</t>
  </si>
  <si>
    <t>MULTIPAGO JAMUNDI</t>
  </si>
  <si>
    <t>CL. 5 #1A SUR-11 JAMUNDI VALLE DEL CAUCA COLOMBIA</t>
  </si>
  <si>
    <t>DROGUERIA MARACAIBO CALI</t>
  </si>
  <si>
    <t>CRA 40 B 27 55</t>
  </si>
  <si>
    <t>LA PAPELERIA MULTISERVICIOS</t>
  </si>
  <si>
    <t>CL 20 # 23 60 BRR CENTRO</t>
  </si>
  <si>
    <t>MERCADOS LA PRINCIPAL PRINCIPAL</t>
  </si>
  <si>
    <t>CL 99 51 37</t>
  </si>
  <si>
    <t>MINI MARKET ANGUSS</t>
  </si>
  <si>
    <t>CR 87 D # 42 A 19 - SUR / MZ 1 LC 3 BRR TINTALITO</t>
  </si>
  <si>
    <t>COMUNICACIONES APRISSA</t>
  </si>
  <si>
    <t>CL 40 B NO 74 F SUR 28 Pl 1</t>
  </si>
  <si>
    <t>PAPELERA CACHARRERIA LA UNIVERSAL DAC</t>
  </si>
  <si>
    <t>CL. 17 SUR #12A-27 BOGOT COLOMBIA</t>
  </si>
  <si>
    <t>PAPELERIA COMPOSTELLA</t>
  </si>
  <si>
    <t>CRA. 118 #133-39 BOGOT COLOMBIA</t>
  </si>
  <si>
    <t>Vaupés</t>
  </si>
  <si>
    <t>MITÚ</t>
  </si>
  <si>
    <t>CAFETERIA Y HELADERIA LA GRAN ESQUINA DEL AEROPUERTO</t>
  </si>
  <si>
    <t>TV 7 N 14 02</t>
  </si>
  <si>
    <t>INTERNET SANDE</t>
  </si>
  <si>
    <t>DG 74 SUR # 27 M 79 BRR PARAISO</t>
  </si>
  <si>
    <t>CIGARRERIA ESTACIN</t>
  </si>
  <si>
    <t>CL 65 # 77 M 27 - SUR / LC 1 BRR BOSA ESTACION</t>
  </si>
  <si>
    <t>LAVOMAR COSTURERO Y VARIEDADES</t>
  </si>
  <si>
    <t>CL 174A 45 77</t>
  </si>
  <si>
    <t>MARIA SEGURA</t>
  </si>
  <si>
    <t>CR 10 # 4 23 / LC 211 BRR CENTRO</t>
  </si>
  <si>
    <t>ANDES</t>
  </si>
  <si>
    <t>MIS CARIÑITOS</t>
  </si>
  <si>
    <t>CR 51 # 50 75 BRR CENTRO CCIAL FUNDADORES</t>
  </si>
  <si>
    <t>CR 8 # 8 56 BRR CENTRO</t>
  </si>
  <si>
    <t>PUNTOSERVIS SOACHA 1</t>
  </si>
  <si>
    <t>CL 30 # 8 21 - ESTE BRR SAN MATEO</t>
  </si>
  <si>
    <t>FERRETERIA LA UNCION</t>
  </si>
  <si>
    <t>CR 32 # 19 04 BRR ALTOS DE PLAN PAREJO</t>
  </si>
  <si>
    <t>MEBE CELL</t>
  </si>
  <si>
    <t>CRA 66 3 C 07</t>
  </si>
  <si>
    <t>MAKROCELL EL PLACER</t>
  </si>
  <si>
    <t>CR 2 # 4 69 / P 1 BRR VILLA NELLY</t>
  </si>
  <si>
    <t>ALIANZA POR LA VIDA</t>
  </si>
  <si>
    <t>CL 44 NORTE 2E 17</t>
  </si>
  <si>
    <t>MULTISER</t>
  </si>
  <si>
    <t>CL 50 # 50 22 BRR MARULANDA</t>
  </si>
  <si>
    <t>MERCADOS SAN FELIPE</t>
  </si>
  <si>
    <t>CR 57 # 42 70 BRR SANTA ANA</t>
  </si>
  <si>
    <t>DATA PHONE WF</t>
  </si>
  <si>
    <t>CL 3 SUR # 19 7 / LC 102 BRR SAN ANTONIO</t>
  </si>
  <si>
    <t>ALMACENES TAYRONA</t>
  </si>
  <si>
    <t>CR 19 # 18 51 - SUR BRR RESTREPO</t>
  </si>
  <si>
    <t>COMERCIALIZADORAY DISTRIBUIDORA TORRES SAS</t>
  </si>
  <si>
    <t>CL 90 # 85 A 04 / LC 1 BRR LA SERENA</t>
  </si>
  <si>
    <t xml:space="preserve">CIGARRERIA SURTI MAX </t>
  </si>
  <si>
    <t>CRA. 52 #178-13 BOGOTA COLOMBIA</t>
  </si>
  <si>
    <t>RONCAFLEX</t>
  </si>
  <si>
    <t>KR 82 C NO 73 B SUR - 31 PL1</t>
  </si>
  <si>
    <t>PAPAELERIA J Y L</t>
  </si>
  <si>
    <t>CRA 114C 147A 53</t>
  </si>
  <si>
    <t>ALCONTEL.COM</t>
  </si>
  <si>
    <t>CL 151 A # 92 94 BRR BOSQUES DE SAN JORGE</t>
  </si>
  <si>
    <t>ANA CAROLINA COMUNICACIONES</t>
  </si>
  <si>
    <t>CR 121 # 63 B 23 BRR ENGATIVA</t>
  </si>
  <si>
    <t>DROGUERIA GARDEN</t>
  </si>
  <si>
    <t>DG 74 SUR 27 M 73</t>
  </si>
  <si>
    <t>MI ESTUDIO DIGITAL</t>
  </si>
  <si>
    <t>CARRERA 80 J # 75 - 53 SUR</t>
  </si>
  <si>
    <t>ISAFARMA1</t>
  </si>
  <si>
    <t>CL 67 B SUR NO3-16</t>
  </si>
  <si>
    <t>SUPERMERCADO</t>
  </si>
  <si>
    <t>CL 73 # 88 B 31 - SUR BRR BOSA</t>
  </si>
  <si>
    <t>PAPELERIA E INTERNET  JESER.NET</t>
  </si>
  <si>
    <t>CL 2 # 7 05 BRR COMUNEROS</t>
  </si>
  <si>
    <t>COLPAGOS AYAPEL</t>
  </si>
  <si>
    <t>CR 9 # 3 16 BRR ALBERTO LLERAS CAMARGO</t>
  </si>
  <si>
    <t>MINIEXPRESS KENNEDY BRR BOITA</t>
  </si>
  <si>
    <t>CL 45 # 72 K 03 BRR BOITA</t>
  </si>
  <si>
    <t>COLPAGOS EL CAMU</t>
  </si>
  <si>
    <t>CR 4 # 21 D 24 BRR EL AMPARO</t>
  </si>
  <si>
    <t>AV BOYACA 15 98 BOYACA 15 98 BOYACA 15 98 BOYACA 15 98 LC 1-099 CC EL EDEN BOYACA 15 98 LC 1-099 CC EL EDEN BRR ALSACIA</t>
  </si>
  <si>
    <t>A B C LIBRERIA NO. 2</t>
  </si>
  <si>
    <t>CL 9 6 82 P 1 LC 101</t>
  </si>
  <si>
    <t>TRAMITES PAOLA</t>
  </si>
  <si>
    <t>CR 15 # 30 A 10 / LC 101 BRR FLORESTA</t>
  </si>
  <si>
    <t>DROGUERIA VIVES</t>
  </si>
  <si>
    <t>AK 9 NO 146 80 LC 3</t>
  </si>
  <si>
    <t>PAPELERIA HIGH CLASS</t>
  </si>
  <si>
    <t>CRA 7 A 127 33 LOCAL 2</t>
  </si>
  <si>
    <t>SISTEMAS INTEGRALES EN TECNOLOGIA</t>
  </si>
  <si>
    <t>DG 14 BIS # 105 98 BRR FONTIBON CENTENARIO</t>
  </si>
  <si>
    <t>CAMBIOSWOW</t>
  </si>
  <si>
    <t>CR 70 # 67 A 30 BRR LA ESTRADA</t>
  </si>
  <si>
    <t>FAST SHOPPING FGR</t>
  </si>
  <si>
    <t>CL. 19 #12-42 BOGOTï¿ COLOMBIA</t>
  </si>
  <si>
    <t>PALACIO LITERARIO</t>
  </si>
  <si>
    <t>CRA. 114 #79-13 BOGOTA COLOMBIA</t>
  </si>
  <si>
    <t>SUPERMARKET PRADO VERDE</t>
  </si>
  <si>
    <t>CL 167 D 8 58 LC 1 - 2</t>
  </si>
  <si>
    <t>SALOM ASESORES PROFESIONALES LTDA</t>
  </si>
  <si>
    <t>CL 13 # 33 10 / LC 2 BRR ZONA INDUSTRIAL</t>
  </si>
  <si>
    <t>SALA DE INTERNET PAPELERIA LYT</t>
  </si>
  <si>
    <t>CL. 52 #24B-26 CALI VALLE DEL CAUCA COLOMBIA</t>
  </si>
  <si>
    <t>PAPELERIA Y VARIEDADES COY COLORS</t>
  </si>
  <si>
    <t>CR 50 A # 118 19 BRR PABLO VI</t>
  </si>
  <si>
    <t>VARIEDADES  DETALLES ENCANTO</t>
  </si>
  <si>
    <t>CL. 97A #24F-43 MEDELLIN POPULAR MEDELLIN ANTIOQUIA COLOMBIA</t>
  </si>
  <si>
    <t>DROGUERIA Y MINIMARKET FARMA DASAN</t>
  </si>
  <si>
    <t>CRA 103 B 151 C 33 SUBA TURINGIA</t>
  </si>
  <si>
    <t>JEIMY MONCADA</t>
  </si>
  <si>
    <t>CLL 131 NO. 102A - 10</t>
  </si>
  <si>
    <t>PAPELERIA ALEJANDRA 147</t>
  </si>
  <si>
    <t>CALLE 147 12 27</t>
  </si>
  <si>
    <t>MISCELANEA Y PAPELERIA JACQUI</t>
  </si>
  <si>
    <t>CARRERA 105 F 67 - 20</t>
  </si>
  <si>
    <t>LA GRAN FAMILIA</t>
  </si>
  <si>
    <t>CR 12 # 10 39 BRR SANTA INES</t>
  </si>
  <si>
    <t>TELECOMUNICACIONES LA CRECIENTE 2</t>
  </si>
  <si>
    <t>CL 51 SUR 91A 18</t>
  </si>
  <si>
    <t>MISCELANEA Y PAPELERIA PIPELIN</t>
  </si>
  <si>
    <t>CL 87 B SUR # 3 A 24 BRR CHUNIZA</t>
  </si>
  <si>
    <t>MISCELANEA SAMUEL SANTIAGO</t>
  </si>
  <si>
    <t>KR 7 ESTE NO 97 B SUR 60</t>
  </si>
  <si>
    <t>CABINAS CONTINENTAL</t>
  </si>
  <si>
    <t>TV 14 B ESTE NO 57 SUR - 03 PL 1</t>
  </si>
  <si>
    <t>CAFE INTERNET LA 64</t>
  </si>
  <si>
    <t>CL 64 OESTE # 1 21 BRR BOSQUES DE SAN MARTIN</t>
  </si>
  <si>
    <t>YOLOMBÓ</t>
  </si>
  <si>
    <t>PAPELERIA PUNTO COM</t>
  </si>
  <si>
    <t>DG 19 # 18 B 52 BRR CENTRO</t>
  </si>
  <si>
    <t>PAGO FÃCIL 3</t>
  </si>
  <si>
    <t>CL 11 A # 6 35 BRR CENTRO</t>
  </si>
  <si>
    <t>FULL COPIAS</t>
  </si>
  <si>
    <t>CL 12 9 28 LC 01</t>
  </si>
  <si>
    <t>COMUNICACIONES ALEJO</t>
  </si>
  <si>
    <t>CR 3 # 5 59 BRR CENTRO</t>
  </si>
  <si>
    <t>SUPERMERCADO EL NUEVO BOSQUE</t>
  </si>
  <si>
    <t>CR 22 # 8 13 BRR EL EDEN</t>
  </si>
  <si>
    <t>PAPELERA GABRIELITA</t>
  </si>
  <si>
    <t>CL. 41 SUR #81C-64 BOGOT COLOMBIA</t>
  </si>
  <si>
    <t>TIENDAS V.E.C.I</t>
  </si>
  <si>
    <t>CL 48 X # 5 18 - SUR BRR DIANA TURBAY</t>
  </si>
  <si>
    <t>KR 78 C NO 71 B SUR - 27 LC 1</t>
  </si>
  <si>
    <t>GLOBAL PAGOS Y SERVICIOS</t>
  </si>
  <si>
    <t>CRA 17 C 66 A SUR 09</t>
  </si>
  <si>
    <t>UNA BUENA IMPRESION</t>
  </si>
  <si>
    <t>KR 89C 40A SUR 13</t>
  </si>
  <si>
    <t>LICORERA Y VARIEDADES NEWO</t>
  </si>
  <si>
    <t>CALLE 44 B SUR# 10-02</t>
  </si>
  <si>
    <t>TORRES DE SUBA</t>
  </si>
  <si>
    <t>CL 139 # 103 F 82 BRR SUBA COSTA AZUL</t>
  </si>
  <si>
    <t>HABLAMEALCELU</t>
  </si>
  <si>
    <t>CR 9 ESTE # 36 J 13 - SUR BRR SAN VICENTE</t>
  </si>
  <si>
    <t>ALVARO FRANCO</t>
  </si>
  <si>
    <t>CR 8 # 56 92 BRR CHAPINERO</t>
  </si>
  <si>
    <t>PAPELERIA YAYIS</t>
  </si>
  <si>
    <t>CL 74 B BIS SUR # 14 - 29 BRR EL CORTIJO</t>
  </si>
  <si>
    <t>CR 45 # 146 48 / CC GRANADA HILLS LC 123 BRR NUEVA AUTOPISTA PARK</t>
  </si>
  <si>
    <t>AGENCIA AVENIDA CHILE</t>
  </si>
  <si>
    <t>CR 12 # 71 55 BRR AV CHILE</t>
  </si>
  <si>
    <t>TIENDA MIXTA SANTILI</t>
  </si>
  <si>
    <t>CR 28 A # 50 49 BRR SINDICAL</t>
  </si>
  <si>
    <t>ALMACEN Y COMPRAVENTA DIANA VILLAS DE VERACRUZ</t>
  </si>
  <si>
    <t>CL 58 A 1 B BIS 12</t>
  </si>
  <si>
    <t>COPIAS  COPIAS</t>
  </si>
  <si>
    <t>CL CALDAS NRO. 77</t>
  </si>
  <si>
    <t>CENTRO DE SOLUCIONES INTELIGENTE</t>
  </si>
  <si>
    <t>CL 48 5-80 NORTE COMPONENTES DEL COSTO</t>
  </si>
  <si>
    <t>GUACHUCAL</t>
  </si>
  <si>
    <t>PUNTOVIRTUALMV</t>
  </si>
  <si>
    <t>CRA 5 NO. 72-16-21</t>
  </si>
  <si>
    <t>EL COMBATE</t>
  </si>
  <si>
    <t>CRA 64 A 111 F 06</t>
  </si>
  <si>
    <t>TECNOSOLUCIONES JERICO</t>
  </si>
  <si>
    <t>CL 5 # 4 37 BRR CALLE DEL COMERCIO</t>
  </si>
  <si>
    <t xml:space="preserve">BARBER WORLD ALMACEN Y TALLER </t>
  </si>
  <si>
    <t>CR 15 N 15B-18</t>
  </si>
  <si>
    <t>SERVICIOS MILENIUM JB</t>
  </si>
  <si>
    <t>CR 17 # 56 05 - SUR BRR SAN CARLOS</t>
  </si>
  <si>
    <t>COMUNICACIONES MG1</t>
  </si>
  <si>
    <t>AV. DE LAS AMERICAS #82-28 BOGOTA COLOMBIA</t>
  </si>
  <si>
    <t>ALMACEN DE DETALLES GAVI</t>
  </si>
  <si>
    <t>CRA 22 6 38 SUR</t>
  </si>
  <si>
    <t>CAFE - INTERNET EL DOGOR</t>
  </si>
  <si>
    <t>CL 23 # 16 - 55 BRR SANTA FE</t>
  </si>
  <si>
    <t>TAURO Y LIBRA CAFE INTERNET</t>
  </si>
  <si>
    <t>CL 81 SUR # 8 - 04 BRR YOMASA</t>
  </si>
  <si>
    <t>COLPAGOS VILLAMERY 2</t>
  </si>
  <si>
    <t>CL 22 MZ A-10 APTO 101 BRR VILLAMERY</t>
  </si>
  <si>
    <t>MATIAGO COMUNICACIONES</t>
  </si>
  <si>
    <t>CL 9 # 10 01 BRR LA CITA</t>
  </si>
  <si>
    <t>KRA12#3-53</t>
  </si>
  <si>
    <t>MUNDIPAGOSLF</t>
  </si>
  <si>
    <t>CR 34 # 102 76 BRR SANTO DOMINGO</t>
  </si>
  <si>
    <t>AGROSANTAROSA CV</t>
  </si>
  <si>
    <t>AVDA 38 CR 31-160</t>
  </si>
  <si>
    <t>SERVIFERGU</t>
  </si>
  <si>
    <t>CL 2 A # 96 K 29 BRR COFRADIA FONTIBON</t>
  </si>
  <si>
    <t>SEOR DE LOS MILAGROS DE SATIVASUR</t>
  </si>
  <si>
    <t>CR 5 A # 27 88 - SUR BRR VEINTE DE JULIO</t>
  </si>
  <si>
    <t>AUTOSERVICIO ATLANTA LL</t>
  </si>
  <si>
    <t>CL. 58A SUR #49-1 BOGOTA COLOMBIA</t>
  </si>
  <si>
    <t>SUPERMERCADO NUEVA IMAGEN</t>
  </si>
  <si>
    <t>CL. 53 SUR #12A ESTE-8 BOGOTA COLOMBIA</t>
  </si>
  <si>
    <t>CIGARRERIA  DULCERIA EL PUNTO</t>
  </si>
  <si>
    <t>CL 77 SUR # 71 22 / IN 1 BRR CARACOLI</t>
  </si>
  <si>
    <t>PUNTO 15 LIVI</t>
  </si>
  <si>
    <t>CR 15 # 7 40 BRR LA ESTANZUELA</t>
  </si>
  <si>
    <t>DROGUERIA Y MINI MARKET ALTAVISTA</t>
  </si>
  <si>
    <t>ACRA 80 G # 6 - 19 LC P 1</t>
  </si>
  <si>
    <t>DROGUERIA FARMA LINE</t>
  </si>
  <si>
    <t>TV 53 A 1 B 58</t>
  </si>
  <si>
    <t>DUNCAR COWORKING</t>
  </si>
  <si>
    <t>CL 16 # 21 11 BRR MARIA MILENA UNO</t>
  </si>
  <si>
    <t>CR 86 # 55 A 75 / CEN CC NUESTRO BOGOTA LC 1-167 BRR ENGATIVA</t>
  </si>
  <si>
    <t>MISCELANIA MARIANA</t>
  </si>
  <si>
    <t>CR 11 A # 24 38 BRR CENTRO</t>
  </si>
  <si>
    <t>PUPIALES</t>
  </si>
  <si>
    <t>SERVYCONT</t>
  </si>
  <si>
    <t>CRA 4 5 76 BRR CENTRO</t>
  </si>
  <si>
    <t>LEMS MULTISERVICIOS</t>
  </si>
  <si>
    <t>CL 77 # 44 18 BRR VELODROMO</t>
  </si>
  <si>
    <t>CIGARRERIA Y DULCERIA VLA</t>
  </si>
  <si>
    <t>KR 72HNO 41 A SUR OE</t>
  </si>
  <si>
    <t>SALA DE BELLEZA Y ESTTICA FACTORY</t>
  </si>
  <si>
    <t>CR 87 D # 42 A 19 - SUR / MZ 1 LC 10 BRR TINTALITO</t>
  </si>
  <si>
    <t>TRUST ENTERPRISE MONEY SAS</t>
  </si>
  <si>
    <t>CL 122 # 15 09 / LC 220 BRR CHICO</t>
  </si>
  <si>
    <t>ES&amp;CA</t>
  </si>
  <si>
    <t>CLL70 DBIS 111C-90</t>
  </si>
  <si>
    <t>EL PAPEL AZUL</t>
  </si>
  <si>
    <t>CR 107 B # 132 D 46 BRR ALCAPARROS</t>
  </si>
  <si>
    <t>SERVICIO TECNICO Y COMUNICACIONES JS</t>
  </si>
  <si>
    <t>CL 73 A # 1 I BIS 23 / AP 101 BRR PETECUY</t>
  </si>
  <si>
    <t>MISCELNEA DAMD</t>
  </si>
  <si>
    <t>CL 79 SUR # 88 I 16 BRR POTRERITOS</t>
  </si>
  <si>
    <t>CIBERCADE ALL BANK SERVICES</t>
  </si>
  <si>
    <t>CL 72 A # 87 J 04 BRR SAN BERNANDINO</t>
  </si>
  <si>
    <t>KR 24 NO 2 - 19 AP 101</t>
  </si>
  <si>
    <t>COMPUMUNDO HIPER MEGA RED</t>
  </si>
  <si>
    <t>CR 123 # 64 21 / LC 2 BRR ENGATIVA</t>
  </si>
  <si>
    <t>ANDRES DAVID ROZO RUBIO 2</t>
  </si>
  <si>
    <t>AV DORADO 84 A 55 LC 147 CCIAL DORADO PLAZA</t>
  </si>
  <si>
    <t>NCE</t>
  </si>
  <si>
    <t>CL 134 # 157 05 BRR SANTA CECILIA</t>
  </si>
  <si>
    <t>PAPELERIA TAUROS</t>
  </si>
  <si>
    <t>CL 42 SUR # 79 F 43 BRR KENNEDY</t>
  </si>
  <si>
    <t>DROGUERIA MAXI DROGAS</t>
  </si>
  <si>
    <t>CRA 39 42 A 29</t>
  </si>
  <si>
    <t>INTER@CELL.COM</t>
  </si>
  <si>
    <t>CL 61 # 53 31 BRR JESUS</t>
  </si>
  <si>
    <t>CONEXION DIGITAL</t>
  </si>
  <si>
    <t>CRA. 54 #50A SUR-33 BOGOT COLOMBIA</t>
  </si>
  <si>
    <t>PAPELERIA JA MONSTER</t>
  </si>
  <si>
    <t>CL 6 A # 89 47 BRR TINTALIA</t>
  </si>
  <si>
    <t>CL 143 B NO 149 A -22 LC 3</t>
  </si>
  <si>
    <t>SERGIO.COM1</t>
  </si>
  <si>
    <t>CR 65 # 58 3 / LC 4 BRR MADELENA</t>
  </si>
  <si>
    <t>PLAZA DE MERCADO TRES ESQUINAS</t>
  </si>
  <si>
    <t>CL 33 BIS SUR # 12 I 04 BRR SAN PABLO</t>
  </si>
  <si>
    <t>CL 13 # 11 03 / ESQ BRR CENTRO</t>
  </si>
  <si>
    <t>CR 7 # 7 13 / LC 02 BRR CENTRO</t>
  </si>
  <si>
    <t>CR 65 # 11 48 / CC PLAZA CENTRAL LC 103 BRR PLAZA CENTRAL</t>
  </si>
  <si>
    <t>PUNTOSERVIS TURBO ANTIOQUIA</t>
  </si>
  <si>
    <t>CR 15 # 101 22 BRR BALTAZAR</t>
  </si>
  <si>
    <t>MAXIPUNTO</t>
  </si>
  <si>
    <t>CL 10 # 12 17 BRR CHAPINERO</t>
  </si>
  <si>
    <t>LINARES</t>
  </si>
  <si>
    <t>HELADERIA Y COMIDAS RAPIDAS SALOME</t>
  </si>
  <si>
    <t>CR 4 # 4 28 BRR GOLGOTA SECTOR SAGRADA FAMILIA</t>
  </si>
  <si>
    <t>VARIEDADES JHOMAR</t>
  </si>
  <si>
    <t>CR 52 B # 67 5 BRR MIRADOR</t>
  </si>
  <si>
    <t>LINDA STAR Y</t>
  </si>
  <si>
    <t>CR 72 # 20 E 17 BRR PARIS</t>
  </si>
  <si>
    <t>PAPELERIA CHIQUIS</t>
  </si>
  <si>
    <t>CL 42 G # 97 D 16 - SUR BRR JAZMIN OCCIDENTAL</t>
  </si>
  <si>
    <t>SOTO Y OSORNO COMUNICACIONES SAS</t>
  </si>
  <si>
    <t>AC 51 SUR # 9 30 / LC 223 BRR MOLINOS DEL SUR</t>
  </si>
  <si>
    <t>CAFECOLOMBIA</t>
  </si>
  <si>
    <t>CR 45 # 24 86 / LC 106 BRR QUINTA PAREDES</t>
  </si>
  <si>
    <t>BARUCH</t>
  </si>
  <si>
    <t>KR 11 NO 67 A SUR - 85 LC 1</t>
  </si>
  <si>
    <t>D EDUARDS</t>
  </si>
  <si>
    <t>CL 25 G 85 B 39</t>
  </si>
  <si>
    <t>EKOMARKET PREMIUM</t>
  </si>
  <si>
    <t>CRA 80 71 - 69</t>
  </si>
  <si>
    <t>COLPAGOS CURUMANI 2</t>
  </si>
  <si>
    <t>CR 7 # 7 16 BRR CENTRO</t>
  </si>
  <si>
    <t>MINIEXPRESS PALMAR DE VARELA BARRIO CENTRO</t>
  </si>
  <si>
    <t>CL 4 # 05 16 BRR CENTRO</t>
  </si>
  <si>
    <t>PUNTOSERVIS CALI 7</t>
  </si>
  <si>
    <t>CR 4 NORTE # 72 G 18 - NORTE BRR FLORALIA</t>
  </si>
  <si>
    <t>COMERCIALIZADORA TIQUISIANA DEL SUR #2</t>
  </si>
  <si>
    <t>CR 2 A # 14 D 35 BRR CENTRO</t>
  </si>
  <si>
    <t>AROMANET.COM</t>
  </si>
  <si>
    <t>CL 16 # 16 B 34 BRR BOSTON</t>
  </si>
  <si>
    <t>DROGMEDIK GS</t>
  </si>
  <si>
    <t>CL 53 A 56 81</t>
  </si>
  <si>
    <t>DROGUERIA NUEVA IMAGEN #2</t>
  </si>
  <si>
    <t>CL 124 50 BA 07</t>
  </si>
  <si>
    <t>FLASH FOTOS</t>
  </si>
  <si>
    <t>CL 124 # 51 C 2 BRR PLAYON</t>
  </si>
  <si>
    <t>VARIEDADES YACOB</t>
  </si>
  <si>
    <t>CR 111 A # 16 H 33 BRR BAHIA SOLANO</t>
  </si>
  <si>
    <t>CIGARRERIA Y LICORERA ME SALVE</t>
  </si>
  <si>
    <t>CR 97 # 23 F 35 BRR ARABIA</t>
  </si>
  <si>
    <t>DROGUERIA NUEVA FLOR 2</t>
  </si>
  <si>
    <t>CRA 36 SUR 17 B - 84</t>
  </si>
  <si>
    <t>VADANCA 2</t>
  </si>
  <si>
    <t>CR 97 F # 26 71 - SUR / CA 1 CONJUNTO PRADO DEL TINTAL BRR TIERRA BUENA</t>
  </si>
  <si>
    <t>CAPZ COMUNICACIONES</t>
  </si>
  <si>
    <t>CL 132 D # 129 - 87 PISO 1</t>
  </si>
  <si>
    <t>BREYNITEL 2</t>
  </si>
  <si>
    <t>DG 43 A SUR # 8 49 - ESTE BRR LA GLORIA ORIENTAL</t>
  </si>
  <si>
    <t>ALMACEN LA UNIVERSAL DE LA TOSCANA</t>
  </si>
  <si>
    <t>CL 132 D # 136 29 / LC 12 BRR TOSCANA</t>
  </si>
  <si>
    <t>LUDIFARMA</t>
  </si>
  <si>
    <t>TRANSVERSAL 93 129 22</t>
  </si>
  <si>
    <t>COSMONET</t>
  </si>
  <si>
    <t>CR 101 B # 137 A 26 BRR SUBA LA TRINATARIA</t>
  </si>
  <si>
    <t>EXPRESS BOSA BRR PABLO VI</t>
  </si>
  <si>
    <t>CR 77 I BIS # 69 B 83 BRR PABLO VI</t>
  </si>
  <si>
    <t>PUNTOSEVIS CUCUTA 4</t>
  </si>
  <si>
    <t>AV 11 # 3 A 36 / AUT BRR CARORA</t>
  </si>
  <si>
    <t>SERVICOMUNICACIONES</t>
  </si>
  <si>
    <t>CR 3 # 6 68 BRR BOLIVAR</t>
  </si>
  <si>
    <t>CUMBITARA</t>
  </si>
  <si>
    <t>VARIEDADES WILSON CUMBITARA</t>
  </si>
  <si>
    <t>BARRIO VILLA HERMOSA DE CUMBITARA</t>
  </si>
  <si>
    <t>DUQUE VILLALBA S.A.S.</t>
  </si>
  <si>
    <t>CL 70 # 8 93 BRR SIETE DE AGOSTO</t>
  </si>
  <si>
    <t>SAMANIEGO</t>
  </si>
  <si>
    <t>LIBRERIA Y PAPELERIA ESTELAR</t>
  </si>
  <si>
    <t>CRA 3 2 19 BARRIO PROGRESO</t>
  </si>
  <si>
    <t>OLAYA HERRERA</t>
  </si>
  <si>
    <t>CACHARRERIA EL AVISPERO</t>
  </si>
  <si>
    <t>CL DEL COMERCIO 1 BRR OLAYA HERRERA</t>
  </si>
  <si>
    <t>TRAMITES SERVITRANS 2</t>
  </si>
  <si>
    <t>CR 10 # 13 60 BRR LIBERTADORES</t>
  </si>
  <si>
    <t>DROGUERIA C.M.A.</t>
  </si>
  <si>
    <t>DG 65 47 B 10</t>
  </si>
  <si>
    <t>CR 14 # 75 65 BRR SANTA LIBRADA</t>
  </si>
  <si>
    <t>TIENDA ROSITA LA 72</t>
  </si>
  <si>
    <t>CR 69 J # 72 72 BRR FERIAS</t>
  </si>
  <si>
    <t>PAPELERï¿­A ZAPFOR</t>
  </si>
  <si>
    <t>CR 61 B N 51 A 39 SUR</t>
  </si>
  <si>
    <t>PAPELERIA ARCO IRIS 247</t>
  </si>
  <si>
    <t>CL 42 G # 86 D 11 BRR TINTALITO</t>
  </si>
  <si>
    <t>CAFETERIA LUCIANA</t>
  </si>
  <si>
    <t>CL. 8 #15A-22 BOGOTA COLOMBIA</t>
  </si>
  <si>
    <t>TELECOMUNICACIONES PATY</t>
  </si>
  <si>
    <t>CR 78 C # 65 J 64 - SUR BRR BOSA LA AMISTAD</t>
  </si>
  <si>
    <t>COMUNIACIONES MARCELA</t>
  </si>
  <si>
    <t>AC 19 NO 25 04 CD 6 ARM 2 LC 81376</t>
  </si>
  <si>
    <t>DIANA CONSIELO ARIAS</t>
  </si>
  <si>
    <t>KR 37 13 0132 T11 00204</t>
  </si>
  <si>
    <t>MULTISERVICIOS LALO</t>
  </si>
  <si>
    <t>CL 80 102 64 LC 12 BRR BOCHICA</t>
  </si>
  <si>
    <t>ANDMONIK</t>
  </si>
  <si>
    <t>CR 75 # 57 R 27 BRR ESTANCIA</t>
  </si>
  <si>
    <t>RESTAURANTE VIEJOTECA EL ARTISTICO</t>
  </si>
  <si>
    <t>CL. 24 #6A-42 BOGOT COLOMBIA</t>
  </si>
  <si>
    <t>DISTRIBUIDORA DE BELLEZA JYC</t>
  </si>
  <si>
    <t>CL 93 # 94 A 15 BRR LUIS CARLOS GALAN</t>
  </si>
  <si>
    <t>DISTRIBUIDORA JYC</t>
  </si>
  <si>
    <t>AK 24 # 63 F 39 BRR SIETE DE AGOSTO</t>
  </si>
  <si>
    <t>DETALLITOS CON AMOR Y MUCHO MAS</t>
  </si>
  <si>
    <t>CL 40 A BIS 51 B 05 SUR</t>
  </si>
  <si>
    <t>MISCELANEA PAPELERÃA</t>
  </si>
  <si>
    <t>CL 22 B # 25 57 / LC 16 BRR SAMPEDRANOS MENDOZA</t>
  </si>
  <si>
    <t>PAPELERIA SOFI</t>
  </si>
  <si>
    <t>CL 45 C # 23 A - 85 BRR LOS OLIVOS - SOACHA</t>
  </si>
  <si>
    <t>LIBRERIA Y PAPELERIA FERIA COLEGIAL</t>
  </si>
  <si>
    <t>TV 7 # 31 A 28 BRR NUEVO HABITAT</t>
  </si>
  <si>
    <t>PUNTOSERVIS VALLEDUPAR 7</t>
  </si>
  <si>
    <t>CL 6 # 41 28 BRR LA NEVADA</t>
  </si>
  <si>
    <t>ORIGAMIX PAPELERIA</t>
  </si>
  <si>
    <t>CL 19 # 2 74 BRR EL HATO FIUNZA</t>
  </si>
  <si>
    <t>COPACABANA</t>
  </si>
  <si>
    <t>RAPIPAGOS</t>
  </si>
  <si>
    <t>CR 51 CL 50-30</t>
  </si>
  <si>
    <t>ENVIPAGOS</t>
  </si>
  <si>
    <t>CR 43 A # 10 02 BRR CENTRO</t>
  </si>
  <si>
    <t>DROGUERIA ETICA  SALUD</t>
  </si>
  <si>
    <t>CL 58 SUR NO 102 A - 03 CA 1</t>
  </si>
  <si>
    <t>DANKEMA</t>
  </si>
  <si>
    <t>AC 6 # 73 A 53 BRR MANDALAY</t>
  </si>
  <si>
    <t>CIBERMARKET</t>
  </si>
  <si>
    <t>CRA. 18F #9221 BOGOTA COLOMBIA</t>
  </si>
  <si>
    <t>DROGUERIA LISBOA J VARGAS</t>
  </si>
  <si>
    <t>CL 67 B 65 A 44</t>
  </si>
  <si>
    <t>ROSMA CAFE INTERNET</t>
  </si>
  <si>
    <t>CALLE 129C # 102 - 04</t>
  </si>
  <si>
    <t>CELUMAXSTORE</t>
  </si>
  <si>
    <t>CRA 93 NO 128 16</t>
  </si>
  <si>
    <t>MISCELANEA INSUPERABLE</t>
  </si>
  <si>
    <t>TV 18 I # 67 A 63 - SUR BRR LUCERO MEDIO</t>
  </si>
  <si>
    <t>DROGUERIA FONTANA DE CAPRI</t>
  </si>
  <si>
    <t>CL. 182 #8-1 BOGOTA COLOMBIA</t>
  </si>
  <si>
    <t>SURTI DROGAS SD</t>
  </si>
  <si>
    <t>DG 38 A 14 A 20 SUR</t>
  </si>
  <si>
    <t>EXPRESS KENNEDY BRR NUEVA ROMA</t>
  </si>
  <si>
    <t>CL 52 A SUR # 77 M 04 BRR NUEVA ROMA</t>
  </si>
  <si>
    <t>ALIADO PLUS CALAMAR</t>
  </si>
  <si>
    <t>CL 6 # 7 A 05 BRR CALAMAR</t>
  </si>
  <si>
    <t>MINIEXPRESS SABANALARGA BRR CORDIALIDAD</t>
  </si>
  <si>
    <t>CL 27 # 22 67 / LC 5 BRR CORDIALIDAD</t>
  </si>
  <si>
    <t>EXPRESS SERVICIOS</t>
  </si>
  <si>
    <t>SEC 1 MZ 12 C CA 17 BRR POBLADO CAMPESTRE</t>
  </si>
  <si>
    <t>MUTIVARIEDADES Y SERVICIOS G.I.</t>
  </si>
  <si>
    <t>CRA 3 NRO 7 51 B/ LA UNION</t>
  </si>
  <si>
    <t>DIEGO ANDRS OCAMPO MENESES</t>
  </si>
  <si>
    <t>CL 12 # 8 49 BRR CORREGIMIENTO ROZO</t>
  </si>
  <si>
    <t>CAÑASGORDAS</t>
  </si>
  <si>
    <t>PAPELERIA Y VARIEDADES LA MILAGROSA CAASGORDAS</t>
  </si>
  <si>
    <t>CR BOLIVAR 24 - 315 BRR PARQUE LOS LIBERTADORES</t>
  </si>
  <si>
    <t>EVOLUTION COMUNICACIONES</t>
  </si>
  <si>
    <t>CRA. 7B BIS #155A-14 BOGOTA COLOMBIA</t>
  </si>
  <si>
    <t>MULTISERVICOS ONLINE FARECAL</t>
  </si>
  <si>
    <t>CRA. 88H BIS #42 SUR-81 BOGOTA COLOMBIA</t>
  </si>
  <si>
    <t>CLIPBOARD PAPELERIAS</t>
  </si>
  <si>
    <t>CRA. 53C BIS #5A-1 BOGOTA COLOMBIA</t>
  </si>
  <si>
    <t>PAPELERIA Y CACHARRERIA DISMAR</t>
  </si>
  <si>
    <t>CL 108 SUR 7D ESTE 18</t>
  </si>
  <si>
    <t>TECNOLOGA GAMER ST1VEN</t>
  </si>
  <si>
    <t>CL 33 SUR # 87 F 47 BRR PATIO BONITO</t>
  </si>
  <si>
    <t>DROGUERIA QUIPHARMA</t>
  </si>
  <si>
    <t>CR 79 A # 11 B 40 / BL E LC 1 BRR NUEVO TECHO</t>
  </si>
  <si>
    <t>PLAYITA JOYA</t>
  </si>
  <si>
    <t>CL 9 # 32 69 BRR PENSILVANIA</t>
  </si>
  <si>
    <t>DROGUERIA DON GUILLERMO II</t>
  </si>
  <si>
    <t>CRA 7 # 6 A 52 LC 6</t>
  </si>
  <si>
    <t>TRUJILLO</t>
  </si>
  <si>
    <t>DELI AREPAS LA CUMBRE.</t>
  </si>
  <si>
    <t>CRA 20 22 73 DE TRUJILLO</t>
  </si>
  <si>
    <t>DROGUERIA MEDICAR CARTAGO 4</t>
  </si>
  <si>
    <t>CRA 5A 21A 103 M 14 L 1</t>
  </si>
  <si>
    <t>CR 15 NO. 9 A - 132 AV SANTANDER</t>
  </si>
  <si>
    <t xml:space="preserve">KORDOBAN DEL RESTREPO </t>
  </si>
  <si>
    <t>CL 20 SUR 24H 0022 02 00002</t>
  </si>
  <si>
    <t>VARIEDADES DORITA</t>
  </si>
  <si>
    <t>CRA 8 B 4 74 SUR</t>
  </si>
  <si>
    <t>MEGANET 2</t>
  </si>
  <si>
    <t>CR 78 F # 58 05 - SUR BRR LA CECILIA</t>
  </si>
  <si>
    <t>JR CELLCITY</t>
  </si>
  <si>
    <t>CL 54 SUR # 80 F 18 BRR KENEDY</t>
  </si>
  <si>
    <t>PAO.COM</t>
  </si>
  <si>
    <t>CRA. 13 #3-21 BOGOT COLOMBIA</t>
  </si>
  <si>
    <t>COLMENA DROGUERIA</t>
  </si>
  <si>
    <t>CL 131 # 102 04 BRR AURES UNO</t>
  </si>
  <si>
    <t>SOTO  OSORNO COMUNICACIONES SAS</t>
  </si>
  <si>
    <t>CR 34 # 33 78 / LC 15 CC MIRAFLOREZ BRR CIUDAD VERDE</t>
  </si>
  <si>
    <t>SANTIAGO DE TOLÚ</t>
  </si>
  <si>
    <t>DROGUERIA Y PAPELERIA MODERNA</t>
  </si>
  <si>
    <t>CL 15 # 6 46 BRR LAS FLORES</t>
  </si>
  <si>
    <t>PUNTORED MOVIL FCF</t>
  </si>
  <si>
    <t>CR 20 # 13 02 / ESQ BRR BELLO HORIZONTE</t>
  </si>
  <si>
    <t>CR 71 D # 6 94 - SUR / CC PLAZA AMERICAS LC 1703A BRR PLAZA AMERICAS</t>
  </si>
  <si>
    <t>PUNTOSERVIS PUERTO GAITAN</t>
  </si>
  <si>
    <t>VDA CRISTALINA CRISTALINA LOCAL 3 BRR PUERT GAITAN</t>
  </si>
  <si>
    <t>PAPELERIA SACHAMATE</t>
  </si>
  <si>
    <t>CL. 12 #18-20 JAMUNDI VALLE DEL CAUCA COLOMBIA</t>
  </si>
  <si>
    <t>RECAUDOS INTERMEDIA</t>
  </si>
  <si>
    <t>CR 78 # 101 B 20 BRR DOCE DE OCTUBRE</t>
  </si>
  <si>
    <t>EM.COM PAPELERIA</t>
  </si>
  <si>
    <t>CRA 84 91B 05 LOCAL 2</t>
  </si>
  <si>
    <t>DROGUERIA PALAU</t>
  </si>
  <si>
    <t>CL 10 14 A 42 BARRIO PUEBLO NUEVO</t>
  </si>
  <si>
    <t>PAPELERIA E INTERNET ORIGAMI</t>
  </si>
  <si>
    <t>CL. 51 SUR #87C-1 BOGOTA COLOMBIA</t>
  </si>
  <si>
    <t>MULTISERVICIOS CERCANOS</t>
  </si>
  <si>
    <t>TRANSVERSAL 35 27 05 SUR</t>
  </si>
  <si>
    <t>SUPERRAPIDISIMO PAGO DE SERVICIOS DOS</t>
  </si>
  <si>
    <t>CL 62 D SUR NO 74 D-17</t>
  </si>
  <si>
    <t>INTERNET PLUS PG</t>
  </si>
  <si>
    <t>CL 10 NO: 22 14 IN B LC211</t>
  </si>
  <si>
    <t>COMPUCELY PAPELERIA</t>
  </si>
  <si>
    <t>KR 53A 128C 21</t>
  </si>
  <si>
    <t>PAPELERIA J</t>
  </si>
  <si>
    <t>CR 79 C # 36 49 - SUR BRR FRANCISCO JOSE</t>
  </si>
  <si>
    <t>PAPELERIA Y DETALLES DE MI MA</t>
  </si>
  <si>
    <t>CL 92 SUR NO 12 63 LC 1</t>
  </si>
  <si>
    <t>PAPELERIA Y MISCELANEA MUNDO DE COLORES</t>
  </si>
  <si>
    <t>CL 186 16 A 24</t>
  </si>
  <si>
    <t>MISCELANEA EL GRAN EXITO</t>
  </si>
  <si>
    <t>DG 81 SUR 45B 69</t>
  </si>
  <si>
    <t>FYF MULTISERVICIOS</t>
  </si>
  <si>
    <t>CL 22 F # 107 75 BRR FONTIBON</t>
  </si>
  <si>
    <t>COLPAGOS LA GALA</t>
  </si>
  <si>
    <t>CL 35 # 15 A 4 BRR LA FLORESTA</t>
  </si>
  <si>
    <t>FERREVARIEDADES EBERNEZER</t>
  </si>
  <si>
    <t>CL 7 # 01 01 / LC 102 BRR MADRID CENTRO</t>
  </si>
  <si>
    <t>SERVITG</t>
  </si>
  <si>
    <t>CR 7 H BIS # 76 04 BRR ALFONSO LOPEZ</t>
  </si>
  <si>
    <t>DISLAG</t>
  </si>
  <si>
    <t>CL 103 D # 66 121</t>
  </si>
  <si>
    <t>SERVICIOS X SOLUCIONES INFORMATICAS LAUREANO ROCHA</t>
  </si>
  <si>
    <t>CALLE 127D BIS 88B 16</t>
  </si>
  <si>
    <t>DROGUERIA SUPER SALUD JL</t>
  </si>
  <si>
    <t>CRA 109 A 64  51</t>
  </si>
  <si>
    <t>DISTRIBUTRIBUIDOR EMPRESARIAL</t>
  </si>
  <si>
    <t>CR 11 A # 191 A 52 BRR TIBABITA</t>
  </si>
  <si>
    <t>INN MAUSE PAPELERIA</t>
  </si>
  <si>
    <t>AK 50 # 05 A 06 BRR SAN FRANCISCO</t>
  </si>
  <si>
    <t>DISTRIBUIDORA VOGULS</t>
  </si>
  <si>
    <t>CL 1 A # 35 20 BRR SANTA MATILDE</t>
  </si>
  <si>
    <t>BRAND KREATIVA SAS</t>
  </si>
  <si>
    <t>CR 59 # 4 D 30 / LC 1 BRR GALAN</t>
  </si>
  <si>
    <t>CR 95 A # 49 C 80 - SUR / LC 2-12 BRR TREBOLIS</t>
  </si>
  <si>
    <t>PUNTOSERVIS SOACHA 5</t>
  </si>
  <si>
    <t>CL 30 # 6 G 58 / LC 1 BRR SAN MATEO</t>
  </si>
  <si>
    <t>PUNTOSERVIS BOGOTA 7</t>
  </si>
  <si>
    <t>CR 28 A # 3 03 / LC 102 BRR SANTA ISABEL</t>
  </si>
  <si>
    <t>VIJES</t>
  </si>
  <si>
    <t>FERROREPUESTOS JD</t>
  </si>
  <si>
    <t>CR 3 # 9 90 BRR KENEDY</t>
  </si>
  <si>
    <t>WORLD GLOBAL COMUNICACIONES</t>
  </si>
  <si>
    <t>CR 42 # 38 A 61 - SUR BRR CENTRO</t>
  </si>
  <si>
    <t>PAPELERA PATTY JH</t>
  </si>
  <si>
    <t>CR 18 L # 69 T 16 - SUR BRR VILLA GLORIA</t>
  </si>
  <si>
    <t>MUNDOTECH</t>
  </si>
  <si>
    <t>KR 106 A # 66 - 03</t>
  </si>
  <si>
    <t>TV. 3C BIS ESTE #41A SUR-74 BOGOT COLOMBIA</t>
  </si>
  <si>
    <t>DROGUERIA NUEVO HORIZONTE R A</t>
  </si>
  <si>
    <t>CRA 99 69 A 81 LC 8</t>
  </si>
  <si>
    <t>ALMACEN Y PAPELERIA PROTON</t>
  </si>
  <si>
    <t>CRA. 112 #68A-17 BOGOTA COLOMBIA</t>
  </si>
  <si>
    <t>DROGAS SANCHEZ E HIJOS</t>
  </si>
  <si>
    <t>CL. 19 SUR #11-6 BOGOTA COLOMBIA</t>
  </si>
  <si>
    <t xml:space="preserve">MISCELANEA LA SOLUCION </t>
  </si>
  <si>
    <t>KR 95A 34 SUR 75 LC 6</t>
  </si>
  <si>
    <t>PUNTOSERVIS EL ROSAL 1</t>
  </si>
  <si>
    <t>CL 7 # 14 00 / LT 2 BRR OBANDO ALEJANDRIA</t>
  </si>
  <si>
    <t>COMUNICACIONES DNP</t>
  </si>
  <si>
    <t>CL 91 A SUR # 14 39 BRR TENERIFE</t>
  </si>
  <si>
    <t>INTERNETSEBASTIAN</t>
  </si>
  <si>
    <t>CR 4 A ESTE # 45 B 10 BRR VILLA DEL CERRO</t>
  </si>
  <si>
    <t>DROGUERIA MARIN M P</t>
  </si>
  <si>
    <t>CL 97 58 26</t>
  </si>
  <si>
    <t>RINCON FUTBOLERO</t>
  </si>
  <si>
    <t>CR 21 # 10 08 / CC REAL PLAZA LC 22 BRR MARTIRES</t>
  </si>
  <si>
    <t>DROGUERIA CONFISALUD</t>
  </si>
  <si>
    <t>CRA 4 188 A 05</t>
  </si>
  <si>
    <t>JULIÃN DAVID IRREÑO SEDANO</t>
  </si>
  <si>
    <t>CR 88 I BIS # 59 54 - SUR BRR BOSA LA LIBERTAD</t>
  </si>
  <si>
    <t>DG 74 B # 27 L - 01 BRR PARAISO</t>
  </si>
  <si>
    <t>MAIL CENTER CALI</t>
  </si>
  <si>
    <t>CL. 9 #48-86 CALI VALLE DEL CAUCA COLOMBIA</t>
  </si>
  <si>
    <t>ALBERCOMUNICACIONES</t>
  </si>
  <si>
    <t>CL 31 SUR # 9 38 - ESTE BRR RAMAJAL</t>
  </si>
  <si>
    <t>MULTIPAGOS RECARGAS Y SERVICIOS CORRESPONSAL TECHO</t>
  </si>
  <si>
    <t>CL 26 SUR # 78 B 24 / LC 4 BRR TECHO</t>
  </si>
  <si>
    <t>SUPERMERCADO TATIEXPRESS</t>
  </si>
  <si>
    <t>CL 72 SUR # 98 B 53 BRR CIUDAD TECHO II</t>
  </si>
  <si>
    <t>DROGAS LA ECONOMIA DE HOREB</t>
  </si>
  <si>
    <t>CRA 105 64 11</t>
  </si>
  <si>
    <t>INTER LINE COMPANY</t>
  </si>
  <si>
    <t>CR 103 # 72 09 BRR ALAMOS NORTE</t>
  </si>
  <si>
    <t>SHIMADAS</t>
  </si>
  <si>
    <t>CL 16 # 8 42 / LC 4 BRR VERACRUZ</t>
  </si>
  <si>
    <t>DROGUERIA HOROCARY Y MINIMARKET</t>
  </si>
  <si>
    <t>CL 76 14 57</t>
  </si>
  <si>
    <t>DISTRIASEO EL DIAMANTE</t>
  </si>
  <si>
    <t>CL 17 # 103 B 19 BRR EL CARMEN</t>
  </si>
  <si>
    <t>MULTISERVICIOS IS</t>
  </si>
  <si>
    <t>CL 143 B # 150 A 18 BRR BILBOA</t>
  </si>
  <si>
    <t>CELUMAX STORE TECHNOLOGY</t>
  </si>
  <si>
    <t>CL 129 B # 91 B 24 BRR EL RINCON</t>
  </si>
  <si>
    <t>INTER-MASCOTAS</t>
  </si>
  <si>
    <t>CRA. 109 #23F-37 BOGOTA COLOMBIA</t>
  </si>
  <si>
    <t>CIGARRERIA RANCHO Y LICORES PARKWAY</t>
  </si>
  <si>
    <t>CL 41 20 63</t>
  </si>
  <si>
    <t>CL 60 # 12 224 / CC LA ESTACION LC 134 BRR SAN ANTONIO</t>
  </si>
  <si>
    <t>LÓPEZ DE MICAY</t>
  </si>
  <si>
    <t>PUNTOSERVIS LOPEZ DE MICAY</t>
  </si>
  <si>
    <t>CL SAN FRANCISCO BRR SAN FRANCISCO</t>
  </si>
  <si>
    <t>DESCANSO AZUL</t>
  </si>
  <si>
    <t>CL 47 C # 14 E 77 BRR VILLA MONICA</t>
  </si>
  <si>
    <t>COMERCIALIZADORA DE ALIMENTOS MILLER</t>
  </si>
  <si>
    <t>CR 25 # 29 57 / LC 010 BRR CENTRO COMERCIAL CANAVERAL LA CAVA</t>
  </si>
  <si>
    <t>COLPAGOS SAN BERNARDO</t>
  </si>
  <si>
    <t>CL 8 # 9 26 BRR CALLE REAL</t>
  </si>
  <si>
    <t>SUPERTIENDA EL TIO</t>
  </si>
  <si>
    <t>CR 33 A # 39 81 BRR DIAMANTE</t>
  </si>
  <si>
    <t>GILMARDI</t>
  </si>
  <si>
    <t>CL 130 SUR CR 50-31</t>
  </si>
  <si>
    <t>DROGUERIA CORAL CALDAS</t>
  </si>
  <si>
    <t>CL 133 SUR NO 48 53</t>
  </si>
  <si>
    <t>PAPELERA NIKOLLE</t>
  </si>
  <si>
    <t>CL 64 # 123 14 / LC 2 BRR ENGATIVA PUEBLO</t>
  </si>
  <si>
    <t>COPY EXPRESS</t>
  </si>
  <si>
    <t>CRA. 18A #150-89 BOGOTA COLOMBIA</t>
  </si>
  <si>
    <t>COMERCIALIZADORA TRAZO FINO</t>
  </si>
  <si>
    <t>CR 27 # 7 13 - SUR BRR LA FRAGUITA</t>
  </si>
  <si>
    <t>CIGARRERIA HUGOS</t>
  </si>
  <si>
    <t>DG 139 A BIS # 127 A 27 BRR TIBABUYES UNIVERSAL</t>
  </si>
  <si>
    <t>MAO CENTER MS</t>
  </si>
  <si>
    <t>CL 76 A SUR # 73 C 18 BRR CIUDAD BOLIVAR</t>
  </si>
  <si>
    <t>PAPELERIA LUCERO</t>
  </si>
  <si>
    <t>CL 69 SUR # 17 M 04 BRR FLORIDA SAN LUIS</t>
  </si>
  <si>
    <t>PAYFAST EXPRESS</t>
  </si>
  <si>
    <t>CL. 63A SUR #71H-65 BOGOTA COLOMBIA</t>
  </si>
  <si>
    <t>PRONTO PAGO LA CHIQUI</t>
  </si>
  <si>
    <t>CL 85 # 92 85 - SUR BRR BOSA RECREO</t>
  </si>
  <si>
    <t>PELICULASENCASAHD</t>
  </si>
  <si>
    <t>CL 22 # 12 A 04 BRR LA FUNDACION</t>
  </si>
  <si>
    <t>MULTISERVICIOS HOLGUINES</t>
  </si>
  <si>
    <t>CRA 100 11 90</t>
  </si>
  <si>
    <t>CL. 76 #1A 8-2 CALI PALMIRA VALLE DEL CAUCA COLOMBIA</t>
  </si>
  <si>
    <t>CL 46 D # 2 A D 05 BRR BUENOS AIRES</t>
  </si>
  <si>
    <t>BETANIA</t>
  </si>
  <si>
    <t>COOPERATIVA DE TRANSPORTE DE BETANIA COOTRANSBET</t>
  </si>
  <si>
    <t>CL 19 20 37</t>
  </si>
  <si>
    <t>OK PAPER</t>
  </si>
  <si>
    <t>DG 66 A # 78 95 / LC 2 BRR VILLA LUZ</t>
  </si>
  <si>
    <t>DROGUERIA CELESTIAL M</t>
  </si>
  <si>
    <t>KR 25 53B SUR 27</t>
  </si>
  <si>
    <t>MUNDO PAPEL PAPELERIA</t>
  </si>
  <si>
    <t>CL 62 D # 74 79 BRR GALICIA</t>
  </si>
  <si>
    <t>PAPELERï¿­A C&amp;N</t>
  </si>
  <si>
    <t>CRA. 99 #155-32 BOGOTï¿ COLOMBIA</t>
  </si>
  <si>
    <t>BABY MARKET COLOMBIA</t>
  </si>
  <si>
    <t>CRA 22 9A 47</t>
  </si>
  <si>
    <t>MISELANEA GYG</t>
  </si>
  <si>
    <t>KRA 89A #45 A 33 SUR CASA 95</t>
  </si>
  <si>
    <t>DROGUERIA HISPANA</t>
  </si>
  <si>
    <t>CL 17 D # 137 22 BRR PUENTE GRANDE</t>
  </si>
  <si>
    <t>MARIA GARCIA</t>
  </si>
  <si>
    <t>CL 24 # 26 45 BRR SALITRE</t>
  </si>
  <si>
    <t>COLPAGOS SUMICOMP</t>
  </si>
  <si>
    <t>CL 30 # 3-60 BRR EL CENTRO</t>
  </si>
  <si>
    <t>COLPAGOS ROBINSON PITALUA</t>
  </si>
  <si>
    <t>CL 3 D # 24 79 BRR ROBINSON PITALUA</t>
  </si>
  <si>
    <t>SISCONT SOLUCIONES</t>
  </si>
  <si>
    <t>CR 3 # 5 97 BRR CENTRO</t>
  </si>
  <si>
    <t>LA T-LEFONICA</t>
  </si>
  <si>
    <t>CL 52 # 12 49 BRR VILLA COLOMBIA</t>
  </si>
  <si>
    <t>REAL CENTRAL PARK</t>
  </si>
  <si>
    <t>CRR RIO NEGRO RIOGRANDE BRR LA CEIBA</t>
  </si>
  <si>
    <t>AGENCIA DE SEGUROS SILVA M LTDA</t>
  </si>
  <si>
    <t>CL 80 # 69 Q 83 BRR LAS FERIAS</t>
  </si>
  <si>
    <t>VIRTUAL GAME 1</t>
  </si>
  <si>
    <t>CL 27 A SUR # 80 41 BRR CLASS</t>
  </si>
  <si>
    <t>VARIEDADES LILIPOOH</t>
  </si>
  <si>
    <t>CR 5 # 189 60 BRR BUENAVISTA</t>
  </si>
  <si>
    <t>PAPELERIA INTERFAZ</t>
  </si>
  <si>
    <t>CR 129 # 142 D 95 / KM LC 101 BRR SABANA DE TIBABUYES</t>
  </si>
  <si>
    <t>DROGUERIA COPISALUD CASTILLA</t>
  </si>
  <si>
    <t>CL 8 A 88 90 LC 1</t>
  </si>
  <si>
    <t>FERREELECTRICOS LOS DIAZ</t>
  </si>
  <si>
    <t>CL 128 B # 50 A 22 BRR PRADO VERANIEGO</t>
  </si>
  <si>
    <t>CURVAS DE PAPEL 5G</t>
  </si>
  <si>
    <t>CL 33 SUR # 87 07 BRR PATIO BONITO</t>
  </si>
  <si>
    <t>PAPELERIA LA NYKOLS</t>
  </si>
  <si>
    <t>CL 67 B SUR # 65 27 - SUR BRR ISLA DEL SOL</t>
  </si>
  <si>
    <t>PAPELERA Y MISCELNEA EL ARCA DE LOS SIETE SIETES</t>
  </si>
  <si>
    <t>CR 147 A BIS # 139 52 / LC 3 BRR BERLIN</t>
  </si>
  <si>
    <t>SAFARI</t>
  </si>
  <si>
    <t>CALLE 138 A SUR NUMERO 14 B 37 USME</t>
  </si>
  <si>
    <t>JASS PAPELERIA Y MISCELANEA</t>
  </si>
  <si>
    <t>CL 49 C BIS SUR # 2 B 60 - ESTE BRR PALERMO SUR</t>
  </si>
  <si>
    <t>SION 3</t>
  </si>
  <si>
    <t>CRA 1 B NO 103 SUR 26</t>
  </si>
  <si>
    <t>TSERVIMOS.COM</t>
  </si>
  <si>
    <t>CR 22 # 63 - 97 SUR BRR SAN FRANCISCO</t>
  </si>
  <si>
    <t>COMPUWEB CAFE INTERNET</t>
  </si>
  <si>
    <t>CR 9 # 9 26 BRR LA UNION CENTRO</t>
  </si>
  <si>
    <t>COLPAGOS EL MORA</t>
  </si>
  <si>
    <t>CL 39 # 15A 4 LOCAL 1 BRR EL MORA</t>
  </si>
  <si>
    <t>MERCADO LA CANASTA</t>
  </si>
  <si>
    <t>CRA 39A 31A 25</t>
  </si>
  <si>
    <t>CENTRAL CELL CUMBAL</t>
  </si>
  <si>
    <t>CL 18 # 8 36 BRR CENTRO</t>
  </si>
  <si>
    <t>DROGAS ECOFARMA S H</t>
  </si>
  <si>
    <t>CRA 27 NRO 72V - 02</t>
  </si>
  <si>
    <t>ALCENTRO DE LOS SECADORES</t>
  </si>
  <si>
    <t>CL 48 # 42 38 BRR CENTRO</t>
  </si>
  <si>
    <t>NECOCLÍ</t>
  </si>
  <si>
    <t>PAPELERIA Y VARIEDADES OROPEL</t>
  </si>
  <si>
    <t>CRA 45 51 05</t>
  </si>
  <si>
    <t>DROGUERIA FARMAZUL</t>
  </si>
  <si>
    <t>CRA 42 78 78</t>
  </si>
  <si>
    <t>NIB TECHNOLOGY</t>
  </si>
  <si>
    <t>CALLE 39 BIS SUR # 72 J 58 LOCAL 1</t>
  </si>
  <si>
    <t>PAPELERA INTERNET MILE</t>
  </si>
  <si>
    <t>CL 69 A # 111 C 88 BRR MARANDU</t>
  </si>
  <si>
    <t>SOLUCIONES Y SUMINISTROS ESCOLARES TORRES DE PAPEL</t>
  </si>
  <si>
    <t>CL. 2 #55-19 BOGOTA COLOMBIA</t>
  </si>
  <si>
    <t>HR SUPER BAVIERA</t>
  </si>
  <si>
    <t>CARRERA VAINIS</t>
  </si>
  <si>
    <t>INTERBOX DJ</t>
  </si>
  <si>
    <t>CRA. 91 #42A SUR-25 BOGOTA COLOMBIA</t>
  </si>
  <si>
    <t>CL. 62 SUR #44C-6 BOGOTA COLOMBIA</t>
  </si>
  <si>
    <t>PLASTICOS MURCIA</t>
  </si>
  <si>
    <t>CR 3 # 1 11 BRR LAS CRUCES</t>
  </si>
  <si>
    <t>MUNDOCEL DE LA 28</t>
  </si>
  <si>
    <t>KR 28 55-03 SUR</t>
  </si>
  <si>
    <t>JEISSON SUAREZ</t>
  </si>
  <si>
    <t>CR 80 C # 24 D 81 BRR NORMANDIA</t>
  </si>
  <si>
    <t>FARMACAS  CER</t>
  </si>
  <si>
    <t>TV 7 # 37 A 04 BRR BRISAS DEL LLANO</t>
  </si>
  <si>
    <t>JONICEL</t>
  </si>
  <si>
    <t>CL 3 # 13 28 BRR CENTRO</t>
  </si>
  <si>
    <t>LAPIZ Y PAPEL.COM</t>
  </si>
  <si>
    <t>CR 5 # 48 39 BRR CENTRO POBLADO MORICHAL</t>
  </si>
  <si>
    <t>AK 30 #19 LC 165 - 167 BRR MARTIRES</t>
  </si>
  <si>
    <t>AGENCIA DYMS</t>
  </si>
  <si>
    <t>AV 47 LT 9 MZ D BRR URBANIZACION PLENO SOL</t>
  </si>
  <si>
    <t>EXPRESS BRR UNIVERSAL</t>
  </si>
  <si>
    <t>CL 74 # 8 G 30 BRR UNIVERSAL</t>
  </si>
  <si>
    <t>PUNTO EFICIENTE FUNZA</t>
  </si>
  <si>
    <t>AK 13 # 12 57 / IN 1 BRR FUNZA CENTRO</t>
  </si>
  <si>
    <t>MULTISERVICIOS LOPEZ LOPEZ</t>
  </si>
  <si>
    <t>CRA 31 # 98 A 46 LOCAL 2</t>
  </si>
  <si>
    <t>CIBER NYTRO</t>
  </si>
  <si>
    <t>CLL 107 # 32-20</t>
  </si>
  <si>
    <t>UNICAMBIOS OVIEDO</t>
  </si>
  <si>
    <t>CRA 43 A 6 SUR 15 LC 154</t>
  </si>
  <si>
    <t>MUEBLES Y ELECTRODOMESTICOS MALU</t>
  </si>
  <si>
    <t>CL. 21 #19-14 COCORNA ANTIOQUIA COLOMBIA</t>
  </si>
  <si>
    <t>DROGUERIA LUZFARMA</t>
  </si>
  <si>
    <t>CRA 49 N 121 SUR 51</t>
  </si>
  <si>
    <t>EUROCEL.COM</t>
  </si>
  <si>
    <t>CARRERA 97F #26-71 SUR LOCAL 10 PISO 2</t>
  </si>
  <si>
    <t>COMUNICACIONES SEBAS NV</t>
  </si>
  <si>
    <t>CRA. 5I #48L SUR-68 BOGOT COLOMBIA</t>
  </si>
  <si>
    <t>FARMA COUNTRY HIPERDROGUERIAS</t>
  </si>
  <si>
    <t>CL 134 9A 76</t>
  </si>
  <si>
    <t>DIKA 19</t>
  </si>
  <si>
    <t>KR 95 NO 71 SUR 46 CA 96</t>
  </si>
  <si>
    <t>CIRCATEL</t>
  </si>
  <si>
    <t>CL 24 # 75 07 BRR MODELIA OCCIDENTAL</t>
  </si>
  <si>
    <t>MISCELANEA Y PAPELERIA LA ESPANOLA</t>
  </si>
  <si>
    <t>CL. 68A #111C-45 BOGOTA COLOMBIA</t>
  </si>
  <si>
    <t>DYLAN R TECHNOLOGY</t>
  </si>
  <si>
    <t>KR 81 B NO 42 SUR - 74</t>
  </si>
  <si>
    <t>COMUNICACIONES YINYANG</t>
  </si>
  <si>
    <t>CL 57 Z SUR # 75 D 07 BRR LA ESTANCIA</t>
  </si>
  <si>
    <t>CL 132 # 103 A 14 BRR CATALUNA</t>
  </si>
  <si>
    <t>MICELANEA CARITA FELIZ</t>
  </si>
  <si>
    <t>CR 111 C # 69 D 30 / CA 9 MZ 2 BRR VILLA ALAMOS</t>
  </si>
  <si>
    <t>FARMICOL</t>
  </si>
  <si>
    <t>CL 128B 45A 09 LC 002</t>
  </si>
  <si>
    <t>DG 45 A SUR # 13 J 44 BRR SAN JORGE SUR</t>
  </si>
  <si>
    <t>PUNTOSERVIS MELGAR 1</t>
  </si>
  <si>
    <t>CL 8 # 23 08 BRR CENTRO</t>
  </si>
  <si>
    <t>COLPAGOS LOS COLORES</t>
  </si>
  <si>
    <t>SEC 2 MZ 12 - 08 BRR EL PORTAL</t>
  </si>
  <si>
    <t>EL TAMBO</t>
  </si>
  <si>
    <t>DROGUERIA Y PERFUMERIA SOCIAL</t>
  </si>
  <si>
    <t>CRA 10 A 3 32</t>
  </si>
  <si>
    <t>INTERNET  44</t>
  </si>
  <si>
    <t>TV 44 A # 78 A 33 - SUR BRR POTOSI</t>
  </si>
  <si>
    <t>FERETERIA HUGOS</t>
  </si>
  <si>
    <t>DROGUERIA DOMI-PHARMA</t>
  </si>
  <si>
    <t>CR 88 I # 54 C 90 - SUR BRR BOSA BRASIL</t>
  </si>
  <si>
    <t>INTERNET TITO</t>
  </si>
  <si>
    <t>CARRERA 72 B 11B 46</t>
  </si>
  <si>
    <t>INGENIERIA  SERVICIOS 2</t>
  </si>
  <si>
    <t>CR 114 # 139 A 20 BRR PUERTA DEL SOL</t>
  </si>
  <si>
    <t>DROGUERIA GUIVAR M</t>
  </si>
  <si>
    <t>AC 53 #73-56 BOGOTA COLOMBIA</t>
  </si>
  <si>
    <t>TEUSAFARMA</t>
  </si>
  <si>
    <t>AV. CARACAS #33-22 BOGOTA COLOMBIA</t>
  </si>
  <si>
    <t>VIDEO BAM BAM 2</t>
  </si>
  <si>
    <t>CL 37 BIS SUR 33A 80</t>
  </si>
  <si>
    <t>V@LEN.COM</t>
  </si>
  <si>
    <t>CARRRERA 73  NO. 39 - 79 SUR</t>
  </si>
  <si>
    <t>COLPAGOS APARTADO 3</t>
  </si>
  <si>
    <t>CL 103 # 80 811 BRR ONCE DE MAYO</t>
  </si>
  <si>
    <t>ACCESORIOS Y TELEFONIA LENIS</t>
  </si>
  <si>
    <t>CRA 19 38 19</t>
  </si>
  <si>
    <t>LIDONET.COM</t>
  </si>
  <si>
    <t>CL 2 A # 39 13 / LC 002 BRR SANTA ISABEL</t>
  </si>
  <si>
    <t>LIBORINA</t>
  </si>
  <si>
    <t>MEMO CELL SABANALARGA</t>
  </si>
  <si>
    <t>CR 19 # 19 11 BRR PARQUE PRINCIPAL</t>
  </si>
  <si>
    <t>DR DOG-PET-SHOP-</t>
  </si>
  <si>
    <t>CRA 22 21 20</t>
  </si>
  <si>
    <t>DROGUERIA EL TRAPICHE</t>
  </si>
  <si>
    <t>CRA 66 BB # 56 A 17</t>
  </si>
  <si>
    <t>PAALERA Y PAPELERIA EL TREBOL</t>
  </si>
  <si>
    <t>CARRERA 51 B # 41 B - 58 SUR</t>
  </si>
  <si>
    <t>PAPELERA YULI</t>
  </si>
  <si>
    <t>DG. 2 #79C-57 BOGOT COLOMBIA</t>
  </si>
  <si>
    <t>DETALLES</t>
  </si>
  <si>
    <t>CR 9 B ESTE # 22 C 33 - SUR BRR SAN BLAS I</t>
  </si>
  <si>
    <t>DROGUERIA CEDRIDESCUENTOS</t>
  </si>
  <si>
    <t>CRA. 12 #144-79 BOGOTA COLOMBIA</t>
  </si>
  <si>
    <t>JASC MENSAJERIA Y LOGISTICA</t>
  </si>
  <si>
    <t>CRA. 31C #5B-27 BOGOTA COLOMBIA</t>
  </si>
  <si>
    <t>MARIAN COMUNICACIONES</t>
  </si>
  <si>
    <t>CL 70 C # 58 06 BRR SAN FERNANDO</t>
  </si>
  <si>
    <t>BEBELS PAPERLERIA Y DETALLES</t>
  </si>
  <si>
    <t>C RUTA LECTURA:</t>
  </si>
  <si>
    <t>MINIEXPRESS VILLAVICENCIO BR POPULAR</t>
  </si>
  <si>
    <t>CL 25 # 14 08 BRR POPULAR</t>
  </si>
  <si>
    <t>COLPAGOS BUENAVISTA</t>
  </si>
  <si>
    <t>CR 12 # 12 46 / AP 01 BRR EL PORVENIR</t>
  </si>
  <si>
    <t>PAPELERIA Y TIENDA LA SEXTA</t>
  </si>
  <si>
    <t>CR 9 # 5 60 BRR OBRERO</t>
  </si>
  <si>
    <t>MARCELA INTERMAX</t>
  </si>
  <si>
    <t>CL 12 # 16 A 31 BRR AVENIDA BOYACA</t>
  </si>
  <si>
    <t>DROGUERIA MINIMARKET UNIVERSAL DE LA 156</t>
  </si>
  <si>
    <t>CL 156 7C 50</t>
  </si>
  <si>
    <t>TRAMITES M.C</t>
  </si>
  <si>
    <t>TV 60 50 SUR 33</t>
  </si>
  <si>
    <t>MEGA PAGOS</t>
  </si>
  <si>
    <t>CR 15 # 4 06 BRR SAN ANTONIO</t>
  </si>
  <si>
    <t>DISTRIBUCIONES JHERTZ</t>
  </si>
  <si>
    <t>AC 72 # 68 C 02 BRR LAS FERIAS</t>
  </si>
  <si>
    <t>TIENDA DE VARIEDADES BETHYORO 1</t>
  </si>
  <si>
    <t>CRA. 98A #64G-16 BOGOT COLOMBIA</t>
  </si>
  <si>
    <t>VARIEDADES DANIEL Y ANGEL</t>
  </si>
  <si>
    <t>CR 4 A # 186 30 BRR CHAPARRAL</t>
  </si>
  <si>
    <t>MINIESPRESS CUCUTA PRADO DEL ESTE</t>
  </si>
  <si>
    <t>AV 5 B # 7 06 BRR URB PRADO DEL ESTE</t>
  </si>
  <si>
    <t>SUPERMERCADO HUERTAS G</t>
  </si>
  <si>
    <t>CR 6 C # 171 17 / P 1 BRR LA GRANJA NORTE</t>
  </si>
  <si>
    <t>MULTIPAGOS MYS</t>
  </si>
  <si>
    <t>CL 10 A # 1 47 - ESTE BRR CABECERA</t>
  </si>
  <si>
    <t>GAME OVER GINEBRA</t>
  </si>
  <si>
    <t>CL 3 N 2 17</t>
  </si>
  <si>
    <t>SAN ROQUE</t>
  </si>
  <si>
    <t>CLARO LUNA</t>
  </si>
  <si>
    <t>CL. 23 #21-57 SAN ROQUE ANTIOQUIA COLOMBIA</t>
  </si>
  <si>
    <t>DROGUERIA CENTRAL VE</t>
  </si>
  <si>
    <t>CR 71 A # 84 21 BRR LOPEZ DE MESA</t>
  </si>
  <si>
    <t>PARQUEADERO HS</t>
  </si>
  <si>
    <t>CL. 21 SUR #16-84 BOGOT COLOMBIA</t>
  </si>
  <si>
    <t>DROGUERIA NACIONAL DE DROGAS 4</t>
  </si>
  <si>
    <t>CRA. 73A #11A-1 BOGOTA COLOMBIA</t>
  </si>
  <si>
    <t>CR 5 L # 48 M 39 - SUR BRR BOCHICA SUR</t>
  </si>
  <si>
    <t>PAPELERIA BLUE</t>
  </si>
  <si>
    <t>CAFE  INTERNET TIO WILLY</t>
  </si>
  <si>
    <t>CR 41 # 4 B 03 / LC 2 BRR PRIMAVERA-GORGONZOLA</t>
  </si>
  <si>
    <t>VARIEDADES TUNAL</t>
  </si>
  <si>
    <t>CL 52 G SUR # 25 07 BRR SAN VICENTE FERRER</t>
  </si>
  <si>
    <t>SILOH SUMINISTROS Y PUBLICIDAD</t>
  </si>
  <si>
    <t>CL 127 F # 93 25 BRR RINCON DE SUBA</t>
  </si>
  <si>
    <t>BP SERVICIOS ESPECIALIZADOS</t>
  </si>
  <si>
    <t>AC 3 # 28 15 BRR SANTA ISABEL</t>
  </si>
  <si>
    <t>MISCELANEAY PAPELERIA ELCY</t>
  </si>
  <si>
    <t>CR 69 P # 64 D 95 BRR ESTRADA</t>
  </si>
  <si>
    <t>SERVIENTREGA SAN ANTONIO</t>
  </si>
  <si>
    <t>CR 15 SUR # 3 12 BRR SAN ANTONIO</t>
  </si>
  <si>
    <t>COLPAGOS CALIFORNIA</t>
  </si>
  <si>
    <t>CR 5 CALLE 2 - 19 BRR CALIFORNIA</t>
  </si>
  <si>
    <t>COLPAGOS SIERRA CHIQUITA</t>
  </si>
  <si>
    <t>CL 2 # 1 360 BRR SIERRA CHIQUITA</t>
  </si>
  <si>
    <t>JIM SOLUCIONES HM</t>
  </si>
  <si>
    <t>CR 8 A # 20 A 35 / LC 351 BRR VILLA MARIA</t>
  </si>
  <si>
    <t>INTERNET DE LA GARCIA</t>
  </si>
  <si>
    <t>CL. 23 #17F-42 CALI VALLE DEL CAUCA COLOMBIA</t>
  </si>
  <si>
    <t>CELL PLUS MD</t>
  </si>
  <si>
    <t>17 #9-49 GUACHUCAL NARINO COLOMBIA</t>
  </si>
  <si>
    <t>CARRERA 6 NO 5-65 - BARRIO EL CENTRO</t>
  </si>
  <si>
    <t>SOLUCIONES INTEGRALES MAM</t>
  </si>
  <si>
    <t>CL. 21 #19-24 TRUJILLO VALLE DEL CAUCA COLOMBIA</t>
  </si>
  <si>
    <t>DROGUERIA SUPERESTRABARATAS</t>
  </si>
  <si>
    <t>CL 16 #12-20 BRR FATIMA DE PASTO</t>
  </si>
  <si>
    <t>PAPELERIA Y MISCELANEA CRISMAR</t>
  </si>
  <si>
    <t>CL 60 SUR NO 94 B 52</t>
  </si>
  <si>
    <t>DISTAPP S.A.S</t>
  </si>
  <si>
    <t>CR 77 D # 52 B 75 / IN 1 BRR SANTA CECILIA</t>
  </si>
  <si>
    <t>GENESIS ASSALIATH DISTRIBISIONES SAS</t>
  </si>
  <si>
    <t>CRA. 14I #91B SUR-14 BOGOT COLOMBIA</t>
  </si>
  <si>
    <t>DROGUERIA QUIPILE</t>
  </si>
  <si>
    <t>CRA 66 67A 08 SUR</t>
  </si>
  <si>
    <t>PAPELERIA Y MULTISERVICIOS OC</t>
  </si>
  <si>
    <t>KR 5H 48M SUR 36</t>
  </si>
  <si>
    <t>DROGUERIA EL CONSUELO U</t>
  </si>
  <si>
    <t>CL. 2B #40D-5 BOGOTA COLOMBIA</t>
  </si>
  <si>
    <t>PROSERVIS</t>
  </si>
  <si>
    <t>CR 51 # 50 13 BRR PLAZUELA SANTA RITA</t>
  </si>
  <si>
    <t>SALOM MELGAR</t>
  </si>
  <si>
    <t>CL 5 N # 27 45 / LC 8 BRR CENTRO</t>
  </si>
  <si>
    <t>LOS ANDES</t>
  </si>
  <si>
    <t>MULTI SERVICIOS PUNTO WEB</t>
  </si>
  <si>
    <t>CR 5 BRR BENAVIDES GUERRERO</t>
  </si>
  <si>
    <t>DROGUERIAS UNIDAS PARRA</t>
  </si>
  <si>
    <t>CR 30 D # 4 C 110 / URB BRISAS DE LA ITALIA BRR PALMIRA</t>
  </si>
  <si>
    <t>DROGUERIAS ENFERMEROS DEL SUR</t>
  </si>
  <si>
    <t>CL 4 D 35 61</t>
  </si>
  <si>
    <t>COMPRAVENTA JOYERIA LA FORTUNA</t>
  </si>
  <si>
    <t>DG 22 TR 29 01</t>
  </si>
  <si>
    <t>AUTOSERVICIO JBIC</t>
  </si>
  <si>
    <t>CRA 27A NO. 1D-59</t>
  </si>
  <si>
    <t>MISCELANEA Y PAPELERIA LUPINJU</t>
  </si>
  <si>
    <t>AV SUBA #126-95 BOGOT COLOMBIA</t>
  </si>
  <si>
    <t>LUZ MIREYA SILVA GOMEZ</t>
  </si>
  <si>
    <t>TV 13 K # 46 21 BRR MARCO FIDEL SUAREZ</t>
  </si>
  <si>
    <t xml:space="preserve">MARCE PAPELERï¿­A </t>
  </si>
  <si>
    <t>CRA. 3 #20-74 BOGOTï¿ COLOMBIA</t>
  </si>
  <si>
    <t>SERVI SALUD BOGOTA HF #2</t>
  </si>
  <si>
    <t>CRA. 81 #57A SUR-88 BOGOTA COLOMBIA</t>
  </si>
  <si>
    <t>TRIGOS DE PRIMAVERA</t>
  </si>
  <si>
    <t>CL 67 # 108-95 LOCAL2</t>
  </si>
  <si>
    <t>BANGROUP</t>
  </si>
  <si>
    <t>CL. 42A SUR #90B-4 BOGOTï¿ COLOMBIA</t>
  </si>
  <si>
    <t>COMPUSERVICES</t>
  </si>
  <si>
    <t>CL 134 # 124 B 05 / P 1 BRR LA GAITANA</t>
  </si>
  <si>
    <t>DROGUERIA ELIUT</t>
  </si>
  <si>
    <t>CL. 11B #81F-2 BOGOTA COLOMBIA</t>
  </si>
  <si>
    <t>LAURAPAOLA0511@GMAIL.COM</t>
  </si>
  <si>
    <t>KR 18 NO 185 - 04 AP 100</t>
  </si>
  <si>
    <t>CL 70 0 # 87 I - 04 SUR BRR BOSA LA INDEPENDENCIA</t>
  </si>
  <si>
    <t>TELECOMUNICACIONES CHILATRA</t>
  </si>
  <si>
    <t>VDA CEDRALES PERALONSO BRR ORTEGA TOLIMA</t>
  </si>
  <si>
    <t>MINIEXPRESS ACACIAS BRR COOPERATIVO</t>
  </si>
  <si>
    <t>CL 15 # 21 39 BRR COOPERATIVO</t>
  </si>
  <si>
    <t>PAPELERA LA 27E</t>
  </si>
  <si>
    <t>CR 27 E # 73 185 / LC 101 BRR BONILLA ARAGON</t>
  </si>
  <si>
    <t>TECNOBYTS</t>
  </si>
  <si>
    <t>CR 73 # 64 A 18 - SUR BRR PERDOMO</t>
  </si>
  <si>
    <t>DISTRIBUCIONES BERCEL</t>
  </si>
  <si>
    <t>CRA. 110A #152B-92 BOGOT COLOMBIA</t>
  </si>
  <si>
    <t>INTERNET Y PAPELERIA KARU</t>
  </si>
  <si>
    <t>CR 53 # 141 36 BRR PRADO PINZON</t>
  </si>
  <si>
    <t>CIGARRERIA JHT</t>
  </si>
  <si>
    <t>DG 139 A BIS # 127 A 30 BRR SABANA DE TIBABUYES</t>
  </si>
  <si>
    <t>PAPELERIA JMS</t>
  </si>
  <si>
    <t>CALLE 131 # 102 - 04</t>
  </si>
  <si>
    <t>COMUNICACIONES J K C</t>
  </si>
  <si>
    <t>CRA 7 1 A 76 SUR</t>
  </si>
  <si>
    <t>INTERCALIMA VERAGUAS</t>
  </si>
  <si>
    <t>KR 31 C NO 4A-76</t>
  </si>
  <si>
    <t>CR 12 F # 54 08 BRR TUNJUELITO</t>
  </si>
  <si>
    <t>MULTISERVICIOS AMBORCO</t>
  </si>
  <si>
    <t>CL 33 # 5 P 72 BRR PRADERAS DE AMBORCO</t>
  </si>
  <si>
    <t>MERCAPUBLIC AUTOSERVICIO</t>
  </si>
  <si>
    <t>CR 50 # 47 51 BRR SAN LUIS</t>
  </si>
  <si>
    <t>MINIEXPRESS SABANALARGA BRR SAN CARLOS</t>
  </si>
  <si>
    <t>CC SUCHIMMA CALLE 15 # 5 - 56 BRR CC SUCHIMMA</t>
  </si>
  <si>
    <t>MISCELANEA JOSELOPEZ2</t>
  </si>
  <si>
    <t>CL 20 # 05 64 / LC 1 BRR VILLA NUEVA</t>
  </si>
  <si>
    <t>VARIEDADES LEO G</t>
  </si>
  <si>
    <t>CL 7 8 07</t>
  </si>
  <si>
    <t>SAN PEDRO DE URABÁ</t>
  </si>
  <si>
    <t>DROGUERIA LA FAVORITA</t>
  </si>
  <si>
    <t>CRA. 50 #51 SAN PEDRO DE URABA ANTIOQUIA COLOMBIA</t>
  </si>
  <si>
    <t>CACHARRERIA TIENDA DE TODO</t>
  </si>
  <si>
    <t>CR 81 A # 14 A 71 BRR ANDALUCIA</t>
  </si>
  <si>
    <t>LABORATORIO DENTAL LOS ANGELES</t>
  </si>
  <si>
    <t>CR 69 # 71 39 BRR LA ESTRADA</t>
  </si>
  <si>
    <t>PAPELERIA VARGOS</t>
  </si>
  <si>
    <t>CL. 14 #107-22 BOGOTA COLOMBIA</t>
  </si>
  <si>
    <t>RG MENSAJERIA- INTER RAPIDISIMO</t>
  </si>
  <si>
    <t>CR 48 G # 58 F 22 - SUR BRR CORUNA</t>
  </si>
  <si>
    <t>RECAUDOS JYA</t>
  </si>
  <si>
    <t>CLL 139 #128A-21</t>
  </si>
  <si>
    <t>PHARMAPLUS A Y D</t>
  </si>
  <si>
    <t>DG 74 SUR # 79 A 03 BRR BOSA</t>
  </si>
  <si>
    <t>INTERVALLADOLID</t>
  </si>
  <si>
    <t>CL 8 B # 81 A 22 BRR VALLADOLID</t>
  </si>
  <si>
    <t>BLANCA EMMA RAMIREZ</t>
  </si>
  <si>
    <t>CRA. 69H #79-9 BOGOTï¿ COLOMBIA</t>
  </si>
  <si>
    <t>MOV1LPLUSONE</t>
  </si>
  <si>
    <t>CR 6 ESTE # 97 B 87 - SUR BRR ALFONSO LOPEZ</t>
  </si>
  <si>
    <t>SALSAMENTARIA DELICAMPO</t>
  </si>
  <si>
    <t>KR 81 J NO 57 A SUR - 04 Pl1</t>
  </si>
  <si>
    <t>VARIEDADES GRAMDI</t>
  </si>
  <si>
    <t>CR 1 # 65 D 58 - SUR / CC ALTAVISTA LC 1-33 BRR USME</t>
  </si>
  <si>
    <t>REDPAGO</t>
  </si>
  <si>
    <t>AV. CRA 17G # 65 SUR - 26</t>
  </si>
  <si>
    <t>EL MUNDO DEL ESTUDIANTE</t>
  </si>
  <si>
    <t>CRA 79 6 A 39</t>
  </si>
  <si>
    <t>DROGUERIA D LOPEZ</t>
  </si>
  <si>
    <t>CR 49 CL 82-83</t>
  </si>
  <si>
    <t>MISCELNEA Y PAPELERA ZAZIL</t>
  </si>
  <si>
    <t>CR 87 # 1 09 BRR PATIO BONITO</t>
  </si>
  <si>
    <t>PAPELERIA Y MAS... LINJHODANJUL</t>
  </si>
  <si>
    <t>CL 139 NO 134-11</t>
  </si>
  <si>
    <t>DROGUERIA MAXI FARMA J L W 2</t>
  </si>
  <si>
    <t>CL 27 SUR 13B 11</t>
  </si>
  <si>
    <t>EDIGRAFICAS</t>
  </si>
  <si>
    <t>CR 13 # 19 69 BRR CENTRO</t>
  </si>
  <si>
    <t>DROGUERIA FARMA LIFE</t>
  </si>
  <si>
    <t>CRA 53 # 141 20</t>
  </si>
  <si>
    <t>MR OLSSON</t>
  </si>
  <si>
    <t>CL. 3 SUR #11B-3 BOGOT COLOMBIA</t>
  </si>
  <si>
    <t>PAMAGA COMUNICACIONES</t>
  </si>
  <si>
    <t>CR 10 B ESTE # 24 42 - SUR BRR SAN BLAS</t>
  </si>
  <si>
    <t>INTERRAPISIMO TUNAL</t>
  </si>
  <si>
    <t>CL. 54 SUR #25-22 BOGOT COLOMBIA</t>
  </si>
  <si>
    <t>NEGAL SHOP VARIEDADES</t>
  </si>
  <si>
    <t>CR 65 A # 75 90 BRR SAN FERNANDO</t>
  </si>
  <si>
    <t>DROGUERIA FERIDROGAS M.G</t>
  </si>
  <si>
    <t>CL 65 SUR 102 0051 216 00001</t>
  </si>
  <si>
    <t>MAS DROGUERIAS</t>
  </si>
  <si>
    <t>CRA 21 52 A 12</t>
  </si>
  <si>
    <t>REMATE EL POPULAR</t>
  </si>
  <si>
    <t>KR 9 ESTE 81 SUR 20 BQICA 6</t>
  </si>
  <si>
    <t>CREATIVIDAD</t>
  </si>
  <si>
    <t>AUTOPISTA SUR # 12-94</t>
  </si>
  <si>
    <t>OYM COMUNICACIONES</t>
  </si>
  <si>
    <t>CR 72 M # 44 27 - SUR BRR MARCELLA</t>
  </si>
  <si>
    <t>DROGUERIA JMA ANDES</t>
  </si>
  <si>
    <t>CR 53 A # 52 03 BRR SAN PEDRO</t>
  </si>
  <si>
    <t>LA PAPELERIA DE CARLOS</t>
  </si>
  <si>
    <t>CL 24 # 23 39 BRR OBREROS DE CRISTO</t>
  </si>
  <si>
    <t>COLPAGOS DE COLOMBIA SAS</t>
  </si>
  <si>
    <t>CL 39 # 2 43 BRR EL CENTRO</t>
  </si>
  <si>
    <t>MISCELANEA PATYS</t>
  </si>
  <si>
    <t>CL 5 # 8 112 / LC P 2 BRR ALCAZARES</t>
  </si>
  <si>
    <t>PUNTOSERVIS VILLANUEVA</t>
  </si>
  <si>
    <t>CL 14 # 6 22 BRR SAN LUIS</t>
  </si>
  <si>
    <t>DIFFER COMUNICACIONES</t>
  </si>
  <si>
    <t>CL 27 # 33 B 04 / LC 100 BRR EL JARDIN</t>
  </si>
  <si>
    <t>MULTISERVICIOS SS</t>
  </si>
  <si>
    <t>CL 16 A # 37 B 70 BRR VALLE DEL BATARA II CANDELARIA</t>
  </si>
  <si>
    <t>LA VENTANA DE COSITAS</t>
  </si>
  <si>
    <t>CR 68 # 8 66 BRR CORDOBA</t>
  </si>
  <si>
    <t>COMPUNET PUNTO.CO</t>
  </si>
  <si>
    <t>CL 71 SUR # 102 51 / CA 246 ET 5 BRR CIUDADELA EL RECREO</t>
  </si>
  <si>
    <t>TECNOSAJ</t>
  </si>
  <si>
    <t>AK 70 # 63 C 36 BRR BOSQUE POPULAR</t>
  </si>
  <si>
    <t>MI PATIICO</t>
  </si>
  <si>
    <t>CR 98 A # 62 B 17 BRR BOSA</t>
  </si>
  <si>
    <t>CRA 58 # 127 - 59 LOCAL 330 B</t>
  </si>
  <si>
    <t>CAFE INTERNET ARCANET</t>
  </si>
  <si>
    <t>CALLE 90 # 87B-24 LOCAL 1</t>
  </si>
  <si>
    <t>MUNDOWIX</t>
  </si>
  <si>
    <t>CRA 14 #75 SUR-64 BOGOTï¿ COLOMBIA</t>
  </si>
  <si>
    <t>CANDY PAPER</t>
  </si>
  <si>
    <t>KR 3 A NO 49 B SUR 12 PI 1</t>
  </si>
  <si>
    <t>DROGUERIASARY</t>
  </si>
  <si>
    <t>TV 13D 45C SUR 008300001</t>
  </si>
  <si>
    <t>DISTRISERVCIOS RYM</t>
  </si>
  <si>
    <t>CL 42 # 1 107 / MZ A CA 17 G BRR BOSQUES DE MANARE</t>
  </si>
  <si>
    <t>MUNDO MOVIL BOLIVAR</t>
  </si>
  <si>
    <t>CL 51 # 49 04 BRR PARQUE PRINCIPAL</t>
  </si>
  <si>
    <t>COLPAGOS LA GRANJA 6</t>
  </si>
  <si>
    <t>TV 5 0010-006 BRR LA GRANJA</t>
  </si>
  <si>
    <t>CR 65 # 11 48 / CC PLAZA CENTRAL LC 334 BRR PLAZA CENTRAL</t>
  </si>
  <si>
    <t>MINIEXPRESS VILLAVICENCION BRR SAN BENITO</t>
  </si>
  <si>
    <t>CR 36 # 20 13 BRR SAN BENITO</t>
  </si>
  <si>
    <t>COLPAGOS TIERRALTA 2</t>
  </si>
  <si>
    <t>CR 14 # 6 11 BRR CENTRO</t>
  </si>
  <si>
    <t>SANEY</t>
  </si>
  <si>
    <t>CL 15 # 3 10</t>
  </si>
  <si>
    <t>DROGUERIA TEJARES</t>
  </si>
  <si>
    <t>CRA 6 70 72</t>
  </si>
  <si>
    <t>DROGUERIA MEDIMARTH C</t>
  </si>
  <si>
    <t>MANZANA 27 CASA 24</t>
  </si>
  <si>
    <t>COMUNICACIONES ARG</t>
  </si>
  <si>
    <t>CR 88 I # 79 05 - SUR BRR POTRERITOS</t>
  </si>
  <si>
    <t>R.R.E. INVERSIONES SAS</t>
  </si>
  <si>
    <t>AK. 7 #173A-49 BOGOTA COLOMBIA</t>
  </si>
  <si>
    <t>DROGUERIA JULUMAR</t>
  </si>
  <si>
    <t>CL 180 # 11 20 BRR ANDALUCIA</t>
  </si>
  <si>
    <t>PENCIL AND PAPER IN</t>
  </si>
  <si>
    <t>CR 5 # 2 31 BRR SIGCIMA</t>
  </si>
  <si>
    <t>DROGUERIA 2006 SC</t>
  </si>
  <si>
    <t>CL. 40 SUR #87-15 BOGOTA COLOMBIA</t>
  </si>
  <si>
    <t>ALEM</t>
  </si>
  <si>
    <t>CR 14 A BIS ESTE # 60 D 06 - SUR BRR NUEVA DELHY</t>
  </si>
  <si>
    <t>PUNTO AZUL NORTE</t>
  </si>
  <si>
    <t>CL 163 # 61 21 BRR GILMAR</t>
  </si>
  <si>
    <t>PAPELERIA VINCENT 3</t>
  </si>
  <si>
    <t>DG 77 A SUR # 18 G 12 BRR EL TESORO</t>
  </si>
  <si>
    <t>LIBRERIA Y PAPELERIA TIENDA ESTUDIANTIL LTDA</t>
  </si>
  <si>
    <t>CRA 91 145 B 32</t>
  </si>
  <si>
    <t>LILIANA ORTIZ</t>
  </si>
  <si>
    <t>CL 75 # 89 B 45 / LC 02 BRR PARIS</t>
  </si>
  <si>
    <t>ANGELICA NET</t>
  </si>
  <si>
    <t>CALLE 58C SUR # 86D 21</t>
  </si>
  <si>
    <t>DROGUERIA Y MINIMARKET FARMA DASAN 2</t>
  </si>
  <si>
    <t>CRA 55 # 171 - 16</t>
  </si>
  <si>
    <t>LAPISLAZULY</t>
  </si>
  <si>
    <t>CL 15 # 63 91 BRR CHAPINERO</t>
  </si>
  <si>
    <t>EL ESTUDIANTADO</t>
  </si>
  <si>
    <t>CL 36 # 40 12 BRR LA CARMINA SECTOR 4 ESQUINA</t>
  </si>
  <si>
    <t>PUNTOSERVIS LA PLATA HUILA 01</t>
  </si>
  <si>
    <t>CL 4 # 5 42 BRR PAEZ</t>
  </si>
  <si>
    <t>PAGO FÃCIL 10</t>
  </si>
  <si>
    <t>CL 10 N # 11 E 09 BRR GUAIMARAL</t>
  </si>
  <si>
    <t>VARIEDADES LA COMARCA</t>
  </si>
  <si>
    <t>CL 15 # 2 B 24 BRR EL HATO</t>
  </si>
  <si>
    <t>LA LLANADA</t>
  </si>
  <si>
    <t>COMERCIALIZADORA AGUA S</t>
  </si>
  <si>
    <t>CL 8 CASA NO 5 56</t>
  </si>
  <si>
    <t>MISCELANEA LA PRINCIPAL</t>
  </si>
  <si>
    <t>AV 4 # 6 40 / CRR BRR POTRERILLO</t>
  </si>
  <si>
    <t>DROGUERIA TRINNY</t>
  </si>
  <si>
    <t>CL 72 B 9-26</t>
  </si>
  <si>
    <t>YONDÓ</t>
  </si>
  <si>
    <t>EDS CONDOR</t>
  </si>
  <si>
    <t>CR 57 # 48 85 BRR JORGE ELIECER GAITAN</t>
  </si>
  <si>
    <t>MULTISERVICIOS JK</t>
  </si>
  <si>
    <t>C19 15-20</t>
  </si>
  <si>
    <t>DISTRIBUCIONES FARMACOS SAS</t>
  </si>
  <si>
    <t>CR 19 # 12 72 / CC SANTA FE PLAZA LC 42 43 BRR LA ESTANZUELA</t>
  </si>
  <si>
    <t>CM SERVICIO TECNICO</t>
  </si>
  <si>
    <t>DG 46 SUR # 12 H 41 BRR MARCO FIDEL SUAREZ</t>
  </si>
  <si>
    <t>COMERCIALIZADORA TORRES Y RIVERA</t>
  </si>
  <si>
    <t>CR 13 # 60 44 BRR CHAPINERO</t>
  </si>
  <si>
    <t>VARIEDADES Y COMUNICACIONES DONDE JEANET</t>
  </si>
  <si>
    <t>CALLE 72SUR # 80K-06 BOSANARANJOS</t>
  </si>
  <si>
    <t>MILE</t>
  </si>
  <si>
    <t>CL 74 SUR # 77 G 12 BRR VILLA ANNY II</t>
  </si>
  <si>
    <t>VARIEDADES THIASH</t>
  </si>
  <si>
    <t>CL 22 SUR 14 30 PI1</t>
  </si>
  <si>
    <t>CIGARRERIA Y ABARROTES YJ</t>
  </si>
  <si>
    <t>CL 104 SUR # 1A ESTE 41</t>
  </si>
  <si>
    <t>MIMOS Y PAPIROS</t>
  </si>
  <si>
    <t>CRA. 69D #24-75 BOGOTA COLOMBIA</t>
  </si>
  <si>
    <t>CL 17 SUR # 8 A 05 BRR SOCIEGO</t>
  </si>
  <si>
    <t>SHELDYNGEER</t>
  </si>
  <si>
    <t>DG 71 B # 18 J 07 - SUR BRR SAN RAFAEL</t>
  </si>
  <si>
    <t>DROGUERIA NUEVA MIRAVALLE</t>
  </si>
  <si>
    <t>CRA 14R 74D 48 SUR CA 1MZ 11</t>
  </si>
  <si>
    <t>LAPIZ  PINCEL</t>
  </si>
  <si>
    <t>CR 48 D # 58 45 - SUR BRR LA CORUNA</t>
  </si>
  <si>
    <t>RAJAAM</t>
  </si>
  <si>
    <t>CRA. 1A 4 #71-11 CALI PALMIRA VALLE DEL CAUCA COLOMBIA</t>
  </si>
  <si>
    <t>DROGUERIA CENTRAL LA SIERRA</t>
  </si>
  <si>
    <t>CRA 4 16 156 CARRILERA CENTRAL</t>
  </si>
  <si>
    <t>DROGUERA CGM FARMA</t>
  </si>
  <si>
    <t>CR 7 # 27 B 62 BRR SERAFINA</t>
  </si>
  <si>
    <t>TIENDA YHOSVY</t>
  </si>
  <si>
    <t>SAMACOMUNICACIONES</t>
  </si>
  <si>
    <t>CL 1 C SUR # 8 20 BRR NARINO SUR</t>
  </si>
  <si>
    <t>JJ SOLUCIONES ILIMITADAS</t>
  </si>
  <si>
    <t>CR 20 B # 64 10 BRR SAN FRANCISCO</t>
  </si>
  <si>
    <t>SOLUTEC-IT</t>
  </si>
  <si>
    <t>CL 60 SUR # 68 B 39 BRR MADELENA</t>
  </si>
  <si>
    <t xml:space="preserve">VARIEDADES ISAMY </t>
  </si>
  <si>
    <t>KR 87 G NO 57 C SUR 63</t>
  </si>
  <si>
    <t>EL GALEON PAPELERIA</t>
  </si>
  <si>
    <t>CRA. 48A #176-43 BOGOTA COLOMBIA</t>
  </si>
  <si>
    <t>DROGUERIA SARA SOFIA O.C.</t>
  </si>
  <si>
    <t>TV 70 G 63 52 SUR LC 3</t>
  </si>
  <si>
    <t>CIGARRERIA LA ESPECIAL</t>
  </si>
  <si>
    <t>CL 143 NO 150 C - 15 PI1</t>
  </si>
  <si>
    <t>VARIEDADES MARIANIS</t>
  </si>
  <si>
    <t>CL 134 A # 147 C - 12 BRR SAN PEDRO</t>
  </si>
  <si>
    <t>CHALÁN</t>
  </si>
  <si>
    <t>LA ESQUINA DEL SABOR</t>
  </si>
  <si>
    <t>CR 7 N 1 157 CL PRINCIPAL</t>
  </si>
  <si>
    <t>PAGO FÃCIL 2</t>
  </si>
  <si>
    <t>AV 10 # 25 32 / LC 1 BRR PATIOS CENTRO</t>
  </si>
  <si>
    <t>GRUPO EXPRESS LTDA</t>
  </si>
  <si>
    <t>CL 14 # 5 42 BRR CENTRO</t>
  </si>
  <si>
    <t>FARMALUTI DROGUERIA</t>
  </si>
  <si>
    <t>CRA 8 76 141</t>
  </si>
  <si>
    <t>DBELLEZA Y PAGOS DEL MAR</t>
  </si>
  <si>
    <t>CALLE 3 #18-42</t>
  </si>
  <si>
    <t>VARIEDADES MONI PG</t>
  </si>
  <si>
    <t>CL 21 # 69 58 / IN 202 BRR MARUCHENGA</t>
  </si>
  <si>
    <t>LA PINTADA</t>
  </si>
  <si>
    <t>PAPEL LEED</t>
  </si>
  <si>
    <t>AV 30 # 31 06 BRR EL CRUCERO</t>
  </si>
  <si>
    <t>PAPELERIA PRADOS 5</t>
  </si>
  <si>
    <t>CR 90 C # 6 A 31 / CA 6 BRR TINTAL</t>
  </si>
  <si>
    <t>DROGUERIA Y PERFUMERIA SALUD SOCIAL</t>
  </si>
  <si>
    <t>AK 70 # 74 D 37 BRR BONANZA</t>
  </si>
  <si>
    <t>PALADARES SABOR IRRESISTIBLE</t>
  </si>
  <si>
    <t>KR 88 B NO 50 SUR - 09 PI 2</t>
  </si>
  <si>
    <t>ECOCAFE</t>
  </si>
  <si>
    <t>CR 5 A # 1 20 / MZ 6 CA 55 BRR LAS CRUCES</t>
  </si>
  <si>
    <t>DISTRIPOLLOSLEIDY</t>
  </si>
  <si>
    <t>CL 42 A SUR # 99 05 BRR LA RIVERA</t>
  </si>
  <si>
    <t>COMUNICACIONES Y MERCADO GENESIS</t>
  </si>
  <si>
    <t>TV 49 C # 75 A 35 - SUR BRR JERUSALEN</t>
  </si>
  <si>
    <t>NEOTECH TECNOLOGIA Y PAPELERIA</t>
  </si>
  <si>
    <t>CL 2 B # 55 35 BRR GALAN</t>
  </si>
  <si>
    <t>TOMMY BIGOTES</t>
  </si>
  <si>
    <t>KR 100B 75C 03 LC 2</t>
  </si>
  <si>
    <t>PAPELERIA LA NUEVA PANTERA</t>
  </si>
  <si>
    <t>CL 80 C BIS 94 12</t>
  </si>
  <si>
    <t>DROGUERIA SAN PEDRO G Y</t>
  </si>
  <si>
    <t>CRA 151 136 07</t>
  </si>
  <si>
    <t>TECHNOLOGY STORE  CANDYS</t>
  </si>
  <si>
    <t>CR 154 # 134 10 BRR SUBA LISBOA</t>
  </si>
  <si>
    <t>DROGUERIA MAYI</t>
  </si>
  <si>
    <t>CR 6 # 17 16 BRR VELODROMO</t>
  </si>
  <si>
    <t>PAPELERIA LAS 3 NOTAS</t>
  </si>
  <si>
    <t>DG 100 C SUR NO 2 B - 69</t>
  </si>
  <si>
    <t>LA ESTRELLA</t>
  </si>
  <si>
    <t>MATER COMUNICACIONES</t>
  </si>
  <si>
    <t>CR 50 # 99 240 - SUR BRR LA ESTRELLA</t>
  </si>
  <si>
    <t>CASA DE PAPEL</t>
  </si>
  <si>
    <t>CL 10 # 4 E 23 BRR MOSQUERA EL TREBOL</t>
  </si>
  <si>
    <t>RAPITIENDA VALENTINA TERRANOVA</t>
  </si>
  <si>
    <t>CRA. 50 SUR #13 SAN INSIDRO JAMUNDï¿ VALLE DEL CAUCA COLOMBIA</t>
  </si>
  <si>
    <t>MISCELANEA Y PAPELERIA GLORIA DE LUZ</t>
  </si>
  <si>
    <t>CR 120 # 17 62 BRR FONTIBON SAN PABLO</t>
  </si>
  <si>
    <t>PAPELERA MERAKI</t>
  </si>
  <si>
    <t>CR 49 # 99 23 / LC 4 BRR LA CASTELLANA</t>
  </si>
  <si>
    <t>DROGUERIA SHARIN</t>
  </si>
  <si>
    <t>CRA. 152 #138-14 BOGOTA COLOMBIA</t>
  </si>
  <si>
    <t>CYBER PLAZA</t>
  </si>
  <si>
    <t>CL 16 # 15 50 / LC 140 BRR LA FAVORITTA</t>
  </si>
  <si>
    <t>DROGUERIA REXAL</t>
  </si>
  <si>
    <t>CR 57 # 92 021 / 01 BRR RIO NEGRO</t>
  </si>
  <si>
    <t>TIENDA VECI</t>
  </si>
  <si>
    <t>CR 9 D ESTE N 22 05 SUR</t>
  </si>
  <si>
    <t>CENTRO DE SOLUCIONES CF</t>
  </si>
  <si>
    <t>CL 7 # 90 41 / CA 99 BRR PINOS DE NUEVA CASTILLA</t>
  </si>
  <si>
    <t>DROGUERIA Y ORTOPEDICOS JJ</t>
  </si>
  <si>
    <t>CRA. 100 #16I-26 BOGOTA COLOMBIA</t>
  </si>
  <si>
    <t>FRUTY MIX</t>
  </si>
  <si>
    <t>CRA 15 33 A 41 LC 4</t>
  </si>
  <si>
    <t>ONE EASY STOP SAN CAYETANO</t>
  </si>
  <si>
    <t>CL 129 C # 96 33 BRR SAN CAYETANO</t>
  </si>
  <si>
    <t>EL DIAMANTE DORADO</t>
  </si>
  <si>
    <t>DG 54 # 20 A 12 BRR NAVARRA</t>
  </si>
  <si>
    <t>BJB SOLUCIONES</t>
  </si>
  <si>
    <t>CARRERA 80C NO. 7A-95</t>
  </si>
  <si>
    <t>SHADDAY COMUNICACIONES E INTERNET</t>
  </si>
  <si>
    <t>CRA. 56 #2A-9 BOGOTA COLOMBIA</t>
  </si>
  <si>
    <t>VARIEDADES LAS MARGARITAS</t>
  </si>
  <si>
    <t>CL 51 SUR 81G 39</t>
  </si>
  <si>
    <t>TIENDA PATAS ARRIBA</t>
  </si>
  <si>
    <t>CRA. 94A #56F SUR-97 BOGOT COLOMBIA</t>
  </si>
  <si>
    <t>BODEGA UNIVERSAL BY DG</t>
  </si>
  <si>
    <t>CR 80 A # 52 04 - SUR BRR VILLA ANITA</t>
  </si>
  <si>
    <t>SOLUCIONES EN INFORMATICA , ELECTRONICA Y DE SISTEMAS</t>
  </si>
  <si>
    <t>CL. 8 #19A-78 BOGOTA COLOMBIA</t>
  </si>
  <si>
    <t>DROGUERIA ANDALUCITA</t>
  </si>
  <si>
    <t>CR 3 # 1 B 83 BRR LAS CRUCES</t>
  </si>
  <si>
    <t>DROGAS EL PROGRESO G.E</t>
  </si>
  <si>
    <t>CL 2 # 27 A - 25</t>
  </si>
  <si>
    <t>MERCAFACIL A&amp;C</t>
  </si>
  <si>
    <t>AC 132 NO 91 - 28 AP 100</t>
  </si>
  <si>
    <t>TIEMPO RECORDS</t>
  </si>
  <si>
    <t>CR 58 # 93 B 14 BRR RIONEGRO</t>
  </si>
  <si>
    <t>BIENES SERVICIOS Y COMUNICACIONES JR</t>
  </si>
  <si>
    <t>CR 10 # 4 67 BRR LAS VILLAS</t>
  </si>
  <si>
    <t>COLPAGOS COLINA REAL</t>
  </si>
  <si>
    <t>SEC 1 MZ 19-12 BRR COLINA REAL</t>
  </si>
  <si>
    <t>L.A. INTERNET</t>
  </si>
  <si>
    <t>CR 12 # 8 08 BRR SANTA ANA</t>
  </si>
  <si>
    <t>THIAGO.NET</t>
  </si>
  <si>
    <t>CRA. 56B #4-20 BUENAVENTURA VALLE DEL CAUCA COLOMBIA</t>
  </si>
  <si>
    <t>GRANERO LA BODEGA</t>
  </si>
  <si>
    <t>CL 10 8 59</t>
  </si>
  <si>
    <t>VARIEDADES ZHARIFT</t>
  </si>
  <si>
    <t>CL 98 # 101 32 BRR CHIGORODO</t>
  </si>
  <si>
    <t>LA KOSITERIA LIFER</t>
  </si>
  <si>
    <t>TV. 26A #26B-23 BOGOTï¿ COLOMBIA</t>
  </si>
  <si>
    <t>DROGUERIA VIRTUD LORENA ML</t>
  </si>
  <si>
    <t>CRA 12 H BIS 26 B 41 SUR</t>
  </si>
  <si>
    <t>PAPELERIA COMERCIAL SANTA MARTHA</t>
  </si>
  <si>
    <t>CL. 66C #61-36 BOGOTA COLOMBIA</t>
  </si>
  <si>
    <t>DROGUERIA ASOCIADOS</t>
  </si>
  <si>
    <t>CR 14 B BIS # 73 C 51 - SUR BRR SANTALIBRADA</t>
  </si>
  <si>
    <t>INTERNET Y  J COMUNICACIONES</t>
  </si>
  <si>
    <t>CR 110 # 64 D 03 BRR ENGATIVA</t>
  </si>
  <si>
    <t>CIGARRERIA LA FRONTERA</t>
  </si>
  <si>
    <t>CL 73 # 107 344 BRR GARCES NAVAS</t>
  </si>
  <si>
    <t>SUBA.COM</t>
  </si>
  <si>
    <t>CRA 91 NO 145B 58</t>
  </si>
  <si>
    <t>NIKVAL</t>
  </si>
  <si>
    <t>CR 9 ESTE # 30 B - 32 BRR SAN MATEO SOACHA</t>
  </si>
  <si>
    <t>LA ESQUINA MOVIL MULTISERVICIOS</t>
  </si>
  <si>
    <t>CR 14 # 8 50 BRR CENTRO</t>
  </si>
  <si>
    <t>COLPAGOS CERETE</t>
  </si>
  <si>
    <t>CR 11 CALLE 14A 196 BRR CENTRO</t>
  </si>
  <si>
    <t>PUNTOSERVIS GIRON 2</t>
  </si>
  <si>
    <t>CR 19 # 15 16 / MZ A 9 BRR CIUDADELA VILLAMIL</t>
  </si>
  <si>
    <t>PUNTOSERVIS SARAVENA 3</t>
  </si>
  <si>
    <t>CR 16 # 25 26 BRR BARRIO SEIS DE OCTUBRE</t>
  </si>
  <si>
    <t>BUILDESIGN</t>
  </si>
  <si>
    <t>CL 14 # 69 86 BRR HACIENDA</t>
  </si>
  <si>
    <t>ARBOLEDA</t>
  </si>
  <si>
    <t>TRAMITES LUISA</t>
  </si>
  <si>
    <t>CARRERA 3 #2 BERRUECOS ARBOLEDA NARINO COLOMBIA</t>
  </si>
  <si>
    <t>PUERRES</t>
  </si>
  <si>
    <t>SALUD DROGAS</t>
  </si>
  <si>
    <t>CRA 4 4 35</t>
  </si>
  <si>
    <t>MISCELNEA PAPELERA DALIAN</t>
  </si>
  <si>
    <t>CARRERA 78 C 40 33 SUR</t>
  </si>
  <si>
    <t>ARTE Y DETALLES MAGOO</t>
  </si>
  <si>
    <t>CL 142 # 131 11 BRR TIBABUYES UNIVERSAL</t>
  </si>
  <si>
    <t>CAPI ASESORIAS II</t>
  </si>
  <si>
    <t>AV. POPORO QUIMBAYA #72I-49 BOGOTA COLOMBIA</t>
  </si>
  <si>
    <t>COMSERSOL</t>
  </si>
  <si>
    <t>CL 57 A # 80 J 06 - SUR BRR CLASS</t>
  </si>
  <si>
    <t>VARIEDADES DE LA ABUELA</t>
  </si>
  <si>
    <t>CR 92 # 80 C 90 BRR PRIMAVERA</t>
  </si>
  <si>
    <t>VARIEDADES TIN</t>
  </si>
  <si>
    <t>CR 9 A # 75 A 12 - SUR BRR SANTA LIBRADA</t>
  </si>
  <si>
    <t>SALA DE BELLEZA Y ESTETICA STELLA RAMOS</t>
  </si>
  <si>
    <t>CL 76 BIS B # 94 17 / AP 101 BRR SANTA ROSITA</t>
  </si>
  <si>
    <t>CL 53 SUR # 31 11 BRR SAN VICENTE FERRER</t>
  </si>
  <si>
    <t>DROGUERIA SMART PHARMA</t>
  </si>
  <si>
    <t>AC 72 # 104A 09</t>
  </si>
  <si>
    <t>PAPELERIA MIJU STERLING</t>
  </si>
  <si>
    <t>CL. 38B SUR #78J-6 BOGOTA COLOMBIA</t>
  </si>
  <si>
    <t>COLPAGOS SAN MARCOS</t>
  </si>
  <si>
    <t>CL 15 # 24 33 BRR EL CENTRO</t>
  </si>
  <si>
    <t>PUNTOSERVIS CALI 3</t>
  </si>
  <si>
    <t>CL 48 # 81 11 BRR CANEY</t>
  </si>
  <si>
    <t>PUNTOSERVIS BOGOTA 24</t>
  </si>
  <si>
    <t>CL 54 A SUR # 71 B 90 BRR OLARTE</t>
  </si>
  <si>
    <t>CONECTATE JD</t>
  </si>
  <si>
    <t>AV 9 # 13 - 154</t>
  </si>
  <si>
    <t>DANSAHE SOLUCIONES EN INFORMATICA</t>
  </si>
  <si>
    <t>CL 33 47 A 04</t>
  </si>
  <si>
    <t>SUPER MASCOTAS</t>
  </si>
  <si>
    <t>CALLE 92 # 04 -40 SUR</t>
  </si>
  <si>
    <t>PAPELERIA WIFI RALPH</t>
  </si>
  <si>
    <t>CR 131 # 132 B 38 BRR TOSCANA</t>
  </si>
  <si>
    <t>ENVIOS Y PAGOS NEST</t>
  </si>
  <si>
    <t>CL 62</t>
  </si>
  <si>
    <t>GOLDEN PAPER PAPELERIA Y SERVICIOS</t>
  </si>
  <si>
    <t>CRA. 103 #72A-1 BOGOT COLOMBIA</t>
  </si>
  <si>
    <t>SERVICIOS EN LINEA DIANA CRUZ</t>
  </si>
  <si>
    <t>CR 8 A # 12 49 BRR LA CATEDRAL</t>
  </si>
  <si>
    <t>DROGUERIA CARDIOREBAJAS N 4</t>
  </si>
  <si>
    <t>CRA 50 NO 149-10 LOC 3</t>
  </si>
  <si>
    <t>CIBER CHICO</t>
  </si>
  <si>
    <t>CR 137 A # 17 D 12 BRR ALAMEDA</t>
  </si>
  <si>
    <t>SOLUCIONES NET</t>
  </si>
  <si>
    <t>CL 75 A SUR NO 27 - 22</t>
  </si>
  <si>
    <t>DROGAS GALICIA</t>
  </si>
  <si>
    <t>TV 73 B # 60 18 - SUR BRR GALICIA</t>
  </si>
  <si>
    <t>ASOCIA2.COM2</t>
  </si>
  <si>
    <t>TV 6 F ESTE # 32 B 87 BRR SANTA INES</t>
  </si>
  <si>
    <t>DROGAS LETY</t>
  </si>
  <si>
    <t>AK 10 # 24 25 - SUR BRR SOSIEGO SUR</t>
  </si>
  <si>
    <t>MULTIPAGOS EL RIO</t>
  </si>
  <si>
    <t>SEC 1 MZ 6 - 21 BRR LA RIBERA</t>
  </si>
  <si>
    <t>COLPAGOS CANTACLARO 3</t>
  </si>
  <si>
    <t>CL 31 # 27 33 BRR CANTA CLARO</t>
  </si>
  <si>
    <t>PUNTOSERVIS BOGOTA 14</t>
  </si>
  <si>
    <t>CR 29 A # 18 26 BRR SANTANDER</t>
  </si>
  <si>
    <t>CR 3 # 5 14 BRR PARQUE PRINCIPAL</t>
  </si>
  <si>
    <t>TIENDA DIEGO Y SANTY</t>
  </si>
  <si>
    <t>CR 24 # 71 107 BRR ULPIANO LLOREDA</t>
  </si>
  <si>
    <t>SERVIAPORTES NET</t>
  </si>
  <si>
    <t>CRA 11 N 21 - 04</t>
  </si>
  <si>
    <t>DROGUERIA MANDALAY LA  50</t>
  </si>
  <si>
    <t>CRA. 50 #139 SUR-160 CALDAS ANTIOQUIA COLOMBIA</t>
  </si>
  <si>
    <t>BY PRENDAS CONFORT SAS</t>
  </si>
  <si>
    <t>CL 22 A SUR # 4 20 BRR GRANADA SUR</t>
  </si>
  <si>
    <t>DROGUERIA JR PHARMA PRADERAS DE SAN CARLOS</t>
  </si>
  <si>
    <t>CR 11 A # 190 12 / LC 23 BRR CANAIMA</t>
  </si>
  <si>
    <t>DROGUERIA PRODES</t>
  </si>
  <si>
    <t>DG 4 A 18 41</t>
  </si>
  <si>
    <t>KATHE PLASTICOS Y MAS</t>
  </si>
  <si>
    <t>CR 114 # 151 C 55 BRR ALMENDROS</t>
  </si>
  <si>
    <t>PAPELERIA MORENO JAIMES</t>
  </si>
  <si>
    <t>CL 142 B # 112 12 / AP 101 BRR LOMBARDIA</t>
  </si>
  <si>
    <t>EL VECI DE LA 170</t>
  </si>
  <si>
    <t>CL 137 # 128 B 01 BRR SUBA TOSCANA</t>
  </si>
  <si>
    <t>DANA LUJO</t>
  </si>
  <si>
    <t>CRA 2D 90SUR 15</t>
  </si>
  <si>
    <t>DROGUERIA FARMISALUD DE LA 166</t>
  </si>
  <si>
    <t>CRA 7 166 12</t>
  </si>
  <si>
    <t>TW TRASA</t>
  </si>
  <si>
    <t>DROGUERIA MAXIFAMILIAR</t>
  </si>
  <si>
    <t>CL 11 SUR 2 11</t>
  </si>
  <si>
    <t>MULTISERVICIOS MC</t>
  </si>
  <si>
    <t>CL 56 F SUR # 106 22 / TO 13 AP 303 BRR BOSA SANTAFE</t>
  </si>
  <si>
    <t>PAPELES Y COLORES</t>
  </si>
  <si>
    <t>CL. 150 #21-7 BOGOT COLOMBIA</t>
  </si>
  <si>
    <t>WILSON BUSTOS</t>
  </si>
  <si>
    <t>CRA. 15 #48-11 BOGOTA COLOMBIA</t>
  </si>
  <si>
    <t>CR 29 # 18 12 BRR JUAN PABLO</t>
  </si>
  <si>
    <t>MISCELANEA DULCE ENCANTO</t>
  </si>
  <si>
    <t>CR 27 # 21 35 BRR BRR LA TERMINAL</t>
  </si>
  <si>
    <t>PUNTOSERVIS COMER INTER  TIERRALTA CORDOBA</t>
  </si>
  <si>
    <t>CR 9 # 11 50 BRR ESCOLAR TIERRALTA</t>
  </si>
  <si>
    <t>ANA ZUÑIGA NUÑEZ</t>
  </si>
  <si>
    <t>CL PRINCIPAL MZ E LT 16 BRR ARROYO DE PIEDRA</t>
  </si>
  <si>
    <t>OFICINA DE RECAUDOS SAMAN DEL NORTE</t>
  </si>
  <si>
    <t>CL 5 B 22 03</t>
  </si>
  <si>
    <t>SUPER +</t>
  </si>
  <si>
    <t>CRA 80 CL 32 D 26</t>
  </si>
  <si>
    <t>AJ SERVICIOS</t>
  </si>
  <si>
    <t>CR 119 # 64 80 BRR EL PALMAR</t>
  </si>
  <si>
    <t>MANUFACTURAS KAIROS DYMAI</t>
  </si>
  <si>
    <t>CALLE 9 # 9-96</t>
  </si>
  <si>
    <t>TELEFONIAMJR</t>
  </si>
  <si>
    <t>CR 17 D # 64 A 07 BRR LUCERO BAJO</t>
  </si>
  <si>
    <t>RED PLATINUM</t>
  </si>
  <si>
    <t>AV. EL DORADO #33-60 BOGOTA COLOMBIA</t>
  </si>
  <si>
    <t>ENTRELAZOS</t>
  </si>
  <si>
    <t>CL 69 A BIS # 99 10 BRR ALAMOS NORTE</t>
  </si>
  <si>
    <t>ICONO TECNOLOGIA</t>
  </si>
  <si>
    <t>CL 60 # 3 A 22 - OESTE BRR LLANO LINDO</t>
  </si>
  <si>
    <t>PAGARAPIDO PUEBLO NUEVO</t>
  </si>
  <si>
    <t>CR 14 B # 14 34 / CA BRR EL PRADO</t>
  </si>
  <si>
    <t>VALLE DEL GUAMUEZ</t>
  </si>
  <si>
    <t>PUNTOSERVIS LA HORMIGA</t>
  </si>
  <si>
    <t>CL 7 # 6 45 BRR LOS PINOS</t>
  </si>
  <si>
    <t>COLPAGOS VALLEDUPAR</t>
  </si>
  <si>
    <t>TV 25 A 01 BRR FUNDADORES</t>
  </si>
  <si>
    <t>TELECOMUNICACIONES MIGUEL ANGEL  LM</t>
  </si>
  <si>
    <t>CARRERA 45 SUR #20-21 SAN INSIDRO JAMUNDI VALLE DEL CAUCA COLOMBIA</t>
  </si>
  <si>
    <t>COMUNICACIONES WEM II</t>
  </si>
  <si>
    <t>CR 14 ESTE # 73 A 31 - SUR BRR JUAN REY</t>
  </si>
  <si>
    <t>COMUNICACIONES EMMANUEL</t>
  </si>
  <si>
    <t>CR 81 A # 71 05 BRR ENGATIVA</t>
  </si>
  <si>
    <t>INTERCONECTADOS MULTISERVICIOS</t>
  </si>
  <si>
    <t>CL 45 SUR # 72 I 79 BRR BOITA</t>
  </si>
  <si>
    <t>DISTRIBUIDORA  DE POLLO SAN NICOLLS</t>
  </si>
  <si>
    <t>CL 74 SUR # 79 D 40 BRR BOSA LAURELES</t>
  </si>
  <si>
    <t>ACISTEMCOMUNICACIONES</t>
  </si>
  <si>
    <t>CR 7 # 109 03 - SUR / LC 12 BRR ANTONIO JOSE DE SUCRE</t>
  </si>
  <si>
    <t>LA CABA.NET</t>
  </si>
  <si>
    <t>CL. 127B #91-36 BOGOT COLOMBIA</t>
  </si>
  <si>
    <t>COMPUPAGO</t>
  </si>
  <si>
    <t>CRA 87B #51B SUR-66 BOGOTA COLOMBIA</t>
  </si>
  <si>
    <t>DROGUERIA MANUELA BELTRAN</t>
  </si>
  <si>
    <t>CRA 45 C 69 82 SUR</t>
  </si>
  <si>
    <t>CREDITRADE</t>
  </si>
  <si>
    <t>CRA. 57 #44-69 BOGOT COLOMBIA</t>
  </si>
  <si>
    <t>PAPELERIA CENTRO DE COMPUTO</t>
  </si>
  <si>
    <t>CL. 26 SUR #73-67 BOGOT COLOMBIA</t>
  </si>
  <si>
    <t>PAPELERIA ALTONET</t>
  </si>
  <si>
    <t>TV. 22 #69C SUR-45 BOGOTï¿ COLOMBIA</t>
  </si>
  <si>
    <t>CIGARRERIA Y VARIEDADES INMADY</t>
  </si>
  <si>
    <t>KR 103 F NO 141 C-2 21</t>
  </si>
  <si>
    <t>PUNTOSERVIS COMER SUPER BOGOTA 39</t>
  </si>
  <si>
    <t>CR 69 D # 2 B 12 BRR KENNEDY NUEVA MARSELLA</t>
  </si>
  <si>
    <t>INTEGRAL WEB TU CENTRO TECNOLOGICO</t>
  </si>
  <si>
    <t>CR 98 B # 25 130 / CC LA 14 BRR VALLE DEL LILI</t>
  </si>
  <si>
    <t>LUCY COMUNICACIONES  LA VICTORIA VALLE</t>
  </si>
  <si>
    <t>CR 6 # 9 07 BRR LA VICTORIA</t>
  </si>
  <si>
    <t>MEMOCELL LIBORINA</t>
  </si>
  <si>
    <t>CL 8 # 10 53 BRR RECREITO LIBORINA</t>
  </si>
  <si>
    <t>VARIEDADES DINAK</t>
  </si>
  <si>
    <t>CL 71 G SUR # 14 70 BRR LA FORTALEZA</t>
  </si>
  <si>
    <t>PAPELERIA MI LIBERTADOR</t>
  </si>
  <si>
    <t>CR 98 B # 65 48 - SUR BRR BOSA EL RECREO</t>
  </si>
  <si>
    <t>DROGUERIA UNIFAMILIAR 1</t>
  </si>
  <si>
    <t>CL 163 N 62 35</t>
  </si>
  <si>
    <t>CRA 50 # 144-10</t>
  </si>
  <si>
    <t>ACCESORIOSDC1</t>
  </si>
  <si>
    <t>CR 110 # 72 38 BRR GARCES NAVAS</t>
  </si>
  <si>
    <t>HOBBYS PAPELERA</t>
  </si>
  <si>
    <t>CL 71 A SUR # 87 B 70 BRR LA INDEPENDENCIA</t>
  </si>
  <si>
    <t>MULTIVARIEDADES LA GRAN FORTUNA</t>
  </si>
  <si>
    <t>CARRERA 15 ESTE 73 A 31 SUR</t>
  </si>
  <si>
    <t>CR 61 # 103 24 BRR ANDES</t>
  </si>
  <si>
    <t>DROGUERIA SUPERDESCUENTOS PC</t>
  </si>
  <si>
    <t>CL 2 86 D 03</t>
  </si>
  <si>
    <t>GALUNET</t>
  </si>
  <si>
    <t>CL 6 # 6 15 BRR LA PLAZA</t>
  </si>
  <si>
    <t>PAPELERIA Y VARIEDADES JAVAL</t>
  </si>
  <si>
    <t>CR 22 # 25 62 BRR TAHAMI</t>
  </si>
  <si>
    <t>COMPUTELLO</t>
  </si>
  <si>
    <t>CR 44 14-40</t>
  </si>
  <si>
    <t>DROGUERIA KATRINA LA 80</t>
  </si>
  <si>
    <t>CL 80 50 B 112</t>
  </si>
  <si>
    <t>KADUK</t>
  </si>
  <si>
    <t>KR 89 BIS A NO 63 SUR - 57</t>
  </si>
  <si>
    <t>PAPERNET2</t>
  </si>
  <si>
    <t>CR 93 # 22 07 BRR CAPELLANIA</t>
  </si>
  <si>
    <t>PAPELERIA ANDI</t>
  </si>
  <si>
    <t>CRA. 73D #38 SUR-60 BOGOTA COLOMBIA</t>
  </si>
  <si>
    <t>DROGUERIA PREMISALUD</t>
  </si>
  <si>
    <t>CL 69 A 84 A 10</t>
  </si>
  <si>
    <t>PAPEL MAGIC</t>
  </si>
  <si>
    <t>CL 13 # 3 D - 11 BRR SAN BERNARDINO</t>
  </si>
  <si>
    <t>CR 6 # 8 42 BRR FUSAGASUGA</t>
  </si>
  <si>
    <t>PUNTOSERVIS GUALTAMAN</t>
  </si>
  <si>
    <t>CR 3 # 6 38 / MZ 15 BRR LA UNION</t>
  </si>
  <si>
    <t>IMPRESIONES LA 32</t>
  </si>
  <si>
    <t>CRA. 32 #32-33 CALI VALLE DEL CAUCA COLOMBIA</t>
  </si>
  <si>
    <t>SAN VICENTE FERRER</t>
  </si>
  <si>
    <t>EL MELOCOTON.NET</t>
  </si>
  <si>
    <t>CR 30 # 30 13 BRR ARBELAEZ</t>
  </si>
  <si>
    <t>CELESTIAL COMUNICACIONES</t>
  </si>
  <si>
    <t>CL 96 # 99 18 BRR FUNDADORES</t>
  </si>
  <si>
    <t>ACTIVA-CELL COMUNICACIONES</t>
  </si>
  <si>
    <t>CR 5 # 48 R 24 - SUR BRR DIANA TURBAY</t>
  </si>
  <si>
    <t>AUTOSERVICIO RINDEMAX DEL ORIENTE</t>
  </si>
  <si>
    <t>KR 1 47A 06 SUR</t>
  </si>
  <si>
    <t>SUPERMERCADO MAXIHOGAR</t>
  </si>
  <si>
    <t>CL 70 A 89 A 35</t>
  </si>
  <si>
    <t>MISCELANEA Y LAVANDERIA LA ROCA</t>
  </si>
  <si>
    <t>CRA 101 83 90 INT 5 AP 103</t>
  </si>
  <si>
    <t>SHIPPING HOUSE  ASOCIADOS</t>
  </si>
  <si>
    <t>CL 23 B BIS NO 75 . 13 LC 1</t>
  </si>
  <si>
    <t>DROGUERIA FARMA MODERNA</t>
  </si>
  <si>
    <t>CRA 8 G 165 03 AP 101 BRR SANTA TERESA</t>
  </si>
  <si>
    <t>VILLA CONTAINER</t>
  </si>
  <si>
    <t>CR 11 ESTE # 43 05 - SUR BRR LA GLORIA ORIENTAL</t>
  </si>
  <si>
    <t>CAFE ANGELS</t>
  </si>
  <si>
    <t>CL 14 B # 116 70 / CA 1 BL 12 BRR FONTIBON ESTANCIA</t>
  </si>
  <si>
    <t>PAPELERA Y VARIEDADES SHADAY</t>
  </si>
  <si>
    <t>CL 132 C BIS # 107 B 89 BRR VILLA MARIA</t>
  </si>
  <si>
    <t>RUTHSTYLOS</t>
  </si>
  <si>
    <t>CRA 27#75A-29</t>
  </si>
  <si>
    <t>DROGAS HUMANITARIA CRISTO</t>
  </si>
  <si>
    <t>TV. 30 #52B SUR-41 BOGOTA COLOMBIA</t>
  </si>
  <si>
    <t>DROGUERIA SERVICOOP DEL SUR N 2</t>
  </si>
  <si>
    <t>CRA 97 C 50 20 SUR BL 1 IN 29</t>
  </si>
  <si>
    <t>JK. CIBERNETICO .NET</t>
  </si>
  <si>
    <t>CL 6 # 19 95 BRR SAN MARTIN</t>
  </si>
  <si>
    <t>CHÁMEZA</t>
  </si>
  <si>
    <t>MICELANEA BIG FAMILY</t>
  </si>
  <si>
    <t>CL 6 # 8 36 BRR LA ESPERANZA</t>
  </si>
  <si>
    <t>MINIEXPRESS CARTAGENA BRR POZON</t>
  </si>
  <si>
    <t>SEC LA ESTRELLA MZ D LT 54 BRR POZON</t>
  </si>
  <si>
    <t>DROGUERIA SENDEROS</t>
  </si>
  <si>
    <t>CR 4 # 14 51 BRR SENDEROS DE FUNZA</t>
  </si>
  <si>
    <t>PAPELERIA VARIEDADES JESDD</t>
  </si>
  <si>
    <t>Carrera 3 No 2-12</t>
  </si>
  <si>
    <t>INVERSIONES ANKALU AKL</t>
  </si>
  <si>
    <t>CL DEL COMERCIO BRR SAN JOSE</t>
  </si>
  <si>
    <t>MARIA EIBAR MORALES PATINO - DROGUERIA LA 67</t>
  </si>
  <si>
    <t>CRA 67 112 03</t>
  </si>
  <si>
    <t>SERVIDROGAS LA 42</t>
  </si>
  <si>
    <t>AV 42 57 53</t>
  </si>
  <si>
    <t>MISCELANEA Y PAPELERIA MADELEING</t>
  </si>
  <si>
    <t>CL 91 SUR # 7 B 29 - ESTE BRR ALFONSO LOPEZ</t>
  </si>
  <si>
    <t>VARIEDADES SANTIAGO ANDRES</t>
  </si>
  <si>
    <t>CL 138 # 157 74 BRR VILLA CINDY</t>
  </si>
  <si>
    <t>PAPELERA VILLA CANDELARIA</t>
  </si>
  <si>
    <t>DG 68 SUR # 37 69 BRR CANDELARIA LA NUEVA</t>
  </si>
  <si>
    <t>CL 46 SUR # 80 I 56 BRR GRAN BRITALIA I</t>
  </si>
  <si>
    <t>TH COMUNICACIONES</t>
  </si>
  <si>
    <t>CR 97 C # 71 30 - SUR / LC 7 BRR BOSA EL RECREO</t>
  </si>
  <si>
    <t>LA GRAN PAALERA</t>
  </si>
  <si>
    <t>CL 141 # 103 F 61 BRR EL POA SUBA</t>
  </si>
  <si>
    <t>COMUNICACIONES EB</t>
  </si>
  <si>
    <t>TV 18 J # 71 71 - SUR / LC 1 BRR SAN RAFAEL</t>
  </si>
  <si>
    <t>TELEFONIA MACJOS</t>
  </si>
  <si>
    <t>CRA. 19G #63 SUR-44 BOGOTA COLOMBIA</t>
  </si>
  <si>
    <t>PINATAS JUGUETES Y ALGO MAS</t>
  </si>
  <si>
    <t>CL 57 SUR # 14 25 - ESTE BRR LIBERTADORES</t>
  </si>
  <si>
    <t>MISCELANEA NACAR</t>
  </si>
  <si>
    <t>KR 82 A NO 42 H SUR - 25</t>
  </si>
  <si>
    <t>VARIEDADES ADRY</t>
  </si>
  <si>
    <t>CR 93 D # 72 49 - SUR BRR SAN BERNARDINO XVII</t>
  </si>
  <si>
    <t>MULTIOFERTAS DEL RECREO</t>
  </si>
  <si>
    <t>CL 65 SUR # 102 51 BRR BOSA RECREO</t>
  </si>
  <si>
    <t>DROGUERIA MR.T 2</t>
  </si>
  <si>
    <t>CL 1F 5A 05</t>
  </si>
  <si>
    <t>DONDE JUAN ESTEBAN</t>
  </si>
  <si>
    <t>DG 43 A BIS SUR # 6 B - 30 ESTE BRR LA GLORIA</t>
  </si>
  <si>
    <t>CL 34 # 10 A 38 BRR LA CEIBA</t>
  </si>
  <si>
    <t>PUNTOSERVIS BOGOTA 40</t>
  </si>
  <si>
    <t>CR 103 BIS # 23 B 27 BRR FONTIBON SANTANDER</t>
  </si>
  <si>
    <t>VIDA FARMA BLUE</t>
  </si>
  <si>
    <t>CL 68 64 52</t>
  </si>
  <si>
    <t>MINIERCADO LA 58</t>
  </si>
  <si>
    <t>CL 4 20 62 BRR MORALES DUQUE</t>
  </si>
  <si>
    <t>BREYNITEL COMUNICACIONES</t>
  </si>
  <si>
    <t>CR 4 ESTE # 41 B SUR 64 BRR LA GLORIA ORIENTAL</t>
  </si>
  <si>
    <t>MULTISERVICIOS GUAYACAN</t>
  </si>
  <si>
    <t>CL 88 SUR # 88 C 90 BRR PARQUES DE BOGOTA</t>
  </si>
  <si>
    <t>CAVTOR</t>
  </si>
  <si>
    <t>CR 114 # 152 D 42 BRR ALMENDROS</t>
  </si>
  <si>
    <t>ISABEL CUERVO DE CARDENAS</t>
  </si>
  <si>
    <t>CR 100 A # 132 C 03 / LC 1 BRR POTRERILLOS DE SUBA</t>
  </si>
  <si>
    <t>PAPELERIA Y MISCELANEA AZUL</t>
  </si>
  <si>
    <t>DG 146 # 118 73 BRR SUBA COMPARTIR</t>
  </si>
  <si>
    <t>VARIEDADES GALUZ</t>
  </si>
  <si>
    <t>CL 46 SUR # 24 B 79 BRR TUNAL ORIENTAL</t>
  </si>
  <si>
    <t>LOCENTER MEPAR</t>
  </si>
  <si>
    <t>CR 24 A # 69 A 38 / LC 13 BRR CIUDAD SALITRE</t>
  </si>
  <si>
    <t>CMCOMPAIA</t>
  </si>
  <si>
    <t>CL 72 C # 48 04 - SUR BRR LA PRADERA</t>
  </si>
  <si>
    <t>DROGUERIA SALUD NORTE</t>
  </si>
  <si>
    <t>CL. 181C #11-76 BOGOTA COLOMBIA</t>
  </si>
  <si>
    <t>ANGELICA ROJAS</t>
  </si>
  <si>
    <t>CL 40 SUR # 72 L 40 / LC 19 BRR CARIMAGUA</t>
  </si>
  <si>
    <t>PUNTOSERVIS ARACATACA 2</t>
  </si>
  <si>
    <t>CR 3 # 3 154 BRR VEINTE DE JULIO</t>
  </si>
  <si>
    <t>COLPAGOS TIERRALTA</t>
  </si>
  <si>
    <t>CR 11 # 10 1 BRR ESCOLAR</t>
  </si>
  <si>
    <t>CR 10 # 14 73 / LC 42 BRR CENTRO</t>
  </si>
  <si>
    <t>PUERTO LEGUÍZAMO</t>
  </si>
  <si>
    <t>PUNTOSERVIS COMERCIO PUERTO LEGUIZAMO</t>
  </si>
  <si>
    <t>CL 9 # 2 37 BRR MAGDALE</t>
  </si>
  <si>
    <t>INTER Z E</t>
  </si>
  <si>
    <t>CRA 12 5 01</t>
  </si>
  <si>
    <t>CENTRO SERVICIOS NARE</t>
  </si>
  <si>
    <t>CRA 2 48 31</t>
  </si>
  <si>
    <t>CIT NET</t>
  </si>
  <si>
    <t>CL 140 # 91 19 / CC CENTRO SUBA LC 3 -108 BRR VILLA ELISA</t>
  </si>
  <si>
    <t>PAPELERIA Y FOTOCOPIADORA LILIANA</t>
  </si>
  <si>
    <t>DG 47 A # 53 51 - SUR BRR VENECIA</t>
  </si>
  <si>
    <t>ANDALUCA INMOBILIARIA</t>
  </si>
  <si>
    <t>CR 82 # 26 03 BRR MARIA PAZ</t>
  </si>
  <si>
    <t>INTERCHAT E.R.</t>
  </si>
  <si>
    <t>CR 98 C # 57 B 52 - SUR BRR SANTA FE BOSA</t>
  </si>
  <si>
    <t>TIENDA MAGENTA</t>
  </si>
  <si>
    <t>CR 100 # 25 A 33 BRR SAN JOSE DE FONTIBON</t>
  </si>
  <si>
    <t>DROGUERIA FORMULA DOS DE BOGOTA</t>
  </si>
  <si>
    <t>CR 14 # 148 18 BRR CAOBOS SALAZAR</t>
  </si>
  <si>
    <t>CYBERT SOLUTIONS</t>
  </si>
  <si>
    <t>CL 73 B SUR # 44 08 BRR PRADERA</t>
  </si>
  <si>
    <t>DROGUERIA CEDRIFARMA EXPRESS 147</t>
  </si>
  <si>
    <t>AC 147 13 94 LC 2</t>
  </si>
  <si>
    <t>COMERCIALIZADORA KAIROS</t>
  </si>
  <si>
    <t>CR 12 L # 28 D - 03 BRR GUSTAVO RESTREPO</t>
  </si>
  <si>
    <t>CL 65 G BIS A SUR # 77 H - 64 BRR BOSA AZUCENA</t>
  </si>
  <si>
    <t>VIDEOMAX</t>
  </si>
  <si>
    <t>CR 50 # 38 26 BRR SAN ANTONIO</t>
  </si>
  <si>
    <t>CENTRO DE ENSEï¿±ANZA AUTOMOVILï¿­STICA MASERATI</t>
  </si>
  <si>
    <t>CRA. 44 #13B-27 CALI VALLE DEL CAUCA COLOMBIA</t>
  </si>
  <si>
    <t>PAPELERIA Y MISCELANEA CANGREJO</t>
  </si>
  <si>
    <t>DG 26 P 4 93 67</t>
  </si>
  <si>
    <t>DEISSY JANETH GEORGE ARTEAGA</t>
  </si>
  <si>
    <t>CL 19 # 18 21 BRR CENTRO</t>
  </si>
  <si>
    <t>MERCADOS Y ALGO MAS LA GLORIETA</t>
  </si>
  <si>
    <t>GT AEROPUERTO J M C</t>
  </si>
  <si>
    <t>VALDIVIA</t>
  </si>
  <si>
    <t>PAPELERIA PYD VALIDIVIA</t>
  </si>
  <si>
    <t>CL 10 # 10 13 BRR LIBERTADOR</t>
  </si>
  <si>
    <t>A.H.M DROGUERIAS</t>
  </si>
  <si>
    <t>CRA 87 CRA N 61 12 SUR</t>
  </si>
  <si>
    <t>KOALAPLAY</t>
  </si>
  <si>
    <t>CR 48 G # 59 B 06 - SUR BRR CORUNA</t>
  </si>
  <si>
    <t>A Y P MISCELANEA Y PAPELERIA</t>
  </si>
  <si>
    <t>CL 74 C SUR # 10 06 BRR LA ANDREA</t>
  </si>
  <si>
    <t>PAPELERA ZULIMA</t>
  </si>
  <si>
    <t>CR 72 # 62 G 71 - SUR / LC 3 BRR ISMAEL PERDOMO</t>
  </si>
  <si>
    <t>PRODUCTOS WEYSLIN</t>
  </si>
  <si>
    <t>CRA. 44 #4B-21 BOGOTA COLOMBIA</t>
  </si>
  <si>
    <t>CAFE INTERNET ZEPAWEB</t>
  </si>
  <si>
    <t>CRA. 73 #64 SUR-22 BOGOTA COLOMBIA</t>
  </si>
  <si>
    <t>DROGUERIA LOS AZAFRANES</t>
  </si>
  <si>
    <t>TR 85 63 B 30</t>
  </si>
  <si>
    <t>MULTISERVICIOS JOMA N3</t>
  </si>
  <si>
    <t>AK 70 75 81</t>
  </si>
  <si>
    <t>MISCELANEA TATYSS</t>
  </si>
  <si>
    <t>CL 49B SUR 11A 0004</t>
  </si>
  <si>
    <t>LA DESPENSA EXPRESS SAS</t>
  </si>
  <si>
    <t>AV 19 127 C 50 LC 3</t>
  </si>
  <si>
    <t>SERGIRED</t>
  </si>
  <si>
    <t>CR 81 # 72 A 27 - SUR BRR BOSA LAURELES</t>
  </si>
  <si>
    <t>DROGUERIA LA MANUELITA</t>
  </si>
  <si>
    <t>CL 129 88 61</t>
  </si>
  <si>
    <t>TIENDA MIXTA BRISAS DEL VALLE</t>
  </si>
  <si>
    <t>VEREDA ALTO DAPA DE YUMBO</t>
  </si>
  <si>
    <t>NOVATEL</t>
  </si>
  <si>
    <t>CL 5 # 50 103 / AP 155 BRR TENQUENDAMA</t>
  </si>
  <si>
    <t>VARIEDADES SAN ISIDRO</t>
  </si>
  <si>
    <t>CL 95 # 52 37 BRR SAN ISIDRO ARANJUEZ</t>
  </si>
  <si>
    <t>CENTRO COPIADO</t>
  </si>
  <si>
    <t>CL 7 CRA 4 Y 5 LCL 101</t>
  </si>
  <si>
    <t>DROGUERIA LOS CEREZOS CYC</t>
  </si>
  <si>
    <t>CRA 86 A 86 08 LOS CEREZOS</t>
  </si>
  <si>
    <t>CAFE INTERNET CARDENAS</t>
  </si>
  <si>
    <t>CL 68 B # 69 45 - SUR / MZ 7 C 186 BRR CASA GRANDE</t>
  </si>
  <si>
    <t>PAPELERA 187</t>
  </si>
  <si>
    <t>CR 35 # 63 A 25 - SUR BRR CANDELARIA</t>
  </si>
  <si>
    <t>DETALLES TANY</t>
  </si>
  <si>
    <t>CR 8 C # 186 30 BRR LIJACA</t>
  </si>
  <si>
    <t>CL PISO 59 O SUR NO 88 C-18</t>
  </si>
  <si>
    <t xml:space="preserve">THEDOCT </t>
  </si>
  <si>
    <t>KR 78 K NO 65 D SUR 05 AP 100</t>
  </si>
  <si>
    <t>PAPELERIA Y MISCELANEA LYM</t>
  </si>
  <si>
    <t>CR 14 # 106 B 08 - SUR BRR BRAZUELOS</t>
  </si>
  <si>
    <t>MISCELANEA Y PAPELERIA YANETH</t>
  </si>
  <si>
    <t>MZ 2 LT 1 TR 1 AP BRR TORRES DE SAN MARCOS</t>
  </si>
  <si>
    <t>CENTRO DE SERVIVIOS VIRTUALES</t>
  </si>
  <si>
    <t>CR 16 # 56 A 02 BRR VILLA TINA</t>
  </si>
  <si>
    <t>AGORA SOLUCIONES</t>
  </si>
  <si>
    <t>AC 24 # 85 C 36 BRR MODELIA</t>
  </si>
  <si>
    <t>CENTRO DE SOLUCIONES SANTA LIBRADA</t>
  </si>
  <si>
    <t>CR 14 # 75 65 - SUR BRR SANTA LIBRADA</t>
  </si>
  <si>
    <t>MULTISERVICIOS FENIX</t>
  </si>
  <si>
    <t>CL 65 SUR # 81 14 BRR BOSA ANTONIA SANTOS</t>
  </si>
  <si>
    <t>INTERRAPIDISIMO VILLA MARIA</t>
  </si>
  <si>
    <t>CL. 133 #118-32 BOGOT COLOMBIA</t>
  </si>
  <si>
    <t>MISCELANEA Y VARIEDADES ZOE</t>
  </si>
  <si>
    <t>CR 101 # 73 A 29 / LC 2 BRR EL CEDRO</t>
  </si>
  <si>
    <t>SANDRA MILENA SALAMANCA OCHOA</t>
  </si>
  <si>
    <t>KR 20B 63 SUR 98</t>
  </si>
  <si>
    <t>PANALERA Y PINATERIA BABY SALOME</t>
  </si>
  <si>
    <t>CR 80 K # 83 28 - SUR BRR EL JARDIN</t>
  </si>
  <si>
    <t>INTERSURGIR SERVICIOS SAS</t>
  </si>
  <si>
    <t>CARRERA 28 NO 66 - 32</t>
  </si>
  <si>
    <t>PAPELERIA &amp; MISCELANEA ARDYS</t>
  </si>
  <si>
    <t>CL 56 F SUR NO 98 A-58</t>
  </si>
  <si>
    <t>MACRODATOS</t>
  </si>
  <si>
    <t>CL 11 # 16 46 BRR CENTRO</t>
  </si>
  <si>
    <t>MULTISERVICIOS EL PUENTE</t>
  </si>
  <si>
    <t>CR 30 # 26 9 BRR CENTRO</t>
  </si>
  <si>
    <t>COLPAGOS CANTACLARO 2</t>
  </si>
  <si>
    <t>SEC 1 MZ 34 -08 BRR CANTA CLARO</t>
  </si>
  <si>
    <t>LUQUICREAM CALI</t>
  </si>
  <si>
    <t>CL. 33A #17G-47 CALI VALLE DEL CAUCA COLOMBIA</t>
  </si>
  <si>
    <t>PREMIUM CELL</t>
  </si>
  <si>
    <t>CL 97 # 97 08 BRR PARQUE LA MAR</t>
  </si>
  <si>
    <t>PUNTO DE SERVICIOS LLANOGRANDE</t>
  </si>
  <si>
    <t>CRAM 8.5 VIA LLANO GRANDE CC COMPLEX LLANOGRANDE LC 34</t>
  </si>
  <si>
    <t>CONFICOMPUTOS</t>
  </si>
  <si>
    <t>CR 97 B # 61 A 22 - SUR BRR LAS MARGARITAS</t>
  </si>
  <si>
    <t>CL 69 A SUR # 76 C 32 BRR EL ESPINO</t>
  </si>
  <si>
    <t>COMUNICACIONES JPABLO</t>
  </si>
  <si>
    <t>CR 8 76 108</t>
  </si>
  <si>
    <t>AUTOSERVICIO MERCA YA SINDY</t>
  </si>
  <si>
    <t>CRA 13 B # 164 A - 48</t>
  </si>
  <si>
    <t>MULTISERVICIOS TH</t>
  </si>
  <si>
    <t>CL 19 # 19 130 - ESTE BRR PRADOS DE PRODESA</t>
  </si>
  <si>
    <t>INGENIERIA  SERVICIOS</t>
  </si>
  <si>
    <t>CARRERA 145 # 144 - 16</t>
  </si>
  <si>
    <t>INIVO</t>
  </si>
  <si>
    <t>CR 88 D # 37 15 - SUR BRR PATIO BONITO</t>
  </si>
  <si>
    <t>ABBY CIGARERIA</t>
  </si>
  <si>
    <t>DG 49A SUR 60 36</t>
  </si>
  <si>
    <t>COLPAGOS LORICA 6</t>
  </si>
  <si>
    <t>CR 17 # 2 44 BRR CENTRO</t>
  </si>
  <si>
    <t>WEBSERVIS</t>
  </si>
  <si>
    <t>CR 56 # 18 A 80 / LC 4 BRR SANTIAGO PLAZA</t>
  </si>
  <si>
    <t>FARMAVIDA TUQUERRES</t>
  </si>
  <si>
    <t>CRA 14 CL 15 ESQUINA BARRIO ARRAYAN</t>
  </si>
  <si>
    <t>FREDY  FOTOGRAFIA Y VIDEO</t>
  </si>
  <si>
    <t>CR 42 B CL 46 C SUR -28</t>
  </si>
  <si>
    <t>SYK INTERNET Y CIGARRERIA</t>
  </si>
  <si>
    <t>CALLE 58 SUR 98 A 66</t>
  </si>
  <si>
    <t>PAPELERA Y VARIEDADES NIEVE</t>
  </si>
  <si>
    <t>CRA. 111 A #151-41 BOGOT COLOMBIA</t>
  </si>
  <si>
    <t>DROGUERIA ELKIN 2</t>
  </si>
  <si>
    <t>CL. 135D #13-17 BOGOTA COLOMBIA</t>
  </si>
  <si>
    <t>GIROS ALCOR</t>
  </si>
  <si>
    <t>CR 113 # 73 B 25 BRR VILLAS DE GRANADA</t>
  </si>
  <si>
    <t>BARRA CAFFE COMUNICACIONES</t>
  </si>
  <si>
    <t>CL 13 SUR # 10 C 26 - ESTE BRR SAN CRISTOBAL SUR</t>
  </si>
  <si>
    <t>PAPELERIA MONPI</t>
  </si>
  <si>
    <t>CL. 134 #12B-93 BOGOTA COLOMBIA</t>
  </si>
  <si>
    <t>SAN CARLOS</t>
  </si>
  <si>
    <t>SOLUCIONES CELLNET</t>
  </si>
  <si>
    <t>CL 20 # 20 47 BRR CALLE DEL COMERCIO</t>
  </si>
  <si>
    <t>ONE EASY STOP VALLEDUPAR</t>
  </si>
  <si>
    <t>CR 15 # 11 85 / LC 5 BRR SAN JOAQUIN</t>
  </si>
  <si>
    <t>LUBRICANTESYCOMBUSTIBLESELTRIANGULOSASESTACIONLASI</t>
  </si>
  <si>
    <t>CL QUIPILI LA SIERRA BRR QUIIPILE</t>
  </si>
  <si>
    <t>VVOLLACHRIST.NET</t>
  </si>
  <si>
    <t>CL 2 ESTE # 1 A 85 - SUR / LC 4 BRR VILLA ALBA</t>
  </si>
  <si>
    <t>ROYALS CREAM</t>
  </si>
  <si>
    <t>CL 5 66</t>
  </si>
  <si>
    <t xml:space="preserve">NEYLAND TOURS </t>
  </si>
  <si>
    <t>CL. 9 #10-47 CANDELARIA VALLE DEL CAUCA COLOMBIA</t>
  </si>
  <si>
    <t>COMUNICACIONES KATEBON</t>
  </si>
  <si>
    <t>CL BRR BARRIO NUEVO APARTADO</t>
  </si>
  <si>
    <t>TIENDA LUCAJU</t>
  </si>
  <si>
    <t>CRR NUEVA COLONIA AV PRINCIPAL BRR CENTRO</t>
  </si>
  <si>
    <t>COMUNICACIONES JM</t>
  </si>
  <si>
    <t>CRA. 100 #72-4 BOGOT COLOMBIA</t>
  </si>
  <si>
    <t>DROGAS TELLEZ</t>
  </si>
  <si>
    <t>CL 37 B SUR 68 M 27</t>
  </si>
  <si>
    <t>DIFER CL 53</t>
  </si>
  <si>
    <t>CR 9 # 53 63 BRR CHAPINERO CENTRAL</t>
  </si>
  <si>
    <t>PAPELERIA Y BELLEZA 11</t>
  </si>
  <si>
    <t>CL 56 F # 94 A 20 BRR BOSA PORVENIR</t>
  </si>
  <si>
    <t>MISCELANEA INTERNET MAFALDA</t>
  </si>
  <si>
    <t>CR 88 I BIS # 80 09 - SUR BRR POTRERITOS</t>
  </si>
  <si>
    <t>ALMACEN SANTA PAULA</t>
  </si>
  <si>
    <t>CRA 13 A 107 A 06</t>
  </si>
  <si>
    <t>CIGARRERIA EL QUARZO</t>
  </si>
  <si>
    <t>CRA 79 G 36 80 SUR SAN FRANCISCO JOSE DE CALDAS - CRAENNEDY</t>
  </si>
  <si>
    <t>COMUNICACIONES AL INSTANTE</t>
  </si>
  <si>
    <t>DIAGONAL 60 SUR 80B 24</t>
  </si>
  <si>
    <t>MISCELANEA SANTISTID</t>
  </si>
  <si>
    <t>CL. 48 SUR #11 ESTE-17 BOGOTA COLOMBIA</t>
  </si>
  <si>
    <t>DROGUERIA ALIANZA EXPRESS MC</t>
  </si>
  <si>
    <t>CL 51 36 45 SUR</t>
  </si>
  <si>
    <t>YOISG.NET</t>
  </si>
  <si>
    <t>CR 13 # 3 87 - SUR BRR CENTRO</t>
  </si>
  <si>
    <t>PUNTOSERVIS PEREIRA</t>
  </si>
  <si>
    <t>AV 30 DE AGOSTO 36 47 BRR NIZA DOS</t>
  </si>
  <si>
    <t>COLPAGOS LILY Y SAMY</t>
  </si>
  <si>
    <t>CL 14 # 11 29 BRR EL CENTRO</t>
  </si>
  <si>
    <t>ALMACEN JM MUEBLES Y ELECTRODOMESTICOS</t>
  </si>
  <si>
    <t>CR 4 # 9 3 BRR PALERMO</t>
  </si>
  <si>
    <t>GESTION RECAUDO</t>
  </si>
  <si>
    <t>CL 12 # 11 8 BRR CENTRO</t>
  </si>
  <si>
    <t>MULTI SERVICIOS  SACC</t>
  </si>
  <si>
    <t>CL 75 B # 94 05 BRR SANTA ROSITA</t>
  </si>
  <si>
    <t>PAPELERIA DETALLES Y MISCELANIA AZULEJA</t>
  </si>
  <si>
    <t>CL 10 # 19 A 94 BRR CIUDAD SABANA</t>
  </si>
  <si>
    <t>MERCADEAS</t>
  </si>
  <si>
    <t>CL 102 # 7 - 80</t>
  </si>
  <si>
    <t>DROGUERA INSTITUCIONAL SER</t>
  </si>
  <si>
    <t>CRA 5 ESTE 29A - 05 SUR</t>
  </si>
  <si>
    <t>VITONS TOTOLUKAS GOURMET</t>
  </si>
  <si>
    <t>CL 49 D BIS # 5 U 11 - SUR BRR MOLINOS</t>
  </si>
  <si>
    <t>MENSAJERIA PAPERINCON</t>
  </si>
  <si>
    <t>KR 95A #127C-18</t>
  </si>
  <si>
    <t>DROGUERIA JIRETH</t>
  </si>
  <si>
    <t>CL 57 B SUR NO 63-20</t>
  </si>
  <si>
    <t>SISTEM VIRTUAL LANC ANDRS+3</t>
  </si>
  <si>
    <t>CL 78 SUR # 90 21 BRR BOSA</t>
  </si>
  <si>
    <t>DETALLES MGICOS HMV</t>
  </si>
  <si>
    <t>CR 140 C # 132 D 02 BRR TOSCANA</t>
  </si>
  <si>
    <t>PUNTO DE SERVICIO CARBONEL</t>
  </si>
  <si>
    <t>TV 78 B # 74 D 08 - SUR BRR BOSA CARBONELL</t>
  </si>
  <si>
    <t>DISTRUBUIDORA Y PAPELERA PLACES</t>
  </si>
  <si>
    <t>CL 31 C SUR # 3 A 54 - ESTE BRR ATENAS</t>
  </si>
  <si>
    <t>CHACHAGÜÍ</t>
  </si>
  <si>
    <t>PUNTOSERVIS CHACHAGUI</t>
  </si>
  <si>
    <t>CL 4 # 6 52 BRR CENTRO</t>
  </si>
  <si>
    <t>MINIMERCADO LA 58</t>
  </si>
  <si>
    <t>CL 42 SUR # 84 48 BRR CORREGIMIENTO SAN ANTONIO DE PRADO</t>
  </si>
  <si>
    <t>SERVIEXPRESSJOC</t>
  </si>
  <si>
    <t>CR 100 # 18 59 / CC FIESTA FONTIBON LC 103 BRR FONTIBON</t>
  </si>
  <si>
    <t>MAS ELASTICOS</t>
  </si>
  <si>
    <t>CR 10 BIS # 03 27 - SUR BRR POLICARPA</t>
  </si>
  <si>
    <t>DULCERIA Y PAPELERIA DE TODITO</t>
  </si>
  <si>
    <t>CL 182 # 8 A 33 / BL A LC 3 BRR SAN ANTONIO NORTE</t>
  </si>
  <si>
    <t>DROGUERIA SALUD PHARMA C</t>
  </si>
  <si>
    <t>CL 32 # 24 29 BRR MURILLO TORO</t>
  </si>
  <si>
    <t>DROGUERIA EXIPHARMA SUBA</t>
  </si>
  <si>
    <t>CL 146 A 94 A 19</t>
  </si>
  <si>
    <t>CENTRO DE PAGOS Y PAPELERIA MAR CARBONEL</t>
  </si>
  <si>
    <t>CR 78 C # 71 D 17 - SUR / LC 2 BRR BOSA CARBONEL</t>
  </si>
  <si>
    <t>PAPELERIA PLANETA ESCOLAR</t>
  </si>
  <si>
    <t>CR 5 ESTE # 29 A 44 - SUR BRR SANTA INES</t>
  </si>
  <si>
    <t>TELECOMUNICACIONES Y PAGOS</t>
  </si>
  <si>
    <t>DG 45 A SUR # 29 05 BRR CLARED</t>
  </si>
  <si>
    <t>BRASIL  COMUNICACIONES</t>
  </si>
  <si>
    <t>CR 88 C SUR # 53 02 / P 1 BRR BOSA BRASIL</t>
  </si>
  <si>
    <t>JABET.LOGISTICA</t>
  </si>
  <si>
    <t>CL. 13 #15-59 BOGOT COLOMBIA</t>
  </si>
  <si>
    <t>PAPELERIA Y VARIEDADES MADELENA</t>
  </si>
  <si>
    <t>DG 62 SUR # 68 B 20 / MZ 1 IN 1 AP 201 BRR MADELENA</t>
  </si>
  <si>
    <t>POINTERS PAPELERIA</t>
  </si>
  <si>
    <t>CL 119 # 14 B 07 BRR SANTA BÃRBARA</t>
  </si>
  <si>
    <t>PAGATODOBASAN</t>
  </si>
  <si>
    <t>CRA. 46 #20A-62 BOGOTA COLOMBIA</t>
  </si>
  <si>
    <t>CALLE 38 B SUR 78 J 08</t>
  </si>
  <si>
    <t>CENTRO DE MENSAJERIA Y RECAUDO JULYS</t>
  </si>
  <si>
    <t>AV. BOYACA CALZADA LATERAL #40 SUR-48 BOGOTA COLOMBIA</t>
  </si>
  <si>
    <t>BARBERIA Y PELUQUERIA SHADDAY</t>
  </si>
  <si>
    <t>DG 64 BIS SUR NO 17 G - 43</t>
  </si>
  <si>
    <t>VARIEDADES CAROLINA</t>
  </si>
  <si>
    <t>CR 21 # 23 40 / LC BRR EL CAUCA</t>
  </si>
  <si>
    <t>CL 18 # 11 B 08 BRR VILLA ADRIANA FUNZA</t>
  </si>
  <si>
    <t>DISTRIBUIDORA LA CARRETA</t>
  </si>
  <si>
    <t>CR 95 42-54</t>
  </si>
  <si>
    <t>MARLEN VIVIANA AGUIRRE ESCOBAR</t>
  </si>
  <si>
    <t>CR 41 A # 45 83 BRR ANTONIO NARIÃ‘O</t>
  </si>
  <si>
    <t>ON LINK.NET</t>
  </si>
  <si>
    <t>CL 9 AA 75 A 04</t>
  </si>
  <si>
    <t>ESTACION DE SERVICIOS ESTRELLA DEL NORTE</t>
  </si>
  <si>
    <t>AUTOPISTA NORTE CRAM 16 VEREDA EL ZARZAL</t>
  </si>
  <si>
    <t>PAPELERIA  L Y S</t>
  </si>
  <si>
    <t>CR 121 # 63 F 06 BRR ENGATIVA</t>
  </si>
  <si>
    <t>ACCESORIOS Y TECNOLOGA NITRGENO</t>
  </si>
  <si>
    <t>CL 106 B SUR # 5 B 66 BRR ANTONIO SAN JOSE DE SUCRE</t>
  </si>
  <si>
    <t>SUPERMERCADO AMIGO C V</t>
  </si>
  <si>
    <t>CL 57 A # 35 95 / AP 102 P 1 BRR CAMPIN OCCIDENTAL</t>
  </si>
  <si>
    <t>CR 38 # 10 A 206 / TO 20 AP 4075 BRR CIUDAD VERDE</t>
  </si>
  <si>
    <t>VARIEDADES PATTY</t>
  </si>
  <si>
    <t>CR 127 C # 142 D 11 BRR TIBABUYES</t>
  </si>
  <si>
    <t>DROGUERIA FARMA GRANADA</t>
  </si>
  <si>
    <t>CL 65 # 03 B 15 / LC 1 BRR EXTERIOR</t>
  </si>
  <si>
    <t>PS SUBA BILBAO PARQUE</t>
  </si>
  <si>
    <t>CL 143 B # 147 B 21 / P 1 BRR BILBAO SUBA</t>
  </si>
  <si>
    <t>ZUNZ MARKET</t>
  </si>
  <si>
    <t>CRA. 79 #51A SUR-20 BOGOTA COLOMBIA</t>
  </si>
  <si>
    <t>EL PUNTO MARINEL</t>
  </si>
  <si>
    <t>CL 55 SUR NO 72 C - 90 LC 2</t>
  </si>
  <si>
    <t>CR 95 # 54 0 - SUR / LC 1-07 BRR PORVENIR</t>
  </si>
  <si>
    <t>PUNTOSERVIS BOGOTA 30</t>
  </si>
  <si>
    <t>CL 74 # 73 51 BRR SANTA MARIA DEL LAGO</t>
  </si>
  <si>
    <t>PUNTOSERVIS COMERIO INTERMEDIO CUCUTA</t>
  </si>
  <si>
    <t>CL 14 A # 11 31 BRR LA LIBERTAD</t>
  </si>
  <si>
    <t>EXPRESS ARACATA CATAQUITA</t>
  </si>
  <si>
    <t>CL 8 B # 1 41 BRR CATAQUITA</t>
  </si>
  <si>
    <t>TU OFICINA</t>
  </si>
  <si>
    <t>CR 38 A # 14 11 / LC 2 BRR COLON</t>
  </si>
  <si>
    <t>LAS CAMELLAS 2</t>
  </si>
  <si>
    <t>CR 31 # 30 09 BRR PARQUE PRINCIPAL</t>
  </si>
  <si>
    <t>MV MANUALIDADES</t>
  </si>
  <si>
    <t>TV. 88B BIS #72 SUR-1 BOGOT COLOMBIA</t>
  </si>
  <si>
    <t>MISCELNEA Y PAPELERA LIMAFER</t>
  </si>
  <si>
    <t>CL 65 SUR # 102 51 / CA 11 BRR BOSA RECREO</t>
  </si>
  <si>
    <t>RIVERNAUTAS PAPELERIA</t>
  </si>
  <si>
    <t>CR 54 # 64 A 45 BRR MODELO NORTE</t>
  </si>
  <si>
    <t>DROGUERIA SERVICOP DEL SUR</t>
  </si>
  <si>
    <t>CRA 97 C 49 C 15 SURCA 217</t>
  </si>
  <si>
    <t>@CIBER AB</t>
  </si>
  <si>
    <t>CL 132D 126D 64</t>
  </si>
  <si>
    <t>SUPERMERCADO AV ROJAS</t>
  </si>
  <si>
    <t>CR 70 # 79 9 BRR BONANZA</t>
  </si>
  <si>
    <t>AA22965436</t>
  </si>
  <si>
    <t>KR 91B 129 0045 00401</t>
  </si>
  <si>
    <t>PAPELERIA CKOPIA KOPIALINA</t>
  </si>
  <si>
    <t>CL 63 A NO 15 93 AP 101</t>
  </si>
  <si>
    <t>PAPELERA LA CASITA DEL COLOR</t>
  </si>
  <si>
    <t>CALLE 71 P # 27 M 09 SUR</t>
  </si>
  <si>
    <t>SUPERMERCADO YIREH</t>
  </si>
  <si>
    <t>CL 7 # 2 13 BRR EL MISTERIO</t>
  </si>
  <si>
    <t>THOMILLO</t>
  </si>
  <si>
    <t>CR 77 Y BIS # 45 85 - SUR BRR JACQUELINE</t>
  </si>
  <si>
    <t>TIENDA EL FUTURO</t>
  </si>
  <si>
    <t>TV 7 A ESTE # 88 B - 20 SUR BRR SAN FELIPE</t>
  </si>
  <si>
    <t>TIENDA ISABEL MANZANARES</t>
  </si>
  <si>
    <t>CL 75 B BIS SUR # 8 - 15 BRR TEJARES</t>
  </si>
  <si>
    <t>ARGELIA</t>
  </si>
  <si>
    <t>COMPUM@FER</t>
  </si>
  <si>
    <t>CL 30 # 30 51 / PAR PRINCIPAL BRR CENTRO</t>
  </si>
  <si>
    <t>COLPAGOS MAICAO 3</t>
  </si>
  <si>
    <t>CR 14 NO 15-9 PISO 1 LOCAL 3 BRR CENTRO</t>
  </si>
  <si>
    <t>INVERSIONES RIRIME</t>
  </si>
  <si>
    <t>AV 0 # 1 47 BRR COMUNEROS</t>
  </si>
  <si>
    <t>VARIEDADES JULIANA EL CERRITO</t>
  </si>
  <si>
    <t>CL 8 # 13 - 88</t>
  </si>
  <si>
    <t>CYBER ZONE CALI</t>
  </si>
  <si>
    <t>CL 79 # 103 03 / AP 101 BRR LOS NARANJOS DOS</t>
  </si>
  <si>
    <t>LEGAL EXPRES</t>
  </si>
  <si>
    <t>CL 52 1 B 160 CC AUTOMOTRIZ LC 110</t>
  </si>
  <si>
    <t>MUNDO NET LA LUNA</t>
  </si>
  <si>
    <t>CRA 1 70 00 LC 2 221</t>
  </si>
  <si>
    <t>CENTRO DE PAGOS Y SERVICIOS CELL MINUTO</t>
  </si>
  <si>
    <t>CL 58 # 101 C 11</t>
  </si>
  <si>
    <t>CHARCUTERIA EL HURACAN</t>
  </si>
  <si>
    <t>CL 133 # 104 71 BRR ALCAPARROS SUBA</t>
  </si>
  <si>
    <t>COMUNICACIONES DORATI</t>
  </si>
  <si>
    <t>CR 28 # 54 26 - SUR BRR SAN VICENTE FERRER</t>
  </si>
  <si>
    <t>DROGUERIA D.M</t>
  </si>
  <si>
    <t>CRA. 98A #7510 BOGOTA COLOMBIA</t>
  </si>
  <si>
    <t>DROGUERIA CEDRIFARMA EXPRESS</t>
  </si>
  <si>
    <t>CRA. 11 #146-57 BOGOTA COLOMBIA</t>
  </si>
  <si>
    <t>PAPELERIA Y VARIEDADES ROSITA</t>
  </si>
  <si>
    <t>CL. 74B SUR #88G-9 BOGOT COLOMBIA</t>
  </si>
  <si>
    <t>DROGUERIA VIVIR ALKOSTO 2</t>
  </si>
  <si>
    <t>CRA 7 C # 182 B - 50</t>
  </si>
  <si>
    <t>MZ 9 CASA 17 BRR CIUDAD ALBANIA</t>
  </si>
  <si>
    <t>PUNTOSRVIS BOGOTA 23</t>
  </si>
  <si>
    <t>CL 55 SUR # 77 M 08 / P 1 BRR CATALINA LL</t>
  </si>
  <si>
    <t>AQUI ES ELIZA IRLEYM</t>
  </si>
  <si>
    <t>CRA 13 7 37</t>
  </si>
  <si>
    <t>YOLYDROGAS II</t>
  </si>
  <si>
    <t>CRA 7 13 31</t>
  </si>
  <si>
    <t>PAPELERIA SHARITO</t>
  </si>
  <si>
    <t>CL 57 SUR # 14 72 BRR SAN CARLOS</t>
  </si>
  <si>
    <t>CR 14 # 136 25 - SUR BRR CENTRO USME</t>
  </si>
  <si>
    <t>EL CARGADOR BOGOTA</t>
  </si>
  <si>
    <t>CL. 46 #8-42 BOGOTA COLOMBIA</t>
  </si>
  <si>
    <t>PAPELERA MISCELANEA ORENJI</t>
  </si>
  <si>
    <t>CL 62 SUR # 87 10 BRR BOSA NOVA EL PORVENIR</t>
  </si>
  <si>
    <t>MISCELANEA  PAPELERIA LUCY</t>
  </si>
  <si>
    <t>DG 71 D SUR # 18 I 59 BRR SAN RAFAEL</t>
  </si>
  <si>
    <t>CAFE DYLEPAAR</t>
  </si>
  <si>
    <t>CL. 38A SUR #82A-61 BOGOTA COLOMBIA</t>
  </si>
  <si>
    <t>COMUNICACION TOTAL</t>
  </si>
  <si>
    <t>CR 3 49C-87 SUR</t>
  </si>
  <si>
    <t>DROGUERIA NACIONAL DE DROGAS 2</t>
  </si>
  <si>
    <t>CRA 70 22 D 64</t>
  </si>
  <si>
    <t>MINIEXPRESS VILLAVICENCIO BRR EL JORDAN</t>
  </si>
  <si>
    <t>CR 20 # 39 15 BRR JORDAN PARAISO</t>
  </si>
  <si>
    <t>COLPAGOS EDMUNDO LOPEZ 2</t>
  </si>
  <si>
    <t>DG 12 # 13 06 BRR EDMUNDO LOPEZ</t>
  </si>
  <si>
    <t>SERVICIOS INTEGRALES PYG</t>
  </si>
  <si>
    <t>AVDA 3 NORTE 8-24</t>
  </si>
  <si>
    <t>FONCET CCP</t>
  </si>
  <si>
    <t>CRA 27 28 08 LOCAL 101</t>
  </si>
  <si>
    <t>SERVICIOS SOFIA</t>
  </si>
  <si>
    <t>CL 49 # 49 A 51 BRR PARQUE PRINCIPAL</t>
  </si>
  <si>
    <t>ICARUS PAPELERIA</t>
  </si>
  <si>
    <t>CRA. 97C #49 -15 SUR BOGOT COLOMBIA</t>
  </si>
  <si>
    <t>TIENDAS VECI</t>
  </si>
  <si>
    <t>CRA. 3 #52B SUR-89 BOGOT COLOMBIA</t>
  </si>
  <si>
    <t>CL 63 H # 119 23 BRR ENGATIVA</t>
  </si>
  <si>
    <t>DROGUERIA FAMISALUD 1</t>
  </si>
  <si>
    <t>CL. 128B #93A-43 BOGOTA COLOMBIA</t>
  </si>
  <si>
    <t>EL PALACIO ESTUDIANTIL 1</t>
  </si>
  <si>
    <t>CL 12 C # 71 C- 31 LOCAL 7</t>
  </si>
  <si>
    <t>DROGUERIAS CENTER SAS</t>
  </si>
  <si>
    <t>CL 17 NO 64 03</t>
  </si>
  <si>
    <t>DROGUERIA DAMARDI</t>
  </si>
  <si>
    <t>TV 42 18 60 SUR</t>
  </si>
  <si>
    <t>PAPELERIA NUEVO RENACER</t>
  </si>
  <si>
    <t>KR 3 29 SUR 0015</t>
  </si>
  <si>
    <t xml:space="preserve">MEKATOS </t>
  </si>
  <si>
    <t>CRA. 103B #152C-3 BOGOTA COLOMBIA</t>
  </si>
  <si>
    <t>PAPELERIA PRISMAS</t>
  </si>
  <si>
    <t>CR 88 I # 54 A 05 - SUR BRR BRASIL</t>
  </si>
  <si>
    <t>MINIMERCADO LOS MACHACA</t>
  </si>
  <si>
    <t>CR 50 # 56 49 BRR SAN VICENTE</t>
  </si>
  <si>
    <t>PUNTOSERVIS VALLEDUPAR 11</t>
  </si>
  <si>
    <t>CR 19 D # 4 C 04 / P 1 BRR CALLEJAS DEL NORTE</t>
  </si>
  <si>
    <t>COMUNICACIONES LEO J J</t>
  </si>
  <si>
    <t>CL 32 16 105</t>
  </si>
  <si>
    <t>PINATERIA Y JUGUETERIA RUBEN</t>
  </si>
  <si>
    <t>CL 15 13 73 LOCAL 105</t>
  </si>
  <si>
    <t>ASHLEY PRINCESS</t>
  </si>
  <si>
    <t>CRA 83 N 101 - 18</t>
  </si>
  <si>
    <t>CHACUTERIA  GRANERO EL PJAO</t>
  </si>
  <si>
    <t>CL 54 # 83 13 BRR CALARCA</t>
  </si>
  <si>
    <t>PAPELERA JENNAM</t>
  </si>
  <si>
    <t>CL 130 130 21</t>
  </si>
  <si>
    <t>SUPERMERCADO SURTIR</t>
  </si>
  <si>
    <t>CL 167 54A 16</t>
  </si>
  <si>
    <t>PAPELERA Y MISCELNEA SIKOLERNE</t>
  </si>
  <si>
    <t>CL. 58A SUR #88F-49 BOGOT COLOMBIA</t>
  </si>
  <si>
    <t>H C M NEGOCIOS INTEGRALES</t>
  </si>
  <si>
    <t>CL. 64 SUR #35-3, BOGOTï¿¡, COLOMBIA</t>
  </si>
  <si>
    <t>EXPRESS EFECTY CIUDAD CARIBE</t>
  </si>
  <si>
    <t>CR 8 G # 128 32 / MZ 19 CA 240 BRR CIUDAD CARIBE</t>
  </si>
  <si>
    <t>DROGUERIA COLINA PLAZA</t>
  </si>
  <si>
    <t>CRA 59 152 49 LC 3</t>
  </si>
  <si>
    <t>PAPELERIAYCIGARRERIA:CENTRO DE COPIADO</t>
  </si>
  <si>
    <t>CALLE 146F NO 78B-58</t>
  </si>
  <si>
    <t>CARMEN ELCY BEJARANO ORTEGA</t>
  </si>
  <si>
    <t>DG 69 # 17 G - 85 SUR BRR LUCERO BAJO</t>
  </si>
  <si>
    <t>TODO TRANSITO Y SEGUROS</t>
  </si>
  <si>
    <t>CR 19 # 17 52 BRR CRISTO REY</t>
  </si>
  <si>
    <t>CR 5 # 2 48 BRR CENTRO</t>
  </si>
  <si>
    <t>PUNTOSERVIS BOGOTA 35</t>
  </si>
  <si>
    <t>CL 23 F # 81 C 98 / LC 2 BRR MODELIA</t>
  </si>
  <si>
    <t>PET SHOP MIS MASCOTKS</t>
  </si>
  <si>
    <t>CR 16 A # 20 17 / LC 5 BRR EEL REMANZO</t>
  </si>
  <si>
    <t>LA CRUZ</t>
  </si>
  <si>
    <t>MULTISERVICIOS AROMPA</t>
  </si>
  <si>
    <t>CRA 8 6 16</t>
  </si>
  <si>
    <t>GG TECNOLOGIA</t>
  </si>
  <si>
    <t>CL 15 # 21 6 BRR BELLAVISTA</t>
  </si>
  <si>
    <t>MERCADOS SH</t>
  </si>
  <si>
    <t>CRA 65 A 73 345</t>
  </si>
  <si>
    <t>DROGUERIA MAS REBAJAS 145A</t>
  </si>
  <si>
    <t>CRA 17 145A 70</t>
  </si>
  <si>
    <t>NACIONAL DE DROGAS</t>
  </si>
  <si>
    <t>CRA 53 48 00 SUR</t>
  </si>
  <si>
    <t>ALARCON Y JIMENEZ INVESTMENTS SAS</t>
  </si>
  <si>
    <t>CRA 54 68 12</t>
  </si>
  <si>
    <t>DROGUERIA SUPER TRIUNFO</t>
  </si>
  <si>
    <t>CL 64 c NO 72 25 LC 1</t>
  </si>
  <si>
    <t>MARKET CAUCA</t>
  </si>
  <si>
    <t>TV 23 A # 47 40 - SUR BRR TUNAL</t>
  </si>
  <si>
    <t>TIENDA PACHIS</t>
  </si>
  <si>
    <t>CL. 41A BIS SUR #81D-77 BOGOT COLOMBIA</t>
  </si>
  <si>
    <t>JULLYMB86@HOTMAIL.COM</t>
  </si>
  <si>
    <t>CR 25 # 51 86 BRR ALFONSO LOPEZ</t>
  </si>
  <si>
    <t>FANSALUD</t>
  </si>
  <si>
    <t>CR 71 D # 12 89 BRR VILLA ALSACIA</t>
  </si>
  <si>
    <t>INTER</t>
  </si>
  <si>
    <t>CR 76 # 42 28 - SUR BRR TIMIZA</t>
  </si>
  <si>
    <t>CAFE INTERNET LLAMEYA.COM</t>
  </si>
  <si>
    <t>DG 47 A SUR # 53 A 56 BRR VENECIA</t>
  </si>
  <si>
    <t>MISCELANIA LUNA K</t>
  </si>
  <si>
    <t>TV 6 ESTE # 97 30 BRR SAN LUIS CALERA</t>
  </si>
  <si>
    <t>MULTISERVICIO</t>
  </si>
  <si>
    <t>CR 9 ESTE # 38 23 / CA 136 BRR SAN MATEO</t>
  </si>
  <si>
    <t>UNIVERSO ESCOLAR</t>
  </si>
  <si>
    <t>CARRERA 24 17-02</t>
  </si>
  <si>
    <t>COLPAGOS SURICENTRO</t>
  </si>
  <si>
    <t>CR 3 # 9 13 BRR LA COQUERA</t>
  </si>
  <si>
    <t>MI SAZON CASERO</t>
  </si>
  <si>
    <t>CL 17 A # 2 N 41 BRR OBRERO</t>
  </si>
  <si>
    <t>CARAMANTA</t>
  </si>
  <si>
    <t>ALMACEN MERCOSITAS</t>
  </si>
  <si>
    <t>CRA CORDOBA 19 30</t>
  </si>
  <si>
    <t>TIENDA 303</t>
  </si>
  <si>
    <t>CL 57 A # 93 C 51 - SUR / IN 1 LC 1 BRR BOSA LA CABAA</t>
  </si>
  <si>
    <t>PAPELERIADYP</t>
  </si>
  <si>
    <t>CL 83 SUR # 91 48 BRR BOSA SAN BERNARDINO</t>
  </si>
  <si>
    <t>PAPELERIA Y VARIEDADES NICOSAN</t>
  </si>
  <si>
    <t>CL 18 # 112 A 04 BRR FLANDES</t>
  </si>
  <si>
    <t>PAPELERIA Y MISCELANEA LOS MILLIONS</t>
  </si>
  <si>
    <t>DG 49 A # 52 C 24 - SUR BRR VENECIA</t>
  </si>
  <si>
    <t>MISCELANEA E INTERNET LEA</t>
  </si>
  <si>
    <t>CL 77 # 73 G 21 BRR CARACOLI</t>
  </si>
  <si>
    <t>PAPELERIA ESTEBAN</t>
  </si>
  <si>
    <t>CALLE 91 NO 4C 61 SUR</t>
  </si>
  <si>
    <t>PAPELERIA Y COMUNICACIONES NUEVO MILENIO</t>
  </si>
  <si>
    <t>CL. 13 #78G-6 BOGOTA COLOMBIA</t>
  </si>
  <si>
    <t>PAPELERIA Y MISCELANEA MIS 3 COLORES</t>
  </si>
  <si>
    <t>CL 139 # 134 11 BRR TIBABUYES UNIVERSAL</t>
  </si>
  <si>
    <t>LA CASA DE LA VARIEDAD MYA</t>
  </si>
  <si>
    <t>CL. 4 #38A-28 BOGOT COLOMBIA</t>
  </si>
  <si>
    <t>DG 95 # 6 91 - ESTE BRR SAN LUIS</t>
  </si>
  <si>
    <t>DROGUERIAS DE CUNDINAMARCA A SU SERVICIO</t>
  </si>
  <si>
    <t>CR 52 C # 38 14 - SUR BRR ALQUERIA</t>
  </si>
  <si>
    <t>DROGUERIA TELLEZ CLASS</t>
  </si>
  <si>
    <t>CL. 57B SUR #80D-32 BOGOTA COLOMBIA</t>
  </si>
  <si>
    <t>AGENCIA LA UNION</t>
  </si>
  <si>
    <t>CL 10 # 9 65 BRR PARQUE PRINCIPAL</t>
  </si>
  <si>
    <t>PENSIONES CYP</t>
  </si>
  <si>
    <t>CL 13 # 9 19 BRR SOACHA</t>
  </si>
  <si>
    <t>PAPELERIA JIREHNET</t>
  </si>
  <si>
    <t>CR 33 C # 35 A 20 BRR PRIMAVERA</t>
  </si>
  <si>
    <t>SALA DE INTERNET PACONET.COM</t>
  </si>
  <si>
    <t>CL 1 # 9 29 BRR PUEBLO NUEVO</t>
  </si>
  <si>
    <t>VARIEDADES ROSMERY</t>
  </si>
  <si>
    <t>CL. 3 #3-45 OBANDO VALLE DEL CAUCA COLOMBIA</t>
  </si>
  <si>
    <t>TELEFINIA LOS  SAMANES</t>
  </si>
  <si>
    <t>CL. 1 #6-2 EL CERRITO VALLE DEL CAUCA COLOMBIA</t>
  </si>
  <si>
    <t>PAPELERIA MUNDONET</t>
  </si>
  <si>
    <t>CRA. 48 # 94 42</t>
  </si>
  <si>
    <t>CHIMÁ</t>
  </si>
  <si>
    <t>CL 4 M # 11 29 BRR CALLE DEL COMERCIO</t>
  </si>
  <si>
    <t>VIDUCALES</t>
  </si>
  <si>
    <t>CL. 56F SUR #89B-35 BOGOTA COLOMBIA</t>
  </si>
  <si>
    <t>KCS TECNOLOGY</t>
  </si>
  <si>
    <t>CL 65 F SUR # 78 K 58 / IN 102 BRR JIMENEZ DE QUESADA</t>
  </si>
  <si>
    <t>EL TI O</t>
  </si>
  <si>
    <t>CL 68 SUR # 19 G 25 BRR SAN FRANCISCO</t>
  </si>
  <si>
    <t>YOUR SOLUTIONS</t>
  </si>
  <si>
    <t>CARRERA 111 #23A-70</t>
  </si>
  <si>
    <t>TECNODATA</t>
  </si>
  <si>
    <t>CALLE 77 # 112F - 07</t>
  </si>
  <si>
    <t>SOLUCIONES ZULUAGA</t>
  </si>
  <si>
    <t>CL 40 # 72 63 - SUR / LT 3 BRR TIMIZA</t>
  </si>
  <si>
    <t>TU PAGO JR</t>
  </si>
  <si>
    <t>CALLE 75 C # 105C-15</t>
  </si>
  <si>
    <t>INTERNET MATI</t>
  </si>
  <si>
    <t>CR 29 # 64 C 40 - SUR BRR CANDELARIA LA NUEVA</t>
  </si>
  <si>
    <t>DROGUERIA COLSANAR DEL NORTE</t>
  </si>
  <si>
    <t>CL 156 7 H 15</t>
  </si>
  <si>
    <t>PAPELERIA SALOME TIMOTE</t>
  </si>
  <si>
    <t>KR 14P 77 SUR 02 IN 2</t>
  </si>
  <si>
    <t>MARINILLA</t>
  </si>
  <si>
    <t>GRANERO J Y H</t>
  </si>
  <si>
    <t>CL 32 # 33 07 / IN 101 BRR SEMILLITAS</t>
  </si>
  <si>
    <t>PRADERA</t>
  </si>
  <si>
    <t>PUNTO PAGOS MA</t>
  </si>
  <si>
    <t>CR 12 # 5 24 BRR PRADERA</t>
  </si>
  <si>
    <t>PAPELERIA ORIGAMI</t>
  </si>
  <si>
    <t>CL 57 A SUR # 80 D 18 BRR CLASS ROMA</t>
  </si>
  <si>
    <t>YK INTERNET Y COMUNICACIONES</t>
  </si>
  <si>
    <t>CL 136 # 158 20 BRR SANTA CECILIA</t>
  </si>
  <si>
    <t>INTERRAPIDISIMO SANTA HELENITA</t>
  </si>
  <si>
    <t>CR 77 A # 69 A 55 BRR SANTA HELENITA</t>
  </si>
  <si>
    <t>CENTRO DE PAGOS Y SERVICIOS</t>
  </si>
  <si>
    <t>KR 94 CNO 42 F SUR - 03</t>
  </si>
  <si>
    <t>MINIMARKET Y COSITAS CLC SYSTEM</t>
  </si>
  <si>
    <t>DG 60 SUR # 3 11 BRR DANUBIO AZUL</t>
  </si>
  <si>
    <t>FARMALUNA</t>
  </si>
  <si>
    <t>CL 12 C 71 C 31 T 5 LC 12 S</t>
  </si>
  <si>
    <t>TECNO-ACCESORIOS EL TRIUNFO</t>
  </si>
  <si>
    <t>CL. 76 SUR #25A-25 BOGOTA COLOMBIA</t>
  </si>
  <si>
    <t>INTERNET Y PAPELERIA LA ESPERANZA</t>
  </si>
  <si>
    <t>CR 16 N 21 83</t>
  </si>
  <si>
    <t>PUNTOSERVIS BARANOA</t>
  </si>
  <si>
    <t>CR 18 # 20 05 BRR PINIQUE</t>
  </si>
  <si>
    <t>TELECOMUNICACIONES MEDINA</t>
  </si>
  <si>
    <t>CR 7 A # 12 24 BRR CENTRO CERCA A LA IGLESIA</t>
  </si>
  <si>
    <t>ABEJORRAL</t>
  </si>
  <si>
    <t>TU DILIGENCIA Y VARIEDADES</t>
  </si>
  <si>
    <t>CR 51 # 49 28 BRR PARQUE PRINCIPAL</t>
  </si>
  <si>
    <t>PAPELERIA E INTERNET CRISOTAVALITO 2</t>
  </si>
  <si>
    <t>CR 15 ESTE # 89 C 04 / LC 2 BRR TIHUAQUE</t>
  </si>
  <si>
    <t>PAEPELERIAS XPRESIONES ND</t>
  </si>
  <si>
    <t>CR 10 ESTE # 97 59 BRR SAN LUIS</t>
  </si>
  <si>
    <t>ENTERPRISE DANITY GROUP SAS</t>
  </si>
  <si>
    <t>CL 33 # 23 F 21 BRR QUIROGA</t>
  </si>
  <si>
    <t>DROGUERIA HOSPITALARIA EL CARMEN</t>
  </si>
  <si>
    <t>CR 29 # 48 A 29 - SUR BRR EL CARMEN</t>
  </si>
  <si>
    <t>JUANCHOVALDEZ INTERNET</t>
  </si>
  <si>
    <t>CRA. 103 #75 SUR-53 BOGOT COLOMBIA</t>
  </si>
  <si>
    <t>SOBRE RUEDAS</t>
  </si>
  <si>
    <t>CL 14 SUR NO 22-22</t>
  </si>
  <si>
    <t>PUNTO B  B</t>
  </si>
  <si>
    <t>CL 131 A # 100 29 BRR SUBA</t>
  </si>
  <si>
    <t>INVERSIONES RIDISU</t>
  </si>
  <si>
    <t>KR 52 C NO 39 B SUR - 06 LC 104</t>
  </si>
  <si>
    <t>H.O TEX</t>
  </si>
  <si>
    <t>KR 96 62B SUR 19</t>
  </si>
  <si>
    <t>CR 94 B # 60 A 15 - SUR BRR METRO VIVIENDA ATALAYAS</t>
  </si>
  <si>
    <t>SERVIORALES</t>
  </si>
  <si>
    <t>CR 72 # 62 F 10 - SUR BRR PERDOMO</t>
  </si>
  <si>
    <t>JDYP ASOCIADOS SAS</t>
  </si>
  <si>
    <t>CRA. 139 #143-77 BOGOT COLOMBIA</t>
  </si>
  <si>
    <t>1-NOTA</t>
  </si>
  <si>
    <t>CR 2 # 16 47 / P 1 BRR CENTRO COMERCIAL SANTA CATALINA - MOSQUERA</t>
  </si>
  <si>
    <t>DETALLES COCO</t>
  </si>
  <si>
    <t>KR 8 C NO 185 B - 15 LC 101</t>
  </si>
  <si>
    <t>FERRE EMANUEL</t>
  </si>
  <si>
    <t>CR 107 # 77 B - 03 BRR GARCES NAVAS</t>
  </si>
  <si>
    <t>MINIEXPRESS VILLAVICENCIO BRR ESPERANZA</t>
  </si>
  <si>
    <t>CR 39 # 13 16 BRR ESPERANZA</t>
  </si>
  <si>
    <t>DROGUERIA SUPERVILLA</t>
  </si>
  <si>
    <t>CRA 12 51 38</t>
  </si>
  <si>
    <t>CARGA EXPRESS JM</t>
  </si>
  <si>
    <t>DG. 50 SUR #60B-41 BOGOT COLOMBIA</t>
  </si>
  <si>
    <t>PAPELERIA ALPES</t>
  </si>
  <si>
    <t>CR 26 # 76 40 - SUR BRR ALPES</t>
  </si>
  <si>
    <t>DROGUERIA LA PROSPERIDAD VR Y SANCHEZ</t>
  </si>
  <si>
    <t>CR 81 # 64 21 BRR ANTONIA SANTOS</t>
  </si>
  <si>
    <t>DROGUERIA J E HERMANOS</t>
  </si>
  <si>
    <t>TV 154 131 A 03</t>
  </si>
  <si>
    <t>COMPRAS ERMAR</t>
  </si>
  <si>
    <t>KR 78F 75A SUR 06</t>
  </si>
  <si>
    <t>INTERRAPIDISIMO VILLA GLADYS</t>
  </si>
  <si>
    <t>CLL 64 # 111 B -03</t>
  </si>
  <si>
    <t>MICELANEA YOHAN</t>
  </si>
  <si>
    <t>CR 22 A # 80 21 - SUR BRR LOS ALPES</t>
  </si>
  <si>
    <t>PAPELERIA Y MISCELANEA EL PROFE</t>
  </si>
  <si>
    <t>CL 59 C SUR # 47 A 10 BRR LA CORUNA</t>
  </si>
  <si>
    <t>EL REY DE LOS POCILLOS</t>
  </si>
  <si>
    <t>CR 28 # 10 40 BRR RICAURTE</t>
  </si>
  <si>
    <t>COMUNICACIONESJMGM</t>
  </si>
  <si>
    <t>CRA. 5B #190-6 BOGOTA COLOMBIA</t>
  </si>
  <si>
    <t>PUNTOSERVIS PAMPLONA 1</t>
  </si>
  <si>
    <t>CL 8 B # 5 69 BRR LOS MISERABLES CENTRO</t>
  </si>
  <si>
    <t>JAIME ANGEL ARANGO</t>
  </si>
  <si>
    <t>AV 100 # 108 38 BRR SUBA</t>
  </si>
  <si>
    <t>DISTRIBUICIONES VALERIE JL</t>
  </si>
  <si>
    <t>CR 12 A # 17 03 BRR VILLA MARCELA  MOSQUERA</t>
  </si>
  <si>
    <t>SODA.COM CENTRO ESPECIALIZADO EN RECAUDO Y PAGOS</t>
  </si>
  <si>
    <t>CL 33 C # 26 4 BRR CENTRO</t>
  </si>
  <si>
    <t>SERVICIOS BRISAS</t>
  </si>
  <si>
    <t>CL 75 C N NRO 2 95 LOCAL</t>
  </si>
  <si>
    <t>RAPITIENDA CRISTINA</t>
  </si>
  <si>
    <t>CRA 7 # 11 42 BRR PORVENIR</t>
  </si>
  <si>
    <t>TECNICEL JULI JB</t>
  </si>
  <si>
    <t>CR 94 CL 78 A -9</t>
  </si>
  <si>
    <t>EL CARMEN DE VIBORAL</t>
  </si>
  <si>
    <t>CYBERLINKV</t>
  </si>
  <si>
    <t>CR 31 # 26 11 BRR DIVINO NINO</t>
  </si>
  <si>
    <t>COMPUCOPIAS 2010</t>
  </si>
  <si>
    <t>CL 9 B # 6 38 - SUR BRR CENTRO</t>
  </si>
  <si>
    <t>DROGUERIA SALUD Y VIDA SR</t>
  </si>
  <si>
    <t>CR 18 # 20-46 CALLE TIJUANA</t>
  </si>
  <si>
    <t>FARMALIFE26</t>
  </si>
  <si>
    <t>CL. 58M SUR #79B-29 BOGOT COLOMBIA</t>
  </si>
  <si>
    <t>EY DIGITAL SERVICES</t>
  </si>
  <si>
    <t>CL 55 A SUR # 69 A 07 BRR VILLA DEL RIO</t>
  </si>
  <si>
    <t>DISTRIBUCIONES DUMY</t>
  </si>
  <si>
    <t>CL 2 # 93 D 30 / TO 12 AP 102 BRR CARVAJAL OSORIO</t>
  </si>
  <si>
    <t>SERVIVARIEDADES</t>
  </si>
  <si>
    <t>CL 76 A SUR # 8 D 08 BRR SANTA LIBRADA</t>
  </si>
  <si>
    <t>INTERNET LA LOKURA</t>
  </si>
  <si>
    <t>CR 158 B # 138 14 BRR VILLA CINDY</t>
  </si>
  <si>
    <t>SERVICIOS DATA SCORE</t>
  </si>
  <si>
    <t>CL. 66A SUR #18L-19 BOGOT COLOMBIA</t>
  </si>
  <si>
    <t>GRAPHIQUE</t>
  </si>
  <si>
    <t>AC 138 # 55 - 53 LC 31 BARRIO COLINA CAMPESTRE LOCAL 31</t>
  </si>
  <si>
    <t>DROGUERIA EVOLPHARMA</t>
  </si>
  <si>
    <t>CL 166 54 C 99</t>
  </si>
  <si>
    <t>PAPELERÃA LA 136</t>
  </si>
  <si>
    <t>CL 124 # 15 15 / LC 1150 ED JORGE BARON BRR SANTA BARBARA</t>
  </si>
  <si>
    <t>CL 27 # 12 K - 25 SUR BRR GUSTAVO RESTREPO</t>
  </si>
  <si>
    <t>DROGUERIA MANANTIAL</t>
  </si>
  <si>
    <t>CR 51 # 49 10 BRR ANDES</t>
  </si>
  <si>
    <t>DROGUERIA EL SOCORRO # 2</t>
  </si>
  <si>
    <t>CRA 11 16 47</t>
  </si>
  <si>
    <t>CONCEPCIÓN</t>
  </si>
  <si>
    <t>DROGUERIA SANTA TERESITA</t>
  </si>
  <si>
    <t>CR 18 # 19 62 BRR UNICO CONCEPCIÃ“N</t>
  </si>
  <si>
    <t>EDS GRUPO LA NAVARRA SAS</t>
  </si>
  <si>
    <t>CRA. 91 #90-2 APARTADO ANTIOQUIA COLOMBIA</t>
  </si>
  <si>
    <t>CR 10 # 9 35 BRR CENTRO</t>
  </si>
  <si>
    <t>MULTI AAA</t>
  </si>
  <si>
    <t>CL 18 # 100 29 BRR FONTIBON</t>
  </si>
  <si>
    <t>VARIEDADES GABY MORITA</t>
  </si>
  <si>
    <t>CL 108 SUR # 7 G 12 - ESTE BRR PUERTA AL LLANO</t>
  </si>
  <si>
    <t>JUANA BANANA</t>
  </si>
  <si>
    <t>CL 151 # 109 A 50 / CA 31 BRR SUBA</t>
  </si>
  <si>
    <t>AUTOSERVICIO MERCA 20 COORATIENDAS 544</t>
  </si>
  <si>
    <t>CL 27 SUR 8 A 21</t>
  </si>
  <si>
    <t>PAPELERIA LINEVOZ</t>
  </si>
  <si>
    <t>DG 51 B SUR # 18 85 BRR SAN CARLOS</t>
  </si>
  <si>
    <t>LUCYNET</t>
  </si>
  <si>
    <t>CL. 12A #21-86 BOGOT COLOMBIA</t>
  </si>
  <si>
    <t>INTERNET LUCHIS</t>
  </si>
  <si>
    <t>CL 38 B SUR # 83 42 BRR LLANO GRANDE</t>
  </si>
  <si>
    <t>FONVATEC</t>
  </si>
  <si>
    <t>CL 181C 11 29 LC 004</t>
  </si>
  <si>
    <t>DIRECT PHONNE</t>
  </si>
  <si>
    <t>AC 72 69 M 40</t>
  </si>
  <si>
    <t>GOLDEN SERVICES</t>
  </si>
  <si>
    <t>C.BOLIVAR ZONA 04 JUAN PABLOII-COMPARTIR-CL 66 BIS-18 - V 37</t>
  </si>
  <si>
    <t>CIGARRERIA CAMI</t>
  </si>
  <si>
    <t>CL 129 # 91 A 25 BRR SUBA</t>
  </si>
  <si>
    <t>DROGUERIA DAVAL SALUD</t>
  </si>
  <si>
    <t>CL 35 # 25 A 91 BRR OASIS</t>
  </si>
  <si>
    <t>PUNTOSERVIS COMERCIO SANTANDER</t>
  </si>
  <si>
    <t>CL 5 # 4 29 BRR TORCOROMA</t>
  </si>
  <si>
    <t>COLPAGOS SUCURSAL DORADO</t>
  </si>
  <si>
    <t>CL 26 # 10 W 26 BRR EL DORADO</t>
  </si>
  <si>
    <t>EXPRESS YACOPI BRR CENTRO</t>
  </si>
  <si>
    <t>CL 3 # 9 44 BRR CENTRO</t>
  </si>
  <si>
    <t>ONE EASY STOP VILLA LUZ</t>
  </si>
  <si>
    <t>CR 77 A # 68 21 BRR VILLA LUZ</t>
  </si>
  <si>
    <t>VARIEDADES LUZ AYDA TULCAN</t>
  </si>
  <si>
    <t>CR 36 96 0 59 CIUDAD DEL CAMPO</t>
  </si>
  <si>
    <t>AVT COMUNICACIONES</t>
  </si>
  <si>
    <t>CL 46 55 00 MODULO 115</t>
  </si>
  <si>
    <t>ARTESANIAS GENELLY</t>
  </si>
  <si>
    <t>CL 54 # 6 11 BRR PUERTO BERRIO</t>
  </si>
  <si>
    <t>DROGUERIA FARMA ECONOMIA EL SALITRE</t>
  </si>
  <si>
    <t>CRA 96 A N 158 14 LC 1</t>
  </si>
  <si>
    <t>SMART LR TECNOLOGY SAS</t>
  </si>
  <si>
    <t>CL. 4 SUR #11C-21 BOGOTA COLOMBIA</t>
  </si>
  <si>
    <t>INTERRAPIDISIMO LIZCANO</t>
  </si>
  <si>
    <t>CR 89 A BIS A # 58 A 10 - SUR BRR LA LIBERTAD</t>
  </si>
  <si>
    <t>DROGUERIA SERVIREBAJAS JM</t>
  </si>
  <si>
    <t>AK 53 # 85 I 04 / IN 4 BRR SAN IGNACIO</t>
  </si>
  <si>
    <t>CAFETERIA LA OFICINA DE LA COBIJA</t>
  </si>
  <si>
    <t>KR 17-75 PIS1 A.S.D. - KENNEDY</t>
  </si>
  <si>
    <t>CAFE INTERNET P Y C</t>
  </si>
  <si>
    <t>CR 123 # 130 C 66 BRR SUBA</t>
  </si>
  <si>
    <t>CR 13 B ESTE # 42 A - 60 SUR BRR ALTAMIRA</t>
  </si>
  <si>
    <t>AVIONCITO DE PAPEL</t>
  </si>
  <si>
    <t>CRA 11 # 7-20</t>
  </si>
  <si>
    <t>PAPELERIA PAPELITOS JL</t>
  </si>
  <si>
    <t>CRA 27 D # 105 - 11 LOCAL 105</t>
  </si>
  <si>
    <t>AMI COMPARTEL LA VICTORIA</t>
  </si>
  <si>
    <t>CR 6 # 7 74 BRR CABECERA MUNICIPAL</t>
  </si>
  <si>
    <t>TARAZÁ</t>
  </si>
  <si>
    <t>AGROTARAZA</t>
  </si>
  <si>
    <t>CRA 30 A # 35 19/23/27</t>
  </si>
  <si>
    <t>JELANET</t>
  </si>
  <si>
    <t>CL 48 A SUR # 88 C 10 BRR MARGARITAS</t>
  </si>
  <si>
    <t>FERREPLOMEROSJGS</t>
  </si>
  <si>
    <t>CR 1 ESTE # 28 35 - SUR BRR CORDOBA</t>
  </si>
  <si>
    <t>SISTEM PAGOS</t>
  </si>
  <si>
    <t>CL 92 B SUR # 3 05 / P 3 BRR COMUNEROS</t>
  </si>
  <si>
    <t>PAPELERIA GREEN PAPER</t>
  </si>
  <si>
    <t>CRA. 9A ESTE #36C SUR-69 BOGOT COLOMBIA</t>
  </si>
  <si>
    <t>CIGARRERIA GUIDOS</t>
  </si>
  <si>
    <t>CRA 29 77 80</t>
  </si>
  <si>
    <t>MULTISERVICIOS Y SOLUCIONES PASTO</t>
  </si>
  <si>
    <t>CR 19 B # 18 24 BRR CENTRO</t>
  </si>
  <si>
    <t>TIMOTEO</t>
  </si>
  <si>
    <t>CR 16 # 17 39 BRR EL JARDIN</t>
  </si>
  <si>
    <t>PAPELERIA/CENTRO DE COPIADO Y TIENDA DE SENTIMIENTOS DONDE LILI</t>
  </si>
  <si>
    <t>CRA 49 # 85 C 62</t>
  </si>
  <si>
    <t>BE ORIGEN / RED SERVI</t>
  </si>
  <si>
    <t>KR 24 5 52</t>
  </si>
  <si>
    <t>MISCELANEA Y PAPELERIA EL EDEN</t>
  </si>
  <si>
    <t>CL 1 C # 53 82 BRR LA CAMELIA</t>
  </si>
  <si>
    <t>TELEINTERACTIVO.COM</t>
  </si>
  <si>
    <t>CL. 4D #56A-4 BOGOTA COLOMBIA</t>
  </si>
  <si>
    <t>DROGUERIA Y PERFUMERIA LA ESMERALDA</t>
  </si>
  <si>
    <t>CL 64 A # 111 B 04 BRR MARANDU</t>
  </si>
  <si>
    <t>DROGUERIA SERVICOOP NO 5</t>
  </si>
  <si>
    <t>DG. 41 SUR #34-1 BOGOTA COLOMBIA</t>
  </si>
  <si>
    <t>COMERCIO PUNTOSERVIS 3 MARTIN</t>
  </si>
  <si>
    <t>CL 17 # 15 04 BRR LORENZO LOZANO</t>
  </si>
  <si>
    <t>COLPAGOS LORICA 5</t>
  </si>
  <si>
    <t>CR 25 # 25 109 BRR LOS ANDES</t>
  </si>
  <si>
    <t>SYM SERVICIOS</t>
  </si>
  <si>
    <t>CRA. 50 SUR #14 SAN INSIDRO JAMUNDI VALLE DEL CAUCA COLOMBIA</t>
  </si>
  <si>
    <t>INTERRAPIDISIMO BANDERAS 4696</t>
  </si>
  <si>
    <t>CL 26 SUR # 78 Q BIS 10 / LC 1 BRR AYACUCHO II</t>
  </si>
  <si>
    <t>PAPYRUS EXPRESS HC</t>
  </si>
  <si>
    <t>CRA. 123 #13D-39 BOGOTA COLOMBIA</t>
  </si>
  <si>
    <t>PAPELERIA Y MISCELANEA ROKA PAPEL O TIJERA</t>
  </si>
  <si>
    <t>CRA. 5 ESTE #27A SUR-5 BOGOTA COLOMBIA</t>
  </si>
  <si>
    <t>PUBLIMARS MULTISERVICIOS</t>
  </si>
  <si>
    <t>CL 64 A # 28 44 BRR SIETE DE AGOSTO</t>
  </si>
  <si>
    <t>DROGUERIA ANDIPHARMA</t>
  </si>
  <si>
    <t>CRA. 79 #6-98 BOGOTA COLOMBIA</t>
  </si>
  <si>
    <t>DROGUERIA MINIMARKET LA SEGUNDA</t>
  </si>
  <si>
    <t>CL 8 SUR 38 38</t>
  </si>
  <si>
    <t>RS ACCESORIOS</t>
  </si>
  <si>
    <t>AC 13 15 25 LC 2</t>
  </si>
  <si>
    <t>ADM SOLUCIONES INTEGRALES</t>
  </si>
  <si>
    <t>CR 107 A # 161 I 54 BRR FONTIBON EL CARMEN</t>
  </si>
  <si>
    <t>TECHNOLOGY GLASSL</t>
  </si>
  <si>
    <t>KR 88 C NO 58 A SUR - 25</t>
  </si>
  <si>
    <t>PET SHOP</t>
  </si>
  <si>
    <t>CRA. 69 #36 SUR-20 BOGOTA COLOMBIA</t>
  </si>
  <si>
    <t>AV 15 CR 16 # 7 D - 24 LC 5 BRR CORALES</t>
  </si>
  <si>
    <t>VARIEDADES SARA MARIA</t>
  </si>
  <si>
    <t>CL 5 # 33 73 BRR SAN VICENTE</t>
  </si>
  <si>
    <t>DROGUERIA SALUS MJ</t>
  </si>
  <si>
    <t>CTI46 49-14</t>
  </si>
  <si>
    <t>CR 3 NO. 14 - 29 P1 LOCAL 2</t>
  </si>
  <si>
    <t>CLICKPAGOS M SAN PEDRO</t>
  </si>
  <si>
    <t>CL 134 A # 145 72 BRR SAN PEDRO</t>
  </si>
  <si>
    <t>JJ COMUNICACIONES Y VARIEDADES</t>
  </si>
  <si>
    <t>CL 18 # 115 26 BRR FONTIBON</t>
  </si>
  <si>
    <t>CL 89 SUR 6 36</t>
  </si>
  <si>
    <t>JARVIS ACCESORIOS Y PAPELERIA</t>
  </si>
  <si>
    <t>CL 57 SUR # 18 A 56 / P 1 BRR SAN BENITO</t>
  </si>
  <si>
    <t>PAPELERIA LA 24</t>
  </si>
  <si>
    <t>CL 46 SUR # 24 A 08 BRR SANTA LUCIA</t>
  </si>
  <si>
    <t>MISTIOVENTAS</t>
  </si>
  <si>
    <t>CR 19 # 12 72 / CC SANTA FE PLAZA P 1 LC 303 BRR VOTO NACIONAL</t>
  </si>
  <si>
    <t>HISPANIA</t>
  </si>
  <si>
    <t>AUTOSERVICIO ECHEVERRY</t>
  </si>
  <si>
    <t>CL 50 # 51 39 BRR PARQUE PPAL</t>
  </si>
  <si>
    <t>PAPELERA Y MISCELANEA ANALIN</t>
  </si>
  <si>
    <t>CL 5 # 2 A 52 / CRR BRR SANTA ELENA</t>
  </si>
  <si>
    <t>DISTRI YOTOCO</t>
  </si>
  <si>
    <t>CL 2 NRO 5 21</t>
  </si>
  <si>
    <t>TÁMESIS</t>
  </si>
  <si>
    <t>TELECOM TAMESIS</t>
  </si>
  <si>
    <t>CR 10 # 11 12 BRR CENTRO</t>
  </si>
  <si>
    <t>SERVICIOS ESPECIALES ANDY</t>
  </si>
  <si>
    <t>CL 78 C SUR # 18 D 05 BRR TESORO</t>
  </si>
  <si>
    <t>MINIMARKET DJ</t>
  </si>
  <si>
    <t>CL 7 A BIS C # 80 A 13 BRR VILLA CASTILLA</t>
  </si>
  <si>
    <t>MISCELANEA Y PAPELERA MAGIC BLUE.CO</t>
  </si>
  <si>
    <t>CL 41 SUR # 80 H 13 BRR CHUCUA DE LA VACA II</t>
  </si>
  <si>
    <t>PAGOS.NET</t>
  </si>
  <si>
    <t>CL 7 A BIS C # 79 21 BRR CASTILLA</t>
  </si>
  <si>
    <t>RAPITIENDA DE SUBA</t>
  </si>
  <si>
    <t>TV 4No. 51A-25</t>
  </si>
  <si>
    <t>PAPELERIA EL INGENIERO</t>
  </si>
  <si>
    <t>CL 98 # 68 74 BRR FLORESTA</t>
  </si>
  <si>
    <t>COMUNICATE YA NS</t>
  </si>
  <si>
    <t>CL 52 SUR # 11 B 54 / P 2 BRR TUNJUELITO</t>
  </si>
  <si>
    <t>TU TIENDA PIJAO</t>
  </si>
  <si>
    <t>CL 167 # 48 63 / LC 105 BRR BRITALIA</t>
  </si>
  <si>
    <t xml:space="preserve">PINATERIA HAPPY DAY LAGUNA </t>
  </si>
  <si>
    <t>CRA. 122D #129B-45 BOGOTA COLOMBIA</t>
  </si>
  <si>
    <t>DROGUERIA BONAPAR 2</t>
  </si>
  <si>
    <t>CRA 8 # 57 - 27 LOCAL 2 EDIFICIO STUDIO 57</t>
  </si>
  <si>
    <t>INTERNET Y PAPELERIA PERDOMO</t>
  </si>
  <si>
    <t>KR 72 NO 62 F.SUR - 22 LC 102</t>
  </si>
  <si>
    <t>INTERWAS</t>
  </si>
  <si>
    <t>CL 56 F SUR # 105 A 09 BRR BOSA SANTA FE</t>
  </si>
  <si>
    <t>PAPELERIA SANTY</t>
  </si>
  <si>
    <t>CARRERA 18G #82B18 SUR</t>
  </si>
  <si>
    <t>TIENDA MIXTA EL PUNTALITO</t>
  </si>
  <si>
    <t>AV 16 # 13 01 BRR EL CONTENTO</t>
  </si>
  <si>
    <t>EXPRESS CHIQUINQUIRA C.CIAL MULTICENTRO</t>
  </si>
  <si>
    <t>CR 10 N 17-103 LOCAL 105 BRR CENTRO COMERCIAL MULTICENTRO</t>
  </si>
  <si>
    <t>INTEGRADOS PARADERO UNION</t>
  </si>
  <si>
    <t>AV EL COCLI CA 36 LT 01 BRR CENTRO</t>
  </si>
  <si>
    <t>DROGUERIA  SALUD Y  VITALIDAD</t>
  </si>
  <si>
    <t>CR 7 # 16 02 BRR CENTRO</t>
  </si>
  <si>
    <t>SERVICENTRO SAN PABLO</t>
  </si>
  <si>
    <t>CRA 6 7 89 AV FATIMA DE SAN PABLO</t>
  </si>
  <si>
    <t>CREATIKA</t>
  </si>
  <si>
    <t>CRA. 77B #74-26 BOGOTA COLOMBIA</t>
  </si>
  <si>
    <t>CENTRO DE PAGOS PAPELERIA MAR</t>
  </si>
  <si>
    <t>CL 72 B SUR # 80 I 71 BRR BOSA LAURELES</t>
  </si>
  <si>
    <t>VARIEDADES SOFY</t>
  </si>
  <si>
    <t>KR 13 ESTE NO 43 A SUR - 54PI1</t>
  </si>
  <si>
    <t>SOLUCIONES CYM Y C</t>
  </si>
  <si>
    <t>CL. 68B SUR #69-36 BOGOT COLOMBIA</t>
  </si>
  <si>
    <t>ANDREA DEL PILAR</t>
  </si>
  <si>
    <t>DG. 2B #82-30 BOGOTA COLOMBIA</t>
  </si>
  <si>
    <t>FRANQUICIA SERVIENTREGA</t>
  </si>
  <si>
    <t>TV. 77 #80-15 BOGOTA COLOMBIA</t>
  </si>
  <si>
    <t>PARTY HOUSE</t>
  </si>
  <si>
    <t>CRA. 80 #72A-23 BOGOTA COLOMBIA</t>
  </si>
  <si>
    <t>DROGUERIA SERVICOOP DEL SUR NO 2</t>
  </si>
  <si>
    <t>TR 70 G 63 52 SUR PARQUE CENTRAL BONAVISTA LC 12</t>
  </si>
  <si>
    <t>A  L C.A</t>
  </si>
  <si>
    <t>CR 121 # 65 A 15 BRR ENGATIVA</t>
  </si>
  <si>
    <t>MISCELANEA LYLES</t>
  </si>
  <si>
    <t>CR 18 D # 57 32 BRR SAN BENITO</t>
  </si>
  <si>
    <t>GSM SERVICE PALMIRA</t>
  </si>
  <si>
    <t>CL 19 # 35 07 BRR URIBE</t>
  </si>
  <si>
    <t>AUTOSERVICIO EL RECUERDO</t>
  </si>
  <si>
    <t>CL 29 26 44</t>
  </si>
  <si>
    <t>ONLINE COMUNICACIONES</t>
  </si>
  <si>
    <t>CL 9 # 15 - 63</t>
  </si>
  <si>
    <t>DROGUERIA SUPER SALUD T Y T</t>
  </si>
  <si>
    <t>CRA 27 # 112 10</t>
  </si>
  <si>
    <t>VIDEO CLUB ARISTI</t>
  </si>
  <si>
    <t>CL 2 A 75-30</t>
  </si>
  <si>
    <t>CELUNORTE AYS</t>
  </si>
  <si>
    <t>CRA 49 A 49 54 LC 110</t>
  </si>
  <si>
    <t>CL 35 A SUR # 77 41 BRR KENNEDY</t>
  </si>
  <si>
    <t>ILUSTRAFOTO</t>
  </si>
  <si>
    <t>CL 46 SUR # 81 C 43 BRR BRITALIA</t>
  </si>
  <si>
    <t>CL 64 SUR # 32 19 BRR CANDELARIA NUEVA</t>
  </si>
  <si>
    <t>DROGUERIA SU SALUD GRAN TESORO J M</t>
  </si>
  <si>
    <t>CRA 10 B ESTE 24 61 SUR</t>
  </si>
  <si>
    <t>TEJIDOS JEMMAR</t>
  </si>
  <si>
    <t>CR 7 # 6 13 BRR BOJACA CENTRO</t>
  </si>
  <si>
    <t>MUNDO MOVIL JL</t>
  </si>
  <si>
    <t>CRA 41 B 40 - 18</t>
  </si>
  <si>
    <t>POWERTRONICS</t>
  </si>
  <si>
    <t>CL 84 22 77 LC 2</t>
  </si>
  <si>
    <t>MASSHAT MAKEUP</t>
  </si>
  <si>
    <t>CR 24 I BIS # 17 03 - SUR / P 01 BRR RESTREPO OCCIDENTAL</t>
  </si>
  <si>
    <t>COMUNICACIONES IKER</t>
  </si>
  <si>
    <t>CL 58 C SUR # 42 A 24 BRR ARBORIZADORA BAJA</t>
  </si>
  <si>
    <t>SERVI ENVIOS AVENIDA CALI</t>
  </si>
  <si>
    <t>AK 86 # 77 A 16 / LC 1 BRR ENGATIVA LA GRANJA</t>
  </si>
  <si>
    <t>DROGAS ONASIS</t>
  </si>
  <si>
    <t>CL 45 SUR 78G 36</t>
  </si>
  <si>
    <t>JOSE ANDRES BELTRAN ROJAS</t>
  </si>
  <si>
    <t>CR 103 # 133 A 58 BRR SUBA COSTA AZUL</t>
  </si>
  <si>
    <t>PAPELERIA DONDE ISAAC</t>
  </si>
  <si>
    <t>CR 22 # 14 12 - SUR BRR RESTREPO</t>
  </si>
  <si>
    <t>DROGUERIA CARDIOSALUD</t>
  </si>
  <si>
    <t>CL 163 A NO 14 D-20</t>
  </si>
  <si>
    <t>OFINSUMOS DC</t>
  </si>
  <si>
    <t>CL 34 # 13 06 BRR SAGRADO CORAZON</t>
  </si>
  <si>
    <t>TIENDA EL ECLIPSE</t>
  </si>
  <si>
    <t>VDA SAN MARTIN BRR SAN MARTIN</t>
  </si>
  <si>
    <t>DROGUERIA ANYMAR</t>
  </si>
  <si>
    <t>CL 83 NO 95 D 15 BQ 1 IN : 2</t>
  </si>
  <si>
    <t>PUNTOSERVIS LA MESA</t>
  </si>
  <si>
    <t>CL 5 # 20 10 / LC 4 BRR ALTO DE LAS FLORES</t>
  </si>
  <si>
    <t>COLPAGOS POLICARPA 2</t>
  </si>
  <si>
    <t>DG 5 # 2 A 137 / LC 1 BRR POLICARPA</t>
  </si>
  <si>
    <t>COLPAGOS CHINU</t>
  </si>
  <si>
    <t>CL 14 # 6 74 / LC 1 BRR CENTRO</t>
  </si>
  <si>
    <t>PINATERIA Y DETALLES UNIDOS</t>
  </si>
  <si>
    <t>CL 73 NORTE 3 A-75 COMPONENTES DEL COSTO</t>
  </si>
  <si>
    <t>SERVITEC ALFONSO</t>
  </si>
  <si>
    <t>CARRERA 74A # 66A-89</t>
  </si>
  <si>
    <t>FARMA 79 MANDALAY</t>
  </si>
  <si>
    <t>DG 5 A # 73 B 35 BRR MANDALAY</t>
  </si>
  <si>
    <t>PAPELERIA US</t>
  </si>
  <si>
    <t>CR 2 # 192 21 BRR LA ESTRELLITA I</t>
  </si>
  <si>
    <t>VARIEDADES JM</t>
  </si>
  <si>
    <t>CR 27 # 54 A 06 BRR SAN VICENTE FERRER</t>
  </si>
  <si>
    <t>DROGUERIA MARION</t>
  </si>
  <si>
    <t>CL 59C 48B 02 SUR</t>
  </si>
  <si>
    <t>PATTY@NDRES.COMUNICACIONES</t>
  </si>
  <si>
    <t>CRA 12 A ESTE 40 A 17 SUR</t>
  </si>
  <si>
    <t>VIAJA POR COLOMBIA Y EL MUNDO</t>
  </si>
  <si>
    <t>CL. 23B #112-34 BOGOT COLOMBIA</t>
  </si>
  <si>
    <t>DROGUERIA RECODO CB</t>
  </si>
  <si>
    <t>CRA. 67 #3-43 BOGOTA COLOMBIA</t>
  </si>
  <si>
    <t>SOLUCIONES INTEGRALES JM</t>
  </si>
  <si>
    <t>CRA 31 A 6 92</t>
  </si>
  <si>
    <t>AUTO SERVICIO Y PANADERIA PRADO MORANDE</t>
  </si>
  <si>
    <t>CRA 49 128 80</t>
  </si>
  <si>
    <t>ACCESORIOS</t>
  </si>
  <si>
    <t>CL 7 # 8 - 141 BRR LA PARADA</t>
  </si>
  <si>
    <t>PREMIUM SABANALARGA  CALLE 18</t>
  </si>
  <si>
    <t>CL 18 # 19 B 105 BRR CENTRO</t>
  </si>
  <si>
    <t>COLPAGOS SINCELEJO</t>
  </si>
  <si>
    <t>CR 28 # 10 25 BRR PUERTA ROJA</t>
  </si>
  <si>
    <t>RECAUDOS Y SERVICIOS TOBERIN</t>
  </si>
  <si>
    <t>CL 163 # 20 52 BRR TOBERIN</t>
  </si>
  <si>
    <t>REDPAG QUINTAS</t>
  </si>
  <si>
    <t>CR 17 G # 70 C 06 - SUR BRR QUINTAS DEL SUR</t>
  </si>
  <si>
    <t>SANTA FÉ DE ANTIOQUIA</t>
  </si>
  <si>
    <t>PAPELERÃA Y CACHARRERIA SANTA FE</t>
  </si>
  <si>
    <t>CR 9 # 7 91 BRR SANTA LUCIA</t>
  </si>
  <si>
    <t>CLIP  CLICK PAPELERIA</t>
  </si>
  <si>
    <t>CR 73 A # 48 03 BRR NORMANDIA OCCIDENTAL</t>
  </si>
  <si>
    <t>TRAMITES Y TRANSPORTES</t>
  </si>
  <si>
    <t>CL 44 # 58 34 BRR LA ESMERALDA</t>
  </si>
  <si>
    <t>VARIEDADES EMANUEL</t>
  </si>
  <si>
    <t>CL. 60A SUR #64-98 BOGOTA COLOMBIA</t>
  </si>
  <si>
    <t>DROGUERIA CONFARMA TC</t>
  </si>
  <si>
    <t>CL 159 # 19 35 LOCAL1</t>
  </si>
  <si>
    <t>CL 48 X SUR NO 2 F - 11 PL1</t>
  </si>
  <si>
    <t>INTERRAPIDISIMO KENNEDY CENTRAL</t>
  </si>
  <si>
    <t>CL 41 SUR # 78 B 10 BRR KENNEDY CENTRAL</t>
  </si>
  <si>
    <t>SERVISALUD  J.C</t>
  </si>
  <si>
    <t>CL 162 8B 54</t>
  </si>
  <si>
    <t>E COMUNICACIONES</t>
  </si>
  <si>
    <t>CL 55 SUR # 18 B 15 BRR SAN CARLOS</t>
  </si>
  <si>
    <t>DROGUERIA DIANAR</t>
  </si>
  <si>
    <t>CL. 80 #96-22 BOGOTA COLOMBIA</t>
  </si>
  <si>
    <t>DROGUERIA PUNTO ND</t>
  </si>
  <si>
    <t>AV CRA 1 ESTE 68 C 08 SUR</t>
  </si>
  <si>
    <t>EMPAPELADOS</t>
  </si>
  <si>
    <t>CL 128 C # 95 B 51 BRR SUBA RUBI</t>
  </si>
  <si>
    <t>INTERNET EDWIN</t>
  </si>
  <si>
    <t>CL 31 # 43 C 028 BRR BELLO LA GABRIELA</t>
  </si>
  <si>
    <t>COLPAGOS MAICAO 5</t>
  </si>
  <si>
    <t>CL 16 BIS 1-19 PISO 1 LOCAL 1 BRR ALTO PRADO</t>
  </si>
  <si>
    <t>EXPRESS FLANDES CAPILLA</t>
  </si>
  <si>
    <t>CL 12 # 6 06 BRR CAPILLA</t>
  </si>
  <si>
    <t>PUNTOSERVIS CASIMIRO</t>
  </si>
  <si>
    <t>MZ 20 BRR CASA LOTE B CASIMIRO MAESTRE</t>
  </si>
  <si>
    <t>PUNTOSERVIS FUSAGASUGA</t>
  </si>
  <si>
    <t>CL 24 # 49 A 12 BRR GRAN COLOMBIA</t>
  </si>
  <si>
    <t>OM COMUNICACIONES SION</t>
  </si>
  <si>
    <t>CL 138 # 154 B 21 BRR SUBA SANTA RITA</t>
  </si>
  <si>
    <t>SERVIWEB KAROL Y TECNOLOGIA.</t>
  </si>
  <si>
    <t>AV 8 OESTE # 22 30 BRR TERRON COLORADO</t>
  </si>
  <si>
    <t>SERVI LOCKERS MOTO EXPRESS</t>
  </si>
  <si>
    <t>CL 42 A 29 32</t>
  </si>
  <si>
    <t>VARIEDADES ANDREA</t>
  </si>
  <si>
    <t>CR 6 # 7 01 BRR EL TIPIE</t>
  </si>
  <si>
    <t>COMERCIALIZADORA EL IMPERIO DE URABA</t>
  </si>
  <si>
    <t>CL 103 13 70</t>
  </si>
  <si>
    <t>RESTAURANTE DELICIAS DEL PARQUE</t>
  </si>
  <si>
    <t>CL 9 CRA 9 33 CORREGIMIENTO MESOPOTAMIA</t>
  </si>
  <si>
    <t>MORROA</t>
  </si>
  <si>
    <t>CR 4 NO.8 - 19</t>
  </si>
  <si>
    <t>FASHION STYLES MMM3</t>
  </si>
  <si>
    <t>CL 66 SUR # 11 C 39 - ESTE BRR JUAN REY</t>
  </si>
  <si>
    <t>PAPELERIA MDG</t>
  </si>
  <si>
    <t>AC 90 # 94 D 37 BRR QUIRIGUA</t>
  </si>
  <si>
    <t>INTERRAPIDISIMO SERVINTER</t>
  </si>
  <si>
    <t>CL 139 # 99 B 04 BRR LAS FLORES</t>
  </si>
  <si>
    <t>VARIEDADES NS</t>
  </si>
  <si>
    <t>CR 109 A # 63 A 03 BRR VILLAS DEL DORADO</t>
  </si>
  <si>
    <t>PAPELERIA JJS</t>
  </si>
  <si>
    <t>CR 27 # 14 73 - SUR BRR LA FRAGUA</t>
  </si>
  <si>
    <t>DG 77 A SUR NO 18D-49AP1</t>
  </si>
  <si>
    <t>CAFE INTERNET FR</t>
  </si>
  <si>
    <t>CL 57 # 87 J 21 - SUR / LC 102 BRR ESCOCIA</t>
  </si>
  <si>
    <t>COLPAGOS LORICA 2</t>
  </si>
  <si>
    <t>CL 4 A # 22 5 BRR CASCAJAL</t>
  </si>
  <si>
    <t>MUNDO AL REVES.NET</t>
  </si>
  <si>
    <t>CR 26 M # 49 64 BRR NUEVA FLORESTA</t>
  </si>
  <si>
    <t>PRODYSER.</t>
  </si>
  <si>
    <t>CL 45 # 20 52 BRR PALERMO</t>
  </si>
  <si>
    <t>BENDY PAN</t>
  </si>
  <si>
    <t>CL. 22A #97-1 BOGOT COLOMBIA</t>
  </si>
  <si>
    <t>REDPAGO02</t>
  </si>
  <si>
    <t>CR 17 F # 69 62 BRR LUCERO BAJO</t>
  </si>
  <si>
    <t>COMPERRENQUE</t>
  </si>
  <si>
    <t>CL 26 SUR 89D 0038 BLB 00027</t>
  </si>
  <si>
    <t>TRAVIESITOS</t>
  </si>
  <si>
    <t>CL 65 SUR # 78 04 BRR BOSA ESTACIÃ“N</t>
  </si>
  <si>
    <t>DROGUERIAS FARMADER</t>
  </si>
  <si>
    <t>CRA. 53 #137-39 BOGOTï¿ COLOMBIA</t>
  </si>
  <si>
    <t>CR 30 # 30 66 - SUR / P 1 BRR EDUARDO FREI</t>
  </si>
  <si>
    <t>PAPELERIA Y MISCELANIA D.O</t>
  </si>
  <si>
    <t>DG. 60 SUR #32-28 BOGOT COLOMBIA</t>
  </si>
  <si>
    <t>PAPELERIA ROSYS</t>
  </si>
  <si>
    <t>CL 140 # 112 C 02 BRR PUERTAS DEL SOL</t>
  </si>
  <si>
    <t>CL 24 SUR # 24 F - 09 BRR CENTENARIO</t>
  </si>
  <si>
    <t>EXPRESS BOSA BRR LA ESPERANZA</t>
  </si>
  <si>
    <t>CL 78 SUR # 77 J 11 / IN 39 MZ 2 B BRR BOSA LA ESPERANZA</t>
  </si>
  <si>
    <t>CL 4 # 11 54 BRR CENTRO</t>
  </si>
  <si>
    <t>EMILY.COM DE MAGANGUE</t>
  </si>
  <si>
    <t>CL 16 # 16 40 BRR MONTECATINI</t>
  </si>
  <si>
    <t>WINNERS CAFE INTERNET</t>
  </si>
  <si>
    <t>CL 26 32 06</t>
  </si>
  <si>
    <t>RAPITIENDA MI FORTALEZA</t>
  </si>
  <si>
    <t>CL 32 # 31 A 19 BRR FORTALEZA</t>
  </si>
  <si>
    <t>VARIEDADES STEVEN</t>
  </si>
  <si>
    <t>CRA. 5 #5-49 CALI VALLE DEL CAUCA COLOMBIA</t>
  </si>
  <si>
    <t>DROGUERIA BIEN Y SALUD</t>
  </si>
  <si>
    <t>CRA 85 A # 45 10 LOCAL 200</t>
  </si>
  <si>
    <t>TECNOLOGÃA JG</t>
  </si>
  <si>
    <t>CL 100 # 12 113 BRR CIUDAD DEL CAMPO</t>
  </si>
  <si>
    <t>ZONAZERO</t>
  </si>
  <si>
    <t>CR 39 # 39 73 BRR ANTONIO NARINO</t>
  </si>
  <si>
    <t>ARCOIRIS GUATAP</t>
  </si>
  <si>
    <t>CL 31 # 27 A 21 BRR 4 ESQUINAS</t>
  </si>
  <si>
    <t>LA BODEGA DEL CELULAR II</t>
  </si>
  <si>
    <t>CR 99 # 104 12 BRR ORTIZ</t>
  </si>
  <si>
    <t>PETSHOP PAW PATROL</t>
  </si>
  <si>
    <t>CL 73 D SUR # 80 I 80 BRR BOSA LAURELES</t>
  </si>
  <si>
    <t>DISTRIBUIDORA DE BELLEZA GIMARCHS</t>
  </si>
  <si>
    <t>CARRERA 78 H 51 43 SUR</t>
  </si>
  <si>
    <t>CELESTE PAPELERIA Y EXPRESION SOCIAL</t>
  </si>
  <si>
    <t>CL. 49 SUR #88C-81 BOGOTA COLOMBIA</t>
  </si>
  <si>
    <t>DONDE MARYO</t>
  </si>
  <si>
    <t>DG. 182 #20-90 BOGOTA COLOMBIA</t>
  </si>
  <si>
    <t>TIENDA EL DULCE AMOR</t>
  </si>
  <si>
    <t>KR 121 A NO 63 A - 73</t>
  </si>
  <si>
    <t>DROGUERIA PHARMA GP</t>
  </si>
  <si>
    <t>CR 52 C # 30 09 BRR TEJAR</t>
  </si>
  <si>
    <t>FERRETERIA Y PAPELERIA FERREWYL</t>
  </si>
  <si>
    <t>DG 51 # 54 B 05 BRR VENECIA</t>
  </si>
  <si>
    <t>MINIEXPRESS PALMIRA BRR SANTA RITA</t>
  </si>
  <si>
    <t>CL 11 # 9 25 BRR SANTA RITA</t>
  </si>
  <si>
    <t>CR 6 # 5 A 35 BRR CENTRO</t>
  </si>
  <si>
    <t>EXPRESS ARACATACA BRR AYACUCHO</t>
  </si>
  <si>
    <t>CL 8 A # 8 A 13 BRR AYACUCHO</t>
  </si>
  <si>
    <t>COLPAGOS CAMPO ALEGRE</t>
  </si>
  <si>
    <t>J F VIRTUAL</t>
  </si>
  <si>
    <t>CRA 30 36 05</t>
  </si>
  <si>
    <t>BALOTO SOAT ISA</t>
  </si>
  <si>
    <t>CL 6 26 78</t>
  </si>
  <si>
    <t>SERVICIOS MONACO</t>
  </si>
  <si>
    <t>CR 49 A # 44 98 BRR MANANO RAMOS</t>
  </si>
  <si>
    <t>PUNTOTRAMITES</t>
  </si>
  <si>
    <t>CL 14 # 42 A 32 BRR GUABAL</t>
  </si>
  <si>
    <t>CRA 43 A 6 SUR 15 LOCAL 154</t>
  </si>
  <si>
    <t>AUTOSERVICIOMORAVIA</t>
  </si>
  <si>
    <t>CRA. 57 #82A-35 MEDELLN ANTIOQUIA COLOMBIA</t>
  </si>
  <si>
    <t>DROGUERIA CARLOS HOLGUIN</t>
  </si>
  <si>
    <t>CRA 66 109 A 14</t>
  </si>
  <si>
    <t>MEGANET BOSA</t>
  </si>
  <si>
    <t>CL 65 SUR # 78 L 50 / LC 2 BRR JIMENEZ DE QUESADA</t>
  </si>
  <si>
    <t>DROGUERIA LA ALEMEDA</t>
  </si>
  <si>
    <t>CR 78 K # 73 B 78 - SUR / LC 14 BRR ALAMEDA</t>
  </si>
  <si>
    <t>LEVITEL COMUNICACION</t>
  </si>
  <si>
    <t>TELEFONIA HAMILTON</t>
  </si>
  <si>
    <t>CR 27 B # 71 K 21 BRR EL MIRADOR</t>
  </si>
  <si>
    <t>DROGUERIA UNIFAMILIAR 2</t>
  </si>
  <si>
    <t>CL 157 A 98 A 53</t>
  </si>
  <si>
    <t>PAPELERIA Y CACHARRERIA DON QUIJOTE</t>
  </si>
  <si>
    <t>PUNTOSERVIS MADRID 1</t>
  </si>
  <si>
    <t>CL 13 # 05 20 / P 1 BRR CENTRO</t>
  </si>
  <si>
    <t>PAPELERIA MISCELANEA IRIZO</t>
  </si>
  <si>
    <t>CL 10 # 7 A 26 / LC 1 D BRR CIUDAD DE LOS PUERTOS MOSQUERACL (PAPELERIA MISCELANEA IRIZT )</t>
  </si>
  <si>
    <t>EL CAIRO</t>
  </si>
  <si>
    <t>DROGUERIA DEL COMERCIO</t>
  </si>
  <si>
    <t>CL. 6 #5-19 EL CAIRO VALLE DEL CAUCA COLOMBIA</t>
  </si>
  <si>
    <t>THIAGO COMUNICACIONES</t>
  </si>
  <si>
    <t>CR 4 C NORTE # 52 A 01 / CC UNICO LC 274 BRR SALOMIA</t>
  </si>
  <si>
    <t>YURANY FENANDA APONTE- ASESORIA FINANCIERA</t>
  </si>
  <si>
    <t>CR 19 D # 97 01 - SUR / TO 1 AP 104 CONJ HUERTAS DE SOACHA II BRR HOGARES DE SOACHA</t>
  </si>
  <si>
    <t>COMERCIALIZADORA VARQUI</t>
  </si>
  <si>
    <t>CR 78 K # 65 G 17 - SUR BRR JIMENEZ DE QUESADA</t>
  </si>
  <si>
    <t>MARVIN JM</t>
  </si>
  <si>
    <t>CRA. 8D #189 BOGOTA COLOMBIA</t>
  </si>
  <si>
    <t>COMUNICACIONES ARG2</t>
  </si>
  <si>
    <t>CR 88 C BIS # 74 47 BRR VILLAS DEL PROGRESO</t>
  </si>
  <si>
    <t>PAPELERIA NICO Y ALE</t>
  </si>
  <si>
    <t>CL 6 A # 89 - 47 L 4</t>
  </si>
  <si>
    <t>CENTRO 13</t>
  </si>
  <si>
    <t>CL 13 # 22 44 BRR HELECHOS</t>
  </si>
  <si>
    <t>AG DROGUERIA ISAZA</t>
  </si>
  <si>
    <t>AV 11 # 6 67 BRR TORCOROMA</t>
  </si>
  <si>
    <t>PLUS AIPE</t>
  </si>
  <si>
    <t>CR 5 # 5 31 BRR AIPE</t>
  </si>
  <si>
    <t>G INTERCOMUNICACIONES</t>
  </si>
  <si>
    <t>CL 4 # 8 32 BRR CENTRO</t>
  </si>
  <si>
    <t>TIENDA EL CIRCULO DE VIDA</t>
  </si>
  <si>
    <t>CL 21 A # 16 B 18 BRR EL REMANZO MOSQUERA</t>
  </si>
  <si>
    <t>TRAMITES SERVITRANS</t>
  </si>
  <si>
    <t>TV 14 # 4 25 BRR EL ROSARIO</t>
  </si>
  <si>
    <t>SOLUCION GLOBAL CALI</t>
  </si>
  <si>
    <t>CR 1 61 A-30 LC 51</t>
  </si>
  <si>
    <t>LAVANDERIA BENI</t>
  </si>
  <si>
    <t>CRA. 100 #156B-37 BOGOTA COLOMBIA</t>
  </si>
  <si>
    <t xml:space="preserve">DROGUERIA Y MISCELANEA ECONOMAX </t>
  </si>
  <si>
    <t>CRA. 69B #77-14 BOGOTA COLOMBIA</t>
  </si>
  <si>
    <t>VARIEDADES TYNO</t>
  </si>
  <si>
    <t>CR 28 # 75 A 20 BRR SANTA SOFIA</t>
  </si>
  <si>
    <t>CAMERD</t>
  </si>
  <si>
    <t>CL 64 SUR NO 70 G 37 AP 2</t>
  </si>
  <si>
    <t>SERVIDROGAS LA RIVIERA</t>
  </si>
  <si>
    <t>CL 70 C 112 71</t>
  </si>
  <si>
    <t>FASTCOPIES</t>
  </si>
  <si>
    <t>CL 7 # 32 15 / LC 102 BRR SAN MARTIN</t>
  </si>
  <si>
    <t>PAALERA</t>
  </si>
  <si>
    <t>CL. 45 SUR #78L-20 BOGOT COLOMBIA</t>
  </si>
  <si>
    <t>CORRESPONSAL</t>
  </si>
  <si>
    <t>CL 10 C # 13 - 02 SUR BRR COMPARTIR</t>
  </si>
  <si>
    <t>COLPAGOS LA CASTELLANA 3</t>
  </si>
  <si>
    <t>CR 6 # 62 50 / P 1 LOCAL 20 BRR LOS ALCAZARES</t>
  </si>
  <si>
    <t>SPEAK  CHAT</t>
  </si>
  <si>
    <t>CRA 11 13 16</t>
  </si>
  <si>
    <t>YAZCONNECTION .COM</t>
  </si>
  <si>
    <t>CRA. 50 #5-66 CALI VALLE DEL CAUCA COLOMBIA</t>
  </si>
  <si>
    <t>CENTRAL PHONE CALI</t>
  </si>
  <si>
    <t>CRA 7 10 14</t>
  </si>
  <si>
    <t>DROGUERIA SAN ANDRESITO ANGANOY</t>
  </si>
  <si>
    <t>CRA 37 NO 7 15</t>
  </si>
  <si>
    <t>PHARMADROG</t>
  </si>
  <si>
    <t>CL. 86 SUR #78-75 BOGOTA COLOMBIA</t>
  </si>
  <si>
    <t>MANI TIENDA DE TECNOLOGIA</t>
  </si>
  <si>
    <t>CL. 56F SUR #91C-19 BOGOTA COLOMBIA</t>
  </si>
  <si>
    <t>CIGARRERIA DONA CHAVA</t>
  </si>
  <si>
    <t>CL 49 H # 9 - 66 SUR</t>
  </si>
  <si>
    <t>SUPERDROGUERIA LA FRAGUITA</t>
  </si>
  <si>
    <t>CL 7 SUR 24 B 14 LC 01</t>
  </si>
  <si>
    <t>FRESKY FRUTAS</t>
  </si>
  <si>
    <t>CL 54 SUR # 12 B - 49 BRR TUNJUELITO</t>
  </si>
  <si>
    <t>MINIEXPRESS PUERTO GAITAN CRA 11</t>
  </si>
  <si>
    <t>CR 11 # 08 08 BRR BARRIO CENTRO</t>
  </si>
  <si>
    <t>PUNTOSERVIS BOGOTA 18</t>
  </si>
  <si>
    <t>CR 94 # 61 A 09 BRR BOSA ATALAYAS</t>
  </si>
  <si>
    <t>PUNTOSERVIS SARAVENA</t>
  </si>
  <si>
    <t>CR 20 # 20 04 BRR JOSE VICENTE</t>
  </si>
  <si>
    <t>EXPRESS LA PLATA PAEZ</t>
  </si>
  <si>
    <t>CL 6 # 6 09 BRR PAEZ</t>
  </si>
  <si>
    <t>YACUANQUER</t>
  </si>
  <si>
    <t>M  E</t>
  </si>
  <si>
    <t>CA 77 DIV 1 BRR LAS MERCEDES</t>
  </si>
  <si>
    <t>MULTISERVICIOS Y JUEGOS</t>
  </si>
  <si>
    <t>CL 10 4 13 L 2</t>
  </si>
  <si>
    <t>TIENDA EL CASTILLO</t>
  </si>
  <si>
    <t>31 #2-50 PRADERA VALLE DEL CAUCA COLOMBIA</t>
  </si>
  <si>
    <t>LA RAMADA 58</t>
  </si>
  <si>
    <t>CL 58 7 86</t>
  </si>
  <si>
    <t>CR 5 # 4 45 / AP 1 BRR CENTRO</t>
  </si>
  <si>
    <t>PAGOS JUANMA</t>
  </si>
  <si>
    <t>CL 57 B SUR # 85 20 BRR VILLA CLEMENCIA</t>
  </si>
  <si>
    <t>COMUNICCIONES BOGOTA JUAN PABLO II</t>
  </si>
  <si>
    <t>CL 67 A SUR # 18 P 26 BRR JUAN PABLO II</t>
  </si>
  <si>
    <t>CAPI CENTRO 1 ASESORIAS</t>
  </si>
  <si>
    <t>CL 45 SUR # 72 Q 52 BRR SANTA CATALINA</t>
  </si>
  <si>
    <t>FERREELECTRICOS ZAFRA</t>
  </si>
  <si>
    <t>CL 16 D BIS A # 97 11 BRR FONTIBON</t>
  </si>
  <si>
    <t>GALAGA</t>
  </si>
  <si>
    <t>CL 67 SUR # 20 F 35 BRR SAN FRANCISCO</t>
  </si>
  <si>
    <t>CL 2 # 68 F - 20 BRR LA IGUALDAD</t>
  </si>
  <si>
    <t>MUDO NITIDO</t>
  </si>
  <si>
    <t>CR 35 # 36 06 BRR BARZAL BAJO</t>
  </si>
  <si>
    <t>VANIDADES COLLECTIONS</t>
  </si>
  <si>
    <t>CL. 72 #99A-9 BOGOT COLOMBIA</t>
  </si>
  <si>
    <t>PAPELERA Y VARIEDADES KOEVESDY</t>
  </si>
  <si>
    <t>TV 113 F # 64 D 20 BRR VILLA GLADYS</t>
  </si>
  <si>
    <t>COMUNICACIONES Y CCIGARRERIA CYBER ROCHY</t>
  </si>
  <si>
    <t>CR 148 B # 143 A 24 / P 2 BRR TIBABUYES OCCIDENTAL</t>
  </si>
  <si>
    <t>SOLUCIONES BERLIN</t>
  </si>
  <si>
    <t>CL 139 # 136 A 11 BRR SUBA BERLIN</t>
  </si>
  <si>
    <t>ANGELCOM SERVICIOS INTEGRALES</t>
  </si>
  <si>
    <t>CARRERA 29 # 68D 47 SUR</t>
  </si>
  <si>
    <t>MISCELANEA Y PAPELERIA EL CAPORAL</t>
  </si>
  <si>
    <t>CL 56 A # 78 K 07 - SUR BRR ROMA</t>
  </si>
  <si>
    <t>COMUNICACIONES VADY</t>
  </si>
  <si>
    <t>CARRERA 7 ESTE 36 K 36 SUR</t>
  </si>
  <si>
    <t>MR BLUE</t>
  </si>
  <si>
    <t>CL 91 SUR # 1 D 04 - ESTE BRR EL PROGRESO USME</t>
  </si>
  <si>
    <t>BLISS COPY</t>
  </si>
  <si>
    <t>CRA. 95A #136-95 BOGOT COLOMBIA</t>
  </si>
  <si>
    <t>EXPRESS SUBA LISBOA PASAJE SAN PEDRO</t>
  </si>
  <si>
    <t>CL 134 A # 150 A 07 BRR LISBOA PASAJE SAN PEDRO</t>
  </si>
  <si>
    <t>COLPAGOS LORICA 3</t>
  </si>
  <si>
    <t>CR 2 CALLE 2 48 BRR LAS FLORES</t>
  </si>
  <si>
    <t>RAPITIENDA LOS FAJARDO</t>
  </si>
  <si>
    <t>CRA 24 12C 5</t>
  </si>
  <si>
    <t>SISPRINTS</t>
  </si>
  <si>
    <t>CR 26 K 87-24</t>
  </si>
  <si>
    <t>DROGUERIA VILLA DEL LAGO</t>
  </si>
  <si>
    <t>CR 25 C 72 E-81</t>
  </si>
  <si>
    <t>DILIA GABRIELA DIAZ ERAZO</t>
  </si>
  <si>
    <t>CALLE 72A # 3 - 122</t>
  </si>
  <si>
    <t>DROGUERIA NUEVA IMAGUEN #3</t>
  </si>
  <si>
    <t>CRA 50 B 104 B 11</t>
  </si>
  <si>
    <t>MINIMARKET LA 96</t>
  </si>
  <si>
    <t>CRA. 4 #18-50 BOGOTA COLOMBIA</t>
  </si>
  <si>
    <t>SERTEC JL</t>
  </si>
  <si>
    <t>CRA 110 # 68 B - 57</t>
  </si>
  <si>
    <t>SERVICADE</t>
  </si>
  <si>
    <t>CR 87 C # 68 A 19 - SUR BRR LA CONCEPCION</t>
  </si>
  <si>
    <t>TOTONET</t>
  </si>
  <si>
    <t>CRA. 80M #74D SUR-2 BOGOTï¿ COLOMBIA</t>
  </si>
  <si>
    <t>DROGAS CENTAUROS UNO A</t>
  </si>
  <si>
    <t>CRA. 103A #20-28 BOGOTA COLOMBIA</t>
  </si>
  <si>
    <t>DROGUERIA GAVIOTAS A T</t>
  </si>
  <si>
    <t>DG 48 SUR ESTE # 15 A 73 ESTE</t>
  </si>
  <si>
    <t>MERCA YA GG</t>
  </si>
  <si>
    <t>CL 4 SUR # 03 49 - ESTE BRR LA ROCA</t>
  </si>
  <si>
    <t>DROGUERIA SURTIFAM RUBI</t>
  </si>
  <si>
    <t>TV 94 # 128 B 68 BRR RINCON</t>
  </si>
  <si>
    <t>AGENCIA TIBU</t>
  </si>
  <si>
    <t>CR 4 N # 6 28 BRR EL CARMEN</t>
  </si>
  <si>
    <t>PUNTOSERVIS BOGOTA 20</t>
  </si>
  <si>
    <t>CL 18 # 77 51 / LC 140 BRR CENTRO COMERCIAL MERIDIANO</t>
  </si>
  <si>
    <t>EVENTY VIAJES</t>
  </si>
  <si>
    <t>CL 14 # 5 18 / CC FORTUNA BRR CENTRO SAN PEDRO</t>
  </si>
  <si>
    <t>SERVIK 30</t>
  </si>
  <si>
    <t>CRAM 30 VIA AL CARMEN DE DAGUA</t>
  </si>
  <si>
    <t>WELLIFE TIENDA DEPORTIVA</t>
  </si>
  <si>
    <t>CL 10 # 19 28 BRR PUERTO NUEVO</t>
  </si>
  <si>
    <t>MULTISERVICIOS JOSHUA</t>
  </si>
  <si>
    <t>CL 50 28B 22</t>
  </si>
  <si>
    <t>DROGUERIA DE MI BARRIO 12 DE OCTUBRE</t>
  </si>
  <si>
    <t>CL 102 A 77 B 66</t>
  </si>
  <si>
    <t>DROGUERIA MASTER</t>
  </si>
  <si>
    <t>CL 19 #70A-34 MEDELLIN BELEN MEDELLIN ANTIOQUIA COLOMBIA</t>
  </si>
  <si>
    <t>DROGUERIA NUEVA FLOR</t>
  </si>
  <si>
    <t>CL 8 SUR 32 A 04 LOCAL 1</t>
  </si>
  <si>
    <t>PAPELERA MULTISERVICIOS JIREH</t>
  </si>
  <si>
    <t>CR 45 # 73 B 13 - SUR BRR LAS BRISAS</t>
  </si>
  <si>
    <t>SOLUCIONES GIO</t>
  </si>
  <si>
    <t>CL 139 # 103 F 69 / LC 6 BRR COSTA AZUL</t>
  </si>
  <si>
    <t>ANAMA GIROS Y ENCOMIENDAS 2</t>
  </si>
  <si>
    <t>KR 7 NO 2 92</t>
  </si>
  <si>
    <t>PAPELERIA Y MISCELANEA MAC</t>
  </si>
  <si>
    <t>CL 27 A SUR # 5 14 - ESTE BRR SAN PEDRO</t>
  </si>
  <si>
    <t>PAPELERIA NICOLLE</t>
  </si>
  <si>
    <t>CL 64 # 121 37 BRR ENGATIVA</t>
  </si>
  <si>
    <t>LA FARMACIA COLISEO</t>
  </si>
  <si>
    <t>AVE CRA 30 #53A-1 BOGOTA COLOMBIA</t>
  </si>
  <si>
    <t>TIENDA DANYS</t>
  </si>
  <si>
    <t>TRANSVERSAL 14 ESTE #57 SUR-66 BOGOT COLOMBIA</t>
  </si>
  <si>
    <t>SIN LIMITES Y MAS</t>
  </si>
  <si>
    <t>CR 14 B # 136 A 49 - SUR BRR BUENA VISTA DOS</t>
  </si>
  <si>
    <t>PUNTOSERVIS BOGOTA 13</t>
  </si>
  <si>
    <t>CR 11 E # 43 05 - SUR BRR CENTRO</t>
  </si>
  <si>
    <t>PUNTOSERVIS BOGOTA 28</t>
  </si>
  <si>
    <t>DG 39 # 72 D 31 - SUR BRR BOMBAY</t>
  </si>
  <si>
    <t>CR 7 # 8 16 BRR CENTRO LAS PALMAS</t>
  </si>
  <si>
    <t>TRAMITES Y ASESORIAS FERNANDEZ</t>
  </si>
  <si>
    <t>CR 14 18 6 P FUNDADORES CAICEDONIA VALLE DEL CAUCA</t>
  </si>
  <si>
    <t>ZETA STORE</t>
  </si>
  <si>
    <t>CRA. 36 #9698 PALMIRA VALLE DEL CAUCA COLOMBIA</t>
  </si>
  <si>
    <t>MERK MAX KRA 30</t>
  </si>
  <si>
    <t>CRA 30 95 131</t>
  </si>
  <si>
    <t>REMEDIOS</t>
  </si>
  <si>
    <t>TELCEL COMUNICACIONES</t>
  </si>
  <si>
    <t>CL CENTRO</t>
  </si>
  <si>
    <t>CANALETE</t>
  </si>
  <si>
    <t>CL 2 # 1 16</t>
  </si>
  <si>
    <t>HABLATELCOMUNICACIONES</t>
  </si>
  <si>
    <t>CL 135 B # 126 08 BRR LA GAITANA</t>
  </si>
  <si>
    <t>DROGUERIA KAFARMA</t>
  </si>
  <si>
    <t>CL 57 SUR 86 F 61 PISO 1</t>
  </si>
  <si>
    <t>LUMA DROGAS TIMIZA</t>
  </si>
  <si>
    <t>CRA 74 40 20 SUR</t>
  </si>
  <si>
    <t>DROGUERIA CONDER</t>
  </si>
  <si>
    <t>CRA 88 D NO 6 A 95</t>
  </si>
  <si>
    <t>MODA Y COMUNICACIONES H2O</t>
  </si>
  <si>
    <t>CL 157 A # 98 A 53 BRR SALITRE SUBA</t>
  </si>
  <si>
    <t>CYBER MATE</t>
  </si>
  <si>
    <t>CR 64 SUR # 65 19 BRR ISLA DEL SOL</t>
  </si>
  <si>
    <t>DROGUERIA GAVIZ</t>
  </si>
  <si>
    <t>CL 176 52 28</t>
  </si>
  <si>
    <t>CENTRAL PHARMA JS</t>
  </si>
  <si>
    <t>KR 991 B NO 57 SUR = 40 LC 1</t>
  </si>
  <si>
    <t>CLKZADO FRANKINI</t>
  </si>
  <si>
    <t>CL. 69F SUR #2A-46 BOGOTï¿ COLOMBIA</t>
  </si>
  <si>
    <t>TIENDA JSK</t>
  </si>
  <si>
    <t>CL 117 A SUR # 1 25 - ESTE BRR EL UVAL</t>
  </si>
  <si>
    <t>PAPELERIA INKNOVACION 1</t>
  </si>
  <si>
    <t>CRA 52 A NO 22 69 SUR INT 29 MZ 25</t>
  </si>
  <si>
    <t>DANIEL RICARDO ROBAYO ABELLA</t>
  </si>
  <si>
    <t>PREMIUM PASTO</t>
  </si>
  <si>
    <t>CL 20 A # 2 29 BRR PASTO</t>
  </si>
  <si>
    <t>MULTIEXPRESS MONTERIA</t>
  </si>
  <si>
    <t>MZ 24 LOTE 21 BRR RANCHO GRANDE</t>
  </si>
  <si>
    <t>FANTASTY WOLD</t>
  </si>
  <si>
    <t>CRA. 8 #19-2 CUMBAL NARIO COLOMBIA</t>
  </si>
  <si>
    <t>ONE EASY STOP ENVIOS Y RECAUDOS</t>
  </si>
  <si>
    <t>CL 56 2 75</t>
  </si>
  <si>
    <t>INNOVA STORE</t>
  </si>
  <si>
    <t>CL. 13D #65-26 CALI VALLE DEL CAUCA COLOMBIA</t>
  </si>
  <si>
    <t>CONECTATE BOGOTA</t>
  </si>
  <si>
    <t>AC 68 NO 60 77 LC 2</t>
  </si>
  <si>
    <t>DROGUERIA SEVICOOP NO 4</t>
  </si>
  <si>
    <t>CL. 7C BIS #73B-18 BOGOTA COLOMBIA</t>
  </si>
  <si>
    <t>COLPAR.NET</t>
  </si>
  <si>
    <t>CR 52 # 44 F 06 / LC 1 BRR TEUSAQUILLO</t>
  </si>
  <si>
    <t>SUPER EXITO DE DROGAS ALVAREZ</t>
  </si>
  <si>
    <t>CL 67 # 115 05 / P 1 BRR ENGATIVA</t>
  </si>
  <si>
    <t>EMBAJADOR</t>
  </si>
  <si>
    <t>CR 147 A # 143 A 32 BRR BILBAO</t>
  </si>
  <si>
    <t>PAPELERIA PAO</t>
  </si>
  <si>
    <t>CL 123 A # 47 24 BRR SUBA GAITAN</t>
  </si>
  <si>
    <t>CR 7 C # 35 - 03 SUR BRR SAN NICOLAS</t>
  </si>
  <si>
    <t>GRANERO PINOLINDA</t>
  </si>
  <si>
    <t>CL 28 B # 9 15 BRR PINOLINDA</t>
  </si>
  <si>
    <t>PUNTOSERVIS SANTA ROSA DEL SUR 01</t>
  </si>
  <si>
    <t>CL 11 # 13 06 / P 1 LC 1 BRR CENTRO</t>
  </si>
  <si>
    <t>PUNTOSERVIS BARBOSA 1</t>
  </si>
  <si>
    <t>CR 9 # 14 9 / LC 104 P 1 BRR CC LUISITA</t>
  </si>
  <si>
    <t>PUNTOSERVIS VALLDUPAR 13</t>
  </si>
  <si>
    <t>CL 11 A # 21 A 54 BRR CESAR</t>
  </si>
  <si>
    <t>EL RINCON DE JORGE #2</t>
  </si>
  <si>
    <t>CL 8 # 6 56 BRR CENTRO</t>
  </si>
  <si>
    <t>COMUNICACIONES EN CHACHAGUI</t>
  </si>
  <si>
    <t>CR 9 BAHIA LASSOS LC 3 BRR PANAMERICANO</t>
  </si>
  <si>
    <t>PAPERLINK</t>
  </si>
  <si>
    <t>CR 105 # 64 A 17 BRR EL MUELLE</t>
  </si>
  <si>
    <t>DROGUERIA SERVICOOP DEL SUR NO 3</t>
  </si>
  <si>
    <t>CL 58 A SUR 88 F 24</t>
  </si>
  <si>
    <t>PRONTO SERVICIO</t>
  </si>
  <si>
    <t>CL 64 # 121 06 BRR ENGATIVA CENTRO</t>
  </si>
  <si>
    <t>GROUP LOGISTIC</t>
  </si>
  <si>
    <t>CR 52 C # 38 A 28 - SUR BRR ALQUERIA</t>
  </si>
  <si>
    <t>LICORERIA Y TELECOMUNICACIONES TIFFANY.J</t>
  </si>
  <si>
    <t>CR 38 # 62 34 - SUR BRR CANDELARIA LA NUEVA</t>
  </si>
  <si>
    <t>TODO EN IMPRESIÃ“N TRAZARQ</t>
  </si>
  <si>
    <t>CRA. 74 #7F-32 BOGOT COLOMBIA</t>
  </si>
  <si>
    <t>JUGUETES Y PAPELES SANTI Y CAMI</t>
  </si>
  <si>
    <t>CL 2 #91C-85 BOGOT COLOMBIA</t>
  </si>
  <si>
    <t>MISCELANEA CAFE INTERNET LORE.NET</t>
  </si>
  <si>
    <t>TV. 88B #72 SUR-23 BOGOT COLOMBIA</t>
  </si>
  <si>
    <t>FARMA SALUD</t>
  </si>
  <si>
    <t>CL 73 # 80 69 BRR GRAN COLOMBIANO</t>
  </si>
  <si>
    <t>LA GRAN EXPANSION</t>
  </si>
  <si>
    <t>CR 121 # 70 15 BRR ENGATIVA</t>
  </si>
  <si>
    <t>ARQUIMEDE S BULEVAR</t>
  </si>
  <si>
    <t>AV CRA 58 # 127-59 LOCAL 147</t>
  </si>
  <si>
    <t>DROGAS EDIFARMA</t>
  </si>
  <si>
    <t>CL 6 A 89 86 LC 101</t>
  </si>
  <si>
    <t>COLPAGOS MERCASUR</t>
  </si>
  <si>
    <t>CL 13 #0008B-070 APTO 101 BRR BUENAVISTA</t>
  </si>
  <si>
    <t>PUNTOSERVIS SAN ALBERTO CESAR</t>
  </si>
  <si>
    <t>CL 3 # 2 73 BRR CENTRO BAJADA LA PALMA</t>
  </si>
  <si>
    <t>DROGUERIA LA 30</t>
  </si>
  <si>
    <t>CL 50 52 04</t>
  </si>
  <si>
    <t>DROGUERIA YEIMY A</t>
  </si>
  <si>
    <t>CL 78 SUR 9 A 29</t>
  </si>
  <si>
    <t>DISTRIBUIDORA LIFESTYLES</t>
  </si>
  <si>
    <t>CL 29 SUR # 3 A 68 - ESTE BRR SANTA INES</t>
  </si>
  <si>
    <t>ALO.COM.</t>
  </si>
  <si>
    <t>CR 80 B # 7 A 39 BRR CIUDAD TECHO II</t>
  </si>
  <si>
    <t>KALMAN PAPELERIA</t>
  </si>
  <si>
    <t>CL 22 J # 114 46 BRR VERSALLES</t>
  </si>
  <si>
    <t>PAPELERIA SULLIVAN.NET</t>
  </si>
  <si>
    <t>CL. 94B SUR #0 ESTE-30 BOGOT COLOMBIA</t>
  </si>
  <si>
    <t>PAPELERIA EL LAPIZ ROJO</t>
  </si>
  <si>
    <t>CL 19 A # 91 05 / LC 12 BRR EL TINTAL</t>
  </si>
  <si>
    <t>JUANPIS</t>
  </si>
  <si>
    <t>CL. 68A SUR #80N-35 BOGOTA COLOMBIA</t>
  </si>
  <si>
    <t>TELECCOMUNICACIONES Y SERVICIOS HARGLO</t>
  </si>
  <si>
    <t>TV 13 G # 45 D 22 - SUR BRR MARCO FIDEL</t>
  </si>
  <si>
    <t>PHARMACOLOMBIA PUENTE ARANDA</t>
  </si>
  <si>
    <t>CL 15 55 27</t>
  </si>
  <si>
    <t>DROGUERIA PARA LA COMUNIDAD</t>
  </si>
  <si>
    <t>CL 69 SUR NO 72 B 19</t>
  </si>
  <si>
    <t>MILDRECK RAMIREZ</t>
  </si>
  <si>
    <t>CL 63 G # 27 A 18 BRR SIETE DE AGOSTO</t>
  </si>
  <si>
    <t>CL 63 SUR # 10 B - 87 ESTE BRR LA BELLEZA</t>
  </si>
  <si>
    <t>COLPAGOS LOS CORDOBAS</t>
  </si>
  <si>
    <t>CL 8C KR 5A-44 BRR LOS CORDOBAS</t>
  </si>
  <si>
    <t>PUNTOSERVIS VILLA DEL ROSARIO1</t>
  </si>
  <si>
    <t>CL 8 # 6 94 / LC 2 BRR EL CENTRO</t>
  </si>
  <si>
    <t>VARIEDADES Y NOVEDADES JU-LO-BA</t>
  </si>
  <si>
    <t>CR 11 A # 7 25 BRR CENTRAL</t>
  </si>
  <si>
    <t>EXPRESS ARACATACA BRR 7 DE ABRIL</t>
  </si>
  <si>
    <t>CL 1 E # 3 64 BRR 7 DE ABRIL</t>
  </si>
  <si>
    <t>COMUNICACIONES LA 24 BUGA</t>
  </si>
  <si>
    <t>CRA 24 13 A 07 LC 2</t>
  </si>
  <si>
    <t>DROGUERIA JOSE MARIA CORDOBA 2</t>
  </si>
  <si>
    <t>CL. 3 #3-28 Cï¿“RDOBA NARIï¿‘O COLOMBIA</t>
  </si>
  <si>
    <t>HELICONIA</t>
  </si>
  <si>
    <t>HELICAFE</t>
  </si>
  <si>
    <t>CRA 20 20 32 L 203</t>
  </si>
  <si>
    <t>DORADA M  L</t>
  </si>
  <si>
    <t>CL. 73C SUR #45C-2 BOGOT COLOMBIA</t>
  </si>
  <si>
    <t>DROGUERIA IPHARMA</t>
  </si>
  <si>
    <t>CR 2 ESTE # 6 23 - SUR BRR BUENOS AIRES</t>
  </si>
  <si>
    <t>CIGARRERï¿­A Y DULCES AQUE LOS MARACUCHOS</t>
  </si>
  <si>
    <t>CRA. 68D #0-12 BOGOTï¿ COLOMBIA</t>
  </si>
  <si>
    <t xml:space="preserve">CORREOS NACIONALES </t>
  </si>
  <si>
    <t>CRA. 19 #12-76 BOGOTA COLOMBIA</t>
  </si>
  <si>
    <t>MINIMARKETDIANA</t>
  </si>
  <si>
    <t>CL 26 B SUR # 12 I 79 BRR SAN JOSE</t>
  </si>
  <si>
    <t>MYMSYSTEM</t>
  </si>
  <si>
    <t>CL 56 SUR # 4 A 12 BRR DANUBIO</t>
  </si>
  <si>
    <t>DULCES MOMENTOS</t>
  </si>
  <si>
    <t>CR 98 B # 26 06 - SUR / CA 162 BRR BOSA EL RECREO</t>
  </si>
  <si>
    <t>JF 2 PHARMA</t>
  </si>
  <si>
    <t>AV CRA 50 4 A 70</t>
  </si>
  <si>
    <t>CR 13 # 63 21 / LC 103 BRR CHAPINERO</t>
  </si>
  <si>
    <t>PUNTO DE SERVICIOS  09 CM S.A.S.</t>
  </si>
  <si>
    <t>DG 28 C # 40 A 21 BRR BARRIO CIUDAD MODELO</t>
  </si>
  <si>
    <t>A GRADO CALIMIO DECEPAZ</t>
  </si>
  <si>
    <t>CR 26 L # 122 75 BRR CALIMIO DECEPAZ</t>
  </si>
  <si>
    <t>DIANA COMUNICACIONES</t>
  </si>
  <si>
    <t>CARRERA 9 NO 9-7 A LAS CAMIAS</t>
  </si>
  <si>
    <t>SMART TECNOLOGIA</t>
  </si>
  <si>
    <t>KR 81F 8A 46</t>
  </si>
  <si>
    <t>MISCELANEA STEVEN</t>
  </si>
  <si>
    <t>CL 26 SUR # 72 C 38 BRR KENNEDY CERVANTES</t>
  </si>
  <si>
    <t>BAG SECURITY</t>
  </si>
  <si>
    <t>CL 26 # 113 10 / P 3 LC STAND PUERTA 8 HALL PRINCIPAL AEROPUERTO INTERNACIONAL BOGOTA BRR AV EL DORADO</t>
  </si>
  <si>
    <t>MICECILANEA</t>
  </si>
  <si>
    <t>KR 101 NO 147 21 LC 206</t>
  </si>
  <si>
    <t>INTER RAPIDSIMO</t>
  </si>
  <si>
    <t>CR 39 # 18 20 - SUR BRR REMANSO SUR</t>
  </si>
  <si>
    <t>CR 87 D # 48 03 - SUR BRR PARQUES DE SAN RAFAEL</t>
  </si>
  <si>
    <t>ANAHATA VARIEDADES Y ACCESORIOS</t>
  </si>
  <si>
    <t>CIGARRERIA SARAY</t>
  </si>
  <si>
    <t>CR 5 K # 48 Y 32 - SUR BRR MARRUECOS</t>
  </si>
  <si>
    <t>EXPRESS MORROA BRR PALITO</t>
  </si>
  <si>
    <t>CR 4 # 8 29 / AP 2 BRR PALITO</t>
  </si>
  <si>
    <t>PREMIUM BARRIO JAQUELINE</t>
  </si>
  <si>
    <t>CR 77 # 47 A 10 - SUR BRR JAQUELINE</t>
  </si>
  <si>
    <t>COLPAGOS NEB LA GRANJA</t>
  </si>
  <si>
    <t>TV 15 # 22 05 BRR LA GRANJA</t>
  </si>
  <si>
    <t>MISCELANEA Y PAPELERIA LA OCASION</t>
  </si>
  <si>
    <t>CR 58 A # 167 58 / LC 25 BRR PORTALES DEL NORTE</t>
  </si>
  <si>
    <t>COLPAGOS SAN JUAN</t>
  </si>
  <si>
    <t>CL 22 # 1 22 BRR EL CENTRO</t>
  </si>
  <si>
    <t>COLPAGOS LA GRANJA 4</t>
  </si>
  <si>
    <t>TV 7 # 3 36 BRR LA GRANJA</t>
  </si>
  <si>
    <t>SIETE COPIAS</t>
  </si>
  <si>
    <t>DG 13 72 25</t>
  </si>
  <si>
    <t>SERVIPAGOS LA 97</t>
  </si>
  <si>
    <t>CRA 26E1 94 116</t>
  </si>
  <si>
    <t>LAS TRES JOTAS DE SANDRA 1605</t>
  </si>
  <si>
    <t>CR 60 CL 74 SUR</t>
  </si>
  <si>
    <t>PUEBLORRICO</t>
  </si>
  <si>
    <t>NUEVA DROGUERIA ECONOMICA</t>
  </si>
  <si>
    <t>Carrera 58 #42-125 Edificio Inteligente</t>
  </si>
  <si>
    <t>CR 13 # 14 13</t>
  </si>
  <si>
    <t>MULTISERVICIOS EL BOSQUE</t>
  </si>
  <si>
    <t>CL 63 C # 60 P 14 BRR BOSQUE POPULAR</t>
  </si>
  <si>
    <t>DROGUERA PUERTAS DEL SOL JD</t>
  </si>
  <si>
    <t>CR 114 # 139 A 10 BRR PUERTA DEL SOL</t>
  </si>
  <si>
    <t>COLOMBIA EN LNEA 53</t>
  </si>
  <si>
    <t>CR 71 C # 53 20 BRR NORMANDIA</t>
  </si>
  <si>
    <t>VARIEDADES 2 PIPELIN</t>
  </si>
  <si>
    <t>CL 64 B SUR # 17 B 65 BRR LUCERO BAJO</t>
  </si>
  <si>
    <t>AGENCIA TRAVELSAI</t>
  </si>
  <si>
    <t>CL. 80 #80A-19 BOGOTA COLOMBIA</t>
  </si>
  <si>
    <t>AJ COMUNICACIONES RED</t>
  </si>
  <si>
    <t>CL 65 # 63 03 BRR ISLA DEL SOL</t>
  </si>
  <si>
    <t>SUPERCOORATIENDAS 544</t>
  </si>
  <si>
    <t>CRA 11 # 27-28 SUR</t>
  </si>
  <si>
    <t>DROGUERIA Y MINIMARKET PANAMA</t>
  </si>
  <si>
    <t>AK 45 # 183 A 32 / IN 4 BRR EL VERVENAL</t>
  </si>
  <si>
    <t>DG 71 B 18 J 07 SUR</t>
  </si>
  <si>
    <t>PUNTOSERVIS BOGOTA 41</t>
  </si>
  <si>
    <t>CR 58 # 17 A 33 / LC 4 BRR MILENTA</t>
  </si>
  <si>
    <t>PONEDERA</t>
  </si>
  <si>
    <t>EXPRESS PONEDERA BRR CENTRO</t>
  </si>
  <si>
    <t>CL 17 # 14 B 36 BRR CENTRO</t>
  </si>
  <si>
    <t>FARMAVICTORIA DROGUERIA</t>
  </si>
  <si>
    <t>CL 55 A 47 C 84</t>
  </si>
  <si>
    <t>SERVICIOS PLUS HARU</t>
  </si>
  <si>
    <t>CR 45 # 82 40 BRR MANRIQUE</t>
  </si>
  <si>
    <t>SERVICIOS Y VARIEDADES</t>
  </si>
  <si>
    <t>CR 51 CL 49 BRR PARQUE PRINCIPAL</t>
  </si>
  <si>
    <t>SALA DE INTRNET ANDRU</t>
  </si>
  <si>
    <t>CL 57 SUR # 62 B 07 BRR LIMONAR UNO</t>
  </si>
  <si>
    <t>IBC COMPUTADORES</t>
  </si>
  <si>
    <t>CRA. 80B #57B SUR-82 BOGOT COLOMBIA</t>
  </si>
  <si>
    <t>MEGACOMPUTO</t>
  </si>
  <si>
    <t>CRA. 78M #56C SUR-45 BOGOT COLOMBIA</t>
  </si>
  <si>
    <t>MANSERCOM LTDA</t>
  </si>
  <si>
    <t>CR 19 A # 79 10 / LC 105 BRR LAGO GAITAN</t>
  </si>
  <si>
    <t>DROGUERIA M Y B</t>
  </si>
  <si>
    <t>CL 5 A # 57 18 BRR SAN GABRIEL</t>
  </si>
  <si>
    <t>MINIMERCADO CALDAS</t>
  </si>
  <si>
    <t>CR 91 B # 54 D 08 - SUR BRR BOSA CALDAS</t>
  </si>
  <si>
    <t>DROGUERIA SERVICOMUNAL DE SALUD</t>
  </si>
  <si>
    <t>CL 162 8F 10</t>
  </si>
  <si>
    <t>DROGUERIA GAMEZA</t>
  </si>
  <si>
    <t>CL 46 SUR # 23-03</t>
  </si>
  <si>
    <t>INTER TATIS</t>
  </si>
  <si>
    <t>CRA. 87D #48-2 BOGOTA COLOMBIA</t>
  </si>
  <si>
    <t>PAPELERIA Y MISCELANEA S.M</t>
  </si>
  <si>
    <t>CRA. 81 #57G SUR-13 BOGOTï¿ COLOMBIA</t>
  </si>
  <si>
    <t>DROGAS 1981</t>
  </si>
  <si>
    <t>CRA 52C 40 05 SUR</t>
  </si>
  <si>
    <t>COLPAGOS CUCUTA 2</t>
  </si>
  <si>
    <t>AV 7 CL 854 LC 139 BRR EL CENTRO</t>
  </si>
  <si>
    <t>CABINAS LA 10</t>
  </si>
  <si>
    <t>CR 10 # 15 62 BRR BOLIVAR</t>
  </si>
  <si>
    <t>SOLUCIONES2020</t>
  </si>
  <si>
    <t>TV SATELITAL</t>
  </si>
  <si>
    <t>SOS SERVICIOS INTEGRALES LTDA</t>
  </si>
  <si>
    <t>CL 94 # 50 19 BRR ARANJUEZ</t>
  </si>
  <si>
    <t>PAPELERIA Y MISCELANEA ALANNA Y MATHIAS</t>
  </si>
  <si>
    <t>CL. 11 SUR #31-52 BOGOTï¿ COLOMBIA</t>
  </si>
  <si>
    <t>CRA. 79 #13-46 BOGOT COLOMBIA</t>
  </si>
  <si>
    <t>PAPELERIA CAMI.5</t>
  </si>
  <si>
    <t>CR 88 H # 58 A 14 - SUR BRR BOSA LA LIBERTAD SEC II</t>
  </si>
  <si>
    <t>MULTIPAGOS Y ENVIOS NR</t>
  </si>
  <si>
    <t>CR 91 # 42 C 22 - SUR BRR DINDALITO</t>
  </si>
  <si>
    <t>BANQUITO CAMALEONES</t>
  </si>
  <si>
    <t>CL 93 SUR # 7 08 / P 1 BRR EL VIRREY</t>
  </si>
  <si>
    <t>CANTABRIA PAPELERA</t>
  </si>
  <si>
    <t>KR 24H 22 SUR 32</t>
  </si>
  <si>
    <t>EL MUNDO DE THOMAS</t>
  </si>
  <si>
    <t>CL 40 SUR # 5 23 - ESTE BRR LA VICTORIA</t>
  </si>
  <si>
    <t>NEKO GIFTS</t>
  </si>
  <si>
    <t>CL 90 # 14 16 / ED ARCOS LC 10 BRR CHICO</t>
  </si>
  <si>
    <t>MIINIIMERCADO SANTANDER</t>
  </si>
  <si>
    <t>CL 58 SUR NO 91 A - 11 PI2</t>
  </si>
  <si>
    <t>CL 10 # 8 - 118 BRR CENTRO</t>
  </si>
  <si>
    <t>MISCELANEA SALINAS</t>
  </si>
  <si>
    <t>CR 6 C ESTE # 29 F - 23 BRR SOACHA SAN MATEO</t>
  </si>
  <si>
    <t>COLPAGOS MONTERIA</t>
  </si>
  <si>
    <t>CL 22 # 19 45 BRR LA PRADERA</t>
  </si>
  <si>
    <t>PLUS ROZO PALMIRA</t>
  </si>
  <si>
    <t>CL 2 A # 10 33 BRR ROZO</t>
  </si>
  <si>
    <t>PUNTOSERVIS FUSAGASUGA 2</t>
  </si>
  <si>
    <t>CR 5 # 8 19 BRR CENTRO</t>
  </si>
  <si>
    <t>MONTEBELLO</t>
  </si>
  <si>
    <t>VARIEDADES JOTA</t>
  </si>
  <si>
    <t>CR 21 # 19 35 BRR CENTRO PARQUE PRINCIPAL</t>
  </si>
  <si>
    <t>SAN JOSÉ DE LA MONTAÑA</t>
  </si>
  <si>
    <t>VARIEDADES PARAISO</t>
  </si>
  <si>
    <t>CR 21 # 18 52 BRR CENTRO PARQUE SAN JOSE DE LA MONTANA</t>
  </si>
  <si>
    <t>PAPELERIA COLOR PAPER</t>
  </si>
  <si>
    <t>CL 142 B # 112 06 BRR LOMBARDIA</t>
  </si>
  <si>
    <t>PAPELERIA NECO-INTERRAPIDISIMO</t>
  </si>
  <si>
    <t>CR 75 # 57 Z 36 - SUR BRR BOSA LA ESPERANZA</t>
  </si>
  <si>
    <t>PAPELERA KEVIN</t>
  </si>
  <si>
    <t>CL 64 # 123 46 BRR ENGATIVA</t>
  </si>
  <si>
    <t>TIENDA DE VARIEDADES BETHYORO 2</t>
  </si>
  <si>
    <t>CL 64 F # 96 06 / LC 2 BRR ALAMOS</t>
  </si>
  <si>
    <t>TRIPLEDOBLEU</t>
  </si>
  <si>
    <t>TV 78N BIS 51 SUR 34 PI 1</t>
  </si>
  <si>
    <t>DROGUERIA MEDICAL GROUP</t>
  </si>
  <si>
    <t>AUTONORTE 137 25</t>
  </si>
  <si>
    <t>MISCELANEA MARAANGEL</t>
  </si>
  <si>
    <t>CR 72 U # 43 B 26 - SUR BRR SANTA CATALINA</t>
  </si>
  <si>
    <t>PAPELERIA Y MISCELANEA EL REDIL</t>
  </si>
  <si>
    <t>AK 7 NO 173 A - 20</t>
  </si>
  <si>
    <t>DROGUERIA FAMILIASANA</t>
  </si>
  <si>
    <t>Carrera 58 . 9-17 Local 02 Torre</t>
  </si>
  <si>
    <t>MAJI PAPELERIA Y DETALLES</t>
  </si>
  <si>
    <t>C SANTOS TOSCANO</t>
  </si>
  <si>
    <t>EXPRESS CANTAGLLO BRR BRISAS</t>
  </si>
  <si>
    <t>CR 4 # 5 20 BRR BRISAS</t>
  </si>
  <si>
    <t>PUNTOSRVIS GIRARDOT 3</t>
  </si>
  <si>
    <t>CR 18 # 22 45 BRR SANTANDER</t>
  </si>
  <si>
    <t>VALENCIA FLOR PATRICIA LINSUAY</t>
  </si>
  <si>
    <t>TORRES DE SAN LUIS TORRE 12 APTO 002</t>
  </si>
  <si>
    <t>DROGUERIA MEGASPHARMA</t>
  </si>
  <si>
    <t>CRA. 6 #46-4 BOGOTA COLOMBIA</t>
  </si>
  <si>
    <t>SUPERMERCADO DONDE PACHO</t>
  </si>
  <si>
    <t>CRA. 77P BIS B #50 SUR-7 BOGOTA COLOMBIA</t>
  </si>
  <si>
    <t>QUINDEFARMA</t>
  </si>
  <si>
    <t>CL. 8A BIS #79D-38 BOGOTA COLOMBIA</t>
  </si>
  <si>
    <t>PAPELERA THALYMA</t>
  </si>
  <si>
    <t>CR 9 ESTE # 81 20 - SUR / BL I CA 11 BRR BOLONIA</t>
  </si>
  <si>
    <t>FARMA MODERNA 2</t>
  </si>
  <si>
    <t>CL 162 # 7 - 91</t>
  </si>
  <si>
    <t>HUNEMI SAS</t>
  </si>
  <si>
    <t>CL 26 SUR 78 N 09</t>
  </si>
  <si>
    <t>KEVIN NICOLAS NELSON BERNAL BARRIENTOS</t>
  </si>
  <si>
    <t>CL 81 SUR # 3 A 08 BRR YOMASA</t>
  </si>
  <si>
    <t>CL 31 SUR # 10 D 16 BRR COUNTRY SUR</t>
  </si>
  <si>
    <t>CR 1 # 30 - 78 SUR BRR MAIPORE</t>
  </si>
  <si>
    <t>PORE</t>
  </si>
  <si>
    <t>CIBER KAMIS SOLUCIONES</t>
  </si>
  <si>
    <t>CL 4 # 17 35 BRR LA LIBERTAD</t>
  </si>
  <si>
    <t>PUNTOSERVIS GIRON 3</t>
  </si>
  <si>
    <t>CR 26 # 31 42 BRR CASCO ANTIGUO</t>
  </si>
  <si>
    <t>PUNTO DE ATENCION</t>
  </si>
  <si>
    <t>CL 1 # 7 47 / CEN BRR CENTRO</t>
  </si>
  <si>
    <t>PUNTOSERVIS SOGAMOSO</t>
  </si>
  <si>
    <t>CR 20 # 6 43 / LC 1 BRR SIMON BOLIVAR</t>
  </si>
  <si>
    <t>ANGOSTURA</t>
  </si>
  <si>
    <t>TELECOMUNICACIONES ANGOSTURA</t>
  </si>
  <si>
    <t>CRA. 10 #9-91 ANGOSTURA ANTIOQUIA COLOMBIA</t>
  </si>
  <si>
    <t>DROGUERIA LOPEZ DE MESA</t>
  </si>
  <si>
    <t>CR 75 CL 80 C-22</t>
  </si>
  <si>
    <t>TIENDA LA Y</t>
  </si>
  <si>
    <t>CRA 52 #103-48 MEDELLN ANTIOQUIA COLOMBIA</t>
  </si>
  <si>
    <t>TIENDA DE BELLEZA Y PAPELERIA LUCETE</t>
  </si>
  <si>
    <t>CL. 72 #52-29 ITAGUI MEDELLIN ANTIOQUIA COLOMBIA</t>
  </si>
  <si>
    <t>CRA 50 50 05</t>
  </si>
  <si>
    <t>CR 9 NO. 18 - 16 LOCAL 3 - CL SURTIGAS</t>
  </si>
  <si>
    <t>FARM CM N 2</t>
  </si>
  <si>
    <t>CL 53 SUR 18 B 14</t>
  </si>
  <si>
    <t>MEGA OFERTAS</t>
  </si>
  <si>
    <t>CL 69 A # 90 A 78 / P 2 BRR FLORIDA BLANCA</t>
  </si>
  <si>
    <t>PIXEL COMERCIAL.COM</t>
  </si>
  <si>
    <t>CL 64 F BIS # 68 H 32 BRR LA ESTRADITA</t>
  </si>
  <si>
    <t>MEDINA  RAMIREZ SAS</t>
  </si>
  <si>
    <t>CRA 23C 31 33 SUR</t>
  </si>
  <si>
    <t>WW COMUNICAR 2</t>
  </si>
  <si>
    <t>CR 8 # 80 30 - SUR / P 1 BRR LA ANDREA</t>
  </si>
  <si>
    <t>DROGUERIA GRAN SALUD JM</t>
  </si>
  <si>
    <t>DG 32 C BIS A SUR 12 D 06</t>
  </si>
  <si>
    <t>MEGACOM STORE COMUNICACIONES</t>
  </si>
  <si>
    <t>CL. 65D SUR #80-35 BOGOT COLOMBIA</t>
  </si>
  <si>
    <t>CORRESPONSAL PAVITAS</t>
  </si>
  <si>
    <t>AV CIUDAD DE CALI KR 86 # 34B - 14SUR</t>
  </si>
  <si>
    <t>PAPELERIA GLORIA HERNANDEZ</t>
  </si>
  <si>
    <t>CL 28 A SUR # 7 52 - ESTE BRR SANTA INES</t>
  </si>
  <si>
    <t>EXPRESSIONS STORE</t>
  </si>
  <si>
    <t>CL 8 SUR # 25 A 23 BRR CIUDAD MONTES</t>
  </si>
  <si>
    <t>CR 13 B # 50 B - 05 SUR BRR MARCO FIDEL SUAREZ</t>
  </si>
  <si>
    <t>CR 29 A # 18 26 - SUR BRR SANTANDER</t>
  </si>
  <si>
    <t>MINIEXPRESS KENNEDY PATIO BONITO CLL 26</t>
  </si>
  <si>
    <t>CL 26 # 88 C 24 - SUR / LC 4 BRR PATIO BONITO</t>
  </si>
  <si>
    <t>EL PINAR MULTISERVICIOS</t>
  </si>
  <si>
    <t>CL 20 # 10 A 13 / BL 15 AP 103 BRR PARQUES DEL PINAR</t>
  </si>
  <si>
    <t>PAGOS Y RECARGAS TYE</t>
  </si>
  <si>
    <t>CL 8 # 9 35 BRR CABECERA MUNICIPAL</t>
  </si>
  <si>
    <t>CELU@IDA</t>
  </si>
  <si>
    <t>CR 43 CL 81 -63 (INTERIOR 201)</t>
  </si>
  <si>
    <t>SERVIFLEXORG</t>
  </si>
  <si>
    <t>CRA. 4 #136 SUR-97 BOGOT COLOMBIA</t>
  </si>
  <si>
    <t>GAMERS S.L.V</t>
  </si>
  <si>
    <t>CR 6 ESTE # 90 41 - SUR BRR ALFONSO LOPEZ</t>
  </si>
  <si>
    <t>PAPELERIA SARAMAGO</t>
  </si>
  <si>
    <t>CL 56 A SUR NO79B-23</t>
  </si>
  <si>
    <t>MERCOLOMBIA</t>
  </si>
  <si>
    <t>CL 16 H # 98 15 BRR LA LAGUNA FONTIBON</t>
  </si>
  <si>
    <t>SANTINET.GO</t>
  </si>
  <si>
    <t>CL 155 A NO 7 B - 87</t>
  </si>
  <si>
    <t>WIN-DOW PAPELERIA</t>
  </si>
  <si>
    <t>KR 11 NO 65 C SUR - 80 TO 13 AP 101</t>
  </si>
  <si>
    <t>CAFE INTERNET CENTRO DE COPIADO ESMERALDITA</t>
  </si>
  <si>
    <t>AK 14 17 47 IN 13 LC 119</t>
  </si>
  <si>
    <t>DROGUERIA DIANAR II</t>
  </si>
  <si>
    <t>CL 88 112 G 17</t>
  </si>
  <si>
    <t>COLPAGOS ALAMEDAS</t>
  </si>
  <si>
    <t>DG 48 # 11 10 / AP 01 BRR VILLA DEL RIO</t>
  </si>
  <si>
    <t>SERVICIOS Y PAGOS DE OCCIDENTE</t>
  </si>
  <si>
    <t>CR 7 A # 26 B 44 BRR CENTRO</t>
  </si>
  <si>
    <t>VARIEDADES CLAIZU</t>
  </si>
  <si>
    <t>CRA 3 11 44</t>
  </si>
  <si>
    <t>JP TELECOMUNICACIONES</t>
  </si>
  <si>
    <t>CARRERA 2N 1B-04</t>
  </si>
  <si>
    <t>NAVE IMPRESIONES</t>
  </si>
  <si>
    <t>CR 70 # 22 D 19 / LC 112 BRR ESPERANZA SUR</t>
  </si>
  <si>
    <t>MICELANIA Y VARIEDADES MELYJAD</t>
  </si>
  <si>
    <t>CL. 75A SUR #16A-2 BOGOT COLOMBIA</t>
  </si>
  <si>
    <t>MENSAJERIA PC COMUNICACIONES EFECTIVAS</t>
  </si>
  <si>
    <t>DG. 69 SUR #17G-46 BOGOTA COLOMBIA</t>
  </si>
  <si>
    <t>MICELANEA Y PAELERIA MAX Y SARA</t>
  </si>
  <si>
    <t>CRA. 141A BIS #143B-33 BOGOTA COLOMBIA</t>
  </si>
  <si>
    <t>BOSA BRASILIA CL 51</t>
  </si>
  <si>
    <t>CL 51 SUR NO 87 K 16 AP LOCAL</t>
  </si>
  <si>
    <t xml:space="preserve">MISCELANEA ANNGIE </t>
  </si>
  <si>
    <t>CL 67 SUR 783 12P11</t>
  </si>
  <si>
    <t xml:space="preserve">ASESORIAS Y CONSULTORIAS </t>
  </si>
  <si>
    <t>CRA. 87 #84A-77 BOGOTï¿ COLOMBIA</t>
  </si>
  <si>
    <t>CL. 182 #7B-19 BOGOTA COLOMBIA</t>
  </si>
  <si>
    <t>AUTOSERVICIO NL</t>
  </si>
  <si>
    <t>CL 65 SUR 69 B 10</t>
  </si>
  <si>
    <t>CR 24 # 4 B 60 BRR EL PROGRESO</t>
  </si>
  <si>
    <t>BARANOA VIAJES Y TURISMO SAS</t>
  </si>
  <si>
    <t>CL 8 SUR # 35 A 39 BRR CIUDAD MONTES</t>
  </si>
  <si>
    <t>LEGHER SOLUTIONS</t>
  </si>
  <si>
    <t>CR 141 C # 143 A 04 BRR SUBA BILBAO</t>
  </si>
  <si>
    <t>EL BUEN SABOR CRIOLLO</t>
  </si>
  <si>
    <t>CL 165 # 46 76</t>
  </si>
  <si>
    <t>DISTRIPAPER ALTICO</t>
  </si>
  <si>
    <t>CL 6 # 3 A - 16 BRR EL ALTICO</t>
  </si>
  <si>
    <t>MISCELANEA EL NORTE</t>
  </si>
  <si>
    <t>CALLE 7 N 3-09</t>
  </si>
  <si>
    <t>FOTO PASAPORTE PRISMA</t>
  </si>
  <si>
    <t>CL 9 6 30</t>
  </si>
  <si>
    <t>MULTISERVICIOS Y VARIEDADES LYJ</t>
  </si>
  <si>
    <t>DG 40 # 42 08 BRR LAS MERCEDES</t>
  </si>
  <si>
    <t xml:space="preserve">LA CASA DE PAPEL </t>
  </si>
  <si>
    <t>KR 81G 42F SUR 0042</t>
  </si>
  <si>
    <t>PAPELERIA ZONA ESCOLAR</t>
  </si>
  <si>
    <t>CRA. 80J #74C SUR-1 BOGOTA COLOMBIA</t>
  </si>
  <si>
    <t>COLVEN.NET</t>
  </si>
  <si>
    <t>DG 139 A BIS # 127 C 47 BRR SUBA TIBABUYES</t>
  </si>
  <si>
    <t>DISTRIBUIDORA PRODUCTOS DE BELLEZA MYG</t>
  </si>
  <si>
    <t>CARRERA 24 33 SUR 58</t>
  </si>
  <si>
    <t>SOLUCIONES AL INSTANTE</t>
  </si>
  <si>
    <t>CL 22 A SUR # 2 22 BRR GRANADA SUR</t>
  </si>
  <si>
    <t>PAPELERA LAS 3 TORRES</t>
  </si>
  <si>
    <t>AK. 24 #82-51 BOGOTA COLOMBIA</t>
  </si>
  <si>
    <t>HIPERMARKET</t>
  </si>
  <si>
    <t>CR 74 # 44 29 - SUR / IN 1 BRR LAGO TIMIZA</t>
  </si>
  <si>
    <t>VARIEDADES YENNY</t>
  </si>
  <si>
    <t>CL 185 # 8 80 BRR SAN ANTONIO</t>
  </si>
  <si>
    <t>REDES JC</t>
  </si>
  <si>
    <t>CL 62 D BIS SUR # 71 D 30 BRR ISMAEL PERDOMO</t>
  </si>
  <si>
    <t>STOCK MOVIL JL SAS</t>
  </si>
  <si>
    <t>CR 97 C # 69 A 08 BRR METRO RECREO</t>
  </si>
  <si>
    <t>DROGAS LA 17</t>
  </si>
  <si>
    <t>CL 17 SUR 9 A 62</t>
  </si>
  <si>
    <t>DROGUERIA GOLDEN JIR</t>
  </si>
  <si>
    <t>CRA 75 NO 57 R 25 SUR LOCAL 2</t>
  </si>
  <si>
    <t>TATOS PLACE</t>
  </si>
  <si>
    <t>CRA. 80 #7D-26 BOGOTA COLOMBIA</t>
  </si>
  <si>
    <t>PUNTOSERVIS BOGOTA 26</t>
  </si>
  <si>
    <t>CL 48 P SUR # 5 F 42 BRR BOCHICA</t>
  </si>
  <si>
    <t>DROGUERIA MELENDEZ G A</t>
  </si>
  <si>
    <t>CRA 95 3 B 70 LC 1</t>
  </si>
  <si>
    <t>MULTISERVICIOS LA AURORA</t>
  </si>
  <si>
    <t>CL 13 32 55 LA AURORA</t>
  </si>
  <si>
    <t>LEIVA</t>
  </si>
  <si>
    <t>AGROPECUARIA LEIVA</t>
  </si>
  <si>
    <t>CL 14 DIV 1 BRR JARDIN</t>
  </si>
  <si>
    <t>MISCELANEA JHOHAN SALOME</t>
  </si>
  <si>
    <t>CL 74 57 B 54</t>
  </si>
  <si>
    <t>CAMPAMENTO</t>
  </si>
  <si>
    <t>TECNOLINE</t>
  </si>
  <si>
    <t>CL. 11 #11-29 CAMPAMENTO ANTIOQUIA COLOMBIA</t>
  </si>
  <si>
    <t>MERCADOS LA 58</t>
  </si>
  <si>
    <t>CL 58 D 92 A 98</t>
  </si>
  <si>
    <t>VIVERES LA 33</t>
  </si>
  <si>
    <t>TRANSVERSAL 33#47 B 32 SUR</t>
  </si>
  <si>
    <t>COMUNICACIONES Y CIGARRERA CYBER ROCHY</t>
  </si>
  <si>
    <t>CR 148 B # 143 A 24 BRR SUBA BILBAO</t>
  </si>
  <si>
    <t>HAYDEE TELECOMUNICACIONES LTDA</t>
  </si>
  <si>
    <t>CRA 68 G BIS 30 36 SUR</t>
  </si>
  <si>
    <t>COMUNICACIONES AMS</t>
  </si>
  <si>
    <t>CRA 141 A BIS B 143B-75</t>
  </si>
  <si>
    <t>CAPITAL STORE</t>
  </si>
  <si>
    <t>CL 64 # 28 83 BRR 07 DE AGOSTO</t>
  </si>
  <si>
    <t>MEDISALITRE MB</t>
  </si>
  <si>
    <t>CR 97 A BIS A # 158 07 BRR SALITRE SUBA</t>
  </si>
  <si>
    <t>TECNOVARIEDADES MANZANA 2</t>
  </si>
  <si>
    <t>MZ 2 CA 72 BRR EL POBLADO</t>
  </si>
  <si>
    <t>CL 68 D SUR # 1 - 32 0 BRR SANTA MARTA</t>
  </si>
  <si>
    <t>SM SOLUCIONES EFECTIVAS</t>
  </si>
  <si>
    <t>CL 8 # 15 40 BRR LLANO VARGAS</t>
  </si>
  <si>
    <t>COLPAGOS SANTAFE</t>
  </si>
  <si>
    <t>CL 2 # 2 A 2 BRR SANTA FE</t>
  </si>
  <si>
    <t>MINIABASTOS LA FOGATA</t>
  </si>
  <si>
    <t>AV 6 C # 6 05 / LC 2 BRR PRADO DEL ESTE</t>
  </si>
  <si>
    <t>VARIEDADES LA TORRE</t>
  </si>
  <si>
    <t>CL 3 # 8 27 BRR SAN FRANCISCO CENTRO</t>
  </si>
  <si>
    <t>TIENDA MAHECHA FUNZA</t>
  </si>
  <si>
    <t>CL 15 # 21 39 BRR VILLA PAUL</t>
  </si>
  <si>
    <t>MOBILE PHONES</t>
  </si>
  <si>
    <t>CL 57 # 15 15 / LC 3 BRR CHAPINERO OCCIDENTAL</t>
  </si>
  <si>
    <t>VARIEDADES CALAPZU</t>
  </si>
  <si>
    <t>CR 21 B # 83 53 - SUR BRR LA CUMBRE</t>
  </si>
  <si>
    <t>DROGUERIA QUINDEFARMA</t>
  </si>
  <si>
    <t>CRA. 80 #8A-11 BOGOTA COLOMBIA</t>
  </si>
  <si>
    <t>DROGAS CLAUDIA</t>
  </si>
  <si>
    <t>CRA 13 24 00 SUR</t>
  </si>
  <si>
    <t>VARIEDADES SASATHI</t>
  </si>
  <si>
    <t>CL 67 A # 110 51 BRR VILLA EL DORADO</t>
  </si>
  <si>
    <t>DROGUERIA ALVARS 85</t>
  </si>
  <si>
    <t>DG 45 F SUR NO 13 H- - 26 LC 101</t>
  </si>
  <si>
    <t>SOL Y LUNA</t>
  </si>
  <si>
    <t>CRA. 147A #142F-53 BOGOT COLOMBIA</t>
  </si>
  <si>
    <t>FINANTEL</t>
  </si>
  <si>
    <t>CL 127 NO 119 A - 10 PI 1</t>
  </si>
  <si>
    <t>JLCOMUNICACIONES</t>
  </si>
  <si>
    <t>CL 48 L SUR # 5 F - 20 BRR BOCHICA SUR</t>
  </si>
  <si>
    <t>LINA MARCELA</t>
  </si>
  <si>
    <t>CR 9 # 6 43 / LC BRR OLAYA HERRERA</t>
  </si>
  <si>
    <t>PAPER SHOP</t>
  </si>
  <si>
    <t>DG 51 B SUR # 18 04 BRR SAN CARLOS</t>
  </si>
  <si>
    <t>INTERNET AYS.NET</t>
  </si>
  <si>
    <t>CR 72 A # 56 A 20 - SUR BRR OLARTE</t>
  </si>
  <si>
    <t>SERVINET COMPUTERS</t>
  </si>
  <si>
    <t>DG 72 SUR # 88 17 / CA 1 BRR EL REMSANSO I</t>
  </si>
  <si>
    <t>PAPALERIA NAIROMAN</t>
  </si>
  <si>
    <t>CL. 106B SUR #3C ESTE-1 BOGOTA COLOMBIA</t>
  </si>
  <si>
    <t>PAPELERIA Y MISCELANEA AULA ESCOLAR</t>
  </si>
  <si>
    <t>CL 5 A # 71 G 30 BRR NUEVA MARSELLA</t>
  </si>
  <si>
    <t>CR 103 A # 57 82 - SUR BRR BOSA SANTA FE</t>
  </si>
  <si>
    <t>VARIEDADES DAYLO</t>
  </si>
  <si>
    <t>CR 72 L # 39 85 - SUR / AP LC 1 BRR LA CAMPINA</t>
  </si>
  <si>
    <t>DROGUERIA ZONA VITAL J.T</t>
  </si>
  <si>
    <t>CL 43 A SUR NO 72 -03 LC 104</t>
  </si>
  <si>
    <t>PAPELERIA LAURA</t>
  </si>
  <si>
    <t>CR 89 BIS # 59 34 BRR BOSA LIBERTAD</t>
  </si>
  <si>
    <t>ESTANCO CABALLO VIEJO LICORES</t>
  </si>
  <si>
    <t>CL 33 B # 69 13 / LC 125 BRR SALITRE</t>
  </si>
  <si>
    <t>TECHNOLOGY BLUE</t>
  </si>
  <si>
    <t>CR 3 # 2 2 - SUR BRR CEREZOS MADRID CUNDINAMARCA</t>
  </si>
  <si>
    <t>MY SPACE</t>
  </si>
  <si>
    <t>SEC 1 MZ 8 CA 23 BRR POBLADO CAMPESTRE</t>
  </si>
  <si>
    <t>CGARRERIA LA 50</t>
  </si>
  <si>
    <t>CL 50 B SUR # 36 24 BRR FATIMA</t>
  </si>
  <si>
    <t>BALTIKA</t>
  </si>
  <si>
    <t>CL. 13 #79A-78 BOGOT COLOMBIA</t>
  </si>
  <si>
    <t>SUPERMERCADOS EL EDEN</t>
  </si>
  <si>
    <t>DG 62 # 20 40 BRR SAN FRANCISCO</t>
  </si>
  <si>
    <t>RAYCOM COMUNICACIONES</t>
  </si>
  <si>
    <t>DG 51 A SUR # 60 D 43 BRR NUEVO MUZU</t>
  </si>
  <si>
    <t>PANALERA Y PIRATERIA NANA</t>
  </si>
  <si>
    <t>DG. 91B BIS SUR #18G-38 BOGOTA COLOMBIA</t>
  </si>
  <si>
    <t>W W COMUNICAR</t>
  </si>
  <si>
    <t>CRA 2 A ESTE 80 30 SUR</t>
  </si>
  <si>
    <t>CIGARRERIA LAS MARIAS</t>
  </si>
  <si>
    <t>DG 67 A SUR # 19 A 18 BRR CIUDAD BOLIVAR</t>
  </si>
  <si>
    <t>DISTRIBUIDORA CYPERUS PAPYRUS</t>
  </si>
  <si>
    <t>CR 73 A # 06 43 BRR RINCON DE LOS ANGELES</t>
  </si>
  <si>
    <t>COMERCIALIZADORA GRAN ESTACIN W Y E</t>
  </si>
  <si>
    <t>CL 51 SUR # 7 98 BRR MOLINOS SUR</t>
  </si>
  <si>
    <t>MYF COMUNICACIONES</t>
  </si>
  <si>
    <t>CR 57 A SUR # 80 19 BRR CLASS</t>
  </si>
  <si>
    <t>M DROGUERIA NUEVO MILENIO</t>
  </si>
  <si>
    <t>CRA 7 82 62 LC 27</t>
  </si>
  <si>
    <t>GLORIA PERICO</t>
  </si>
  <si>
    <t>CL 27 # 4 B 42 - ESTE BRR BOSQUE CALDERON</t>
  </si>
  <si>
    <t>PUNTOSERVIS COLSUBSIDIO CIUDADELA</t>
  </si>
  <si>
    <t>AC 80 # 111 C 98 BRR CIUDADELA</t>
  </si>
  <si>
    <t>PUNTO DE FABRICA SABATOL</t>
  </si>
  <si>
    <t>MZ B B CA 10 BRR ARKAPARAISO</t>
  </si>
  <si>
    <t>CL 16 # 11 73 BRR CAMELLON DEL COMERCIO</t>
  </si>
  <si>
    <t>PUNTOSERVIS TURBACO BOLIVAR</t>
  </si>
  <si>
    <t>CL 17 # 15 8 / LC 1 BRR CALLE REAL</t>
  </si>
  <si>
    <t>AC 80 # 100 52 / CC PORTAL80 LC 068-069 BRR PORTAL</t>
  </si>
  <si>
    <t>EXPRESS ROSAL BRR LLERAS</t>
  </si>
  <si>
    <t>CR 8 # 4 102 BRR LLERAS</t>
  </si>
  <si>
    <t>DROGUERIA PARISIENSE</t>
  </si>
  <si>
    <t>CL 20 F 76 27</t>
  </si>
  <si>
    <t>CAFE INTERNET MUNDO NET</t>
  </si>
  <si>
    <t>DG 44 # 21 21 - SUR BRR SANTA LUCIA</t>
  </si>
  <si>
    <t>DROGUERIA EXITOSA</t>
  </si>
  <si>
    <t>CL. 147A #54-80 BOGOTA COLOMBIA</t>
  </si>
  <si>
    <t>INVERSIONES ABAD</t>
  </si>
  <si>
    <t>CR 101 # 72 A 36 BRR ALAMOS</t>
  </si>
  <si>
    <t>PIPETAS PAPELERIA Y TIENDA DE MASCOTAS</t>
  </si>
  <si>
    <t>CL 4 # 56 22 BRR TRINIDAD GALAN</t>
  </si>
  <si>
    <t>TIENDA MULTIAHORRO</t>
  </si>
  <si>
    <t>CR 94 B # 61 B 05 - SUR / URB SANTIAGO DE LAS ATALAYAS BRR LAS MARGARITAS</t>
  </si>
  <si>
    <t>PAPELERA LA NUEVA</t>
  </si>
  <si>
    <t>CL 49 SUR NO 81 B-32</t>
  </si>
  <si>
    <t>COMPUNETRM</t>
  </si>
  <si>
    <t>DG 90 SUR # 80 I 27 BRR BOSA SAN JOSE</t>
  </si>
  <si>
    <t>DIBULLA</t>
  </si>
  <si>
    <t>EXPRESS DIBULLA MIGUEO</t>
  </si>
  <si>
    <t>CR 3 # 3 50 BRR CORREGIMIENTO MIGUEO BARRIO DAN MARTIN</t>
  </si>
  <si>
    <t>CR 4 ESTE # 31 40 / CC GRAN PLAZA SOACHA LC 226-227 BRR HOGAR DEL SOL</t>
  </si>
  <si>
    <t>OZURE.NET</t>
  </si>
  <si>
    <t>CL. 11 #24-3 PALMIRA VALLE DEL CAUCA COLOMBIA</t>
  </si>
  <si>
    <t>ACHICANOY VILLOTA ALBA CRISTINA</t>
  </si>
  <si>
    <t>CL 15 # 11-64</t>
  </si>
  <si>
    <t>PAPELERIA PRIMAVERA BELLO</t>
  </si>
  <si>
    <t>AV. 45 #57-27 BELLO ANTIOQUIA COLOMBIA</t>
  </si>
  <si>
    <t>MUTATÁ</t>
  </si>
  <si>
    <t>ALMACEN EL REGALON</t>
  </si>
  <si>
    <t>CL. 10 #3-78 MUTATA MUTATA ANTIOQUIA COLOMBIA</t>
  </si>
  <si>
    <t>CEMPI PAJONAL</t>
  </si>
  <si>
    <t>CL. 20 #9A-51 CAUCASIA ANTIOQUIA COLOMBIA</t>
  </si>
  <si>
    <t>LA CAPERUCITA</t>
  </si>
  <si>
    <t>CL. 181 #46-22 BOGOT COLOMBIA</t>
  </si>
  <si>
    <t>PAALERA Y MISCELANEA VAVVELI</t>
  </si>
  <si>
    <t>TV 11 B ESTE # 47 53 - SUR BRR NUEVA GLORIA</t>
  </si>
  <si>
    <t>PUNTO PAGO CAMPOS HERRERA</t>
  </si>
  <si>
    <t>CRA. 94B #56F SUR-27 BOGOTï¿ COLOMBIA</t>
  </si>
  <si>
    <t>VARIEDADES NIKOLL VALERIA</t>
  </si>
  <si>
    <t>CRA. 87H #69A SUR-67 BOGOT COLOMBIA</t>
  </si>
  <si>
    <t>AUTOSERVICIO MARIN HERMANOS 2</t>
  </si>
  <si>
    <t>CRA. 18Q BIS B #67C SUR-16 BOGOTï¿ COLOMBIA</t>
  </si>
  <si>
    <t>DROGUERIA HUPIFARMA</t>
  </si>
  <si>
    <t>TV 78 D 10 B 74</t>
  </si>
  <si>
    <t>VIDRIERA Y MARQUETERA DYC</t>
  </si>
  <si>
    <t>CL 58 K SUR # 78 M 15 BRR JOSE ANTONIO GALAN</t>
  </si>
  <si>
    <t>PEREMPRENDER</t>
  </si>
  <si>
    <t>CL 62 # 83 B 06 - SUR BRR LA PAZ BOSA</t>
  </si>
  <si>
    <t>ABELNESSA</t>
  </si>
  <si>
    <t>CRA. 31 #13 SOACHA CUNDINAMARCA COLOMBIA</t>
  </si>
  <si>
    <t>WD SERVICIOS</t>
  </si>
  <si>
    <t>CR 32 # 30 03 BRR UNION SAN CARLOS</t>
  </si>
  <si>
    <t>IP SOLUTIONS LTDA</t>
  </si>
  <si>
    <t>DG 182 # 20 91 / LC 137 C BRR USAQUEN</t>
  </si>
  <si>
    <t>COLPAGOS RABO LARGO</t>
  </si>
  <si>
    <t>CL 3 # 7 70 / AP 1 BRR RABO LARGO</t>
  </si>
  <si>
    <t>COLPAGOS SAN JOSE</t>
  </si>
  <si>
    <t>CR 16 A # 38 5 BRR LA FLORESTA</t>
  </si>
  <si>
    <t>MINIEXPRESS LA PLATA CORR. BELEN</t>
  </si>
  <si>
    <t>CR 2 # 2 32 BRR CORREGIMIENTO BELEN</t>
  </si>
  <si>
    <t>TIENDA LA PISTA</t>
  </si>
  <si>
    <t>CL. 9 #10-70 CAICEDONIA VALLE DEL CAUCA COLOMBIA</t>
  </si>
  <si>
    <t>SUPER COOL SHOPING</t>
  </si>
  <si>
    <t>CL 13 # 44 A 29 BRR SANTO DOMINGO</t>
  </si>
  <si>
    <t>PAPELERIA MJ</t>
  </si>
  <si>
    <t>CL 7 # 4 15 BRR LA REGINA</t>
  </si>
  <si>
    <t>BICICLETAS ONLINE</t>
  </si>
  <si>
    <t>CRA. 89 #5A SUR-37 BOGOTï¿ COLOMBIA</t>
  </si>
  <si>
    <t>MOQUESS</t>
  </si>
  <si>
    <t>AC 68 SUR # 47 A 10 / LC 211 BRR CANDELARIA LA NUEVA</t>
  </si>
  <si>
    <t>DROGUERIA 24 CHAPINERO ALTO</t>
  </si>
  <si>
    <t>CRA 3D 54 06</t>
  </si>
  <si>
    <t>TECNOLGICO DE SERVICIOS INTEGRALES VILLEMAR</t>
  </si>
  <si>
    <t>CR 96 G # 17 B 05 BRR FONTIBON</t>
  </si>
  <si>
    <t>PUNTO LEO 2</t>
  </si>
  <si>
    <t>CL 68 A SUR # 48 55 BRR CANDELARIA</t>
  </si>
  <si>
    <t>PAPELERIA Y CHACHARRERIA EL ENSUEÑO</t>
  </si>
  <si>
    <t>TV 70 C # 67 A 11 - SUR / LC 1 BRR MADELENA</t>
  </si>
  <si>
    <t>CYBER LEON</t>
  </si>
  <si>
    <t>CL 128 # 87 C 18 BRR SUBA RINCON</t>
  </si>
  <si>
    <t>PUNTOCYBER</t>
  </si>
  <si>
    <t>CL 48 X SUR # 2 29 BRR DIANA TURBAY</t>
  </si>
  <si>
    <t>DROGUERIA SAN REMO C J</t>
  </si>
  <si>
    <t>CL 91 # 13 A 22 / LC 006 BRR EL CHICO</t>
  </si>
  <si>
    <t>MICELANEA ANYELUZ</t>
  </si>
  <si>
    <t>CR 81 A # 57 G 24 - SUR BRR CLASS KENNEDY</t>
  </si>
  <si>
    <t>PUNTO  16</t>
  </si>
  <si>
    <t>CL 16 # 22 44 BRR MARIA AUX</t>
  </si>
  <si>
    <t>GRANERO ESQUINA LA 21</t>
  </si>
  <si>
    <t>CL 21 # 25 02 BRR MADEROS</t>
  </si>
  <si>
    <t>PAPELERIA CAOLIN</t>
  </si>
  <si>
    <t>CR 50 # 48 19 BRR SAN FRANCISCO</t>
  </si>
  <si>
    <t>MISCELANEA MIL ARTCULOS</t>
  </si>
  <si>
    <t>AV 8 OESTE 7 CA 88 A BRR ALTOS DE NORMANDIA</t>
  </si>
  <si>
    <t>PAPELERA Y VARIEDADES JUANSOF</t>
  </si>
  <si>
    <t>CL 20 # 34 C 1 - OESTE / MZ 5 CA 65 BRR POBLADO CAMPESTRE</t>
  </si>
  <si>
    <t>SAO PAULO TECH</t>
  </si>
  <si>
    <t>CRA 43A NO 18 SUR 135 INT 1 CC MEDELLIN</t>
  </si>
  <si>
    <t>DROGUERIA LIFE</t>
  </si>
  <si>
    <t>DG 68 S # 37 A 49 BRR CANDELARIA LA NUEVA</t>
  </si>
  <si>
    <t>DEPARTAMENTO JURIDICO MG</t>
  </si>
  <si>
    <t>CR 9 # 39 A 07 BRR LEON XIII</t>
  </si>
  <si>
    <t>NUEVA ERA MOVIL</t>
  </si>
  <si>
    <t>CR 80 P # 75 61 - SUR BRR BOSA LAURELES</t>
  </si>
  <si>
    <t>CR 124 # 128 B 21 BRR TIBABUYES</t>
  </si>
  <si>
    <t>CENTRO DE SERVICIOS SENA CRA 30</t>
  </si>
  <si>
    <t>CL 20 SUR # 29 C 83 BRR SANTANDER</t>
  </si>
  <si>
    <t>MERAKI PAPELERA Y SERVICIOS</t>
  </si>
  <si>
    <t>CR 95 48 A-74 COMPONENTES DEL COSTO</t>
  </si>
  <si>
    <t>RAPITIENDA SOS</t>
  </si>
  <si>
    <t>CL. 5B 3 #38-82 CALI VALLE DEL CAUCA COLOMBIA</t>
  </si>
  <si>
    <t>PAPELERIA SANDI</t>
  </si>
  <si>
    <t>CL 39 SUR 35 42</t>
  </si>
  <si>
    <t>VARIEDADES CARLOS GUTIERREZ</t>
  </si>
  <si>
    <t>CRA 57 55 A 73 PLAZA MINORISTA LOC 109</t>
  </si>
  <si>
    <t>WA COMPUTADORES</t>
  </si>
  <si>
    <t>CRA. 132A #129C-6 BOGOT COLOMBIA</t>
  </si>
  <si>
    <t>DISTRIBUIDORA ABADIANO</t>
  </si>
  <si>
    <t>CR 83 # 39 A 03 - SUR BRR PATIO BONITO</t>
  </si>
  <si>
    <t>MENSAJERA Y PAPELERA MAGIC WORLD</t>
  </si>
  <si>
    <t>AC 153 # 113 B 38 BRR LONDRES SUBA</t>
  </si>
  <si>
    <t>TARGET PHARMACY</t>
  </si>
  <si>
    <t>CL. 64F #73-21 BOGOTï¿ COLOMBIA</t>
  </si>
  <si>
    <t>MISCELANEA EMILY AR</t>
  </si>
  <si>
    <t>CL 80 BIS # 94 80 - SUR BRR SAN BERNARDINO XVII</t>
  </si>
  <si>
    <t>ANDYSOF PAPELERIA</t>
  </si>
  <si>
    <t>CL 63 L # 121 A 05 BRR VILLA CLAVER</t>
  </si>
  <si>
    <t>MARÃA EUGENIA PINZÃ“N PICO</t>
  </si>
  <si>
    <t>TV 127 # 132 B 42 / LC 1 BRR SUBA GAITANA</t>
  </si>
  <si>
    <t>DROGUERIA SERVIFARMA.COM</t>
  </si>
  <si>
    <t>CR 1 A # 22 D 84 - SUR BRR GRANADA SUR</t>
  </si>
  <si>
    <t>TIENDA PUNTO CLAVE</t>
  </si>
  <si>
    <t>CR 87 J # 56 F 75 - SUR / LC 1 BRR BOSA HOLANDA</t>
  </si>
  <si>
    <t>PAPELERIA VIVIANA</t>
  </si>
  <si>
    <t>CR 4 A # 11 45 BRR SERREZUELITA</t>
  </si>
  <si>
    <t>CYBERNET</t>
  </si>
  <si>
    <t>CRR GENOY CA 187 A DIV 1 BRR GENOY</t>
  </si>
  <si>
    <t>BENITEZ SANCHEZ SANDRA LUCIA</t>
  </si>
  <si>
    <t>CL SAN CARLOS N 1A 52</t>
  </si>
  <si>
    <t>DROGAS UNO A</t>
  </si>
  <si>
    <t>MZ M CS 1</t>
  </si>
  <si>
    <t>DROGUERIA CELESTIAL J</t>
  </si>
  <si>
    <t>CR 23 C # 32 07 - SUR BRR QUIROGA</t>
  </si>
  <si>
    <t>CL 37 B SUR # 68 A 60 / LC 102 BRR ALQUERIA LA FRAGUA</t>
  </si>
  <si>
    <t>VARIEDADES Y DETALLES SAMY</t>
  </si>
  <si>
    <t>CL 4 SUR # 12 28 / P 1 BRR POLICARPA</t>
  </si>
  <si>
    <t>MISCELANEA JM</t>
  </si>
  <si>
    <t>CR 41 # 1 G 39 BRR MONTES</t>
  </si>
  <si>
    <t>MEGANET CASA BLANCA</t>
  </si>
  <si>
    <t>CR 79 # 49 C 14 - SUR BRR CASA BLANCA</t>
  </si>
  <si>
    <t>MINIMARKET PACEO</t>
  </si>
  <si>
    <t>TV 79 A # 84 A 12 BRR PARIS GAITAN</t>
  </si>
  <si>
    <t>CR 94 B # 61 63 - SUR BRR EL RECREO</t>
  </si>
  <si>
    <t>PAALERA Y PAPELERA DYC</t>
  </si>
  <si>
    <t>CL 55 SUR # 31 85 BRR SAN VICENTE FERRER</t>
  </si>
  <si>
    <t>VARIEDADES MARLY S</t>
  </si>
  <si>
    <t>CR 72 J # 39 A 04 - SUR BRR LA CAMPINA</t>
  </si>
  <si>
    <t>JSSS COMUNICACIONES</t>
  </si>
  <si>
    <t>CCIAL GUAYMARAL</t>
  </si>
  <si>
    <t>DROGUERIA AM/PM.NET</t>
  </si>
  <si>
    <t>CRA 73 G 40 03 SUR TIMIZA</t>
  </si>
  <si>
    <t>JYC EL DIAMANTE</t>
  </si>
  <si>
    <t>AC 13 15 25 LC</t>
  </si>
  <si>
    <t>COTORRA</t>
  </si>
  <si>
    <t>COLPAGOS COTORRA</t>
  </si>
  <si>
    <t>CL 14 A # 4 A 49 BRR LAS DELICIAS</t>
  </si>
  <si>
    <t>COLPAGOS SAN CARLOS</t>
  </si>
  <si>
    <t>CR 3 # 9 23 / AP 1 BRR GUARUMAL</t>
  </si>
  <si>
    <t>GAMP INTERACTIVO</t>
  </si>
  <si>
    <t>CL 17 52-05 LC 101</t>
  </si>
  <si>
    <t>COMUNICACIONES SATELITAL SEVILLA</t>
  </si>
  <si>
    <t>CRA. 51 #57-66 SEVILLA VALLE DEL CAUCA COLOMBIA</t>
  </si>
  <si>
    <t>MEGA DROGUERIA IPIALES</t>
  </si>
  <si>
    <t>CRA 6 3 87</t>
  </si>
  <si>
    <t>DROGUERIA EDOSCAR N 2</t>
  </si>
  <si>
    <t>CRA 44 49 66</t>
  </si>
  <si>
    <t>CIBERDAR.COM</t>
  </si>
  <si>
    <t>CR 82 # 01 15 - SUR / LC 1 BRR MARIA PAZ</t>
  </si>
  <si>
    <t>LIBLULA REGALOS Y PAPELERA</t>
  </si>
  <si>
    <t>CL 48 A SUR # 77 Y 09 / LC 2 BRR JACQUELINE</t>
  </si>
  <si>
    <t>CIBERPAGOS</t>
  </si>
  <si>
    <t>CL 11 A # 76 A 76 BRR VILLA ALSACIA</t>
  </si>
  <si>
    <t>ZOE COMUNICACIONES</t>
  </si>
  <si>
    <t>CR 111 B # 142 A 62 BRR LOMBARDIA</t>
  </si>
  <si>
    <t>MULTISERVICIOS Y COMUNICACIONES</t>
  </si>
  <si>
    <t>CL 27 SUR # 12 H 14 BRR SAN JOSE</t>
  </si>
  <si>
    <t>CABINA PAISITA</t>
  </si>
  <si>
    <t>CL 45 A # 74 54 - SUR BRR JERUSALEN</t>
  </si>
  <si>
    <t>COMUNICACIONES GENESIS ACT</t>
  </si>
  <si>
    <t>CL 91 SUR # 9 16 BRR CHUNIZA</t>
  </si>
  <si>
    <t>DROGUERIA MADY AM</t>
  </si>
  <si>
    <t>CL 54 SUR 35A 07 PII</t>
  </si>
  <si>
    <t>DISTRIPAPER CENTRAL</t>
  </si>
  <si>
    <t>CR 10 # 13 - 38 BRR SOACHA</t>
  </si>
  <si>
    <t>DROGUERIA ANGEL 1</t>
  </si>
  <si>
    <t>CR 11 # 9 23 BRR ECHAVARRIA</t>
  </si>
  <si>
    <t>MULTISERVICIOS LM</t>
  </si>
  <si>
    <t>CL 100 N 12 94</t>
  </si>
  <si>
    <t>MISCELANEA BETHEL</t>
  </si>
  <si>
    <t>VDA LA VORAGINE CRR PANCE KM 1 BRR LA VORAGINE</t>
  </si>
  <si>
    <t>COMPUMUNDO LA 58</t>
  </si>
  <si>
    <t>CR 58 B # 47 C 7 BRR ROSARIO ITAGUI</t>
  </si>
  <si>
    <t>DROGUERIA ARISMONT</t>
  </si>
  <si>
    <t>CRA 78 101 B 64</t>
  </si>
  <si>
    <t>PRADO CEL</t>
  </si>
  <si>
    <t>CL. 56 #50-106 MEDELLï¿N ANTIOQUIA COLOMBIA</t>
  </si>
  <si>
    <t>COMUNICACINES SANTANDER TE COMUNICA CON EL MUNDO</t>
  </si>
  <si>
    <t>CRA. 123 #65A-20 BOGOT COLOMBIA</t>
  </si>
  <si>
    <t>TELECOMUNICACIONES LADY</t>
  </si>
  <si>
    <t>CRA 16 4 55 ESQUINA</t>
  </si>
  <si>
    <t>IMPERIO CROMTICO</t>
  </si>
  <si>
    <t>CARRERA 119D 128C-59</t>
  </si>
  <si>
    <t>DE TODITO UN POQUITO EXPRESS@TE</t>
  </si>
  <si>
    <t>CR 4 # 133 63 - SUR BRR EL OASIS USME</t>
  </si>
  <si>
    <t>I.S.C. CENTRO DE SOLUCIONES</t>
  </si>
  <si>
    <t>CR 19 # 45 30 BRR PALERMO</t>
  </si>
  <si>
    <t>CL 65 # 77 M 04 - SUR / LC 4A BRR GUALOCHE</t>
  </si>
  <si>
    <t>PUNTOSERVIS CUCUTA 3</t>
  </si>
  <si>
    <t>DG 12 E # 18 04 BRR ZULIMA</t>
  </si>
  <si>
    <t>COLPAGOS CURUMANI</t>
  </si>
  <si>
    <t>CL 8 # 13 48 BRR CENTRO</t>
  </si>
  <si>
    <t>YAZ EXPRESS PAGOS  COMUNICACIONES</t>
  </si>
  <si>
    <t>CL 5 # 50 - 103 CIUDADELA COMERCIAL COSMOCENTRO LOCAL 2 - 123</t>
  </si>
  <si>
    <t>COPY COLOR</t>
  </si>
  <si>
    <t>AV 30 # 30 33 BRR EL CRUCERO</t>
  </si>
  <si>
    <t>PAPELERIA Y SERVICIOS SM</t>
  </si>
  <si>
    <t>CR 38 C # 101 90 BRR MOSCU</t>
  </si>
  <si>
    <t>M TIENDA P Y F</t>
  </si>
  <si>
    <t>CALLE 54 C SUR N 95 A 11</t>
  </si>
  <si>
    <t>MEGAPAGO$</t>
  </si>
  <si>
    <t>CL 57 SUR # 87 A 15 BRR ESCOCIA</t>
  </si>
  <si>
    <t>COMERCIALIZADORA EDMAR</t>
  </si>
  <si>
    <t>CL 76 C SUR # 14 A 04 BRR MARICHUELA</t>
  </si>
  <si>
    <t>SHALOM CIGARRERIA</t>
  </si>
  <si>
    <t>CR 94 # 75 C 67 BRR SANTA ROSITA</t>
  </si>
  <si>
    <t>JARDÍN</t>
  </si>
  <si>
    <t>MUNDO MOVIL JARDIN</t>
  </si>
  <si>
    <t>CR 4 # 8 24 BRR CALLE DEL MEDIO</t>
  </si>
  <si>
    <t>PAGO FÃCIL 11</t>
  </si>
  <si>
    <t>CL 17 # 15 16 BRR LIBERTAD</t>
  </si>
  <si>
    <t>PUNTOSERVIS COMERCIO SUPERIOR ARAUCA</t>
  </si>
  <si>
    <t>CL 23 # 16 78 / CRT BRR CORDOBA ARAUCA</t>
  </si>
  <si>
    <t>PAGO FÃCIL KENNEDY</t>
  </si>
  <si>
    <t>CL 4 # 1 54 BRR LA VICTORIA KENNEDY</t>
  </si>
  <si>
    <t>CIBERMATY</t>
  </si>
  <si>
    <t>AV 2 N 7 NORTE 51 LOCAL 101 - 102</t>
  </si>
  <si>
    <t>NATURA S Y B</t>
  </si>
  <si>
    <t>CL 82 # 3 BN - 61</t>
  </si>
  <si>
    <t>CARNES Y POLLOS EL CAMPESINO</t>
  </si>
  <si>
    <t>CRA 5 66 26</t>
  </si>
  <si>
    <t>RECAUDOS CELY.COM</t>
  </si>
  <si>
    <t>CL 106 # 20 45 BRR GONZALO MEJIA</t>
  </si>
  <si>
    <t>SONSÓN</t>
  </si>
  <si>
    <t>CREACIONES YALETH</t>
  </si>
  <si>
    <t>CL 8 # 38 42 BRR CENTRO</t>
  </si>
  <si>
    <t>VEGACHÍ</t>
  </si>
  <si>
    <t>PERFUMERA</t>
  </si>
  <si>
    <t>CRA. 50 #50-20 VEGACHI VEGACH ANTIOQUIA COLOMBIA</t>
  </si>
  <si>
    <t>DROGUERIA YAYALU # 2</t>
  </si>
  <si>
    <t>CRA 55 # 27 21</t>
  </si>
  <si>
    <t>MASCOMER  CIA LTDA</t>
  </si>
  <si>
    <t>CL 1 87 07 P 1</t>
  </si>
  <si>
    <t>CHICACCESORIOS</t>
  </si>
  <si>
    <t>AK 68 NO 75 A - 50 LC 160</t>
  </si>
  <si>
    <t>NITROGENO 2</t>
  </si>
  <si>
    <t>CR 4 A # 100 A 76 - SUR BRR LA ESPERANZA</t>
  </si>
  <si>
    <t>DYC INTERNET PAPELERIA</t>
  </si>
  <si>
    <t>CARRERA 111C 68A 16</t>
  </si>
  <si>
    <t>ANNY FOTOGRAFA Y COMUNICACIONES</t>
  </si>
  <si>
    <t>CRA. 80 A #53-03 SUR</t>
  </si>
  <si>
    <t>ALECELL</t>
  </si>
  <si>
    <t>CR 7 # 1 79 BRR AURELES</t>
  </si>
  <si>
    <t>COLPAGOS LA PRADERA 2</t>
  </si>
  <si>
    <t>MZ 6 LOTE 12 ETAPA 9 BRR LA PRADERA</t>
  </si>
  <si>
    <t>VARIEDADE KATY PRIMAVERA</t>
  </si>
  <si>
    <t>CL 10 C 4 A S 07 PORTAL DE JAMUNDI ETAPA 3</t>
  </si>
  <si>
    <t>INTERNET MISGEMAZ</t>
  </si>
  <si>
    <t>CL 8 # 4 7 BRR ROBLEDO</t>
  </si>
  <si>
    <t>CIGARRERIA PUNTO 26</t>
  </si>
  <si>
    <t>CL 26 NO 26-00 SUR</t>
  </si>
  <si>
    <t>PAPELERIA YAQUI</t>
  </si>
  <si>
    <t>CRA. 46 #73A SUR-79 BOGOT COLOMBIA</t>
  </si>
  <si>
    <t>MINIVALE</t>
  </si>
  <si>
    <t>TV. 18I #68 SUR-41 BOGOTA COLOMBIA</t>
  </si>
  <si>
    <t>CABINAS DANIEL</t>
  </si>
  <si>
    <t>CL 19 # 25 4 / LC 80 213 BRR PALOQUEMAO</t>
  </si>
  <si>
    <t>UNIEQUIPOS Y CONSTRUCCIONES</t>
  </si>
  <si>
    <t>CL 82C BIS SUR 18Q 0042 01 00001</t>
  </si>
  <si>
    <t>VARIEDADES Y DETALLES ALEJITA</t>
  </si>
  <si>
    <t>CR 68 G # 39 - 17 SUR BRR VILLA NUEVA</t>
  </si>
  <si>
    <t>MUNDIPAGAS VALLEJO</t>
  </si>
  <si>
    <t>CR 13 W # 18 A 47 BRR VALLEJO</t>
  </si>
  <si>
    <t>EXPRESS NEIVA BRR GANJAS</t>
  </si>
  <si>
    <t>CL 29 # 6 60 BRR GRANJAS</t>
  </si>
  <si>
    <t>TELECOL</t>
  </si>
  <si>
    <t>CR 1 # 37 36 / CC LA ESTACION TO A LC 1-20 BRR SANTANDER</t>
  </si>
  <si>
    <t>COMPRA VENTA JOTAVE</t>
  </si>
  <si>
    <t>CL 15 21 30</t>
  </si>
  <si>
    <t>PAPELERIA LA 112</t>
  </si>
  <si>
    <t>CL 112 A # 76 C 19 BRR SANTANDER</t>
  </si>
  <si>
    <t>TELECOMUNICACIONES LA VICTORIA AZ</t>
  </si>
  <si>
    <t>CR 7 A ESTE # 45 A 66 - SUR BRR SAN CRISTOBAL</t>
  </si>
  <si>
    <t>CENTRO COMERCIAL MINI ANDRESITO</t>
  </si>
  <si>
    <t>TV 127 # 136 A 10 / AP 200 BRR LA GAITANA</t>
  </si>
  <si>
    <t>ALEDA</t>
  </si>
  <si>
    <t>CR 24 # 22 B 07 BRR SAMPER MENDOZA</t>
  </si>
  <si>
    <t>CIBERLYONS</t>
  </si>
  <si>
    <t>CL 22 F # 103 B 22 BRR LA GIRALDA</t>
  </si>
  <si>
    <t>FDJ COMUNICACIONES</t>
  </si>
  <si>
    <t>CRA. 26 A #2490 BOGOTA COLOMBIA</t>
  </si>
  <si>
    <t>DROGAS FABISAN</t>
  </si>
  <si>
    <t>CL. 19 SUR #12A-33 BOGOTA COLOMBIA</t>
  </si>
  <si>
    <t>JM COMUNICACIONES Y SERVICIOS</t>
  </si>
  <si>
    <t>CL 48R SUR 3A 09</t>
  </si>
  <si>
    <t>CR 14 # 32 - 88 ESTE BRR SAN MATEO</t>
  </si>
  <si>
    <t>TIENDA DANIEL</t>
  </si>
  <si>
    <t>CL. 6B #7-145 PASTO NARIO COLOMBIA</t>
  </si>
  <si>
    <t>MISCELNEA Y PAPELERA KAIROS</t>
  </si>
  <si>
    <t>CR 42 # 71 51 - SUR BRR ARBORIZADORA ALTA</t>
  </si>
  <si>
    <t>PAGOS E INVERSIONES</t>
  </si>
  <si>
    <t>CR 27 # 48 A 16 - SUR BRR EL CARMEN</t>
  </si>
  <si>
    <t>PAPELERA MEVADA</t>
  </si>
  <si>
    <t>CL 43 B SUR # 1 C 23 - ESTE BRR SAN MIGUEL</t>
  </si>
  <si>
    <t>DROGUERIA Y PERFUMERIA SUPERDROGUERIA</t>
  </si>
  <si>
    <t>CRA 108 82 83</t>
  </si>
  <si>
    <t>PAPELERIA PASEO DEL SOL</t>
  </si>
  <si>
    <t>CR 94 # 87 40 BRR ECHEVERY</t>
  </si>
  <si>
    <t>LOS MEMES</t>
  </si>
  <si>
    <t>CARRERA 4 ESTE # 11 43 SUR</t>
  </si>
  <si>
    <t>PAPELERIA HARA</t>
  </si>
  <si>
    <t>CL. 66 #26-24 BOGOTï¿ COLOMBIA</t>
  </si>
  <si>
    <t>NORBEY</t>
  </si>
  <si>
    <t>VEREDA KILOMETRO 15 COREGIMIENTO EL CER</t>
  </si>
  <si>
    <t>MAYSA</t>
  </si>
  <si>
    <t>TV 12 # 1 A 8 BRR GALILEA</t>
  </si>
  <si>
    <t>INTERRAPIDISIMO SA</t>
  </si>
  <si>
    <t>CR 30 # 7 45 / OF PRINCIPAL BRR RICAURTE</t>
  </si>
  <si>
    <t>EXPRESS SANTA ROSA DEL SUR SAN ISIDRO</t>
  </si>
  <si>
    <t>CL 14 # 6 42 BRR SAN ISIDRO</t>
  </si>
  <si>
    <t>FARMASOFY LA UNION</t>
  </si>
  <si>
    <t>CRA 1 # 17 -83</t>
  </si>
  <si>
    <t>PAGALO MULTISERVICIOS</t>
  </si>
  <si>
    <t>CL 10 A # 45 07 - SUR BRR CIUDADELA BONANZA</t>
  </si>
  <si>
    <t>PAGATODO.COM</t>
  </si>
  <si>
    <t>CRA 26 D # 73 A - 25</t>
  </si>
  <si>
    <t>MARIA CENTRO DE PAGOS</t>
  </si>
  <si>
    <t>CR 4 # 6 02 BRR CENTRO</t>
  </si>
  <si>
    <t>PLATINIUM COMUNICACIONES</t>
  </si>
  <si>
    <t>CR 24 # 20 29 BRR AV COLON</t>
  </si>
  <si>
    <t>ONE WAY 115</t>
  </si>
  <si>
    <t>CRA 48 10 45 LC 115</t>
  </si>
  <si>
    <t>ANGDESTELLOS</t>
  </si>
  <si>
    <t>CRA. 88I #54A SUR-5 BOGOT COLOMBIA</t>
  </si>
  <si>
    <t>DIGITAL CASTLE</t>
  </si>
  <si>
    <t>CR 78 K # 65 F 10 BRR JIMENEZ DE QUESADA</t>
  </si>
  <si>
    <t>DARILU</t>
  </si>
  <si>
    <t>CL. 140 #11-61 BOGOTA COLOMBIA</t>
  </si>
  <si>
    <t>MULTISERVICIOS MYF</t>
  </si>
  <si>
    <t>CRA. 78C #70B SUR-67 BOGOT COLOMBIA</t>
  </si>
  <si>
    <t>FAMICARI</t>
  </si>
  <si>
    <t>CL 59 SUR # 52 24 / TO 13 AP 101 BRR MADELENA</t>
  </si>
  <si>
    <t>PAPELERIA LA CUMBRE</t>
  </si>
  <si>
    <t>CR 18 R # 71 D 05 - SUR BRR SAN RAFAEL</t>
  </si>
  <si>
    <t>SURPAPEL</t>
  </si>
  <si>
    <t>CL 40 SUR # 94 15 BRR BELLAVISTA</t>
  </si>
  <si>
    <t>HIPERDROGUERIA ARDILA</t>
  </si>
  <si>
    <t>AV CL 3 N 69 29</t>
  </si>
  <si>
    <t xml:space="preserve">FRAGANCIAS Y RECARGAS </t>
  </si>
  <si>
    <t>CRA. 19A #8A-19 BOGOTA COLOMBIA</t>
  </si>
  <si>
    <t>CR 56 # 9 17 BRR TORRE AMERICAS</t>
  </si>
  <si>
    <t>PUNTOSERVIS COMERCIO BOGOTA 33</t>
  </si>
  <si>
    <t>CR 81 A # 13 D 39 BRR ANDALUCIA</t>
  </si>
  <si>
    <t>MEGA DROGUERIA</t>
  </si>
  <si>
    <t>CRA 7 12 A 33</t>
  </si>
  <si>
    <t>CELUPIÑA</t>
  </si>
  <si>
    <t>CL 31 # 30 76 BRR PARQUE PRINCIPAL</t>
  </si>
  <si>
    <t>TIENDA DE BELLEZA Y PAPELERIA LA NOTA</t>
  </si>
  <si>
    <t>CL 115 64 D 111</t>
  </si>
  <si>
    <t>SOCIAL BOG</t>
  </si>
  <si>
    <t>CL 70 # 108 A 12 BRR ENGATIVA</t>
  </si>
  <si>
    <t>MARMAG COMUNICACIONES</t>
  </si>
  <si>
    <t>CR 6 # 24 A 19 - SUR BRR VEINTE DE JULIO</t>
  </si>
  <si>
    <t>AIRPAGOS</t>
  </si>
  <si>
    <t>CRA. 126A #136A-5 BOGOT COLOMBIA</t>
  </si>
  <si>
    <t>TELECOMUNICACIONES NAYI</t>
  </si>
  <si>
    <t>CL 13 # 13 30 / CC POPULAR LC 162 P 1 BRR SAN VICTORINO</t>
  </si>
  <si>
    <t>VARIEDADES SOSEMA</t>
  </si>
  <si>
    <t>CL. 49 SUR #87D-55 BOGOT COLOMBIA</t>
  </si>
  <si>
    <t>DROGUERIA FARMACENTER PACHON</t>
  </si>
  <si>
    <t>CL. 140A #107-17 BOGOTA COLOMBIA</t>
  </si>
  <si>
    <t>ALBA LILIANA RUBIANO CAMACHO</t>
  </si>
  <si>
    <t>CARRERA 11 A ESTE NO 18A-05 SUR</t>
  </si>
  <si>
    <t>VARIEDADES ALIYESAN</t>
  </si>
  <si>
    <t>CR 78 F # 57 A 12 - SUR BRR CIUDAD ROMA</t>
  </si>
  <si>
    <t>SAVENET</t>
  </si>
  <si>
    <t>CL 100 # 9 11 - ESTE BRR SAN LUIS</t>
  </si>
  <si>
    <t>CAFE INTERNET SERVYNOVA COMPUTER</t>
  </si>
  <si>
    <t>CL 158 # 101 A 01 / LC 01 BRR SUBA</t>
  </si>
  <si>
    <t>JACKYNET.COM</t>
  </si>
  <si>
    <t>CL 29 # 6 86 BRR PARAISO</t>
  </si>
  <si>
    <t>PUNTOSERVIS GIRON 5</t>
  </si>
  <si>
    <t>CR 21 # 13 A 10 BRR BARRIO EL CONSUELO</t>
  </si>
  <si>
    <t>INTERNET LOS ANGELES</t>
  </si>
  <si>
    <t>TV 1 A BIS # 14 B 18 BRR PARQUES DE ALTAMIRA</t>
  </si>
  <si>
    <t>DROGUERIA LOS ANGELES</t>
  </si>
  <si>
    <t>CL 16 7 67</t>
  </si>
  <si>
    <t>EYG FHASION STORE</t>
  </si>
  <si>
    <t>CR 42 SUR # 21 A 22 BRR PAISAJE DE LAS FLORES</t>
  </si>
  <si>
    <t>COLPAY</t>
  </si>
  <si>
    <t>CR 45 # 83 70 BRR MANRIQUE</t>
  </si>
  <si>
    <t>ALEN SERVICIOS DE RED</t>
  </si>
  <si>
    <t>TV 44 # 52 G 34 - SUR BRR FATIMA</t>
  </si>
  <si>
    <t>MISCELANEA LINDA</t>
  </si>
  <si>
    <t>TV 35 SUR 29 78</t>
  </si>
  <si>
    <t>T3NIMOVIL-LAB</t>
  </si>
  <si>
    <t>CR 46 # 152 46 / CC MAZUREN LC 131 BRR MAZUREN</t>
  </si>
  <si>
    <t>DROGUERA ALBAN DE LA 71</t>
  </si>
  <si>
    <t>CR 78 C # 71 C 4 - SUR / LC 1 BRR BOSA CARBONELL</t>
  </si>
  <si>
    <t>MINIMERCADO VERONA</t>
  </si>
  <si>
    <t>CR 70 C # 80 48 BRR PARQUES DE PONTEVEDR</t>
  </si>
  <si>
    <t>PAPELERIA LA 17</t>
  </si>
  <si>
    <t>CL 17 SUR # 9 A 26 BRR EL SOCIEGO</t>
  </si>
  <si>
    <t>TV 73B 62B SUR 11 PI2</t>
  </si>
  <si>
    <t>MULTISERVICIOS UMA. RO</t>
  </si>
  <si>
    <t>CRA 36A 52G-36 SUR</t>
  </si>
  <si>
    <t>SERVICIO TECNICO CELUMAO 8</t>
  </si>
  <si>
    <t>CR 116 # 77 B 42 / CA 180 BRR VILLAS DE GRANADA</t>
  </si>
  <si>
    <t>PAPELERIA Y VARIEDADES OSLI</t>
  </si>
  <si>
    <t>CL. 108B SUR #2 ESTE-12 BOGOT COLOMBIA</t>
  </si>
  <si>
    <t>MULTITODO JUANDA</t>
  </si>
  <si>
    <t>CL 136 98 A 25</t>
  </si>
  <si>
    <t>DROGUERIAS ESPANOLA</t>
  </si>
  <si>
    <t>CL 25 B 72 80 TORRE 14 LOCAL 28</t>
  </si>
  <si>
    <t>CR 71 D # 6 94 / CC PLAZA AMERICAS 1046 BRR PLAZA AMERICAS</t>
  </si>
  <si>
    <t>BARBACOAS</t>
  </si>
  <si>
    <t>DROGUERIA LA NORMAL</t>
  </si>
  <si>
    <t>CL DEL COMERCIO DE BARBACOAS</t>
  </si>
  <si>
    <t>BELMIRA</t>
  </si>
  <si>
    <t>FRAILEJONES MISCELANEAS</t>
  </si>
  <si>
    <t>CRA 21 18 26</t>
  </si>
  <si>
    <t>TV 14 # 46 36 BRR SANTA LUERA</t>
  </si>
  <si>
    <t>INTERRAPIDISIMO YAYITA SOLUCIONES</t>
  </si>
  <si>
    <t>CR 69 B # 23 C 36 / BL 4 LC 10 BRR CIUDAD SALITRE</t>
  </si>
  <si>
    <t>DROGUERIA FARMA VISION</t>
  </si>
  <si>
    <t>CL 63 C 69 H 05</t>
  </si>
  <si>
    <t>HELENS BELLEZA TERNURA Y ALGO MAS</t>
  </si>
  <si>
    <t>CL 2 # 91 10 / LC 35 BRR PRIMAVERA</t>
  </si>
  <si>
    <t>MI PAPELERIA Y MAS</t>
  </si>
  <si>
    <t>CL 143 B # 145 16 BRR SABANA DE TIBABUYES</t>
  </si>
  <si>
    <t>PAPELERA Y MISCELNEA DONDE LA PROFE</t>
  </si>
  <si>
    <t>CR 81 G # 64 08 BRR ANTONIA SANTOS</t>
  </si>
  <si>
    <t>CABINAS CAMILA</t>
  </si>
  <si>
    <t>CL. 26 SUR #98 BOGOTA COLOMBIA</t>
  </si>
  <si>
    <t>NUEVO MUNDO SIN FRONTERAS</t>
  </si>
  <si>
    <t>CRA. 141A BIS C #143B-6 BOGOT COLOMBIA</t>
  </si>
  <si>
    <t>PAPELERIA CON ALEGRIA</t>
  </si>
  <si>
    <t>CL 74 # 77 B 8 BRR TABORA</t>
  </si>
  <si>
    <t>SUPERMERCADO PRIMAVERA CARBOTELL</t>
  </si>
  <si>
    <t>DG 49 SUR # 86 A 77 BRR BETANIA</t>
  </si>
  <si>
    <t>MAKRO POINT SERVICIOS</t>
  </si>
  <si>
    <t>AK. 1 #5C-66 BOGOT COLOMBIA</t>
  </si>
  <si>
    <t>CRA. 67 #58A SUR-34 BOGOT COLOMBIA</t>
  </si>
  <si>
    <t>DEPOSITO Y FERRETERIA HM</t>
  </si>
  <si>
    <t>CL 70 A SUR # 78 A 46 BRR NUEVA GRANADA BOSA</t>
  </si>
  <si>
    <t>COLPAGOS CASTELLANA2</t>
  </si>
  <si>
    <t>CL 66 DG 7 BRR ARENAL</t>
  </si>
  <si>
    <t>JURADÓ</t>
  </si>
  <si>
    <t>MULTISERVICIOS R  H</t>
  </si>
  <si>
    <t>SEC LA 20 BRR SECTOR LA VEINTE</t>
  </si>
  <si>
    <t>ESTACION DE SERVICIO LOS MAGNIFICOS</t>
  </si>
  <si>
    <t>CR 2 # 5 86 BRR CENTRO</t>
  </si>
  <si>
    <t>JRC ENTERPRISES</t>
  </si>
  <si>
    <t>CL 144.381C 108</t>
  </si>
  <si>
    <t>DROGUERIA MURIMA</t>
  </si>
  <si>
    <t>CRA 55 29 04</t>
  </si>
  <si>
    <t>LASS COLOMBIA</t>
  </si>
  <si>
    <t>DG 45 F SUR # 13 A 12 BRR MARCO FIDEL SUAREZ</t>
  </si>
  <si>
    <t xml:space="preserve">CLINIKFARMA </t>
  </si>
  <si>
    <t>CL. 52B BIS #85-26 BOGOTA COLOMBIA</t>
  </si>
  <si>
    <t>DROGUERIA CAPI EXPRESS</t>
  </si>
  <si>
    <t>CL 142 16 63</t>
  </si>
  <si>
    <t>CAPITAL DOGS  BEER</t>
  </si>
  <si>
    <t>KR 59 C NO 132 01 AP 100</t>
  </si>
  <si>
    <t>VARIEDADES DANI AYD</t>
  </si>
  <si>
    <t>CL 50 B SUR # 12 A 52 BRR ARBOLEDA SUR</t>
  </si>
  <si>
    <t>PAPELERIA FILIGRANA</t>
  </si>
  <si>
    <t>DG 46 # 13 F - 55 SUR BRR MARCO FIDEL SUAREZ</t>
  </si>
  <si>
    <t>CYBER MIKE</t>
  </si>
  <si>
    <t>CL 70 C SUR # 17 A - 19 BRR QUINTAS DEL SUR</t>
  </si>
  <si>
    <t>PUNTOSERVIS SAN JOSE DE ISNOS</t>
  </si>
  <si>
    <t>CR 3 A # 3 21 / 23 BRR LA PALMA</t>
  </si>
  <si>
    <t>COLPAGOS EDMUNDO LOPEZ</t>
  </si>
  <si>
    <t>SEC MZ D3-1 APTO 102 BRR EL PARAISO</t>
  </si>
  <si>
    <t>AK 27 # 38 A 83 / CC CENTRO MAYOR LC 1095 BRR VILLA MAYOR</t>
  </si>
  <si>
    <t>COLPAGOS LA GRANJA 2</t>
  </si>
  <si>
    <t>TV 5 # 5 - 22 BRR LA GRANJA</t>
  </si>
  <si>
    <t>AN-DA PAPELERIA Y COMUNICACIONES</t>
  </si>
  <si>
    <t>CL 8 # 32 60 / LC 102 BRR PRADO ALTO</t>
  </si>
  <si>
    <t>AUTOSERVICIO EL JARDIN CALIMIO DESEPAZ</t>
  </si>
  <si>
    <t>CRA 27 121 19</t>
  </si>
  <si>
    <t>MINIMARKET ROSSY</t>
  </si>
  <si>
    <t>DG 16 43 13</t>
  </si>
  <si>
    <t>ASESORIAS INTEGRALES LA UNION</t>
  </si>
  <si>
    <t>CARRERA 13 NO. 59 ANDILUM S.A.</t>
  </si>
  <si>
    <t>A LA MANO MULTISERVICIOS</t>
  </si>
  <si>
    <t>CR 63 B # 70 49 BRR VILLAS DEL SOL</t>
  </si>
  <si>
    <t>PAPELERIA Y VARIEDAD MARIA PAULA</t>
  </si>
  <si>
    <t>CR 34 # 70 62 BRR MANRIQUE ORIENTAL</t>
  </si>
  <si>
    <t>CR 7 ESTE # 43 A SUR 23 IN 1 LC 1 BRR LA GLORIA ORIENTAL</t>
  </si>
  <si>
    <t>HELADERA JANI</t>
  </si>
  <si>
    <t>CR 140 B # 131 10 BRR TOSCANA</t>
  </si>
  <si>
    <t>MEGANET LA MARIA</t>
  </si>
  <si>
    <t>AC 43 SUR NO 801-16</t>
  </si>
  <si>
    <t>JEF TECNOLOGIA</t>
  </si>
  <si>
    <t>CL 64 # 113 C 81 BRR SABANAS DEL DORADO</t>
  </si>
  <si>
    <t>TEXTILES Y VARIEDADES MAY</t>
  </si>
  <si>
    <t>CL 38 C SUR NO 87 F 38</t>
  </si>
  <si>
    <t>DONDE LLAMAS D OMAR</t>
  </si>
  <si>
    <t>CL 15 A # 81 D 12 / AP 100 P 1 BRR VERGEL OCCIDENTAL</t>
  </si>
  <si>
    <t>DROGUERIA Y PERFUMERIA LA CORUNA</t>
  </si>
  <si>
    <t>CRA 48 G 59 B SUR 36 P 1</t>
  </si>
  <si>
    <t>PAPELERIA Y MISCELANEA SAN ANDRES AFIDRO</t>
  </si>
  <si>
    <t>CL 143 # 128 02 / IN 38 LC 104 BRR SABANA DE TIBABUYES</t>
  </si>
  <si>
    <t>YEGA MENSAJERIA SAS</t>
  </si>
  <si>
    <t>CL 15 SUR # 17 39 BRR RESTREPO</t>
  </si>
  <si>
    <t>CONEXION@.ES</t>
  </si>
  <si>
    <t>KR 81 68 SUR 71</t>
  </si>
  <si>
    <t>ACCESORIOS Y PAPELERIA MAYI</t>
  </si>
  <si>
    <t>CL 71 # 27 B - 22 SUR BRR PARAISO QUIBA</t>
  </si>
  <si>
    <t>MULTISERVICIOS LA 40 YOPAL</t>
  </si>
  <si>
    <t>CL 40 # 11 15 BRR SAN MATEO</t>
  </si>
  <si>
    <t>MINIEXPRESS KENNEDY BRR DINDALITO</t>
  </si>
  <si>
    <t>CL 42 B SUR # 89 C 88 / LC 2 BRR DINDALITO</t>
  </si>
  <si>
    <t>CL 3 D # 13 107 / LC 2 BRR SAN PABLO</t>
  </si>
  <si>
    <t>COLPAGOS EDMUNDO LOPEZ 3</t>
  </si>
  <si>
    <t>TV 24 # 12 - 141 BRR EDMUNDO LOPEZ UNO</t>
  </si>
  <si>
    <t>ABRIAQUÍ</t>
  </si>
  <si>
    <t>PAPELERIA GOMEZ - ABRIAQUI</t>
  </si>
  <si>
    <t>CR 10 # 10 06 BRR CENTRO</t>
  </si>
  <si>
    <t>FERRETERA SAN MIGUEL</t>
  </si>
  <si>
    <t>AK. 15 #164B-21 BOGOT COLOMBIA</t>
  </si>
  <si>
    <t>CIGARRERA RB</t>
  </si>
  <si>
    <t>CL 63 K # 119 22 BRR SABANA DEL DORADO</t>
  </si>
  <si>
    <t>ANGELA99</t>
  </si>
  <si>
    <t>CR 44 A # 62 09 - SUR BRR CANDELARIA</t>
  </si>
  <si>
    <t>PAGOS CHEZSAN</t>
  </si>
  <si>
    <t>CL 67 A # 63 75 BRR ISLA DEL SOL</t>
  </si>
  <si>
    <t>SUMIFARMA PUNTO ROJO S.A.S.</t>
  </si>
  <si>
    <t>ACRA 9 # 145-84 LOCAL 101</t>
  </si>
  <si>
    <t>COPY MUNDO CENTRO DE COPIADO</t>
  </si>
  <si>
    <t>CL 9 77 31</t>
  </si>
  <si>
    <t>TELOPAGOYA.COM</t>
  </si>
  <si>
    <t>CL 75 NO 100 B 19</t>
  </si>
  <si>
    <t>GIROS Y ENVOS</t>
  </si>
  <si>
    <t>CL 139 # 103 F 21 BRR SUBA</t>
  </si>
  <si>
    <t>PAPELERIA ARTE Y ESCRITURA</t>
  </si>
  <si>
    <t>CL. 139 #109B-51 BOGOTA COLOMBIA</t>
  </si>
  <si>
    <t>YOLANGEL PAPELERIA</t>
  </si>
  <si>
    <t>CRA. 87C #51 SUR-61 BOGOTA COLOMBIA</t>
  </si>
  <si>
    <t>TONY.NET</t>
  </si>
  <si>
    <t>CALLE 69 # 112 - 20</t>
  </si>
  <si>
    <t>INTERNET LAS VEGAS</t>
  </si>
  <si>
    <t>CL 58 A SUR # 68 C 24 BRR BOSA LA LIBERTAD</t>
  </si>
  <si>
    <t>PUNTOSERVIS SANTA MARTA</t>
  </si>
  <si>
    <t>CR 32 # 18 31 BRR SANTA LUCIA</t>
  </si>
  <si>
    <t>DROGAS MERCI</t>
  </si>
  <si>
    <t>CRA 1 A 19 A 67</t>
  </si>
  <si>
    <t>INTERNET SHAILOT</t>
  </si>
  <si>
    <t>CL 71 SUR # 88 C 24 BRR BOSA SAN ANTONIO</t>
  </si>
  <si>
    <t>COMUNICACIONES OSO. A</t>
  </si>
  <si>
    <t>CL 18 # 114 04 BRR FONTIBON</t>
  </si>
  <si>
    <t>ROCOLA BAR DANIELA</t>
  </si>
  <si>
    <t>CL 53 72 A 18</t>
  </si>
  <si>
    <t>DROGAS GARIBAY</t>
  </si>
  <si>
    <t>CL 73 A # 69 K 35 BRR LAS FERIAS OCCIDENTAL</t>
  </si>
  <si>
    <t>EL OASIS 2</t>
  </si>
  <si>
    <t>CRA. 99B #56G SUR-43 BOGOT COLOMBIA</t>
  </si>
  <si>
    <t>INTERRAPIDISIMO GONZALO</t>
  </si>
  <si>
    <t>CL 78 SUR # 88 G 25 / IN 22 LC 3 BRR SAN BERNARDINO POTRERITOS</t>
  </si>
  <si>
    <t>VARIEDADES ALMA Y JUAN</t>
  </si>
  <si>
    <t>CR 15 # 18 4 BRR CENTRO</t>
  </si>
  <si>
    <t>DROGUERIA MEGAFARMA YOPAL</t>
  </si>
  <si>
    <t>CR 11 # 43 76 BRR PROGRESO</t>
  </si>
  <si>
    <t>PRODUCTOS Y SERVICIOS MANGEL</t>
  </si>
  <si>
    <t>CRA 23 6C SUR 08 INT C27</t>
  </si>
  <si>
    <t>DISTRIBUCCIONES ULLOA MA</t>
  </si>
  <si>
    <t>CR 3 # 5 44 BRR CENTRO</t>
  </si>
  <si>
    <t>LLAME AQUI LA 35</t>
  </si>
  <si>
    <t>CRA 35 25 52 LC 2 DE TULUA</t>
  </si>
  <si>
    <t>MR. SHOES</t>
  </si>
  <si>
    <t>CR 52 # 52 10 BRR CENTRO</t>
  </si>
  <si>
    <t>HOYERS PAPELERIA MISCELANEA E IMPORTADOS</t>
  </si>
  <si>
    <t>CALLE 30 NO 29-61 PISO 2</t>
  </si>
  <si>
    <t>TARSO</t>
  </si>
  <si>
    <t>VARIEDADES Y SERVICIOS D.M</t>
  </si>
  <si>
    <t>CR 20 17 50 CL PRINCIPA</t>
  </si>
  <si>
    <t>DROGUERIA D RIOS</t>
  </si>
  <si>
    <t>CL 20D 44 6</t>
  </si>
  <si>
    <t>WORLDCELL</t>
  </si>
  <si>
    <t>AK 7 162 16 LC E3</t>
  </si>
  <si>
    <t>PAPELERIA Y MISCELANEA GINGER</t>
  </si>
  <si>
    <t>KR 91C 2 55 BQ 1 CA 13</t>
  </si>
  <si>
    <t>CALLE 62 SUR N 83 A 04</t>
  </si>
  <si>
    <t>PAGOS.DAR</t>
  </si>
  <si>
    <t>CL 92 A SUR # 12 50 BRR EL VIRREY</t>
  </si>
  <si>
    <t>EMR.CONEXION</t>
  </si>
  <si>
    <t>CR 80 H # 63 17 - SUR / LC 102 BRR BOSA CENTRO</t>
  </si>
  <si>
    <t>PAÑALERA LYD</t>
  </si>
  <si>
    <t>CL 91 SUR # 78 B 13 BRR BOSA SAN JOSE</t>
  </si>
  <si>
    <t>X TREME DIGITAL</t>
  </si>
  <si>
    <t>DG 71 B SUR # 18 I 73 / B BRR VISTA HERMOSA</t>
  </si>
  <si>
    <t>SOLUCIONES Y COMUNICACIONES VILLA ELISA</t>
  </si>
  <si>
    <t>CL 132 # 94 22 BRR VILLA ELISA</t>
  </si>
  <si>
    <t>CORRESPONSAL LOS TAMBOS</t>
  </si>
  <si>
    <t>CL 20 # 28 35 BRR ESTACION LOS TAMBOS</t>
  </si>
  <si>
    <t>SOAT ISABEL</t>
  </si>
  <si>
    <t>SANTANDER DE QUILICHAO - CALI #26-78 CALI VALLE DEL CAUCA COLOMBIA</t>
  </si>
  <si>
    <t>VARIEDADES TRIPLE B</t>
  </si>
  <si>
    <t>CL 101 # 14 B 45 BRR CENTRO</t>
  </si>
  <si>
    <t>DROGUERIA MEDISALUD NO 1</t>
  </si>
  <si>
    <t>AV 19 # 147 23 / LC 101 BRR CEDRITOS</t>
  </si>
  <si>
    <t>MENDEZ MOYA YANCY</t>
  </si>
  <si>
    <t>CL 33 BIS SUR 86 81 LOCAL # 4</t>
  </si>
  <si>
    <t>SERVICIOS  SOLUCIONES CO</t>
  </si>
  <si>
    <t>CL 6 A # 75 56 / LC 28 PASEO DE LAS AMERICAS BRR LAS DOS AVENIDAS</t>
  </si>
  <si>
    <t>REPUESTOS HILOS RM</t>
  </si>
  <si>
    <t>CR SSUR 24-55 IC 121 DE JULIS BOGOTA CU</t>
  </si>
  <si>
    <t>MEDICINA BOTï¿¡NICA</t>
  </si>
  <si>
    <t>CRA. 78K #35A SUR-13 BOGOTï¿ COLOMBIA</t>
  </si>
  <si>
    <t>HAPPY DAY PIATAS Y DECORACIONES</t>
  </si>
  <si>
    <t>TV 18 J # 71 17 - SUR BRR SAN RAFAEL</t>
  </si>
  <si>
    <t>DONDE LUCHO DISTRIBUEDORA</t>
  </si>
  <si>
    <t>CR 6 ESTE # 91 55 - SUR BRR ALFONSO LOPEZ</t>
  </si>
  <si>
    <t>GUMMY BOX MALEJA</t>
  </si>
  <si>
    <t>CRA. 103C #133A-78 BOGOTA COLOMBIA</t>
  </si>
  <si>
    <t>MACBOC INTERNET</t>
  </si>
  <si>
    <t>CL 57 Z SUR # 75 14 BRR LA ESTANCIA</t>
  </si>
  <si>
    <t>TELECOMUNICACIONES JULIETH</t>
  </si>
  <si>
    <t>KR 53B 5 84</t>
  </si>
  <si>
    <t>BYTES COLOMBIA 1</t>
  </si>
  <si>
    <t>CL. 72 #101-22 BOGOTA COLOMBIA</t>
  </si>
  <si>
    <t>LETICIA</t>
  </si>
  <si>
    <t>PUNTOSERVIS PUERTO LEGUIZAMO</t>
  </si>
  <si>
    <t>CR 9 # 11 82 BRR CENTRO</t>
  </si>
  <si>
    <t>CR 5 # 60 123 / CC MULTICENTO LC 260 BRR JORDAN</t>
  </si>
  <si>
    <t>COLPAGOS MAICAO 4</t>
  </si>
  <si>
    <t>CL 3 # 6 91 BRR VEINTE DE JULIO</t>
  </si>
  <si>
    <t>CL 97 # 68 10 BRR CASTILLA</t>
  </si>
  <si>
    <t>DROGAS ECONMICAS PARRA</t>
  </si>
  <si>
    <t>CR 10 # 22 79 - SUR BRR SOCIEGO SUR</t>
  </si>
  <si>
    <t>DON BRUCE</t>
  </si>
  <si>
    <t>KR 9C ESTE 30B SUR 54 LC 102</t>
  </si>
  <si>
    <t>VARIEDADES BOLONIA</t>
  </si>
  <si>
    <t>CR 4 ESTE # 78 A 10 - SUR BRR EL CURUBO</t>
  </si>
  <si>
    <t>DESECHABLES Y PIATERIA SE</t>
  </si>
  <si>
    <t>CL 46 SUR # 83 14 BRR BRITALIA</t>
  </si>
  <si>
    <t>PAPELERIA ISA</t>
  </si>
  <si>
    <t>CL 136 A # 154 A 03 BRR LISBOA</t>
  </si>
  <si>
    <t>DROGUERIA M A C</t>
  </si>
  <si>
    <t>CL 56 SUR # 14 C 43 - ESTE / AP 201 BRR LOS LIBERTADORES</t>
  </si>
  <si>
    <t>GLAMOUR</t>
  </si>
  <si>
    <t>CL 188 # 07 B 11 BRR TIBABITA</t>
  </si>
  <si>
    <t>CERRAJERIA LA PRIMAVERA MULTISERVICIOS</t>
  </si>
  <si>
    <t>CL 26 # 93 51 BRR CALANDAIMA</t>
  </si>
  <si>
    <t>CR 9 # 17 - 14 SUR BRR SOACHA COMPARTIR</t>
  </si>
  <si>
    <t>PUNTOSERVIS COMERCIO VALLEDUPAR 12</t>
  </si>
  <si>
    <t>CL 16 # 19 27 BRR DANGOND</t>
  </si>
  <si>
    <t>EXPRESS TEUSAQUILLO BRR NICOLAS FEDERMAN</t>
  </si>
  <si>
    <t>CR 36 A # 57 B 10 BRR NICOLAS FEDERMAN</t>
  </si>
  <si>
    <t>MINIEXPRESS PARATEBUENO MAYA</t>
  </si>
  <si>
    <t>CL 2 # 3 46 BRR PARATEBUENO MAYA</t>
  </si>
  <si>
    <t>FERRETERIA CANAVERALEJO</t>
  </si>
  <si>
    <t>CL. 5 #59A-161 CALI VALLE DEL CAUCA COLOMBIA</t>
  </si>
  <si>
    <t>PAGOS Y MAS</t>
  </si>
  <si>
    <t>CRA 33 34 05</t>
  </si>
  <si>
    <t>LA FIESTA</t>
  </si>
  <si>
    <t>CR 49 # 55 31 BRR PARQUE PRINCIPAL</t>
  </si>
  <si>
    <t>SINGLES ON LINE</t>
  </si>
  <si>
    <t>CRA 91 B # 83 - 10</t>
  </si>
  <si>
    <t>CL. 60A SUR #74H-1 BOGOT COLOMBIA</t>
  </si>
  <si>
    <t>INTERCOM AAA 2</t>
  </si>
  <si>
    <t>CL 70 A # 87 A 44 BRR LA FLORIDA</t>
  </si>
  <si>
    <t>DROGAS SANTA CLARA RIANO</t>
  </si>
  <si>
    <t>CRA 14 B 1 64 SUR</t>
  </si>
  <si>
    <t>DROGAS MICHAELL</t>
  </si>
  <si>
    <t>CL 65 SUR 6 A 52</t>
  </si>
  <si>
    <t>CL. 4 SUR #14B-39 BOGOTA COLOMBIA</t>
  </si>
  <si>
    <t>TECNOLOGIAS JIREH</t>
  </si>
  <si>
    <t>CR 45 # 73 42 - SUR / LC 102 BRR LA PRADERA</t>
  </si>
  <si>
    <t>PAPELGEMMA</t>
  </si>
  <si>
    <t>DG. 83 BIS #78-14 BOGOTï¿ COLOMBIA</t>
  </si>
  <si>
    <t>MESAEXPRESS</t>
  </si>
  <si>
    <t>CL 77 # 112 B 10 BRR VILLAS DE GRANADA I</t>
  </si>
  <si>
    <t>SUPERMERCADO EL REY CAMPESTRE</t>
  </si>
  <si>
    <t>MZ 12 CA 14 BRR ARBOLEDA CAMPESTRE</t>
  </si>
  <si>
    <t>VALPARAÍSO</t>
  </si>
  <si>
    <t>VARIEDADES BEAUTIFUL LADES</t>
  </si>
  <si>
    <t>CL. 9 #11-30 VALPARAISO ANTIOQUIA COLOMBIA</t>
  </si>
  <si>
    <t>VARIEDADES ANVI</t>
  </si>
  <si>
    <t>CR 15 # 56 29 - SUR BRR SAN CARLOS</t>
  </si>
  <si>
    <t>INTERRAPIDISIMO / SALCEREYES</t>
  </si>
  <si>
    <t>CRA. 87J #49C SUR-14, BOGOTï¿¡, COLOMBIA</t>
  </si>
  <si>
    <t>CR 4 # 00 36 - SUR BRR LAS BRISAS</t>
  </si>
  <si>
    <t>GLORIA ELSA CORTES GARCIA</t>
  </si>
  <si>
    <t>CR 10 # 48 A 25 - SUR BRR VILLA GLADYS</t>
  </si>
  <si>
    <t>VARIEDADES MANANTIAL DE VIDA</t>
  </si>
  <si>
    <t>CL 65 H SUR # 77 I 15 BRR BOSA LA ESTACION</t>
  </si>
  <si>
    <t>LA FIRMA</t>
  </si>
  <si>
    <t>CR 88 A # 55 27 - SUR BRR ESCOCIA</t>
  </si>
  <si>
    <t>PAPER SMILES</t>
  </si>
  <si>
    <t>CL 60 SUR # 80 D 16 BRR LA SULTANA BOSA</t>
  </si>
  <si>
    <t>LA TIENDA DE LISBOA</t>
  </si>
  <si>
    <t>CR 152 # 134 21 BRR LISBOA</t>
  </si>
  <si>
    <t>DROGUERIA MEDITERRANEA</t>
  </si>
  <si>
    <t>CL 19A 88 70 TR 2 LC 105</t>
  </si>
  <si>
    <t>NR SOLUCIONES INTEGRALES</t>
  </si>
  <si>
    <t>CL 49 B SUR # 9 89 / LC 722 BRR MOLINOS</t>
  </si>
  <si>
    <t>DROGUERIA DON MIGUEL</t>
  </si>
  <si>
    <t>CL. 189A #3A-24 BOGOTA COLOMBIA</t>
  </si>
  <si>
    <t>SUPERMERCADO LA FRINTERA</t>
  </si>
  <si>
    <t>CL 1 C SUR # 7 A 50 BRR CALVO SUR</t>
  </si>
  <si>
    <t>ARCUSFI - UALÃ</t>
  </si>
  <si>
    <t>DUCAR</t>
  </si>
  <si>
    <t>CR 21 # 19 47 / PAR PRINCIPAL BRR CENTRO</t>
  </si>
  <si>
    <t>MINIEXPRESS SANTA ROSA DEL SUR BRR CENTRO</t>
  </si>
  <si>
    <t>CL 10 # 10 16 BRR CENTRO</t>
  </si>
  <si>
    <t>COLPAGOS PURISIMA</t>
  </si>
  <si>
    <t>CR 6 # 3 16 BRR SAN RAFAEL</t>
  </si>
  <si>
    <t>COLPAGOS LORICA 4</t>
  </si>
  <si>
    <t>CR 26 # 11 46 BRR SAN PEDRO</t>
  </si>
  <si>
    <t>AG PIZARREAL GERARDO</t>
  </si>
  <si>
    <t>AV 10 KDX 75 A BRR PIZARREAL</t>
  </si>
  <si>
    <t>MUNDO PAPEL LAS 3R</t>
  </si>
  <si>
    <t>CL. 42 #24-118 TULUï¿ VALLE DEL CAUCA COLOMBIA</t>
  </si>
  <si>
    <t>COMUNICACIONES PASOANCHO GAG</t>
  </si>
  <si>
    <t>CL 41A # 25-114</t>
  </si>
  <si>
    <t>ERIKA ALEXANDRA</t>
  </si>
  <si>
    <t>CL 10 # 5 50 / LC 105 BRR CENTRO</t>
  </si>
  <si>
    <t>TIENDA LA 4C</t>
  </si>
  <si>
    <t>AV 04 OESTE # 16 61 BRR TERRON</t>
  </si>
  <si>
    <t>FRONTINO</t>
  </si>
  <si>
    <t>MERKEMOS MANGURUMA</t>
  </si>
  <si>
    <t>CRA 36 21 42</t>
  </si>
  <si>
    <t>LENCERIA JERICO</t>
  </si>
  <si>
    <t>CRA. 5 #8-43 JERIC ANTIOQUIA COLOMBIA</t>
  </si>
  <si>
    <t>CIGARRERIA EL EDEN DE CHA</t>
  </si>
  <si>
    <t>CL 49 BIS SUR # 5 B 77 BRR SAN AGUSTIN</t>
  </si>
  <si>
    <t>DISTRIBUIDORA EL TRIUNFO</t>
  </si>
  <si>
    <t>CR 111 # 66 06 BRR SAN ANTONIO</t>
  </si>
  <si>
    <t>PAPELERIA ACCESS</t>
  </si>
  <si>
    <t>CR 75 # 24 36 BRR MODELIA</t>
  </si>
  <si>
    <t>PA QUE LUIS BARBER</t>
  </si>
  <si>
    <t>TV. 96B #21A-48 BOGOTA COLOMBIA</t>
  </si>
  <si>
    <t>SERVICIOSOPORTUNOSJP</t>
  </si>
  <si>
    <t>CR 111 A # 221 I 91 BRR BOGOTA</t>
  </si>
  <si>
    <t>COMUNICACIONES JKM</t>
  </si>
  <si>
    <t>CL 87 B # 3 A 21 BRR CHUNIZA</t>
  </si>
  <si>
    <t>MERCADOS DONDE MANUEL</t>
  </si>
  <si>
    <t>CL 109 20 69</t>
  </si>
  <si>
    <t>MISCELANEA LA ALDEA</t>
  </si>
  <si>
    <t>CL 7 # 17 02 BRR LA ALDEA</t>
  </si>
  <si>
    <t>PUNTOSERVIS BOGOTA 37</t>
  </si>
  <si>
    <t>CL 11 ESTE # 45 C 62 - SUR BRR LA GLORIA</t>
  </si>
  <si>
    <t>MINIEXPRESS ANTONIO NARIÑO BARRIO SAN ANTONIO</t>
  </si>
  <si>
    <t>CR 88 D # 34 36 - SUR BRR PATIO BONITO</t>
  </si>
  <si>
    <t>INTERNET DAVID</t>
  </si>
  <si>
    <t>CL 5 # 2 73 BRR NUESTRA SEORA DEL ROSARIO</t>
  </si>
  <si>
    <t>AMC FERRETERIA SERVICIOS Y MANTENIMIENTOS INTEGRALES</t>
  </si>
  <si>
    <t>CL 62 # 2 A NORTE - 81</t>
  </si>
  <si>
    <t>GO MARKET</t>
  </si>
  <si>
    <t>CL 9 61 60</t>
  </si>
  <si>
    <t xml:space="preserve">QUINTANA COMUNICACIONES </t>
  </si>
  <si>
    <t>CALLE 35 #32-14 LA PINTADA ANTIOQUIA COLOMBIA</t>
  </si>
  <si>
    <t>BANKI-TO</t>
  </si>
  <si>
    <t>CL 58 SUR # 15 D 30 - ESTE BRR SAN RAFAEL</t>
  </si>
  <si>
    <t>PAï¿±ALERA AARï¿³N</t>
  </si>
  <si>
    <t>CALLE 65A SUR # 78H 10</t>
  </si>
  <si>
    <t>PAPELERA E INTERNET TLC</t>
  </si>
  <si>
    <t>KR 100 A # 73-14 SUR</t>
  </si>
  <si>
    <t>DROGUERIA SEPTHYFARMA</t>
  </si>
  <si>
    <t>CL. 189 #4A-30 BOGOTA COLOMBIA</t>
  </si>
  <si>
    <t>DROGUERIA DYLANES</t>
  </si>
  <si>
    <t>CL 77 NO 123 B 23</t>
  </si>
  <si>
    <t>SHALOMMNET</t>
  </si>
  <si>
    <t>CALLE 79 SUR 2 - 19 ESTE</t>
  </si>
  <si>
    <t>CIGARRERIA Y ABARROTES DONDE YEYO</t>
  </si>
  <si>
    <t>DIAGONAL 48Y NO. 5R-44 SUR</t>
  </si>
  <si>
    <t>BROKERGRAPHICS SAS</t>
  </si>
  <si>
    <t>CL 100 # 17- 61 LOCAL 104</t>
  </si>
  <si>
    <t>DROMODROGAS PLUS</t>
  </si>
  <si>
    <t>CL 76B SUR 14 47 INT 1</t>
  </si>
  <si>
    <t>PAPELERIA SHEKINA D</t>
  </si>
  <si>
    <t>CL 50 B SUR NO36-88</t>
  </si>
  <si>
    <t>PAPELERIA SAN JOSE</t>
  </si>
  <si>
    <t>CR 24 # 86 68 BRR POLO CLUB</t>
  </si>
  <si>
    <t>PUNTOSERVIS VALLEDUPAR 4</t>
  </si>
  <si>
    <t>CL 7 A # 19 A 65 BRR LOS MUSICOS</t>
  </si>
  <si>
    <t>VARIEDADES MANGEL</t>
  </si>
  <si>
    <t>CR 23 # 6 C 08 - SUR BRR SANTA MARIA</t>
  </si>
  <si>
    <t>PAPELERIA JJ</t>
  </si>
  <si>
    <t>CL 5 # 7 A 5 BRR PANAMERICANO</t>
  </si>
  <si>
    <t>TRAMITES VUELTAS Y MANDADOS</t>
  </si>
  <si>
    <t>CL 14 # 34 56 BRR EL DORADO</t>
  </si>
  <si>
    <t>ALMACEN Y COMPRAVENTA EL TESORO DEL CARMELO</t>
  </si>
  <si>
    <t>CL 13 NO 9 109 LOCAL 5 EL CARMELO</t>
  </si>
  <si>
    <t>DROGUERIA MINERVA</t>
  </si>
  <si>
    <t>TV 29 23 21</t>
  </si>
  <si>
    <t>KR 54 NO 46 SUR-59IN</t>
  </si>
  <si>
    <t>PAPELERA Y MISCELNEA  CARITO</t>
  </si>
  <si>
    <t>CL 34 BIS SUR # 86 G 06 BRR PATIO BONITO</t>
  </si>
  <si>
    <t>PAPELERIA SUAREZ Q</t>
  </si>
  <si>
    <t>AC. 11 SUR #8-18 BOGOT COLOMBIA</t>
  </si>
  <si>
    <t>VARIEDADES CAPRICORNIO</t>
  </si>
  <si>
    <t>CL 32 A SUR # 26 C 04 BRR MURILLO TORO</t>
  </si>
  <si>
    <t>MISCELANEA Y PAPELERA NICO-ARTE</t>
  </si>
  <si>
    <t>CL 70 C # 113 54 BRR LA RIVIERA</t>
  </si>
  <si>
    <t>VARIEDADES DE TODO UN POQUITO</t>
  </si>
  <si>
    <t>CL 1 D BIS # 29 07 BRR SANTA ISABEL</t>
  </si>
  <si>
    <t>CALLE 7 #90-76</t>
  </si>
  <si>
    <t>CARLOS MAYORGA</t>
  </si>
  <si>
    <t>CARRERA 1 # 65 A 19</t>
  </si>
  <si>
    <t>MC RECARGAS</t>
  </si>
  <si>
    <t>CL 11 # 10 - 55 BRR CENTRO</t>
  </si>
  <si>
    <t>MONACHITOS 1</t>
  </si>
  <si>
    <t>CR 17 # 20 03 BRR SAN MARTIN</t>
  </si>
  <si>
    <t>DROGUERIA FENIX</t>
  </si>
  <si>
    <t>CR 20 # 12 16 BRR CUATRO ESQUINAS</t>
  </si>
  <si>
    <t>PUNTOSERVIS BUCARAMANGA 1</t>
  </si>
  <si>
    <t>CL 12 # 12 78 BRR SAN FRANCISCO</t>
  </si>
  <si>
    <t>PUNTOSERVIS BOGOTA 19</t>
  </si>
  <si>
    <t>CL 132 D # 140 12 / AP 100 BRR SUBA LA TOSCANA</t>
  </si>
  <si>
    <t>FOTO ALMACEN ROSITA</t>
  </si>
  <si>
    <t>CL 9 # 3 51 BRR CENTRO</t>
  </si>
  <si>
    <t>ASYGESTION SST</t>
  </si>
  <si>
    <t>CR 4 # 9 13 BRR ALTO DE LA VIRGEN</t>
  </si>
  <si>
    <t>COLPAGOS LA PALMA</t>
  </si>
  <si>
    <t>SEC 1 MZ 18-13 BRR LA PALMA</t>
  </si>
  <si>
    <t>SEGUROS BROKER</t>
  </si>
  <si>
    <t>CL 9 # 4 19 BRR CENTRO</t>
  </si>
  <si>
    <t>COMUNICACIONES JUNIOR PALMIRA</t>
  </si>
  <si>
    <t>CRA 41 34 30</t>
  </si>
  <si>
    <t>CRA 6 11 34</t>
  </si>
  <si>
    <t>LAURISSS PAPELERIA Y SERVICIOS</t>
  </si>
  <si>
    <t>CALLE 69A 77C 35</t>
  </si>
  <si>
    <t>TELEFONIA CRISDA</t>
  </si>
  <si>
    <t>CR 14 M # 71 F 09 BRR LA AURORA</t>
  </si>
  <si>
    <t>MULTI-CORRESPONSAL</t>
  </si>
  <si>
    <t>AC 153 # 97 12 BRR CAMPANELLA</t>
  </si>
  <si>
    <t>COMUNICACIONES MALLERRY</t>
  </si>
  <si>
    <t>CR 21 # 197 02 BRR CANAIMA</t>
  </si>
  <si>
    <t>MISCELANEA Y PAPELERIA LA FORTALEZA</t>
  </si>
  <si>
    <t>CL 71 G SUR # 14 074 / 01 BRR EL CORTIJO</t>
  </si>
  <si>
    <t>PAPELERA MISCELANEA MAOSCK</t>
  </si>
  <si>
    <t>CL. 58 SUR #78K-7 BOGOT COLOMBIA</t>
  </si>
  <si>
    <t>CAFE LAPIZ Y PAPEL</t>
  </si>
  <si>
    <t>CR 95 B # 130 F 05 BRR GLORIA CARA</t>
  </si>
  <si>
    <t>DROGUERIA  MULTIDROGAS 0</t>
  </si>
  <si>
    <t>CL. 61A SUR CON #98C-29 BOGOTï¿ COLOMBIA</t>
  </si>
  <si>
    <t>VARIEDADES JHOWER ANDRES</t>
  </si>
  <si>
    <t>DG 42 A # 81 11 - SUR BRR VILLA EMILIA</t>
  </si>
  <si>
    <t>SMART CASE TECNOLOGIA Y ACCESORIOS</t>
  </si>
  <si>
    <t>CR 8 C # 187 A 44 BRR LIJACA</t>
  </si>
  <si>
    <t>CARMEN GALINDO ORTIZ</t>
  </si>
  <si>
    <t>CL 75 SUR # 7 A 39 BRR LA SURENA</t>
  </si>
  <si>
    <t>PUNTOSERVIS VALLEDUPAR 10</t>
  </si>
  <si>
    <t>CL 16 # 19 D 23 BRR DANGOND</t>
  </si>
  <si>
    <t>VARIEDADES LOS SANTOS</t>
  </si>
  <si>
    <t>CR 6 # 14 44 BRR CORDOBA</t>
  </si>
  <si>
    <t>KOMPRAR</t>
  </si>
  <si>
    <t>CR 7 # 9 30 BRR LOS FUNDADORES</t>
  </si>
  <si>
    <t>VARIEDADES Y PAEPELRIA ANGELITO</t>
  </si>
  <si>
    <t>CL 4 7 18 CRA EL PLACER EL CERRITO</t>
  </si>
  <si>
    <t>MERCADOS Y PANADERIA CAMPO AMOR</t>
  </si>
  <si>
    <t>CL 5 54 04</t>
  </si>
  <si>
    <t>PAPELERIA Y VARIEDADES 209</t>
  </si>
  <si>
    <t>CR 44 # 26 71 / IN 209 BRR MADERA</t>
  </si>
  <si>
    <t>VARIEDADES TEOFILA 2</t>
  </si>
  <si>
    <t>CL 130 C # 94 B 22 BRR SUBA COSTARICA</t>
  </si>
  <si>
    <t>CIGARRERIA JENNIFER S</t>
  </si>
  <si>
    <t>CR 132 A # 130 A 33 BRR MIRAMAR</t>
  </si>
  <si>
    <t>SLMENSAJERIA</t>
  </si>
  <si>
    <t>KR 93 NO 127 B-20</t>
  </si>
  <si>
    <t>PAPELERIA EL TRIANGULO</t>
  </si>
  <si>
    <t>DG 60 # 3 B 75 BRR DANUBIO AZUL</t>
  </si>
  <si>
    <t>CONEXIONMARGARITAS.ES</t>
  </si>
  <si>
    <t>CL 49 SUR # 89 21 BRR BOSA BRAZIL</t>
  </si>
  <si>
    <t>FENIXGYE</t>
  </si>
  <si>
    <t>TV. 126 #132D-2 BOGOT COLOMBIA</t>
  </si>
  <si>
    <t>CALLE 1 F 35B-35</t>
  </si>
  <si>
    <t>DROGUERIA ALASKA 182</t>
  </si>
  <si>
    <t>CRA 4 182C 20</t>
  </si>
  <si>
    <t>ACHÍ</t>
  </si>
  <si>
    <t>COLPAGOS ACHI</t>
  </si>
  <si>
    <t>CR 8 CL 13 CEN BRR</t>
  </si>
  <si>
    <t>PUNTOSERVIS CUCUTA 5</t>
  </si>
  <si>
    <t>AV 2 # 7 A 11 BRR DONA NIDIA</t>
  </si>
  <si>
    <t>D P QUIMICA LEATHER</t>
  </si>
  <si>
    <t>CL 3 3 27 BRR SAN JOSE OBRERO</t>
  </si>
  <si>
    <t>DROGUERIA EL LAGO CALIMA</t>
  </si>
  <si>
    <t>CRA 7 # 6 - 60</t>
  </si>
  <si>
    <t>LOA FOTO ESTUDIO</t>
  </si>
  <si>
    <t>CL 44 # 28 05 BRR SINDICAL</t>
  </si>
  <si>
    <t>LA PASTORA</t>
  </si>
  <si>
    <t>CARRERA 36 # 75 A 09</t>
  </si>
  <si>
    <t>COMIDAS Y SERVICIOS LAUREL</t>
  </si>
  <si>
    <t>CL 66 # 72 A 79 / P 1 BRR EL REAL</t>
  </si>
  <si>
    <t>MUNDO CYBER #2</t>
  </si>
  <si>
    <t>CL. 22 #9-49 BOGOT COLOMBIA</t>
  </si>
  <si>
    <t>VARIEDADES JCCHM</t>
  </si>
  <si>
    <t>AK 10 NO 8 SUR - 35 AP 101</t>
  </si>
  <si>
    <t>MANDARINA INC</t>
  </si>
  <si>
    <t>CR 14 L # 73 D 31 - SUR BRR SANTA LIBRADA</t>
  </si>
  <si>
    <t>CYBERPLAY Y PAPELERIA</t>
  </si>
  <si>
    <t>CL 1 C # 12 A 04 BRR SAN BERNARDO</t>
  </si>
  <si>
    <t>MISCELANEA SAMP</t>
  </si>
  <si>
    <t>CL. 8A BIS #94-48 BOGOTA COLOMBIA</t>
  </si>
  <si>
    <t>INTERNET NICOLLE</t>
  </si>
  <si>
    <t>CL 87 B SUR # 3 34 BRR BELLAVISTA</t>
  </si>
  <si>
    <t>DROGUERIA EXIPHARMA GALAN</t>
  </si>
  <si>
    <t>CRA 56 4 01</t>
  </si>
  <si>
    <t>ALMACEN COMPRA VENTA DARIO</t>
  </si>
  <si>
    <t>CL 33 A 17 F 2 27</t>
  </si>
  <si>
    <t>DROGUERIA GUADALUPE SUR</t>
  </si>
  <si>
    <t>CL 3 2 86 CATAMBUCO</t>
  </si>
  <si>
    <t xml:space="preserve">PAGO EXPRESS </t>
  </si>
  <si>
    <t>CRA. 7H BIS #70-66 CALI PALMIRA VALLE DEL CAUCA COLOMBIA</t>
  </si>
  <si>
    <t>PAPELERIA  M D J</t>
  </si>
  <si>
    <t>CL. 101 #23B-63 CALI VALLE DEL CAUCA COLOMBIA</t>
  </si>
  <si>
    <t>PUNTO RECAUDO LA NAVARRA</t>
  </si>
  <si>
    <t>AV 21 # 55 21 / IN 201 BRR NAVARRA</t>
  </si>
  <si>
    <t>ANORÍ</t>
  </si>
  <si>
    <t>TEFICEL</t>
  </si>
  <si>
    <t>CL 5 # 5 01 BRR PARQUE PRINCIPAL</t>
  </si>
  <si>
    <t>COMUNICACIONES LA PROMESA</t>
  </si>
  <si>
    <t>CL 49 G # 7 A 19 BRR MOLINOS</t>
  </si>
  <si>
    <t>MONTAIN SILVER</t>
  </si>
  <si>
    <t>CL. 71A SUR #81G-7 BOGOTA COLOMBIA</t>
  </si>
  <si>
    <t>FARMATOLEDO</t>
  </si>
  <si>
    <t>CL 77 A 83 93</t>
  </si>
  <si>
    <t>SOLUCIONES Y LOGISTICA MM</t>
  </si>
  <si>
    <t>CL. 55 SUR #72A-73 BOGOT COLOMBIA</t>
  </si>
  <si>
    <t>CR 105 F BIS # 70 D 23 BRR VILLA AMALIA</t>
  </si>
  <si>
    <t>TELEXPRES INTERNET</t>
  </si>
  <si>
    <t>CR 109 B # 140 A 16 BRR LAS FLORES</t>
  </si>
  <si>
    <t>TORNI TUERCAS M&amp;S</t>
  </si>
  <si>
    <t>KR 27A 63G 01</t>
  </si>
  <si>
    <t>CIBERCAFE.COM</t>
  </si>
  <si>
    <t>CL. 81 #108-7, BOGOTï¿¡, COLOMBIA</t>
  </si>
  <si>
    <t>MISCELANEA GABI P</t>
  </si>
  <si>
    <t>AC 68 # 47 A 10 BRR CORUÃ‘A</t>
  </si>
  <si>
    <t>FALCONIM</t>
  </si>
  <si>
    <t>CL 63 SUR 640090 T04 107 01230</t>
  </si>
  <si>
    <t>PREMIUM BARRANCABERMEJA</t>
  </si>
  <si>
    <t>CR 34 # 52 35 BRR BARRANCABERMEJA</t>
  </si>
  <si>
    <t>TAXATELITE</t>
  </si>
  <si>
    <t>CR 68 A # 19 16 BRR GRANJAS DE TECHO</t>
  </si>
  <si>
    <t>EXPRESS MAICAO BARRIO EL BOSQUE</t>
  </si>
  <si>
    <t>CL 6 # 10 27 BRR EL BOSQUE</t>
  </si>
  <si>
    <t>PUNTOSERVIS COMERCIO PASTO 1</t>
  </si>
  <si>
    <t>CR 2 # 0 0 / MZ 26 BRR CHANBU</t>
  </si>
  <si>
    <t>DROGAS MERCY</t>
  </si>
  <si>
    <t>CRA 44 14 E 18</t>
  </si>
  <si>
    <t>DROGAS MAS VIDA</t>
  </si>
  <si>
    <t>CRA 36 12 51</t>
  </si>
  <si>
    <t>MISCELANEA JULI</t>
  </si>
  <si>
    <t>CRA 40 85 A 76</t>
  </si>
  <si>
    <t>DROGUERIAS DANFARMA</t>
  </si>
  <si>
    <t>AV CL 26 SUR # 71 D - 03 INT 1 LOC 5</t>
  </si>
  <si>
    <t>DROGUERIA SKODRA</t>
  </si>
  <si>
    <t>CRA 75 25C 21</t>
  </si>
  <si>
    <t>TELECOMUNICACIONES OSP</t>
  </si>
  <si>
    <t>TV 4No 51A-25</t>
  </si>
  <si>
    <t>LAS VENTAS DEL SIGLO XXI</t>
  </si>
  <si>
    <t>CL. 93 #60B-70 BOGOTA COLOMBIA</t>
  </si>
  <si>
    <t>MULTISERVICIO IRUSAGA</t>
  </si>
  <si>
    <t>CRA. 24 #27 SUR-10 BOGOTA COLOMBIA</t>
  </si>
  <si>
    <t>SUPERMERCADO CANNAAN CHEVERE</t>
  </si>
  <si>
    <t>CL. 8A #92-12 BOGOTA COLOMBIA</t>
  </si>
  <si>
    <t>CONFEMOVIL DOMICOM</t>
  </si>
  <si>
    <t>CL 35 SUR # 78 30 BRR KENEDY CENTRAL</t>
  </si>
  <si>
    <t>GLADYS MERCEDES</t>
  </si>
  <si>
    <t>CR 9 # 8 B 11 BRR SEC VARIANTE</t>
  </si>
  <si>
    <t>CL 155A # 7B-62 BRR BARRANCAS</t>
  </si>
  <si>
    <t>PAPELERIA Y CAFE INTERNET MARCE</t>
  </si>
  <si>
    <t>CR 7 # 4 A 3 BRR PRIMAVERA</t>
  </si>
  <si>
    <t>TELE.COM</t>
  </si>
  <si>
    <t>CARRERA 80J # 74A (05SUR) BOGOTA BOGOTA</t>
  </si>
  <si>
    <t>PAPELERIA LA ESPERANZA TOCANCIPA</t>
  </si>
  <si>
    <t>VR LA FUENTE FRENTE AL SANTANDEREANO</t>
  </si>
  <si>
    <t>TALAIGUA NUEVO-PUNTODE PAGO LUZ QUEVEDO</t>
  </si>
  <si>
    <t>CR 5 # 16 09 BRR SAN ROQUE</t>
  </si>
  <si>
    <t>AGRONORTE NO.1</t>
  </si>
  <si>
    <t>CR 4 # 10 - 34 / P 1 BRR CALLE REAL</t>
  </si>
  <si>
    <t>MERKASPRESS CHIA</t>
  </si>
  <si>
    <t>VDA FONQUETA BRR LA CAROLINA</t>
  </si>
  <si>
    <t>MULTICOMPUTOS</t>
  </si>
  <si>
    <t>CL 15 # 12 32 BRR CENTRO</t>
  </si>
  <si>
    <t>RIOBLANCO</t>
  </si>
  <si>
    <t>RIOGRAPHICS.COM</t>
  </si>
  <si>
    <t>CRA. 2 #6-31 RIOBLANCO TOLIMA COLOMBIA</t>
  </si>
  <si>
    <t>DROGUERIA Y MINIMARKET SANPATRICKS</t>
  </si>
  <si>
    <t>AV. 2 #40 CUCUTA NORTE DE SANTANDER COLOMBIA</t>
  </si>
  <si>
    <t>DOMOPLAST</t>
  </si>
  <si>
    <t>CALLE 20 # 20-55</t>
  </si>
  <si>
    <t>CAFE INTERNET LA BENDICION</t>
  </si>
  <si>
    <t>DG 3 # 6 28 BRR SAN JOSE</t>
  </si>
  <si>
    <t>SALA  DE BELLEZA Y COMERCIALIZADORA JMS</t>
  </si>
  <si>
    <t>DG 36A # 36-24 BRR YARIMA</t>
  </si>
  <si>
    <t>PAN DORADO MJ</t>
  </si>
  <si>
    <t>CR 1 F # 48 E 05 BRR SAN SEBASTIAN</t>
  </si>
  <si>
    <t>SUPERMERCADO PUNTO RICO SAS</t>
  </si>
  <si>
    <t>AV PASTRANA NO. 24-113</t>
  </si>
  <si>
    <t>MORITA.COM</t>
  </si>
  <si>
    <t>CL 4 # 7 07 BRR SAN ANTONIO</t>
  </si>
  <si>
    <t>CALLE 14 # 13-32 (LOCAL 2) ARMENIA QUINDIO</t>
  </si>
  <si>
    <t>MERCADOS EEYT</t>
  </si>
  <si>
    <t>CL 9B # 15A-43 BRR LA CHAGUYA</t>
  </si>
  <si>
    <t>INTERNET DONDE PIPE</t>
  </si>
  <si>
    <t>KM 27 VIA TUNJA PAIPA 27 VIA TUNJA PAIPA BRR SECTOR SIDERURGICA</t>
  </si>
  <si>
    <t>MISCELANEA Y PAPELERIA JC</t>
  </si>
  <si>
    <t>AV. CR 9 # 34B SUR-46 BRR BARCELONA</t>
  </si>
  <si>
    <t>JURISERVICIOS Y SOLUCIONES LN - JURISOL</t>
  </si>
  <si>
    <t>CR 4 # 3 30BRR CENTRO</t>
  </si>
  <si>
    <t>DEPOSITO DE DROGAS PARIS LTDA</t>
  </si>
  <si>
    <t>CL 0 # 22 18 / SEC 1 M MZ 22 LT 20 BRR CANTACLARO</t>
  </si>
  <si>
    <t>CL 5 # 2 10 BRR AEROPUERTO</t>
  </si>
  <si>
    <t>CL 8 A # 82 B 70 BRR VALLADOLID</t>
  </si>
  <si>
    <t>PAPELERIA Y MICELANEA EL RENACER</t>
  </si>
  <si>
    <t>CALLE 8 NO 10-53</t>
  </si>
  <si>
    <t>MISCELANEA Y VARIEDADES PIPEADRIAN</t>
  </si>
  <si>
    <t>CL 15 # 15 - 78 BRR EL TARRITA</t>
  </si>
  <si>
    <t>EL PARQUE MINISUPER</t>
  </si>
  <si>
    <t>AV. CARRERA 23 # 118-1 () PASTO NARINO</t>
  </si>
  <si>
    <t>FERRELECTRICOS ALTO POBLADO</t>
  </si>
  <si>
    <t>CL 15 # 15-1 BRR EL SOCORRO PLAN 332</t>
  </si>
  <si>
    <t>CARTAGENA VILLA DE LA CANDELARIA</t>
  </si>
  <si>
    <t>CL 33 # 94 69 / MZ VILLA DE LA CANDELARIA BRR VILLA DE LA CANDELARIA</t>
  </si>
  <si>
    <t>SUPERMERCADOS AHORRE YA LA MESA</t>
  </si>
  <si>
    <t>CL 4 # 21 43 BRR EL RECREO</t>
  </si>
  <si>
    <t>TIENDA Y VARIEDADES SEBES</t>
  </si>
  <si>
    <t>MZ 22 L 12 E 4 VIA BRR CLARET</t>
  </si>
  <si>
    <t>SUPERTIENDA LA COLINA DEL VIENTO</t>
  </si>
  <si>
    <t>CR 3 # 10 38 BRR CENTRO</t>
  </si>
  <si>
    <t>CONEXRED</t>
  </si>
  <si>
    <t>CL 100 # 19 61 BRR CHICO</t>
  </si>
  <si>
    <t>PINATERIA ARCOIRIS</t>
  </si>
  <si>
    <t>LA GRAN VIA GIGANTE DEL HUILA</t>
  </si>
  <si>
    <t>SYS INVERSIONES HNAS</t>
  </si>
  <si>
    <t>CL 31 # 33-18 BRR ALCIBIA</t>
  </si>
  <si>
    <t>PUNTO DE PAGO CHIA</t>
  </si>
  <si>
    <t>CR 10 # 13 23 BRR CENTRO</t>
  </si>
  <si>
    <t>VCMOBILE</t>
  </si>
  <si>
    <t>CR 8 # 13 24 BRR CENTRO</t>
  </si>
  <si>
    <t>INTERMUNDO SALAMINA</t>
  </si>
  <si>
    <t>CL 7 # 6 46 / P 1 BRR CENTRO</t>
  </si>
  <si>
    <t>CIRA1</t>
  </si>
  <si>
    <t>CL 6 # 4-25 BBR LA TRONCAL</t>
  </si>
  <si>
    <t>CR 25 # 67-144</t>
  </si>
  <si>
    <t>EL GRAN REMATE DE GELO</t>
  </si>
  <si>
    <t>AV. CL 1 # 1 BRR CENTRO</t>
  </si>
  <si>
    <t>VARIEDADES SR</t>
  </si>
  <si>
    <t>CL 16 1 B 20 BRRLA ESPERANZA</t>
  </si>
  <si>
    <t>NJ SISTEMAS</t>
  </si>
  <si>
    <t>CL 20 # 19-27 LOCAL E23 BRR CENTRO</t>
  </si>
  <si>
    <t>LOGISTICA.COM</t>
  </si>
  <si>
    <t>CLL 64 20-26 LOCAL PISO 2 BRR AMBALA</t>
  </si>
  <si>
    <t>PRUEBAS PRODUCCION</t>
  </si>
  <si>
    <t>CL 100 # 19 81 BRR CHICO</t>
  </si>
  <si>
    <t>TIENDA LAS MATICAS</t>
  </si>
  <si>
    <t>CALLE 12 # 28A-64 (CASA 1) FUNZA CUNDINAMARCA</t>
  </si>
  <si>
    <t>GRAFICAS PASTRANA</t>
  </si>
  <si>
    <t>CL 6 # 4-34 BRR OSPINA</t>
  </si>
  <si>
    <t>JHON ESTEBAN RODAS  MOLINA</t>
  </si>
  <si>
    <t>MZ LL 315 P1BRR VILLA LILIANA</t>
  </si>
  <si>
    <t>CIBER: LPCHETAN</t>
  </si>
  <si>
    <t>CRA. 12 #12-1 MARIQUITA TOLIMA COLOMBIA</t>
  </si>
  <si>
    <t>FARMACIAS MAS</t>
  </si>
  <si>
    <t>CRA 11 6 10 LC 5</t>
  </si>
  <si>
    <t>CÁCHIRA</t>
  </si>
  <si>
    <t>YUALNET</t>
  </si>
  <si>
    <t>CL. 4ï¾ª #4 Cï¿CHIRA NORTE DE SANTANDER COLOMBIA</t>
  </si>
  <si>
    <t>PAPELERIA DART LINA</t>
  </si>
  <si>
    <t>CARRERA 4 # 6-90 BRR PARASOL ROJO</t>
  </si>
  <si>
    <t>AV 8 # 8 82 / LC 2 BRR CENTRO</t>
  </si>
  <si>
    <t>LULA ACCESORIOS SOGAMOSO</t>
  </si>
  <si>
    <t>CRA. 13 #12A-24 SOGAMOSO BOYACï¿ COLOMBIA</t>
  </si>
  <si>
    <t>MUNDO FANTASTIQO</t>
  </si>
  <si>
    <t>CARRRERA 3 # 19-97 LOCAL 107</t>
  </si>
  <si>
    <t>CVS MELTEC DE ORIENTE GACHANCIPA</t>
  </si>
  <si>
    <t>CL 5 # 2 105 BRR CENTRO GACHANCIPA</t>
  </si>
  <si>
    <t>ALMILLON SAS</t>
  </si>
  <si>
    <t>CALLE 63 CARRERA 7</t>
  </si>
  <si>
    <t>PUNTO DE PAGO COTA</t>
  </si>
  <si>
    <t>CL 12 # 4 29 BRR CENTRO</t>
  </si>
  <si>
    <t>CIBER_KONECT@2</t>
  </si>
  <si>
    <t>CL 7 # 37 110 BRR MARIA EUGENIA</t>
  </si>
  <si>
    <t>CESAR PIZZA</t>
  </si>
  <si>
    <t>CL 11 # 13 06 BRR GAIRA</t>
  </si>
  <si>
    <t>MIRADOR BARBERSHOP</t>
  </si>
  <si>
    <t>MANZANA 6 CASA 36 BRR MIRADORES DE LA UIS</t>
  </si>
  <si>
    <t>PAPELERIA ABR.COM</t>
  </si>
  <si>
    <t>DIAGONAL 4 # 6-85 BRR CANAVITA</t>
  </si>
  <si>
    <t>LA CHIQUIS ARANGO</t>
  </si>
  <si>
    <t>CL 9 # 6 75 BRR EL CARMEN</t>
  </si>
  <si>
    <t>MI LLANITO</t>
  </si>
  <si>
    <t>URB MI LLANITO CASA 46</t>
  </si>
  <si>
    <t>MISCELANEA DIVAL</t>
  </si>
  <si>
    <t>AV 4 # 15 10 BRR CHAPINERO</t>
  </si>
  <si>
    <t>CRAVO NORTE</t>
  </si>
  <si>
    <t>PANADERIA SELETH</t>
  </si>
  <si>
    <t>CL 3 # 3-12 B CENTRO</t>
  </si>
  <si>
    <t>MULTISERVICIOS DOBLE A</t>
  </si>
  <si>
    <t>CARRERA 3 #13-17</t>
  </si>
  <si>
    <t>HFJ</t>
  </si>
  <si>
    <t>CALLE 13 # 8 - 28 BRR PROGRESO</t>
  </si>
  <si>
    <t>CL 54 # 43 97 SUR BRR MUZU</t>
  </si>
  <si>
    <t>TIGO UNICENTRO CALI</t>
  </si>
  <si>
    <t>CR 100 # 5 169 BRR LOCAL 438 PASILLO OASIS CALI</t>
  </si>
  <si>
    <t>DULCE MODA</t>
  </si>
  <si>
    <t>CRA. 20 #4A-15 LA MESA CUNDINAMARCA COLOMBIA</t>
  </si>
  <si>
    <t>MERCAFRUVER DONDE PAIS</t>
  </si>
  <si>
    <t>CL 7 # 1 97 BRR DIVINO NINO</t>
  </si>
  <si>
    <t>PAPELERIA Y MISCELANEA EL LOCAL</t>
  </si>
  <si>
    <t>CR 8 # 2 - 50 BRR CENTENARIO</t>
  </si>
  <si>
    <t>ICELL POPAYAN</t>
  </si>
  <si>
    <t>CR 9 # 24 A 21 / LC 1 BRR CC CAMPANARIO</t>
  </si>
  <si>
    <t>PUNTO DE PAGO FACATATIVA125</t>
  </si>
  <si>
    <t>CR 2 # 7 15 BRR CENTRO</t>
  </si>
  <si>
    <t>INTERNET Y PAPELERIA LLANODYS</t>
  </si>
  <si>
    <t>CR 25 # 13 36 BRR CENTRO</t>
  </si>
  <si>
    <t>SALA DE BELLEZA KARENDI</t>
  </si>
  <si>
    <t>CR 1 # 4 12 BRR PUERTA DEL SOL</t>
  </si>
  <si>
    <t>PANADERIA YANLUZ</t>
  </si>
  <si>
    <t>CL 3 # 4 48 BRR ARBOLEDAS</t>
  </si>
  <si>
    <t>TANGUA</t>
  </si>
  <si>
    <t>CYBERNET TANGUA</t>
  </si>
  <si>
    <t>CL 2 # 3 BRR SAN RAFAEL</t>
  </si>
  <si>
    <t>COMUNICACIONES JRCB S.A.S (PPC)</t>
  </si>
  <si>
    <t>CR 51 # 44 96 - SUR BRR BOGOTA</t>
  </si>
  <si>
    <t>CARRRA 6 NUM 21-56</t>
  </si>
  <si>
    <t>AUTOPARTES CUCUTA SAS</t>
  </si>
  <si>
    <t>CL 0 # 5 17 BRR LA MERCED</t>
  </si>
  <si>
    <t>DROGUERIA BIOPLUS ANGEL</t>
  </si>
  <si>
    <t>MZ 16 CA 22 BRR TOPACIO</t>
  </si>
  <si>
    <t>TIGO CUCUTA</t>
  </si>
  <si>
    <t>CL 11 # 3 67 BRR CUCUTA</t>
  </si>
  <si>
    <t>PUNTO DE PAGO CHOCONTA</t>
  </si>
  <si>
    <t>CR 5 # 5 73 / LC 105 CC MOLINO DEL PARQUE BRR CENTRO</t>
  </si>
  <si>
    <t>OFFICE SA SERVICES</t>
  </si>
  <si>
    <t>CL 34 # 4 17 BRR FRANCIA</t>
  </si>
  <si>
    <t>TECNOLOGA VILLA ANSEP</t>
  </si>
  <si>
    <t>MZ E LT 87 LC 1 BRR VILLA ANSEP</t>
  </si>
  <si>
    <t>PAPELERIA PUNTO NET</t>
  </si>
  <si>
    <t>MZ 10 6 BRR LAS ACACIAS</t>
  </si>
  <si>
    <t>TECNONET</t>
  </si>
  <si>
    <t>CL 6 # 6 07 BRR CENTRO</t>
  </si>
  <si>
    <t>TIGO SANTA MARTA</t>
  </si>
  <si>
    <t>CL 26 # 96 J 66 BRR SANTA MARTA</t>
  </si>
  <si>
    <t>PAPELERIA Y VARIEDADES JHAYDA</t>
  </si>
  <si>
    <t>CRA. 14 #4 NORTE-36 VILLA DEL ROSARIO NORTE DE SANTANDER COLOMBIA</t>
  </si>
  <si>
    <t>DISTRIBUIDORA J Y M</t>
  </si>
  <si>
    <t>CR 111B # 138 03 BRR SUBA VILLA MARIA</t>
  </si>
  <si>
    <t>KDX 40 - A KR 8 3-07</t>
  </si>
  <si>
    <t>AV 23 # 0 0 BRR DE ABRIL VIA EL INTERNADO</t>
  </si>
  <si>
    <t>MUNDO CYBER # 2</t>
  </si>
  <si>
    <t>CL 22 # 12BRRLA FLORESTA</t>
  </si>
  <si>
    <t>DORIS ARIZA ARIZA</t>
  </si>
  <si>
    <t>AK 3 # 3 09 / X BRR CENTRO</t>
  </si>
  <si>
    <t>SAN BENITO ABAD</t>
  </si>
  <si>
    <t>LOVIANNA SHOP</t>
  </si>
  <si>
    <t>CR 6 # 10 32 / CRR SANTIAGO APOSTOL BRR CENTRO</t>
  </si>
  <si>
    <t>CR 10A # 8A-67</t>
  </si>
  <si>
    <t>TOBIAS CENTRO DE NEGOCIOS</t>
  </si>
  <si>
    <t>CR 9 # 13 18 BRR CENTRO</t>
  </si>
  <si>
    <t>EL BUCLE DEL CAF DEL SUR</t>
  </si>
  <si>
    <t>CL. 10 #12-27 SANTA ROSA DEL SUR LA PILADORA SANTA ROSA DEL SUR BOLVAR COLOMBIA</t>
  </si>
  <si>
    <t>VIVERES Y PANADERIA SUPER PAN</t>
  </si>
  <si>
    <t>CR 5 # 4 26 BRR CENTRO</t>
  </si>
  <si>
    <t>MINIMARKET CENTRAL</t>
  </si>
  <si>
    <t>CR 5 # 5 31 BRR PROGRESO</t>
  </si>
  <si>
    <t>PELUQUERIA DAYANS</t>
  </si>
  <si>
    <t>CALLE 38 # 87 A 04 (SUR) BOGOTA CUNDINAMARCA</t>
  </si>
  <si>
    <t>YOLANDA CASALLAS CASALLAS</t>
  </si>
  <si>
    <t>CR 4 # 5 A 36 BRR CA</t>
  </si>
  <si>
    <t>TIENDA LA MONA Y SUS DESCUENTOS.</t>
  </si>
  <si>
    <t>CALLE 14 # 3-68 () SABANAGRANDE ATLANTICO</t>
  </si>
  <si>
    <t>REFRESQUERIA BARACA</t>
  </si>
  <si>
    <t>CL 11 # 18 58 BRR MERCADO</t>
  </si>
  <si>
    <t>CAMBIOS EMILY</t>
  </si>
  <si>
    <t>CL 15 #15-74 ARAUCA COLOMBIA</t>
  </si>
  <si>
    <t>NIRSA LADINO QUIBANO</t>
  </si>
  <si>
    <t>CR 6 # 4 13 BRR CENTRO</t>
  </si>
  <si>
    <t>DETODO UN POQUITO LA</t>
  </si>
  <si>
    <t>CARRERA 3 # 2 A 45 () PITALITO HUILA</t>
  </si>
  <si>
    <t>DAMICEL OBRA CIVIL Y ELECTRICA</t>
  </si>
  <si>
    <t>CARRERA 3C # 68-93 () IBAGUE TOLIMA</t>
  </si>
  <si>
    <t>PAPELERIA JSMARTINEZ</t>
  </si>
  <si>
    <t>CARRERA 15A # 4-45 BRR PRADOS</t>
  </si>
  <si>
    <t>CR 16 # 184 08BRR VERBENAL</t>
  </si>
  <si>
    <t>PAPELERIA PAPERCITY</t>
  </si>
  <si>
    <t>CR 7 # 7 51 BRR CENTRO CUCAITA</t>
  </si>
  <si>
    <t>TIENDA LA 3RA VARIEDADES  MISCELANEA</t>
  </si>
  <si>
    <t>CR 3E # 12A-05 BRR AVENIDA LOS LIBERTADORES</t>
  </si>
  <si>
    <t>CYBERNET MULTISERVICIOS</t>
  </si>
  <si>
    <t>CL 6 # 6 05 BRR CENTRO</t>
  </si>
  <si>
    <t>PARIS NUMERO 16</t>
  </si>
  <si>
    <t>CR 24 NO. 27 - 05 PRADERA</t>
  </si>
  <si>
    <t>PUNTO DE PAGO LENGUAZAQUE</t>
  </si>
  <si>
    <t>CL 3 # 4 57 BRR CENTRO</t>
  </si>
  <si>
    <t>TECPHONE BOSA BRASILIA</t>
  </si>
  <si>
    <t>CR 88 C SUR # 52 11 BRR BOSA BRASILIA</t>
  </si>
  <si>
    <t>MASIVOS OCAÑA</t>
  </si>
  <si>
    <t>CL 8 A # 11 33 BRR URB MARINA</t>
  </si>
  <si>
    <t>CR 3 # 6 58 / LC 6 BRR CENTRO</t>
  </si>
  <si>
    <t>CASA DE LA BELLEZA LATINA</t>
  </si>
  <si>
    <t>CL 47 # 9 53BRRLEON XIII</t>
  </si>
  <si>
    <t>AUTOSERVICIO EL DIAMANTE SOCHA</t>
  </si>
  <si>
    <t>CR 10 # 3 25 BRR SIMON BOLIVAR</t>
  </si>
  <si>
    <t>TALLER AUTOPARTES QUIQUE</t>
  </si>
  <si>
    <t>CR 14 # 3 96 BRR EL CARMEN</t>
  </si>
  <si>
    <t>JUANES JM</t>
  </si>
  <si>
    <t>CL. 5 #3-33 RIOBLANCO TOLIMA COLOMBIA</t>
  </si>
  <si>
    <t>WEBCENTER</t>
  </si>
  <si>
    <t>CARRERA 8 # 06-05 BRR LAS AMERCIAS</t>
  </si>
  <si>
    <t>STEFANIA PRIETO RUBIANO</t>
  </si>
  <si>
    <t>CARRERA 13 # 38-57</t>
  </si>
  <si>
    <t>PAPELERIA MM</t>
  </si>
  <si>
    <t>CR 4 # 3-35 BRR EL ENCANO</t>
  </si>
  <si>
    <t>ICELL COSMOCENTRO</t>
  </si>
  <si>
    <t>CL 5 # 50 103 / LC 149-150 BRR CENTRO COMERCIAL</t>
  </si>
  <si>
    <t>PAPELERIA ROHI</t>
  </si>
  <si>
    <t>CR 4 # 7 86 BRR SAN FRANCISCO PAMPLONA</t>
  </si>
  <si>
    <t>TIGO CORDIALIDAD</t>
  </si>
  <si>
    <t>CL 47 # 20 38 BRR BARRANQUILLA</t>
  </si>
  <si>
    <t>GALÁN</t>
  </si>
  <si>
    <t>VARIEDADES JERAL</t>
  </si>
  <si>
    <t>CL 6 # 6 05 BRR LA FLORESTA</t>
  </si>
  <si>
    <t>PLANADAS</t>
  </si>
  <si>
    <t>MISCELANEA JP CA</t>
  </si>
  <si>
    <t>CL. 8 #4-12 PLANADAS TOLIMA COLOMBIA</t>
  </si>
  <si>
    <t>VILLA CARO</t>
  </si>
  <si>
    <t>COMUNICACIONES NIKOLL S B</t>
  </si>
  <si>
    <t>CRADX 84 8 71</t>
  </si>
  <si>
    <t>MULTISERVICIOS 15 15</t>
  </si>
  <si>
    <t>CL 15 # 12-25 BRR CENTRO</t>
  </si>
  <si>
    <t>ICELL LA MESA</t>
  </si>
  <si>
    <t>CR 21 # 5 31 BRR LA MESA</t>
  </si>
  <si>
    <t>PUNTO DE PAGO CUMARAL</t>
  </si>
  <si>
    <t>CR 19 # 11 27 BRR CENTRO</t>
  </si>
  <si>
    <t>CL. 5 #14-34 ORTEGA TOLIMA COLOMBIA</t>
  </si>
  <si>
    <t>VIDEOCAFE PS4</t>
  </si>
  <si>
    <t>CRA. 14A #152-65 IBAGUE TOLIMA COLOMBIA</t>
  </si>
  <si>
    <t>DEDOS CLICK JM</t>
  </si>
  <si>
    <t>CR 11 # 67 N 26 BRR BELLO HORIZONTE</t>
  </si>
  <si>
    <t>TELECOMUNICACIONES NA NICSON</t>
  </si>
  <si>
    <t>CL 7 # 1 90 BRR CENTRO</t>
  </si>
  <si>
    <t>JM PAPELERIA</t>
  </si>
  <si>
    <t>IN 2 CASA 2 URBANIZACIÃ“N MILENIUM III BRR MILENIUM</t>
  </si>
  <si>
    <t>PAPELERIA LA MODERNA</t>
  </si>
  <si>
    <t>CR 13 B # 29 17 BRR VILLA DEL ROSARIO</t>
  </si>
  <si>
    <t>ZONA GRAFICA</t>
  </si>
  <si>
    <t>CR 13 # 6 43 BRR UNIVERSITARIO</t>
  </si>
  <si>
    <t>PAPELERIA Y COMUNICACIONES SANTO DOMINGO</t>
  </si>
  <si>
    <t>CL 6 # 8 18 BRR CENTRO</t>
  </si>
  <si>
    <t>SUDROGUERIA LA 65</t>
  </si>
  <si>
    <t>DG 65 C ESTE # 0 27 BRR AV LOS MUISCAS</t>
  </si>
  <si>
    <t>ROSARO ALVAREZ HERRERA</t>
  </si>
  <si>
    <t>CALLE 29 # 40-04</t>
  </si>
  <si>
    <t>RV TELEMIC</t>
  </si>
  <si>
    <t>CR 7 # 44-156 BRR 25 DE DICIEMBRE</t>
  </si>
  <si>
    <t>REMATES EL OLAM</t>
  </si>
  <si>
    <t>CL 4 # 7-71 BRR CALLE DEL COMERCIO</t>
  </si>
  <si>
    <t>TIGO DE LA CUESTA</t>
  </si>
  <si>
    <t>CL 09 # 6 27 BRR PIEDECUESTA SANTANDER</t>
  </si>
  <si>
    <t>TECPHONE FONTIBON</t>
  </si>
  <si>
    <t>CL 4 # 4 09 BRR CENTRO</t>
  </si>
  <si>
    <t>PAPELERIA Y MISCELANEA MI GERO</t>
  </si>
  <si>
    <t>CR 6 # 4 31 BRR OLIVAL</t>
  </si>
  <si>
    <t>SUPERMARKET LA 36</t>
  </si>
  <si>
    <t>CRA. 2A #98-50 IBAGUE TOLIMA COLOMBIA</t>
  </si>
  <si>
    <t>VARIEDADES TITI</t>
  </si>
  <si>
    <t>CR 2 # 2 - 69 BRR LA GLORIA</t>
  </si>
  <si>
    <t>LA VENTANA DE LA SALUD</t>
  </si>
  <si>
    <t>CALLE 89 # 6A 25 (SUR) BOGOTA CUNDINAMARCA</t>
  </si>
  <si>
    <t>REPOCELL</t>
  </si>
  <si>
    <t>CR 6 # 105 BBR CENTRP</t>
  </si>
  <si>
    <t>MINI MERCADO LOS PINOS</t>
  </si>
  <si>
    <t>CALLE 4 # 4-47 BRR CENTRO</t>
  </si>
  <si>
    <t>CHINOS.COM</t>
  </si>
  <si>
    <t>CR 33 # 51-27 BRR LUCERO</t>
  </si>
  <si>
    <t>LIBRERA EL SHADDAI</t>
  </si>
  <si>
    <t>CL 16 # 9 72 BRR LA PALMITA</t>
  </si>
  <si>
    <t>VARIEDADES  TECNIPINTURAS JERO POPAYAN</t>
  </si>
  <si>
    <t>CR 39 # 1 BIS 48 - OCC BRR CERRO AZUL</t>
  </si>
  <si>
    <t>INTEREXPLOR</t>
  </si>
  <si>
    <t>CR 4 # 1 A 49 BRR JARAMILLO</t>
  </si>
  <si>
    <t>SALSAMENTARIA MI SALSITA</t>
  </si>
  <si>
    <t>CR 4 # 12 44 BRR SERREZUELITA</t>
  </si>
  <si>
    <t>COMPUSERVICIOS</t>
  </si>
  <si>
    <t>CL 2 # 6-18</t>
  </si>
  <si>
    <t>MIRCROMERCADO GANDUR</t>
  </si>
  <si>
    <t>CL 90 # 103-03 BBR 10 DE ENERO</t>
  </si>
  <si>
    <t>CRISTIAN COMUNICACIONES</t>
  </si>
  <si>
    <t>CR 53C BIS # 5A-02 BRR SAN RAFAEL</t>
  </si>
  <si>
    <t>CALLE 57 CON CARACAS</t>
  </si>
  <si>
    <t>PUNTO DE PAGO VIOTA</t>
  </si>
  <si>
    <t>CL 12 # 8 4 BRR CENTRO</t>
  </si>
  <si>
    <t>A3SOLUCIONESMOVILES</t>
  </si>
  <si>
    <t>CL 8 # 7 45 BRR CURITI</t>
  </si>
  <si>
    <t>LOGISTICA MULTIPLE</t>
  </si>
  <si>
    <t>AV. GUABINAL #71C-124 IBAGU TOLIMA COLOMBIA</t>
  </si>
  <si>
    <t>INTERFLEX-COMUNICACIONES</t>
  </si>
  <si>
    <t>CR 4TA # 6-27 BRR OSPINA</t>
  </si>
  <si>
    <t>TIENDA Y VARIEDADES EL NEGUS</t>
  </si>
  <si>
    <t>CL 12A # 30-43</t>
  </si>
  <si>
    <t>DANUBIO AZUL COMUNICACIONES</t>
  </si>
  <si>
    <t>CL 68 # 105G-04 BRR ENGATIVA</t>
  </si>
  <si>
    <t>SAN DIEGO.COM</t>
  </si>
  <si>
    <t>CR 7 # 8 90 BRR VILLA PATRICIA</t>
  </si>
  <si>
    <t>BARUCH SWEEL</t>
  </si>
  <si>
    <t>CR 19 CA27-22 SUR BRR OLAYA</t>
  </si>
  <si>
    <t>CALLE 81 CARRERA 18</t>
  </si>
  <si>
    <t>CL 3 SUR # 1 7 / CEN MILTIFERIAL CAJICA BRR CENTRO</t>
  </si>
  <si>
    <t>VIDEOPAPELERIA YURWI</t>
  </si>
  <si>
    <t>CL 4 # 14B-20</t>
  </si>
  <si>
    <t>MULTISERVICIOS INFORMATICOS</t>
  </si>
  <si>
    <t>CL 26 # 13-20 BRR CARRENO</t>
  </si>
  <si>
    <t>MISCELANIA Y PAPELERIA ARCO IRIS</t>
  </si>
  <si>
    <t>CR 3 # 6 11 BRR SANTA BARBARA</t>
  </si>
  <si>
    <t>PAPELERIA S Y S</t>
  </si>
  <si>
    <t>K 3 7: 2:</t>
  </si>
  <si>
    <t>CL 18 # 1 B 35 BRR VILLA REINA</t>
  </si>
  <si>
    <t>PANADERIA EL BARQUITO</t>
  </si>
  <si>
    <t>VDA LA ESMERALDA BRR ESMERALDA</t>
  </si>
  <si>
    <t>INVERSIONES PICHORRA</t>
  </si>
  <si>
    <t>CL 17 # 16-219 LAS MALVINAS</t>
  </si>
  <si>
    <t>IETECNOLOGY</t>
  </si>
  <si>
    <t>CR 14 # 4-30 BRR VERSALLES</t>
  </si>
  <si>
    <t>MULTISERVICIOS EL FRAM</t>
  </si>
  <si>
    <t>MZ 28 CASA 14 BRR VILLA MIRIAM</t>
  </si>
  <si>
    <t>CARLOS SANTOS BAEZ</t>
  </si>
  <si>
    <t>CR 81 B # 42 67 - SUR BRR EL AMPARO</t>
  </si>
  <si>
    <t>MZ 4 LT 2 BRR BOQUETEMONTE</t>
  </si>
  <si>
    <t>TIGO UNE TULUÃ</t>
  </si>
  <si>
    <t>CR 26 # 30 76 BRR TULUÃ VALLE DEL CAUCA</t>
  </si>
  <si>
    <t>CALLE 85 CARRERA 15</t>
  </si>
  <si>
    <t>GLORINET.COM</t>
  </si>
  <si>
    <t>CL 45 # 7 23 BRR LAS FERIAS</t>
  </si>
  <si>
    <t>MIVITERBO.COM</t>
  </si>
  <si>
    <t>CRA 8 9 64</t>
  </si>
  <si>
    <t>MARKET-NAIROBI</t>
  </si>
  <si>
    <t>CR 153 # 132 A3 BRR LISBOA</t>
  </si>
  <si>
    <t>CVS MELTEC DE ORIENTE RAMIRIQUI</t>
  </si>
  <si>
    <t>CR 6 # 7 61 BRR CENTRO</t>
  </si>
  <si>
    <t>DROGUERIA VENEZUELA</t>
  </si>
  <si>
    <t>AV 7 4 79</t>
  </si>
  <si>
    <t>CIGARRERIA ANA</t>
  </si>
  <si>
    <t>CL 48 J # 6 27 BRR BENGALA</t>
  </si>
  <si>
    <t>INTERJOEL.NET</t>
  </si>
  <si>
    <t>VDA PATIO BONITO SEC LA CAPILLA BRR PATIO BONITO</t>
  </si>
  <si>
    <t>IMPRESIONES Y VARIEDADES KELLY</t>
  </si>
  <si>
    <t>CL142B#33-34 BRR PINARDELRIO</t>
  </si>
  <si>
    <t>CR 78 # 35 07 - SUR BRR KENNEDY CENTRAL</t>
  </si>
  <si>
    <t>CALLE 82 CARRERA 15</t>
  </si>
  <si>
    <t>UNICENTRO SAN JUAN</t>
  </si>
  <si>
    <t>VDA SAN JUAN DE LA CHINA CALLE PRINCIPAL BRR CENTRO</t>
  </si>
  <si>
    <t>CALLE 24 # 5-31 () GIRARDOT CUNDINAMARCA</t>
  </si>
  <si>
    <t>PAPELERIA Y VARIEDADES LA VECI</t>
  </si>
  <si>
    <t>CR 33 # 10 43 / CA B BRR VILLA MARIA</t>
  </si>
  <si>
    <t>CL 8 C # 3 N 64 BRR TRIGAL DEL NORTE</t>
  </si>
  <si>
    <t>ICELL UNICO</t>
  </si>
  <si>
    <t>CL 52 # 3 29 / LC 12C BRR CENTRO COMERCIAL</t>
  </si>
  <si>
    <t>CICUCO</t>
  </si>
  <si>
    <t>CPR MULTISERVICIOS</t>
  </si>
  <si>
    <t>78 #13-255 TALAIGUA NUEVO BOLï¿VAR COLOMBIA</t>
  </si>
  <si>
    <t>FRAGATA</t>
  </si>
  <si>
    <t>AV. 24 #18-13 Cï¿šCUTA NORTE DE SANTANDER COLOMBIA</t>
  </si>
  <si>
    <t xml:space="preserve">SUPERMARKET SOBRENATURAL </t>
  </si>
  <si>
    <t>AV. 9 #16-41 CUCUTA NORTE DE SANTANDER COLOMBIA</t>
  </si>
  <si>
    <t>MARULANDA</t>
  </si>
  <si>
    <t>MISCELANEA Y PAPELERIA MARULANDA</t>
  </si>
  <si>
    <t>CL 7 # 5 48 BRR CENTRO</t>
  </si>
  <si>
    <t>PAPELERIA E INTERNET</t>
  </si>
  <si>
    <t>VDA EL ROBLE CENTRO BRR LA FACHADA</t>
  </si>
  <si>
    <t>TIENDA PARIS</t>
  </si>
  <si>
    <t>CL 6 # 7-41 BRR DAMAS</t>
  </si>
  <si>
    <t>CANAVERAL A TIEMPO</t>
  </si>
  <si>
    <t>CR 21 B # 154 40 BRR PALOMITAS PROGRESO</t>
  </si>
  <si>
    <t>LAUCELL COMUNICACIONES</t>
  </si>
  <si>
    <t>CL 7 # 5 19 BRR CHAPINERO</t>
  </si>
  <si>
    <t>PUNTO DE PAGO PACHO</t>
  </si>
  <si>
    <t>CR 18 # 7 43 BRR CENTRO</t>
  </si>
  <si>
    <t>COMPUTEL</t>
  </si>
  <si>
    <t>CL 5 B # 16 94 BRR LA FLORESTA</t>
  </si>
  <si>
    <t>SUÁREZ</t>
  </si>
  <si>
    <t>PAPELERIA FLOR DE LOTO</t>
  </si>
  <si>
    <t>CRA. 4 #3-64 SUAREZ SUï¿REZ TOLIMA COLOMBIA</t>
  </si>
  <si>
    <t>ACCESS MOVIL</t>
  </si>
  <si>
    <t>CRA. 20 #23-101 PAIPA BOYAC COLOMBIA</t>
  </si>
  <si>
    <t>FERRETERIA AKY</t>
  </si>
  <si>
    <t>CR 25 # 68 95 BRR PALERMO</t>
  </si>
  <si>
    <t>DROGUERIA  HATO CHICO</t>
  </si>
  <si>
    <t>DIAGONAL 151B # 136A-75 BRR VILLAS DE HATO</t>
  </si>
  <si>
    <t>JAIME ARTURO VALLEJO</t>
  </si>
  <si>
    <t>MZ 27 C 8 BRR CHAMBU II ETAPA</t>
  </si>
  <si>
    <t>RECARGAS NARIÑO</t>
  </si>
  <si>
    <t>SEC 1 AQUINE 3 BRR AQUINE</t>
  </si>
  <si>
    <t>CONEXIONES CCU</t>
  </si>
  <si>
    <t>CR 27 A # 71 15 - SUR BRR PARAISO</t>
  </si>
  <si>
    <t>PAPELERIA Y MISCELANEA JANAMA</t>
  </si>
  <si>
    <t>CL 2 C # 3 44 BRR BARANDILLAS</t>
  </si>
  <si>
    <t>CONTACTAR PEREIRA</t>
  </si>
  <si>
    <t>CL 17 # 6 16 BRR PEREIRA</t>
  </si>
  <si>
    <t>CL 5 # 22 45 / AP 3 BRR BARRIO LAS AMÃ‰RICAS</t>
  </si>
  <si>
    <t>ICELL CENTRO MAYOR</t>
  </si>
  <si>
    <t>CL 12 # 8 93 BRR BOGOTA</t>
  </si>
  <si>
    <t>PAPELERIA MIDWIFE.NET</t>
  </si>
  <si>
    <t>CL 12 # 10 23 BRR SIMON BOLIVAR</t>
  </si>
  <si>
    <t>ROBE</t>
  </si>
  <si>
    <t>CL 19 # 6 27 CALAMAR</t>
  </si>
  <si>
    <t>CASABIANCA</t>
  </si>
  <si>
    <t>MISCELANEA BLADKAR</t>
  </si>
  <si>
    <t>C 87 % 0 9:01</t>
  </si>
  <si>
    <t>DROGUERIA KOLDESCUENTOS LA 42</t>
  </si>
  <si>
    <t>CRA 42 15 13</t>
  </si>
  <si>
    <t>VARIEDADES MARIELA</t>
  </si>
  <si>
    <t>AV. 1 #803 EL ZULIA NORTE DE SANTANDER COLOMBIA</t>
  </si>
  <si>
    <t>TUBULARES CALAD</t>
  </si>
  <si>
    <t>CL. 15 #2349 Cï¿šCUTA NORTE DE SANTANDER COLOMBIA</t>
  </si>
  <si>
    <t>AZTLAN INVERSIONES S.A.S.</t>
  </si>
  <si>
    <t>CR 4 # 17 09 BRR CENTRO</t>
  </si>
  <si>
    <t>VARIEDADES ZARITH EL BOSQUE</t>
  </si>
  <si>
    <t>CARRERA 16B 2 -17 # CALLE2B BUCARAMANGA SANTANDE.</t>
  </si>
  <si>
    <t>FEM.COM</t>
  </si>
  <si>
    <t>CL 15A # 5E-23 ESTE BRR TINJACA</t>
  </si>
  <si>
    <t>CR 14 # 3 137 BRR AGUACHICA</t>
  </si>
  <si>
    <t>SUMERTEL TELECOMUNICACIONES</t>
  </si>
  <si>
    <t>CRA. 7 #10-85 AQUITANIA BOYACï¿ COLOMBIA</t>
  </si>
  <si>
    <t>CENTRO DE ENSENANZA AUTOMOVILISTICA CERTI-CAR</t>
  </si>
  <si>
    <t>CRA 7 10 40</t>
  </si>
  <si>
    <t>PIKIS PAPER</t>
  </si>
  <si>
    <t>CL 6 D # 3 20 BRR BELEN CENTRO</t>
  </si>
  <si>
    <t>INTERACTIVA FUSION</t>
  </si>
  <si>
    <t>CR 56 # 61 A 02 BRR CHAGUALO</t>
  </si>
  <si>
    <t>MARVEL</t>
  </si>
  <si>
    <t>CR 8 SUR # 27-01 BRR 20 DE JULIO</t>
  </si>
  <si>
    <t>PAPELERIA SAN ANDRESITO JS DE LA 72</t>
  </si>
  <si>
    <t>CL 72F # 113A 84 BRR VILLAS DE GRANADA</t>
  </si>
  <si>
    <t>CONFEMOVIL S.A.S</t>
  </si>
  <si>
    <t>CR 36 A # 12 71 / CC JARDIN LC 47 BRR SOACHA</t>
  </si>
  <si>
    <t>CR 13 A # 89 38 / OF 801 BRR CHICO</t>
  </si>
  <si>
    <t>TIGO CAUCASIA</t>
  </si>
  <si>
    <t>CR 13 # 20 56 BRR CAUCASIA</t>
  </si>
  <si>
    <t>MULTISERVICIOS LUKAS</t>
  </si>
  <si>
    <t>CRA. 6 #37A-42 IBAGUE TOLIMA COLOMBIA</t>
  </si>
  <si>
    <t>GIROS Y ENVIOS MAFER</t>
  </si>
  <si>
    <t>AV GRAN COLOMBIA # 3 E 54 LC 3 E 50 BRR POPULAR</t>
  </si>
  <si>
    <t>BODEGAS TOVAR</t>
  </si>
  <si>
    <t>CLL 1 #0AN-10 TRIGAL DEL NORTE</t>
  </si>
  <si>
    <t>CACHARRERIA SOL</t>
  </si>
  <si>
    <t>MZ C CA 10 B BRR BELLO HORIZONTE</t>
  </si>
  <si>
    <t>DROGERIA SALUD Y VIDA DEL SUR</t>
  </si>
  <si>
    <t>CL 57 # 100A-20 SUR BRR BOSA SANTA FE</t>
  </si>
  <si>
    <t>NANITAS TIENDAS DE REGALOS</t>
  </si>
  <si>
    <t>CL 4 # 2-84 BRR CENTRO</t>
  </si>
  <si>
    <t>COMPUCOPIAS MALDONADO PRIETO</t>
  </si>
  <si>
    <t>CR 12 # 10 3 BRR CENTRO</t>
  </si>
  <si>
    <t>TIENDA BILLAR DIVAR</t>
  </si>
  <si>
    <t>PUERTO SANTANDER BRR CENTRO</t>
  </si>
  <si>
    <t>CALLE 81 CARRERA 11</t>
  </si>
  <si>
    <t>COOMPECENS LA MILAGROSA - JARITH VARIEDADES</t>
  </si>
  <si>
    <t>AV 2 # 2 101 BRR LA MILAGROSA</t>
  </si>
  <si>
    <t>PAPELERIA ARQUITECTURA</t>
  </si>
  <si>
    <t>AV 4 # 3 B 53 BRR ISCALIGUA</t>
  </si>
  <si>
    <t>INTERN@UT@</t>
  </si>
  <si>
    <t>CARRERA 1C # 29 - 36 () CHIA CUNDINAMARCA</t>
  </si>
  <si>
    <t>GP TUNING - MINITIENDAS SAN ANDRES</t>
  </si>
  <si>
    <t>AV 6 # 12 39 / LC 13 BRR CC MINI TIENDAS SAN ANDRES CENTRO</t>
  </si>
  <si>
    <t>TIGO PASTO</t>
  </si>
  <si>
    <t>CL 19 # 29 12 / IN 3 BRR PASTO</t>
  </si>
  <si>
    <t>TIGO SAN FERNANDO</t>
  </si>
  <si>
    <t>DG 31 # 82 01 BRR PROVINCIA DE CARTAGENA</t>
  </si>
  <si>
    <t>CL 14 # 13 06 BRR VILLANUEVA</t>
  </si>
  <si>
    <t>BANANA BG STORE</t>
  </si>
  <si>
    <t>CL 10 14A 57 P52</t>
  </si>
  <si>
    <t>SERVICIOS EMPRESARIALES COPY LLANOS</t>
  </si>
  <si>
    <t>CRA. 20 #27-66 ARAUCA COLOMBIA</t>
  </si>
  <si>
    <t>SANDRA LILIANA MORENO PRIETO</t>
  </si>
  <si>
    <t>DG 2B # 7A-121</t>
  </si>
  <si>
    <t>AM CREATIVOS</t>
  </si>
  <si>
    <t>MZ C 7 BRR BRISAS DEL PARAISO</t>
  </si>
  <si>
    <t>INVERSIONES YECAYE</t>
  </si>
  <si>
    <t>MZ 75B TR 10 APTO 104 BRR CIUDAD BICENTENARIO</t>
  </si>
  <si>
    <t>VARIOS QUIMA</t>
  </si>
  <si>
    <t>CR 33 # 1 D-70BRRSANTA MATILDE</t>
  </si>
  <si>
    <t>COMUNICACIONES DANUBIO AZUL 2</t>
  </si>
  <si>
    <t>CALLE 63B # 119A (03) BOGOTA BOGOTA</t>
  </si>
  <si>
    <t>IMUÉS</t>
  </si>
  <si>
    <t>TIENDA SANTA AMITA</t>
  </si>
  <si>
    <t>CL 4 # 2-08 BRR CORREGIMIENTO SANTA ANA</t>
  </si>
  <si>
    <t>CL 20 # 11 S 47 / LC 2 BRR RICAURTE</t>
  </si>
  <si>
    <t>CL 72 A # 22 07 BRR ALCAZARES</t>
  </si>
  <si>
    <t>DROGUERIA FARMAMEDICK</t>
  </si>
  <si>
    <t>CL 15 # 17 - 42 BRR CENTRO</t>
  </si>
  <si>
    <t>INTERSISTEMASDK</t>
  </si>
  <si>
    <t>CR 41A # 4C - 60 BRR PRIMAVERA</t>
  </si>
  <si>
    <t>FERRETERIA Y PAPELERIA FN</t>
  </si>
  <si>
    <t>DIAGONAL 4A # 27A (38) ZIPAQUIRA CUNDINAMARCA</t>
  </si>
  <si>
    <t>MALLAMA</t>
  </si>
  <si>
    <t>CL 3 # 3-20 B/EL CENTRO BRR BARRIO</t>
  </si>
  <si>
    <t>ICELL BELLO</t>
  </si>
  <si>
    <t>CL 51 # 48 61 BRR BELLO</t>
  </si>
  <si>
    <t>FARMAEXITO 2</t>
  </si>
  <si>
    <t>CL 4 A # 3 29 BRR EL CENTRO</t>
  </si>
  <si>
    <t>BOGOTEL</t>
  </si>
  <si>
    <t>CR 7H # 155A-07 BRR BARRANCAS</t>
  </si>
  <si>
    <t>PARIS NUMERO 40</t>
  </si>
  <si>
    <t>CL 29 NO. 14-30</t>
  </si>
  <si>
    <t>PUNTO DE PAGO VILLETA</t>
  </si>
  <si>
    <t>CL 5 # 6 17 / LC 108 CC IMPERIO BRR MURILLO TORO</t>
  </si>
  <si>
    <t>CL 7 # 4 29 BRR MADRID</t>
  </si>
  <si>
    <t>INTERNET WEBSITE</t>
  </si>
  <si>
    <t>CL 6 # 13 62 BRR GAIRA</t>
  </si>
  <si>
    <t>DROGUERIA PRESTI SALUD</t>
  </si>
  <si>
    <t>CL 1 # 4 BRRCENTRO</t>
  </si>
  <si>
    <t>PAPELERIA Y VARIEDADES LORENA RIOONEGRO</t>
  </si>
  <si>
    <t>CR 12 # 12-31 BRR EL CENTRO</t>
  </si>
  <si>
    <t>MERCADERES</t>
  </si>
  <si>
    <t>ASTRID CAROLINA MUÑOZ MORENO</t>
  </si>
  <si>
    <t>CR 3 # 5 63 BRR CENTRO</t>
  </si>
  <si>
    <t>LUZ NIRIA</t>
  </si>
  <si>
    <t>CR 11 # 15 60 BRR SANTA BARBARA</t>
  </si>
  <si>
    <t>MACANAL</t>
  </si>
  <si>
    <t>MISCELANEA TRES ESQUINAS</t>
  </si>
  <si>
    <t>CL 3 # 4 49 BRR CENTRO</t>
  </si>
  <si>
    <t>TUTAZÁ</t>
  </si>
  <si>
    <t>CAFETERIA EL EDEN</t>
  </si>
  <si>
    <t>CL 2 # 3 00 BRR CENTRO</t>
  </si>
  <si>
    <t>DETALLITOS MA</t>
  </si>
  <si>
    <t>CR 6 # 7 - 41 BRR CENTRO</t>
  </si>
  <si>
    <t>CR 80 P # 75-61 SUR BRR BOSA LAURELES TERCER SECTOR</t>
  </si>
  <si>
    <t>COMUNICACIONES JAIRO</t>
  </si>
  <si>
    <t>VEREDA FONQUETABRR CALLE CENTRAL</t>
  </si>
  <si>
    <t>FERRETERIA CATEDRAL DE LA MEZCLA</t>
  </si>
  <si>
    <t>CALLE 5 # 2-91</t>
  </si>
  <si>
    <t>CALLE 25 # 19-103 (LOCAL 102) PAIPA BOYACA</t>
  </si>
  <si>
    <t>DROGAS DE LA CANDELARIA CLC</t>
  </si>
  <si>
    <t>VILLAS DE LA CANDELARIA MZ. 4 L 42</t>
  </si>
  <si>
    <t>CENTRO DE SERVICIOS SUPER ICE</t>
  </si>
  <si>
    <t>LOS REJEROS #1216 PURIFICACIï¿“N TOLIMA COLOMBIA</t>
  </si>
  <si>
    <t>VARIEDADES DICAREBA</t>
  </si>
  <si>
    <t>CL. 108 #1-13 IBAGUE TOLIMA COLOMBIA</t>
  </si>
  <si>
    <t>MERCADO PAGO</t>
  </si>
  <si>
    <t>CR 17 # 95 09 BRR CHICO</t>
  </si>
  <si>
    <t>MYRYAM NYDYA HERNANDEZ FERNANDEZ</t>
  </si>
  <si>
    <t>CL 3 # 5 17 BRR ASIVAG</t>
  </si>
  <si>
    <t>SERVICIOS Y DISTRIBUCIONES ZOMAT</t>
  </si>
  <si>
    <t>CR 12 # 14N-26 BRR KENNEDY</t>
  </si>
  <si>
    <t>AV. CL 2-35 # 2-25 BRR CENTRO</t>
  </si>
  <si>
    <t>JAIME ALFONSO LOVERA QUINTERO</t>
  </si>
  <si>
    <t>VDA BOITIVITA BRR BOITIVITA</t>
  </si>
  <si>
    <t>CARS ALLIANCE</t>
  </si>
  <si>
    <t>CRA 46 75-119 BRR PORVENIR</t>
  </si>
  <si>
    <t>CEL TECH 2</t>
  </si>
  <si>
    <t>CL. 25 #19-106 PAIPA BOYACA COLOMBIA</t>
  </si>
  <si>
    <t>POLIZAS Y SEGUROS ANDINOS</t>
  </si>
  <si>
    <t>CL 10 # 70 64 BRR CENTRO</t>
  </si>
  <si>
    <t>CERRO DE SAN ANTONIO</t>
  </si>
  <si>
    <t>REFRESQUERIA Y PANADERIA K Y D</t>
  </si>
  <si>
    <t>CR 4 # 2A 18 BRR CENTRO</t>
  </si>
  <si>
    <t>SERVICIOS Y SOLUCIONES MABECOR</t>
  </si>
  <si>
    <t>CR 72 # 63 A 40 / LC 3 BRR LA CABANA</t>
  </si>
  <si>
    <t>MULTISERVICIOS NESNEL</t>
  </si>
  <si>
    <t>CR 6 # 27 65 BRR EL PARAISO</t>
  </si>
  <si>
    <t>PAPELERIA Y VARIEDADES JENNAM</t>
  </si>
  <si>
    <t>CL 130 # 130-21 BRR MIRAMAR</t>
  </si>
  <si>
    <t>TIGO BARRANCABERMEJA</t>
  </si>
  <si>
    <t>CR 16 # 47 09 BRR BARRANCABERMEJA</t>
  </si>
  <si>
    <t>CALLE 72 CON CARACAS</t>
  </si>
  <si>
    <t>PAPELERIA Y MISCELANIA MARIFER</t>
  </si>
  <si>
    <t>CL 45 # 4 79 / LC 1 BRR LAS QUINTAS</t>
  </si>
  <si>
    <t>VARIEDADES ROYALTY</t>
  </si>
  <si>
    <t>CR 107 # 17B 66 BRR FONTIBON BELEN</t>
  </si>
  <si>
    <t>VARIEDADES EL PENON FLORENCIA</t>
  </si>
  <si>
    <t>CL 4A # 14-50 BRR VERSALLES</t>
  </si>
  <si>
    <t>CELL FONT</t>
  </si>
  <si>
    <t>CR 92 # 6 C 39 / CA 96 BRR TINTAL</t>
  </si>
  <si>
    <t>VARIEDADES Y PAPELERIA</t>
  </si>
  <si>
    <t>MZ 12 CA 14 BRR CORAZON DE JESUS</t>
  </si>
  <si>
    <t>VIDEO JUEGOS E INTERNET</t>
  </si>
  <si>
    <t>CL 5 # 3 62 BRR MOGOTES</t>
  </si>
  <si>
    <t>LB SERVICIOS</t>
  </si>
  <si>
    <t>CL 28 # 8E-09 BRR LA CUMBRE</t>
  </si>
  <si>
    <t>MULTISERVICIOS  DIGICOMPUTO  RYR</t>
  </si>
  <si>
    <t>CL 52 # 26 32 BRR COLOMBIA</t>
  </si>
  <si>
    <t>SAN ANDRÉS DE SOTAVENTO</t>
  </si>
  <si>
    <t>TIENDA NATURISTA LA CASA VERDE</t>
  </si>
  <si>
    <t>CL 8 # 3-24 CL 8 # 3-24BRR CHAPINERO</t>
  </si>
  <si>
    <t>JARRINET.COM</t>
  </si>
  <si>
    <t>CRA 135 # 16-16 BOGOTA CUNDINAMARCA</t>
  </si>
  <si>
    <t>TIGO MAICAO</t>
  </si>
  <si>
    <t>CR 09 # 12 36 BRR MAICAO</t>
  </si>
  <si>
    <t>EPAGO FLORESTA</t>
  </si>
  <si>
    <t>CR 68 B # 66 01 BRR FLORESTA</t>
  </si>
  <si>
    <t>COAGRANJA</t>
  </si>
  <si>
    <t>CL 4 # 4 21 BRR CORREGIMIENTO LA GRANJA BARRIO SANTA MARIA</t>
  </si>
  <si>
    <t>LÉRIDA</t>
  </si>
  <si>
    <t>ACCESORIOS TACA 5G</t>
  </si>
  <si>
    <t>CR 6 # 8 28 / LC 1 BRR CENTRO</t>
  </si>
  <si>
    <t>ASEGURADORA SANCHEZ</t>
  </si>
  <si>
    <t>CL 8 # 2 07 BRR LATINO</t>
  </si>
  <si>
    <t>MEDE SANAR PLUS</t>
  </si>
  <si>
    <t>AV 7A NO 6-149 II ETAPA</t>
  </si>
  <si>
    <t>PIKACELL</t>
  </si>
  <si>
    <t>CR 2 # 2 95 BRR CENTRO</t>
  </si>
  <si>
    <t>MULTISERVICIOS GUAVIARE</t>
  </si>
  <si>
    <t>CR 24 # 9 - 62 BRR CENTRO</t>
  </si>
  <si>
    <t>VARIEDADES JAEL</t>
  </si>
  <si>
    <t>MZ B CA 4 ET 9 BRR JORDAN</t>
  </si>
  <si>
    <t>MUEBLES Y ELECTRODOMESTICOSFGL</t>
  </si>
  <si>
    <t>CL 9 # 7 02 BRR CENTRO</t>
  </si>
  <si>
    <t>MULTISERVICIOS  MR</t>
  </si>
  <si>
    <t>CR 4 ESTADIO # 24 02 BRR EL CARMEN</t>
  </si>
  <si>
    <t>DROGUERIA FARMAEXITO ARAUCA 2</t>
  </si>
  <si>
    <t>CRA 15 18 52 B CRAISTO REY</t>
  </si>
  <si>
    <t>CÁCOTA</t>
  </si>
  <si>
    <t>GUERRERO CARVAJAL FABIAN ENRIQUE</t>
  </si>
  <si>
    <t>CRA 3 1 72</t>
  </si>
  <si>
    <t>PAGOS.COM</t>
  </si>
  <si>
    <t>CL. 10 #1247 OCANA NORTE DE SANTANDER COLOMBIA</t>
  </si>
  <si>
    <t>LACTEOS CALIMENO</t>
  </si>
  <si>
    <t>CR 5B # 1B-02 BRR BARRIO PRIMERO DE JULIO</t>
  </si>
  <si>
    <t>MULTISERVICIOS Y SOLUCIONES INTEGRALES</t>
  </si>
  <si>
    <t>CR 16 # 14 27 BRR CENTRO</t>
  </si>
  <si>
    <t>ENVIOS EXPRESS NARVAEZ</t>
  </si>
  <si>
    <t>CALLE 20 # 18-39 (BARRRIO VOLADERO) TUQUERRES NARINO</t>
  </si>
  <si>
    <t>MILLOSTEL PC GAME</t>
  </si>
  <si>
    <t>CR 11 C # 76 10 BRR VILLAS DE GRANADA</t>
  </si>
  <si>
    <t>SUPERTIENDA SHEKINA</t>
  </si>
  <si>
    <t>CR 5 # 1-17 BRR LA ALBARRADA</t>
  </si>
  <si>
    <t>MARÍA LA BAJA</t>
  </si>
  <si>
    <t>LANDA SHOP</t>
  </si>
  <si>
    <t>CALLE 19 16-45</t>
  </si>
  <si>
    <t>VETERINARIA MYM SAS</t>
  </si>
  <si>
    <t>CL 6 # 0 A 32 BRR LLERAS RESTREPO</t>
  </si>
  <si>
    <t>COMPRAVENTA Y JOYERIA LA DORADA</t>
  </si>
  <si>
    <t>CL 5 # 15 89 BRR EL CADILLAL</t>
  </si>
  <si>
    <t>TIENDA GUANTANAMO</t>
  </si>
  <si>
    <t>CL PRINCIPAL CRR PUEBLO NUEVO BRR CENTRO</t>
  </si>
  <si>
    <t>COOPERATIVA CAFICULTORES DEL ALTO DE OCCIDENTE DE</t>
  </si>
  <si>
    <t>VDA BONAFONT BRR PLAZA PRINCIPAL</t>
  </si>
  <si>
    <t>MAPIRIPÁN</t>
  </si>
  <si>
    <t>AGROVETERINARIA EXITO</t>
  </si>
  <si>
    <t>CRA 18 9 64</t>
  </si>
  <si>
    <t>OVY LUZ PAUTT</t>
  </si>
  <si>
    <t>MZ Q LOTE 104 BRR ANTONIO JOSE DE SUCRE</t>
  </si>
  <si>
    <t>INTERNET LA ESTACION MT</t>
  </si>
  <si>
    <t>ZN LA ESTACION AL LADO DE CARRILERA BRR LA ESTACION</t>
  </si>
  <si>
    <t>PAPELERIA INNOVA</t>
  </si>
  <si>
    <t>VDA VERGANZO SECTOR COLEGIO INDUSTRIAL</t>
  </si>
  <si>
    <t>DROGUERIA MULTIFARMA LA 7A</t>
  </si>
  <si>
    <t>CL 7 # 35-73 BRR SAN VICENTE</t>
  </si>
  <si>
    <t>COMUNICACIONES JRCB S.A.S (CVS PARQUE CAMPESTRE)</t>
  </si>
  <si>
    <t>CL 6 # 16 A 150 BRR VIA INDUMIL SOACHA LOCAL 5</t>
  </si>
  <si>
    <t>CONTACTAR PUERTO GAITÃN</t>
  </si>
  <si>
    <t>CR 10 # 11 24 BRR PUERTO GAITAN</t>
  </si>
  <si>
    <t>CALLE 74 CARRERA 14</t>
  </si>
  <si>
    <t>SUPER TIENDA ADRIAN</t>
  </si>
  <si>
    <t>CASA LIMPIA EXPRESS</t>
  </si>
  <si>
    <t>CR 6 # 3 32 BRR EL CAMELLON</t>
  </si>
  <si>
    <t>MERKATODO  SACHICA</t>
  </si>
  <si>
    <t>CRA. 3 #3-22 SACHICA BOYACA COLOMBIA</t>
  </si>
  <si>
    <t>EMMOBILE</t>
  </si>
  <si>
    <t>CORRESPONSAL LA PARADA</t>
  </si>
  <si>
    <t>Vï¿A ANTIGUA A SAN ANTONIO #294 VILLA DEL ROSARIO NORTE DE SANTANDER COLOMBIA</t>
  </si>
  <si>
    <t>SERGENTEMAZ</t>
  </si>
  <si>
    <t>CR 90A BIS # 42A-31 SUR BRR DINDALITO</t>
  </si>
  <si>
    <t>PUNTO DE PAGO VILLAVICENCIO</t>
  </si>
  <si>
    <t>CL 15 # 03 63 / MZ 24 LC 11 BRR LA ESPERANZA</t>
  </si>
  <si>
    <t>SERVICENTER</t>
  </si>
  <si>
    <t>CL 14 # 3 37 BRR JOSE GALO DAZA</t>
  </si>
  <si>
    <t>INTERNET S ELECTRONIC</t>
  </si>
  <si>
    <t>AV 10 # 18 20 BRR ONCE DE NOVIEMBRE</t>
  </si>
  <si>
    <t>AUTOSERVICIO BETULIA</t>
  </si>
  <si>
    <t>AV. CALLE 6A # 13 6 BRR CENTRO</t>
  </si>
  <si>
    <t>VARIEDADES ROSITA</t>
  </si>
  <si>
    <t>DG 9 A # 9 11 BRR SANTA HELENA</t>
  </si>
  <si>
    <t>CL 16 # 7 A 29 BRR CHIQUINQUIRA</t>
  </si>
  <si>
    <t>PARIS NUMERO 11</t>
  </si>
  <si>
    <t>CR 1 B NO. 37-28</t>
  </si>
  <si>
    <t>CELLMAY</t>
  </si>
  <si>
    <t>AV. 2 #12-33 Cï¿šCUTA NORTE DE SANTANDER COLOMBIA</t>
  </si>
  <si>
    <t>AUTOLAVADO Y FUENTE DE SODA LA PISTA</t>
  </si>
  <si>
    <t>CL 5 N 20 14</t>
  </si>
  <si>
    <t>DIRECTV OFICIN</t>
  </si>
  <si>
    <t>CL 6 # 11 - 30 BRR CENTRO</t>
  </si>
  <si>
    <t>SOLUCIONES Y TECNOLOGIA LAURA</t>
  </si>
  <si>
    <t>CL 3 # 6 - 52 / LC 2 BRR CENTRO</t>
  </si>
  <si>
    <t>CELMANIA YP</t>
  </si>
  <si>
    <t>CL 4 # 2 - 36 BRR CENTRO</t>
  </si>
  <si>
    <t>COMUNICACIONES PUNTOCELL</t>
  </si>
  <si>
    <t>CR 8 # 7-61 BRR J.J NEIRA</t>
  </si>
  <si>
    <t>CL 13 # 4 50 BRR CENTRO</t>
  </si>
  <si>
    <t>ICELL METRO BOSA</t>
  </si>
  <si>
    <t>CR 92 # 60 90 - SUR / LC 1030 BRR BOSA</t>
  </si>
  <si>
    <t>CL 7 # 3 48 BRR FLORIDABLANCA</t>
  </si>
  <si>
    <t>COMPUCEL SOLUCIONES</t>
  </si>
  <si>
    <t>CL. 4 #36-26 MELGAR TOLIMA COLOMBIA</t>
  </si>
  <si>
    <t>ORGANIZACION COOPERATIVA COOPTEBOY</t>
  </si>
  <si>
    <t>CR 12 # 16 07 BRR CENTRO</t>
  </si>
  <si>
    <t>INVERSIONES BELHA</t>
  </si>
  <si>
    <t>CL 45 # 8 18 BRR LAS FERIAS</t>
  </si>
  <si>
    <t>DROGUERIA SAN VICENTE DE PAUL</t>
  </si>
  <si>
    <t>CL 29 # 13 - 51 BRR PALOS DE MOGUER</t>
  </si>
  <si>
    <t>DROGUERIAS DEL EJE CAFETERO SAS</t>
  </si>
  <si>
    <t>CR 21 # 24 32 BRR LA PRADERA</t>
  </si>
  <si>
    <t>INVERCIONES VALU C</t>
  </si>
  <si>
    <t>AV. CARRERA 85 # 51D 06 (SUR) BOGOTA BOGOTA</t>
  </si>
  <si>
    <t>TODOEXPRESS</t>
  </si>
  <si>
    <t>CALLE 12 NUMERO 30 A 24 DUITAMA BOYACA</t>
  </si>
  <si>
    <t>CAFE INTERNET ANDRES SEBASTIAN</t>
  </si>
  <si>
    <t>AV LAS PALMAS # 5-35 CENTRO</t>
  </si>
  <si>
    <t>AV. 15C ESTE #5 NORTE-19 CUCUTA NORTE DE SANTANDER COLOMBIA</t>
  </si>
  <si>
    <t>PAPELERIA MYHER</t>
  </si>
  <si>
    <t>CR 1 # 70 34 BRR TUNAL</t>
  </si>
  <si>
    <t>PUNTO DE PAGO LA CALERA</t>
  </si>
  <si>
    <t>CL 7 # 2B 34 LC 202</t>
  </si>
  <si>
    <t>TECPHONE -MADRID</t>
  </si>
  <si>
    <t>CR 6 # 7 30 / CC CC MADRID 110 BRR CENTRO MADRID</t>
  </si>
  <si>
    <t>PINATERIA DE FIESTAS DECORACION PARA TODA OCASION</t>
  </si>
  <si>
    <t>CL 7 # 16 - 50 BRR CENTRO</t>
  </si>
  <si>
    <t>SIDEPAG</t>
  </si>
  <si>
    <t>CL 18 # 34 A 53 BRR MARIDIAZ</t>
  </si>
  <si>
    <t>PAPELERIA LA VEGUITA</t>
  </si>
  <si>
    <t>AV CR 17 # 8A-68 BRR NARINO</t>
  </si>
  <si>
    <t>NELSONFORERO8710@GMAIL.COM</t>
  </si>
  <si>
    <t>AK 104 # 133 A 00 BRR SUBA POTRERILLOS</t>
  </si>
  <si>
    <t>ZONA INNOVA JE</t>
  </si>
  <si>
    <t>CL 20 # 10-06BRR BARRIO BOLIVAR</t>
  </si>
  <si>
    <t>ICELL UNICENTRO</t>
  </si>
  <si>
    <t>CR 100 # 5 169 / LC 182 BRR CENTRO COMERCIAL</t>
  </si>
  <si>
    <t>INTEGRA RED DE PAGOS Y SERVICIOS</t>
  </si>
  <si>
    <t>AV. GUABINAL #77-295 IBAGU TOLIMA COLOMBIA</t>
  </si>
  <si>
    <t>LA PAPELERIA MAS QUE PAPEL</t>
  </si>
  <si>
    <t>CL 1 # 2 50 BRR CENTRO</t>
  </si>
  <si>
    <t>PAPELERIA MALINI</t>
  </si>
  <si>
    <t>AV. CARRERA 16 # 181 A (06) BOGOTA BOGOTA</t>
  </si>
  <si>
    <t>ZAMBRANO</t>
  </si>
  <si>
    <t>DROGUERIA MEGAECONOMICA A Y C</t>
  </si>
  <si>
    <t>ZAMBRANO-Cï¿“RDOBA #17-43 ZAMBRANO BOLï¿VAR COLOMBIA</t>
  </si>
  <si>
    <t>TECNI SYSTEM DE LA 11</t>
  </si>
  <si>
    <t>CL. 12 #10-88 SOGAMOSO BOYACï¿ COLOMBIA</t>
  </si>
  <si>
    <t>ULTRAPAGOSDM</t>
  </si>
  <si>
    <t>AV 5 # 8 89 / LC 253 BRR EL CENTRO</t>
  </si>
  <si>
    <t>PAPELERIA Y MISCELANEA 1120</t>
  </si>
  <si>
    <t>CL 1 # 3-71 BRR CORREGIMIENTO TINAJONES</t>
  </si>
  <si>
    <t>INGENIO DE ARTE</t>
  </si>
  <si>
    <t>CR 108 # 43-07 BRR SAN JAVIER</t>
  </si>
  <si>
    <t>MAY PHONE COMUNICACIONES</t>
  </si>
  <si>
    <t>CR 3 # 1-60 BRR CENTRO</t>
  </si>
  <si>
    <t>DULCES DETALLES</t>
  </si>
  <si>
    <t>AV. 3A #3-66 CUCUTA NORTE DE SANTANDER COLOMBIA</t>
  </si>
  <si>
    <t>STILOS TIBY</t>
  </si>
  <si>
    <t>AV. 7 #1-31 CUCUTA NORTE DE SANTANDER COLOMBIA</t>
  </si>
  <si>
    <t>VARIEDADES SHALOM</t>
  </si>
  <si>
    <t>CORR SAN DIEGO CL PRINCIPAL LC PARROQUIAL SAN DIEDO SAMANA CALDAS</t>
  </si>
  <si>
    <t>CL 5 # 6-54</t>
  </si>
  <si>
    <t>ICELL PREMIUM</t>
  </si>
  <si>
    <t>CL 29 # 49 G 10 / LC 1014 BRR ANTIOQUIA</t>
  </si>
  <si>
    <t>PAPELERA Y VARIEDADES</t>
  </si>
  <si>
    <t>CR 5 # 6 47 BRR NUEVO CARANAL</t>
  </si>
  <si>
    <t>TU.NET</t>
  </si>
  <si>
    <t>MZ C CASA 35 BRR VILLA KAROL</t>
  </si>
  <si>
    <t>COMUNICACIONES FYC</t>
  </si>
  <si>
    <t>CL 5 # 4A-18</t>
  </si>
  <si>
    <t>CR 6 NO. 4 - 01 BRR CENTRO</t>
  </si>
  <si>
    <t>CL. 7A NTE. #11 ESTE-39 Cï¿šCUTA NORTE DE SANTANDER COLOMBIA</t>
  </si>
  <si>
    <t>CACHARRERIA LA MEJOR</t>
  </si>
  <si>
    <t>CRA 20B # 15-92 BARRIO RETIRO ALTO</t>
  </si>
  <si>
    <t>MULTISERVICIOS SARAH</t>
  </si>
  <si>
    <t>CL 12 # 8 13 BRR CHIPRE</t>
  </si>
  <si>
    <t>SOLUCIONESINTEGRALES N.F</t>
  </si>
  <si>
    <t>CL 18 # 25-34 BRR CENTRO</t>
  </si>
  <si>
    <t>ECORED</t>
  </si>
  <si>
    <t>CL 3 # 3 14 BRR CENTRO</t>
  </si>
  <si>
    <t>CONTACTAR GRANADA</t>
  </si>
  <si>
    <t>CL 13 # 14 03 BRR GRANADA</t>
  </si>
  <si>
    <t>TIGO CALI NORTE</t>
  </si>
  <si>
    <t>CL 20 B # 43 A 60 / IN 3 BRR ORTEZAL</t>
  </si>
  <si>
    <t>ELY SMARTPHONE</t>
  </si>
  <si>
    <t>CR 8 # 4 38 / LC 4 BRR CENTRO</t>
  </si>
  <si>
    <t>PANADERIA Y PASTELERIA J  M</t>
  </si>
  <si>
    <t>CL 4 # 3 31 BRR PARQUE PRINCIPAL</t>
  </si>
  <si>
    <t>AUTOSERVICIO LA 17</t>
  </si>
  <si>
    <t>CRA. 17 #18-52 SARAVENA ARAUCA COLOMBIA</t>
  </si>
  <si>
    <t>COMERCIALIZADORA ELECTROCOMPUTO</t>
  </si>
  <si>
    <t>CR 18 # 19 37 / LC 10 BRR COLON</t>
  </si>
  <si>
    <t>CONFEMOVIL SAN ANDRESITO</t>
  </si>
  <si>
    <t>CL 10 # 19 A 54 / CC SANTO DOMINGO LC 105 BRR SAN ANDRESITO</t>
  </si>
  <si>
    <t>COOMPECENS BULEVAR RENTAHOGAR</t>
  </si>
  <si>
    <t>AV 0 # 11 30 / CC GRAN BULEVAR BRR LA PLAYA</t>
  </si>
  <si>
    <t>TIGO BUCARAMANGA CENTRO</t>
  </si>
  <si>
    <t>CL 36 # 16 74 BRR BUCARAMANGA</t>
  </si>
  <si>
    <t>INVERSIONES AJML</t>
  </si>
  <si>
    <t>CL 11 # 4 - 65 BRR JUAN JOSE NEIRA</t>
  </si>
  <si>
    <t>INTERNET Y MISCELANEA SAMI Y PIPE</t>
  </si>
  <si>
    <t>CR 9 SUR # 23 11 BRR KENNEDY</t>
  </si>
  <si>
    <t>ASESORIAS CONTABLES AM EN PUNTO</t>
  </si>
  <si>
    <t>CL 17 # 12 72 BRR LAS FERIAS</t>
  </si>
  <si>
    <t>PAMPLONITA</t>
  </si>
  <si>
    <t>SERVICIOS Y SUMINISTROS J3M</t>
  </si>
  <si>
    <t>KDX 125 A BRR FATIMA</t>
  </si>
  <si>
    <t>WILLCEF.NET.COM</t>
  </si>
  <si>
    <t>CR 77 A # 19 38 BRR 20 DE ENERO</t>
  </si>
  <si>
    <t>ADRIANA CARDOZO CONTRERAS</t>
  </si>
  <si>
    <t>VDA LA BALSA SECTOR LAS JUNTAS</t>
  </si>
  <si>
    <t>ARMED PAGOCENTER</t>
  </si>
  <si>
    <t>CL 23 # 9 06 BRR LA CAMPIÃ‘A</t>
  </si>
  <si>
    <t>VARIEDADES CARONI</t>
  </si>
  <si>
    <t>AV. 12D ESTE #14A NORTE-83 Cï¿šCUTA NORTE DE SANTANDER COLOMBIA</t>
  </si>
  <si>
    <t>FARMAEXITO 1</t>
  </si>
  <si>
    <t>CL 2 4 17</t>
  </si>
  <si>
    <t>EL IMPERIO</t>
  </si>
  <si>
    <t>CR 11 # 9 - 3 BRR CENTRO</t>
  </si>
  <si>
    <t>TELEMUNDO</t>
  </si>
  <si>
    <t>CL 70 SUR # 87 K 37 BRR EL RECUERDO</t>
  </si>
  <si>
    <t>LUAR</t>
  </si>
  <si>
    <t>CL 22A # 1B 98E BRR RINCON SANTO</t>
  </si>
  <si>
    <t>CIBEIT CHAT ISA</t>
  </si>
  <si>
    <t>CR 31 # 115-41BRR LA PRADERA</t>
  </si>
  <si>
    <t>PAPELERIA EL GRAN TREBOL</t>
  </si>
  <si>
    <t>CR 4 # 5 A 36 BRR CENTRO</t>
  </si>
  <si>
    <t>AV 47 # 2 A 103 BRR BARRIO SABAN VERDE</t>
  </si>
  <si>
    <t>DIANITA VARIEDADES</t>
  </si>
  <si>
    <t>CRA 3 5 34</t>
  </si>
  <si>
    <t>CACHARREARIA EL REMATE</t>
  </si>
  <si>
    <t>KDX 117 - 5 BRR EL CALVARIO</t>
  </si>
  <si>
    <t>DRISTRIDROGAS TODO EN SALUD EXPRESS</t>
  </si>
  <si>
    <t>CR 7 # 5 78 BRR EL CENTRO</t>
  </si>
  <si>
    <t>DOMIX VARIEDADES Y SERVICIOS</t>
  </si>
  <si>
    <t>AV. CR 19 # 9A - 131 BRR PUEBLO NUEVO</t>
  </si>
  <si>
    <t>DROGUERIA LA DEL PARQUE</t>
  </si>
  <si>
    <t>CL 14 13A-03 BRR GAIRA</t>
  </si>
  <si>
    <t>MELO CARAMELO SE</t>
  </si>
  <si>
    <t>CARRERA 11A # 24-25 BRR RINCON DEL ZIPA</t>
  </si>
  <si>
    <t>EL CHARCO</t>
  </si>
  <si>
    <t>VARIEDADES MAFE</t>
  </si>
  <si>
    <t>CL 1 # 1-1BRR EL CARMEN</t>
  </si>
  <si>
    <t>ONZAGA</t>
  </si>
  <si>
    <t>VICEN.NET</t>
  </si>
  <si>
    <t>CR 2 NO. 4 - 49</t>
  </si>
  <si>
    <t>G  M COMUNICACIONES</t>
  </si>
  <si>
    <t>CR 4 # 6 16 BRR CENTRO</t>
  </si>
  <si>
    <t>VARIEDADES Y PAPELERIA REYNET</t>
  </si>
  <si>
    <t>CRA 100 31 47 30</t>
  </si>
  <si>
    <t>ALMACEN Y TALLER YARY MOTOS</t>
  </si>
  <si>
    <t>CL 11 4 20</t>
  </si>
  <si>
    <t>PAPELERIA APSARA</t>
  </si>
  <si>
    <t>A.V CR 23 # 9-30 BRR PARQUES DE SANTA MARIA</t>
  </si>
  <si>
    <t>CACHARRERIA EL PAISA</t>
  </si>
  <si>
    <t>CR 91- 68A 45 BRR LA FLORIDA</t>
  </si>
  <si>
    <t>MISCELANEA DICO</t>
  </si>
  <si>
    <t>CALLE 68 # 34 - 04 () MANIZALES CALDAS</t>
  </si>
  <si>
    <t>PAPELERIA LA GRANDE</t>
  </si>
  <si>
    <t>CR 100C SUR # 2B 69BRREL BRILLANTE</t>
  </si>
  <si>
    <t>MIPUEBLITO08@HOTMAIL.ES</t>
  </si>
  <si>
    <t>CL 22 # 18-45BRR CENTRO</t>
  </si>
  <si>
    <t>CALLE 87 CARRERA 16</t>
  </si>
  <si>
    <t>BEATRIZ CASTRO COMERCIALIZADORA</t>
  </si>
  <si>
    <t>CL 20 # 19 42 / P 1 BRR CENTRO</t>
  </si>
  <si>
    <t>GÁMBITA</t>
  </si>
  <si>
    <t>PAOLA ANDREA GALVIS</t>
  </si>
  <si>
    <t>CL 11 # 9 60 BRR CENTRO</t>
  </si>
  <si>
    <t>PAPELERIA EL PROFE JYS</t>
  </si>
  <si>
    <t>AV 13 # 17-11 LA LIBERTAD</t>
  </si>
  <si>
    <t>CH TELECOMUNICACIONES</t>
  </si>
  <si>
    <t>CL 44A # 72A 53 SUR BRR NUEVA DELICIAS</t>
  </si>
  <si>
    <t>AV 4 # 11 75 BRR CUCUTA</t>
  </si>
  <si>
    <t>PUNTO DE PAGO LA VEGA</t>
  </si>
  <si>
    <t>CL 20 # 3 60 BRR CENTRO</t>
  </si>
  <si>
    <t>CACHARRERIA Y FERRETERIA EL SOL</t>
  </si>
  <si>
    <t>CR 7 # 4 45 / 53 BRR CENTRO</t>
  </si>
  <si>
    <t xml:space="preserve">GIRASOL </t>
  </si>
  <si>
    <t>CL. 3 #10-45 MARIA LA BAJA BOLIVAR COLOMBIA</t>
  </si>
  <si>
    <t>CAFE INTERNET JULUAN</t>
  </si>
  <si>
    <t>CR 123 # 31 14 BRR PRADERA</t>
  </si>
  <si>
    <t>BA PAPELERIA</t>
  </si>
  <si>
    <t>CR 24 D # 3 18 SUR BRR LA FRAGUITA</t>
  </si>
  <si>
    <t>VARIEDADES JULLL</t>
  </si>
  <si>
    <t>CALLE 47 # 9C-06 BRR LAS FERIAS</t>
  </si>
  <si>
    <t>CR 8 # 24-55 BRR 20 DE JULIO</t>
  </si>
  <si>
    <t>CONEXRED SAS</t>
  </si>
  <si>
    <t>CL 100 # 19 61 / P 9 BRR EDIFICIO EMPRESARIAL CALLE 100</t>
  </si>
  <si>
    <t>CVS MELTEC DE ORIENTE NOBSA</t>
  </si>
  <si>
    <t>CR 9 # 6 36 BRR CENTRO</t>
  </si>
  <si>
    <t>TIENDA DE DETALLES XPRESION</t>
  </si>
  <si>
    <t>CENTRO</t>
  </si>
  <si>
    <t>PAPELERIA VALSAN</t>
  </si>
  <si>
    <t>CL. 16 #16-98 DUITAMA BOYACA COLOMBIA</t>
  </si>
  <si>
    <t>FRUTAS Y VERDURAS CHECHE</t>
  </si>
  <si>
    <t>CARRERA 1E 1B-05 CAMILO TORRES</t>
  </si>
  <si>
    <t>MINIMARKET SANTA MARIA</t>
  </si>
  <si>
    <t>CR 17 # 12A-74 BBR JULIAN BUCHELLY</t>
  </si>
  <si>
    <t>PAPELERIA GRANJAS Y VIVIENDAS</t>
  </si>
  <si>
    <t>CL 69 # 31-D16 BRR FATIMA</t>
  </si>
  <si>
    <t>MISCELANEA Y PAPELERIA ST</t>
  </si>
  <si>
    <t>CR 12 # 20-14 BRR VILLA DIANA</t>
  </si>
  <si>
    <t>TIENDA LY</t>
  </si>
  <si>
    <t>CR 3 # 2 78 BRR PASO ANCHO</t>
  </si>
  <si>
    <t>CVS MELTEC DE ORIENTE EL ROSAL</t>
  </si>
  <si>
    <t>CL 10 # 7 21 BRR CENTRO EL ROSAL</t>
  </si>
  <si>
    <t>JOSE MAURICIO VARGAS BAUTISTA</t>
  </si>
  <si>
    <t>CR 14 # 18 74 BRR JABONCILLA</t>
  </si>
  <si>
    <t>NEMONET</t>
  </si>
  <si>
    <t>CL 3 # 4 41 BRR CENTRO</t>
  </si>
  <si>
    <t>PAPELERIA ORIZA</t>
  </si>
  <si>
    <t>CARRERA 18 # 20A (06) BOJACA CUNDINAMARCA</t>
  </si>
  <si>
    <t>MINIMERCADOLEO</t>
  </si>
  <si>
    <t>CARRERA 42 NO 32-B85 BRR LA GABRIELA</t>
  </si>
  <si>
    <t>CL. 15 #10-46 HONDA TOLIMA COLOMBIA</t>
  </si>
  <si>
    <t>REPUESTOS Y ACCESORIOS DANKEMON R&amp;N</t>
  </si>
  <si>
    <t>FARMACIA J  M DE PUERTO RONDON</t>
  </si>
  <si>
    <t>CRA 6 # 1-87 B CENTRO</t>
  </si>
  <si>
    <t>TU IMAGEN</t>
  </si>
  <si>
    <t>CL 21 # 23 - 10 / LC 4 BRR CENTRO</t>
  </si>
  <si>
    <t>LA ECELL VITERBO</t>
  </si>
  <si>
    <t>CR 10 # 8 - 21 BRR CENTRO</t>
  </si>
  <si>
    <t>VICTORIA</t>
  </si>
  <si>
    <t>PANADERIA LA CALIDAD DE VICTORIA</t>
  </si>
  <si>
    <t>CL 7 # 5 60 BRR CENTRO</t>
  </si>
  <si>
    <t>INTERPLANET</t>
  </si>
  <si>
    <t>CR 5 # 5 - 39 BRR CENTRO</t>
  </si>
  <si>
    <t>PAPELERIA EMANUEL Y JUAN</t>
  </si>
  <si>
    <t>VDA FAGUA FAGUA BRR SECTOR LA CAPILLA</t>
  </si>
  <si>
    <t>PAPELERIA DON ALEJO</t>
  </si>
  <si>
    <t>CALLE 2A ESTE # 7-20</t>
  </si>
  <si>
    <t>TECPHONE-TENJO</t>
  </si>
  <si>
    <t>CL 4 # 1 G 13 BRR CENTRO TENJO</t>
  </si>
  <si>
    <t>MONTERREY PAPELERIA Y VARIEDADES</t>
  </si>
  <si>
    <t>MZ D CA 2 BRR DIVINO NINO</t>
  </si>
  <si>
    <t>PAPELERIA VALLES DE CAJICA</t>
  </si>
  <si>
    <t>CL 23 # 12-33 BRR CAPELLANIA</t>
  </si>
  <si>
    <t>CARRERA 5 # 9-15 BRR CENTRO</t>
  </si>
  <si>
    <t>TIENDA JBS</t>
  </si>
  <si>
    <t>CR 14 # 15-20 BRR COMPARTIR</t>
  </si>
  <si>
    <t>TECNISERVICIOS GEO</t>
  </si>
  <si>
    <t>CR 7 # 7 66 BRR CENTRO</t>
  </si>
  <si>
    <t>AJ MULTISERVICIOS</t>
  </si>
  <si>
    <t>CR 10 # 10 08 BRR CENTRO</t>
  </si>
  <si>
    <t xml:space="preserve">MULTIPAGOS MILANES </t>
  </si>
  <si>
    <t>CL. 10 #719 OCAï¿‘A NORTE DE SANTANDER COLOMBIA</t>
  </si>
  <si>
    <t>VIDEO JUEGOS GAME OVER</t>
  </si>
  <si>
    <t>AV. CL 2B # 2-14 BRR SAN BAILON</t>
  </si>
  <si>
    <t>JC TECNOLOGY</t>
  </si>
  <si>
    <t>CR 31 # 117B 47BRRLA PRADERA</t>
  </si>
  <si>
    <t>DISTRIACCESORIOS JOYS</t>
  </si>
  <si>
    <t>CC DORADA PLAZA BLOQUE AZUL LOCAL NE 102 CC BRR CENTRO</t>
  </si>
  <si>
    <t>VARIEDADES JUANDA</t>
  </si>
  <si>
    <t>CL 7A # 6 - 34 BRR CENTRAL</t>
  </si>
  <si>
    <t>SISTEMAS Y SEGURIDAD.SP</t>
  </si>
  <si>
    <t>CL 17 # 10-35 CL 17 # 10-35BRR SAN JOSE</t>
  </si>
  <si>
    <t>CR 37 # 36 15 BRR BARZAL</t>
  </si>
  <si>
    <t>TIGO MURILLO</t>
  </si>
  <si>
    <t>CR 42 # 45 J 38 BRR MURILLO</t>
  </si>
  <si>
    <t>FRIFROC</t>
  </si>
  <si>
    <t>CRA 5 5 07</t>
  </si>
  <si>
    <t>DROGERIA FARMETROPOLIS</t>
  </si>
  <si>
    <t>CL 11 # 2A-91 BRR PUEBLO VIEJO</t>
  </si>
  <si>
    <t>VARIEDADES SARA LUCIA</t>
  </si>
  <si>
    <t>CL 29 # 10E 115 BRR LA CUMBRE</t>
  </si>
  <si>
    <t>MILLENIALS MOVIL</t>
  </si>
  <si>
    <t>CALLE 10 # 18-56 (ESQUINA ) AGUAZUL CASANARE</t>
  </si>
  <si>
    <t>DIMAR PAPELERIA</t>
  </si>
  <si>
    <t>CR 8 # 28 B 09 BRR PUEBLITO VIEJO</t>
  </si>
  <si>
    <t>FCASTILLOV</t>
  </si>
  <si>
    <t>KM 14 VIA DUITAMA BRR BONZA</t>
  </si>
  <si>
    <t>FOTO ESTUDIO Y PAPELERIA MORALES</t>
  </si>
  <si>
    <t>CRA 3 B # 2A-12</t>
  </si>
  <si>
    <t>CL 47 BIS A # 27 - 35 BRR CAUDAL ORIENTAL</t>
  </si>
  <si>
    <t>HOTEL DONALL G</t>
  </si>
  <si>
    <t>CR 12 # 28 21 BRR BOGOTA</t>
  </si>
  <si>
    <t>PAPELERIA GARFYELD</t>
  </si>
  <si>
    <t>DG 4 # 1 A 15 - ESTE BRR CENTRO</t>
  </si>
  <si>
    <t>NICOCLIP PAPELERIA Y MISCELANEA</t>
  </si>
  <si>
    <t>CL 26A # 11-04 BRR LARA BONILLA</t>
  </si>
  <si>
    <t>TIGO CABECERA</t>
  </si>
  <si>
    <t>CR 35 A # 48 15 BRR BUCARAMANGA</t>
  </si>
  <si>
    <t>DJ MULTISERVICIOS PAGOS</t>
  </si>
  <si>
    <t>CL 1 10A 35 BRR PARAISO</t>
  </si>
  <si>
    <t>DROGUERIA FARMACEUTICOS CITY PLUSS 2</t>
  </si>
  <si>
    <t>CL 158 # 103-21 BRR VILLA HERMOSA</t>
  </si>
  <si>
    <t>COMUNICACION AL INSTANTE CM</t>
  </si>
  <si>
    <t>AV. CALLE 3 # 3 (36) TOCANCIPA CUNDINAMARCA</t>
  </si>
  <si>
    <t>EPAGO COP</t>
  </si>
  <si>
    <t>SALON DE BELLEZA WILMARY</t>
  </si>
  <si>
    <t>CL. 11 #20-76 Cï¿šCUTA NORTE DE SANTANDER COLOMBIA</t>
  </si>
  <si>
    <t>INSTITUTO TECNICO DE CAPACTACION VIAL INTECVIAL</t>
  </si>
  <si>
    <t>AV 10 NRO 28 - 40</t>
  </si>
  <si>
    <t>FOTOCOMPUTO SANCHEZ</t>
  </si>
  <si>
    <t>CL 9 A # 6 01 BRR GALERIA</t>
  </si>
  <si>
    <t>DISTRICELL MARQUETALIA</t>
  </si>
  <si>
    <t>PM PRINCIPAL 2 A 25 P 1 BRR CENTRO</t>
  </si>
  <si>
    <t>LOS AMIGOS PAPELERIA</t>
  </si>
  <si>
    <t>CR 10 # 6 9 BRR CHIA</t>
  </si>
  <si>
    <t>VARIEDADES CAMISOL</t>
  </si>
  <si>
    <t>MZ F CASA 5</t>
  </si>
  <si>
    <t>TIENDA Y PAPERIA LA LUZ</t>
  </si>
  <si>
    <t>MZ N CASA 8 URBANIZACION LAS ACACIAS</t>
  </si>
  <si>
    <t>COMUNICACIONES GLOBAL DE COLOMBIA</t>
  </si>
  <si>
    <t>CL. 4 #5-33 OTANCHE BOYACA COLOMBIA</t>
  </si>
  <si>
    <t>BABY HOUSE</t>
  </si>
  <si>
    <t>CR 11 # 9 02 BRR GRAMALOTE</t>
  </si>
  <si>
    <t>CR 25 # 44 - 08 BRR CENTRO</t>
  </si>
  <si>
    <t>CL. 144 #11 IBAGUE TOLIMA COLOMBIA</t>
  </si>
  <si>
    <t>MKTELEFONIA CELULAR</t>
  </si>
  <si>
    <t>AV. 2 #20A NORTE-2 CUCUTA NORTE DE SANTANDER COLOMBIA</t>
  </si>
  <si>
    <t>CALLE 45 # 40-64</t>
  </si>
  <si>
    <t>COPIPAPELES</t>
  </si>
  <si>
    <t>VDA FAGUA SECTOR FANTA BRR FAGUA</t>
  </si>
  <si>
    <t>LA TERTULIA MORROCOYERA</t>
  </si>
  <si>
    <t>CL 5 # 27-10</t>
  </si>
  <si>
    <t>MULTIVARIEDADES BAHIA J.S</t>
  </si>
  <si>
    <t>CR 6 B # 163 A 04 BRR LA PERLA</t>
  </si>
  <si>
    <t>CVS MELTEC DE ORIENTE KENNEDY</t>
  </si>
  <si>
    <t>CL 40 SUR # 77 A 87 BRR KENNEDY BOGOTA</t>
  </si>
  <si>
    <t>TIGO METROPOLITANO</t>
  </si>
  <si>
    <t>CR 28 # 58 148 BRR CC METROPOLITANO BQUILLA</t>
  </si>
  <si>
    <t>TIGO BOCAGRANDE</t>
  </si>
  <si>
    <t>CR 2 # 13 15 BRR BOCAGRANDE</t>
  </si>
  <si>
    <t>CALLE 80 CARRERA 15</t>
  </si>
  <si>
    <t>CENTRO DE SERIVIOS AUTOMOTRIZ ZONA DE PITS</t>
  </si>
  <si>
    <t>AV. PICALEA #4 IBAGU TOLIMA COLOMBIA</t>
  </si>
  <si>
    <t>EL DULCE SABOR Y ALGO MAS</t>
  </si>
  <si>
    <t>V PRINCIPAL CORR CAMPO DOS 705 LC 1</t>
  </si>
  <si>
    <t>MULTISERVICIO GUAYACAN ROZO</t>
  </si>
  <si>
    <t>CL 10 # 13 19 BRR CENTRO</t>
  </si>
  <si>
    <t>MERKAPET DEL LLANO</t>
  </si>
  <si>
    <t>CL 36 # 16-03 ESTE BBR ANTONIO VILLAVICENCIO</t>
  </si>
  <si>
    <t>CONFEMOVIL S.A.S PORTOALEGRE</t>
  </si>
  <si>
    <t>CR 58 # 137 B 01 / ZN COMUN 137 BRR CENTRO COMERCIAL PORTOALEGRE</t>
  </si>
  <si>
    <t>PARIS NUMERO 3</t>
  </si>
  <si>
    <t>CR 2 NO. 37 - 61</t>
  </si>
  <si>
    <t>CL 5 # 6 A 17 BRR LOCAL TRES SAN NICOLAS</t>
  </si>
  <si>
    <t>PICHINCHA UNIVERSIDAD LIBRE</t>
  </si>
  <si>
    <t>CR 51 B # 135 01 BRR BARRANQUILLA</t>
  </si>
  <si>
    <t>INTERNET JHULY</t>
  </si>
  <si>
    <t>CL 7 # 12 05 BRR RAMIREZ</t>
  </si>
  <si>
    <t>TECNIRECARGAS COMUNICACIONES</t>
  </si>
  <si>
    <t>CR 9 # 7 72 BRR CENTRO</t>
  </si>
  <si>
    <t>MIREDCOM</t>
  </si>
  <si>
    <t>CL 75 # 100A-05 BRR VILLAS DE MADRIGAL</t>
  </si>
  <si>
    <t>OFIPAGOS 8-10</t>
  </si>
  <si>
    <t>CL 8 A # 11 33 BRR OCAA</t>
  </si>
  <si>
    <t>TIGO UNICO BARRANQUILLA</t>
  </si>
  <si>
    <t>CL 74 # 39 39 BRR BARRANQUILLA</t>
  </si>
  <si>
    <t xml:space="preserve">DROGUERIA LA ANA VALERIANA #1 </t>
  </si>
  <si>
    <t>CRA. 23A #29-77 CARTAGENA DE INDIAS PROVINCIA DE CARTAGENA BOLIVAR COLOMBIA</t>
  </si>
  <si>
    <t>INTERNEN BICICLETO</t>
  </si>
  <si>
    <t>CR 3 # 4 02 BRR CENTRO SUTAMARCHAN</t>
  </si>
  <si>
    <t>COMUNICACIONES MALDONADO Y MENDOZA</t>
  </si>
  <si>
    <t>TOTA-PESCA #4-33 PESCA BOYACï¿ COLOMBIA</t>
  </si>
  <si>
    <t>MILAN STORE</t>
  </si>
  <si>
    <t>SAN MARTï¿N #3A-37 LOS PATIOS NORTE DE SANTANDER COLOMBIA</t>
  </si>
  <si>
    <t>DELIPINGUIS</t>
  </si>
  <si>
    <t>CR 7 # 9-63 BRR FATIMA</t>
  </si>
  <si>
    <t>ICELL PLAZA DEL SOL</t>
  </si>
  <si>
    <t>CR 32 # 30 15 / LC 253-254 BRR CENTRO COMERCIAL</t>
  </si>
  <si>
    <t>MAYERLI SANTAMARIA</t>
  </si>
  <si>
    <t>CL 12 # 4 183 BRR LAS FERIAS</t>
  </si>
  <si>
    <t>T-PLOTTER</t>
  </si>
  <si>
    <t>TV 4 # 12 09 BRR CENTRO</t>
  </si>
  <si>
    <t>GLOBAL COMPU RED</t>
  </si>
  <si>
    <t>CL 13B # 43 - 33 BRR GUABAL</t>
  </si>
  <si>
    <t>PAPELERIA Y CAHARRERIA ELVER</t>
  </si>
  <si>
    <t>CR 18 # 2-16</t>
  </si>
  <si>
    <t>MADERLEY DIAZ CARRANZA</t>
  </si>
  <si>
    <t>CR 98A # 60A SUR- 40 BRR BOSA ATALAYAS</t>
  </si>
  <si>
    <t>CIBER HABA 02</t>
  </si>
  <si>
    <t>CL 16 # 10C-83 BRR IDEMA</t>
  </si>
  <si>
    <t>BRR ELPORTAL</t>
  </si>
  <si>
    <t>TIGO RIOHACHA</t>
  </si>
  <si>
    <t>CR 15 # 3 01 BRR RIOHACHA</t>
  </si>
  <si>
    <t>ICELL PASTO CALLE 20</t>
  </si>
  <si>
    <t>CL 20 # 26 45 / CEN BRR PASTO</t>
  </si>
  <si>
    <t>ICELL MERCACENTRO IBAGUE</t>
  </si>
  <si>
    <t>CR 5 # 96 256 BRR JARDIN IBAGUE</t>
  </si>
  <si>
    <t>DIANA VARIEDAD</t>
  </si>
  <si>
    <t>CALLE 26 NUMERO 1-27 SAN PEDRO ALEJANDRI</t>
  </si>
  <si>
    <t>OPLICORES</t>
  </si>
  <si>
    <t>CR 18 # 23 A 04 BRR LAS QUINTAS</t>
  </si>
  <si>
    <t>SOLCUIONES EMPRESARIALES</t>
  </si>
  <si>
    <t>KR Compensar $</t>
  </si>
  <si>
    <t>OFISA ASESORES</t>
  </si>
  <si>
    <t>CL 14 # 3 57 BRR CENTRO</t>
  </si>
  <si>
    <t>CL 10 # 20-17 BRR CENTRO</t>
  </si>
  <si>
    <t>AURORA_FON</t>
  </si>
  <si>
    <t>CR 27 # 29-22 BRR BRR SIETE DE AGOSTO</t>
  </si>
  <si>
    <t>TIGO FORD</t>
  </si>
  <si>
    <t>CL 25 # 26 88 BRR SINCELEJO</t>
  </si>
  <si>
    <t>COMPUSERVER SAS</t>
  </si>
  <si>
    <t>CL. 28 #16A-22 SARAVENA ARAUCA COLOMBIA</t>
  </si>
  <si>
    <t>PRIS.NET</t>
  </si>
  <si>
    <t>AV. 3 #352 EL ZULIA NORTE DE SANTANDER COLOMBIA</t>
  </si>
  <si>
    <t>AUTOSERVICIO LOS QUINDOS</t>
  </si>
  <si>
    <t>MZ 11 COOPER URB BRR LOS QUINDOS</t>
  </si>
  <si>
    <t>PAPELERIA Y MISCELANEA UNIVERSAL</t>
  </si>
  <si>
    <t>CL 13 # 17 03 BRR PALMAR</t>
  </si>
  <si>
    <t>LA AMERICA DETALLES Y COSITAS MAS</t>
  </si>
  <si>
    <t>CL 3 # 16 C 46 BRR SECTOR SANTA INES</t>
  </si>
  <si>
    <t>TIGO VILLAVICENCIO</t>
  </si>
  <si>
    <t>CR 40 # 36 A 10 BRR VILLAVICENCIO</t>
  </si>
  <si>
    <t>CONFEMOVIL S.A.S OASIS</t>
  </si>
  <si>
    <t>CL 21 SUR # 25 41 / LC 6 C.C. OASIS PLAZA BRR SAN JORGE</t>
  </si>
  <si>
    <t>DIVEL</t>
  </si>
  <si>
    <t>PN SERVIEZ SERVIEZ SERVIEZ MZ 1 CS 2 BRR JAIRO CORREA BAJO</t>
  </si>
  <si>
    <t>HUELLAS SPORT</t>
  </si>
  <si>
    <t>CR 8 # 14- 24 LC 101 CENTRO</t>
  </si>
  <si>
    <t>CYJPAPELERIA</t>
  </si>
  <si>
    <t>CARRERA 71 # 31-76 BOGOTA CUNDINAMARCA</t>
  </si>
  <si>
    <t>VARIEDADES MATEO K</t>
  </si>
  <si>
    <t>CL 9 CR 2 ESQ LC 12 BRR MERCADO</t>
  </si>
  <si>
    <t>VARIEDADES GHM</t>
  </si>
  <si>
    <t>CL 75 BIS # 34 04 SUR BRR ARBORIZADORA ALTA</t>
  </si>
  <si>
    <t>CARTELA</t>
  </si>
  <si>
    <t>CR 5 # 11-54 BRRCENTRO</t>
  </si>
  <si>
    <t>COMUNICACIONES.ES</t>
  </si>
  <si>
    <t>CR 6 # 12 50 BRR CENTRO</t>
  </si>
  <si>
    <t>SEGUROS CHIA</t>
  </si>
  <si>
    <t>CL 15 # 21 16 BRR POLICARPA</t>
  </si>
  <si>
    <t>TECPHONE SAS</t>
  </si>
  <si>
    <t>CL 14 # 20 51 BRR CENTRO</t>
  </si>
  <si>
    <t>CONFEMOVIL S.A.S QUIRIGUA 94</t>
  </si>
  <si>
    <t>TV 94 # 83 B 09 / ZF BRR QUIRIGUA</t>
  </si>
  <si>
    <t xml:space="preserve">VARIEDADES VIOLETA </t>
  </si>
  <si>
    <t>CL. 95B #4C-4 IBAGUE TOLIMA COLOMBIA</t>
  </si>
  <si>
    <t>CHARCUTERIA Y VIVERES TRAPICHES</t>
  </si>
  <si>
    <t>CL. 10B #3-17 VILLA DEL ROSARIO NORTE DE SANTANDER COLOMBIA</t>
  </si>
  <si>
    <t>SOLUCIONES INTEGRALES</t>
  </si>
  <si>
    <t>CR 35 # 100 B - 15 / LC 2 BRR LA ENEA</t>
  </si>
  <si>
    <t>INNOVA.COM</t>
  </si>
  <si>
    <t>CL 64 # 21 14 BRR AMBALA</t>
  </si>
  <si>
    <t>DISTRIBUCIONES MULTIREDES</t>
  </si>
  <si>
    <t>CR 2 # 1 25 BRR NUEVO ORIENTE</t>
  </si>
  <si>
    <t>VARIEDADES PAPELERIA SARA</t>
  </si>
  <si>
    <t>CALLE 93 SUR # 6 A-39 () BOGOTA BOGOTA</t>
  </si>
  <si>
    <t>VARIEDADES MONI K</t>
  </si>
  <si>
    <t>CALLE CALLE POPAYAN # CALLE 14 (ESQUINA) TUMACO NARINO</t>
  </si>
  <si>
    <t>TGI TECNOLOGIA</t>
  </si>
  <si>
    <t>CALLE 6 # 8-20 VILLETA CUNDINAMARCA</t>
  </si>
  <si>
    <t>SANTA ANA</t>
  </si>
  <si>
    <t>SILOE VARIEDADES</t>
  </si>
  <si>
    <t>CR 3 # 6 60 BRR CENTRO</t>
  </si>
  <si>
    <t>TIGO CENTRO MEDELLÃN</t>
  </si>
  <si>
    <t>CR 46 # 52 50 / IN 3 BRR MEDELLIN</t>
  </si>
  <si>
    <t>TIENDA SUPERCHIQUI MAS BARATO</t>
  </si>
  <si>
    <t>CR 3 # 17 102 BRR CARACOLI</t>
  </si>
  <si>
    <t>DESPENSA DOÑA BERNARDA</t>
  </si>
  <si>
    <t>VDA LA ESMERALDA BRR SECTOR REJILLA</t>
  </si>
  <si>
    <t>TIPACOQUE</t>
  </si>
  <si>
    <t>DISTRIBUCIONES GP SAS</t>
  </si>
  <si>
    <t>CL. 5A #3-2 TIPACOQUE BOYAC COLOMBIA</t>
  </si>
  <si>
    <t>COPY CENTER PLAZA</t>
  </si>
  <si>
    <t>CR 6 # 5 - 34 BRR CENTRO</t>
  </si>
  <si>
    <t>CR 25 # 4 D 27 / LC 101 BRR ALBORADA</t>
  </si>
  <si>
    <t>ANA SOFIA ALMEIDA</t>
  </si>
  <si>
    <t>CRR EL CONVENTO BRR EL CONVENTO</t>
  </si>
  <si>
    <t>WILSON BUSTOS ACOSTA</t>
  </si>
  <si>
    <t>CR 3 # 4 07 BRR CENTRO</t>
  </si>
  <si>
    <t>CONTACTAR YOPAL</t>
  </si>
  <si>
    <t>CL 7 # 20 B 57 BRR YOPAL</t>
  </si>
  <si>
    <t>MOVILFULL SAS</t>
  </si>
  <si>
    <t>CL. 8 #19-7 LA MESA CUNDINAMARCA COLOMBIA</t>
  </si>
  <si>
    <t>MOTO ROAD 17</t>
  </si>
  <si>
    <t>CR 12 BIS # 25 - 80 BRR SAN LUIS GONZAGA</t>
  </si>
  <si>
    <t>CACHARRERIA</t>
  </si>
  <si>
    <t>CL 23 # 20 C 17 BRR LA MACARENA</t>
  </si>
  <si>
    <t>RAPITIENDA LA ESQUINA</t>
  </si>
  <si>
    <t>CL 9 # 21-08 BRR VILLA LUCIA</t>
  </si>
  <si>
    <t>REMATES MEDELLIN</t>
  </si>
  <si>
    <t>CARRERA 4 # 27 (31) VALLEDUPAR CESAR</t>
  </si>
  <si>
    <t>XBOX NET NICOLLE DE COLOMBIA</t>
  </si>
  <si>
    <t>CR 10 # 3 43 BRR LAS MERCEDES</t>
  </si>
  <si>
    <t>DROGUERIA CUIDAMOS TU SALUD</t>
  </si>
  <si>
    <t>CR 4 # 04-56 LEIVA NARINO</t>
  </si>
  <si>
    <t>PUNTO DE PAGO SIBATE</t>
  </si>
  <si>
    <t>CR 6 # 8 91 BRR CENTRO</t>
  </si>
  <si>
    <t>CL 7 # 32 01 BRR NO REGISTRA</t>
  </si>
  <si>
    <t>TIENDA ZIPACOMUNICACIONES  J-I</t>
  </si>
  <si>
    <t>CARRERA 14 A # N 27 - 07 MANZANA 4A ZIPAQUIRA CUNDINAMARCA</t>
  </si>
  <si>
    <t>COPIFAN</t>
  </si>
  <si>
    <t>CL 52 # 31-14 BRR BOLARQUI</t>
  </si>
  <si>
    <t>VARIEDADES SARI</t>
  </si>
  <si>
    <t>CARRERA 2 # 2 - 135 BRR LA GALLERA</t>
  </si>
  <si>
    <t>TECPHONE -BOSA</t>
  </si>
  <si>
    <t>CL 62 SUR # 87 B 10 BRR BOSA NOVA</t>
  </si>
  <si>
    <t>MINIMERCADO SOBERANO</t>
  </si>
  <si>
    <t>CRA 5 6 A 32</t>
  </si>
  <si>
    <t>ASOSORIAS SOLOTRAMITES</t>
  </si>
  <si>
    <t>CC DORADA PLAZA LC 201-3 BRR CENTRO</t>
  </si>
  <si>
    <t>PAPELERIA Y MISCELANEA BIG BANG</t>
  </si>
  <si>
    <t>AV. CL 39 SUR # 52A BRR LA ALQUERIA</t>
  </si>
  <si>
    <t>AUTOSERVICIO LOS MUELLES</t>
  </si>
  <si>
    <t>TRANSVERSAL 1 ESTE # 70 01 BRR SUAMOX</t>
  </si>
  <si>
    <t>LILI RUIZ</t>
  </si>
  <si>
    <t>AV CR 29 # 23-35</t>
  </si>
  <si>
    <t>PARIS NUMERO 28</t>
  </si>
  <si>
    <t>CL 24 NO. 13 - 12</t>
  </si>
  <si>
    <t>CR 3 # 4 0 BRR ESQUINA  CENTRO</t>
  </si>
  <si>
    <t>TIGO OCEAN MALL 2</t>
  </si>
  <si>
    <t>CR 15 # 29 116 BRR CC OCEAN MALL</t>
  </si>
  <si>
    <t>TIGO CRA 54</t>
  </si>
  <si>
    <t>CR 54 # 74 167 BRR BARRANQUILLA</t>
  </si>
  <si>
    <t>MIL COSITAS JH</t>
  </si>
  <si>
    <t>CRA. 5 #4-67 MIRAFLORES BOYAC COLOMBIA</t>
  </si>
  <si>
    <t>SERVICIOS Y COMUNICACIONES JC</t>
  </si>
  <si>
    <t>MZ F-8 LT 2-8 BRR LA PRIMAVERA</t>
  </si>
  <si>
    <t>CL 26 C # 20 D 08 BRR LA VAINILLA</t>
  </si>
  <si>
    <t>MISCELANEA Y PAPELERIA SOCIEGO</t>
  </si>
  <si>
    <t>CR 22 A # 2 02 - SUR BRR SOCIEGO</t>
  </si>
  <si>
    <t>COMUNICATE YA</t>
  </si>
  <si>
    <t>CL 2 # 6 18 BRR JARDIN</t>
  </si>
  <si>
    <t>PAGOS  Y SERVICIOS</t>
  </si>
  <si>
    <t>VEEREDA EL MESON BRR VEREDA EL MESON</t>
  </si>
  <si>
    <t>MULTISERCIOS RC</t>
  </si>
  <si>
    <t>AV. CARRERA 27 # 52-152 (CASA43) VALLEDUPAR CESAR</t>
  </si>
  <si>
    <t>MZ R4 LOTE 14 ET1 BRR KENNEDY</t>
  </si>
  <si>
    <t>MI BANKA</t>
  </si>
  <si>
    <t>CL 79 # 89 A 40 BRR PRIMAVERA</t>
  </si>
  <si>
    <t>NEXTONER</t>
  </si>
  <si>
    <t>CL. 13 #12-13 Cï¿šCUTA NORTE DE SANTANDER COLOMBIA</t>
  </si>
  <si>
    <t>VENTA DE MINUTOS NUEVO JAPON</t>
  </si>
  <si>
    <t>CR 7 A # 26 A 26 - ESTE BRR NUEVO JAPON</t>
  </si>
  <si>
    <t>PAPELERIA Y CACHARRERIA ARCOIRIS</t>
  </si>
  <si>
    <t>CR 5 # 5 32 BRR CLAVELES</t>
  </si>
  <si>
    <t>MISCELANEA Y PAPELERIA DYLAN</t>
  </si>
  <si>
    <t>CR 3 # 3-20 BRR CENTRO</t>
  </si>
  <si>
    <t>CR 9 # 4 60 BRR GRAMALOTE</t>
  </si>
  <si>
    <t>RECAUDOS LAS LLANADAS</t>
  </si>
  <si>
    <t>CL 7 # 27 47 BRR BARRIO LAS LLANADAS</t>
  </si>
  <si>
    <t>TIENDA MARYEN</t>
  </si>
  <si>
    <t>CL 4 # 3 16 BRR CENTRO</t>
  </si>
  <si>
    <t>COMERCIALIZAMOS</t>
  </si>
  <si>
    <t>CL 8 # 7 60 BRR CENTRO</t>
  </si>
  <si>
    <t>PIQUETEADERO MEDELLIN</t>
  </si>
  <si>
    <t>SEC ALTO TABLAZO BRR TABLAZO LOCAL</t>
  </si>
  <si>
    <t>SMEDSOLUCIONES</t>
  </si>
  <si>
    <t>CR 11# 20-74 BRR CENTRO</t>
  </si>
  <si>
    <t>J Y G VARIEDADES BOX</t>
  </si>
  <si>
    <t>CR 2 # 19 - 23 BRR FUSACATAN</t>
  </si>
  <si>
    <t>TIGO PEREIRA</t>
  </si>
  <si>
    <t>CR 7 # 22 30 BRR PEREIRA RISARALDA</t>
  </si>
  <si>
    <t>MICELANIA CANAVERAL 3</t>
  </si>
  <si>
    <t>CL. 59 #131B-58 SAN CRISTOBAL MEDELLIN ANTIOQUIA COLOMBIA</t>
  </si>
  <si>
    <t>DISTRIBUIDORA JAIMECAR</t>
  </si>
  <si>
    <t>CRA. 4B #104-114 IBAGU TOLIMA COLOMBIA</t>
  </si>
  <si>
    <t xml:space="preserve">GRUPO TERROGANK SERVICIOS Y FINANZAS </t>
  </si>
  <si>
    <t>CRA. 13 #8-23 IBAGU TOLIMA COLOMBIA</t>
  </si>
  <si>
    <t>VARIEDADES ZIBA</t>
  </si>
  <si>
    <t>CR 3 # 3 45 BRR CENTRO</t>
  </si>
  <si>
    <t>REPUESTOS MHM</t>
  </si>
  <si>
    <t>CRA. 12 #24-34 SARAVENA ARAUCA COLOMBIA</t>
  </si>
  <si>
    <t>CR 32 # 7 26 / LT 1 BRR CENTRO</t>
  </si>
  <si>
    <t>CUCUTILLA</t>
  </si>
  <si>
    <t>JULIANA VARIEDADES</t>
  </si>
  <si>
    <t>CR 4 # 3 06 BRR CENTRO</t>
  </si>
  <si>
    <t>ARJONA</t>
  </si>
  <si>
    <t>DIVINO DETALLE</t>
  </si>
  <si>
    <t>CR 43A CL 56A 24 BRR CENTRO</t>
  </si>
  <si>
    <t>ESTACION DE SERVICIO NUESTRA SEÑORA DE FATIMA LTDA</t>
  </si>
  <si>
    <t>CR 3 # 2 41 / CRR SAN CLEMENTE BRR CENTRO</t>
  </si>
  <si>
    <t>PAPELERIA LA CABANA</t>
  </si>
  <si>
    <t>VEREDA LA FUENTE BRR VEREDA LA FUENTE</t>
  </si>
  <si>
    <t>PAPELERIA ADRIS</t>
  </si>
  <si>
    <t>CR 14 # 3 14 BRR EL PRADO</t>
  </si>
  <si>
    <t>DISCOLOMBIA</t>
  </si>
  <si>
    <t>CL 18A # 7 BRR AVENIDA IDEMA</t>
  </si>
  <si>
    <t>CONFEMOVIL S.A.S SANTA LIBRADA</t>
  </si>
  <si>
    <t>CL 75 SUR # 12 A 01 / P 1 BRR SANTA LIBRADA</t>
  </si>
  <si>
    <t>CONTACTAR VILLANUEVA</t>
  </si>
  <si>
    <t>CL 11 # 9 A 22 BRR VILLANUEVA</t>
  </si>
  <si>
    <t>SUPERMERCADO JUNIO J. R</t>
  </si>
  <si>
    <t>CL 4 NO. 3 - 0 ESQ BRR CENTRO ESQUINA FRENTE AL PAR</t>
  </si>
  <si>
    <t>PAIBA SEGUROS</t>
  </si>
  <si>
    <t>CL 12 # 7 17 BRR CENTRO</t>
  </si>
  <si>
    <t>DISTRIRED</t>
  </si>
  <si>
    <t>CR 6 # 7 25 BRR CENTRO</t>
  </si>
  <si>
    <t>JNB</t>
  </si>
  <si>
    <t>CALLE 14 # 10 A 22 () MADRID CUNDINAMARCA</t>
  </si>
  <si>
    <t>PAPELERIA J.A</t>
  </si>
  <si>
    <t>AV. CALLE 17 # 1W-39 PIEDECUESTA SANTANDE.</t>
  </si>
  <si>
    <t>TIGO MANIZALES</t>
  </si>
  <si>
    <t>AV 63 # 63 112 BRR AV SANTANDER MANIZALES CALDAS</t>
  </si>
  <si>
    <t>MISCELANEA MIS TRES D</t>
  </si>
  <si>
    <t>MZ 29 CA 27 URB PUERTO ESPEJO BRR PUERTO ESPEJO</t>
  </si>
  <si>
    <t>COOPERATIVA DEPTAL DE CAFICULTORES DEL HUILA LTDAL</t>
  </si>
  <si>
    <t>CR 6 NO. 7 - 81 CENTRO</t>
  </si>
  <si>
    <t>INVERSIONES LA GRAN VIA DE TENA SAS</t>
  </si>
  <si>
    <t>CR 2 # 5 24 BRR CENTRO</t>
  </si>
  <si>
    <t>INTERNET DA</t>
  </si>
  <si>
    <t>CR 2 SUR # 1A-09 ESTE BRR CONVENCION</t>
  </si>
  <si>
    <t>INVERSIONES LA GRAN VIA DE APULO</t>
  </si>
  <si>
    <t>CR 5 # 13 - 43 BRR CENTRO</t>
  </si>
  <si>
    <t>ALDAROB</t>
  </si>
  <si>
    <t>CL. 7 #8-103 CHIQUINQUIRA BOYACA COLOMBIA</t>
  </si>
  <si>
    <t>ENVIOS LATINS GLOERS EXPRESS</t>
  </si>
  <si>
    <t>AV 7 # 1 50 / LC N 2 - 09 BRR CARORA</t>
  </si>
  <si>
    <t>PAPELERIA E INTERNET FENIX 12</t>
  </si>
  <si>
    <t>CR 12 # 8-02 BRR SANTA ANA</t>
  </si>
  <si>
    <t>TIENDA CANAVERAL</t>
  </si>
  <si>
    <t>CRA 5 10 56</t>
  </si>
  <si>
    <t>INTERPLAY</t>
  </si>
  <si>
    <t>CR 2 # 4 - 50 / LC 5 BRR GAVIOTA</t>
  </si>
  <si>
    <t>COMUNICACIONES FUENTES</t>
  </si>
  <si>
    <t>CL 4 # 6 94 BRR SAN FRANCISCO</t>
  </si>
  <si>
    <t>TOLELO DROGUERIA Y PAPELERIA</t>
  </si>
  <si>
    <t>CR 3 # 23 06 BRR FUENTE HIGUERAS</t>
  </si>
  <si>
    <t>ESTACION PAPELERA JGA</t>
  </si>
  <si>
    <t>CL 9 # 24-33BRRCOMUNEROS</t>
  </si>
  <si>
    <t>COOPERATIVA ESTUDIANTIL</t>
  </si>
  <si>
    <t>DROGUERIAPANTANILLO@GMAIL.COM</t>
  </si>
  <si>
    <t>VDA PANTANILLO</t>
  </si>
  <si>
    <t>COMUNICACIONES AYV</t>
  </si>
  <si>
    <t>VEREDA TIQUIZA BRR TIQUIZA</t>
  </si>
  <si>
    <t>PAYCENTER AG</t>
  </si>
  <si>
    <t>CL 5A # 11-31 BRR CENTRO</t>
  </si>
  <si>
    <t>CALLE 63 CON CARRERA 13</t>
  </si>
  <si>
    <t>CR 16 # 23 4 / LC 2 BRR CENTRO</t>
  </si>
  <si>
    <t>BUCARASICA</t>
  </si>
  <si>
    <t>MISCELANEA BLANCA MARINA</t>
  </si>
  <si>
    <t>CL 1 # 3 19 BRR CENTRO</t>
  </si>
  <si>
    <t>SUPERMERCADO URIBE</t>
  </si>
  <si>
    <t>CR 5 # 28 - 66 BRR LA PRADERA</t>
  </si>
  <si>
    <t>BJ TIENDA</t>
  </si>
  <si>
    <t>CL 26 # 44 91 / LC 1 BRR PARQUES DE BOLIVAR DOS</t>
  </si>
  <si>
    <t>MOVILSERVICIOS GARZON</t>
  </si>
  <si>
    <t>CL 2 # 13 A 7 BRR SANTA TERESA</t>
  </si>
  <si>
    <t>MUNDO NET J.E</t>
  </si>
  <si>
    <t>CR 5 # 41 87 BRR SANTA INES</t>
  </si>
  <si>
    <t>EL PIÑÓN</t>
  </si>
  <si>
    <t>TELECOMUNICACIONES ANYELA</t>
  </si>
  <si>
    <t>CR 3 # 10 23 10-23BRR CENTRO</t>
  </si>
  <si>
    <t>SYNERGI GIFT  VJ</t>
  </si>
  <si>
    <t>CRA. 53 NRO. 70-26 BRR PRADO</t>
  </si>
  <si>
    <t>CARRERA 24 # 11-68 BUCARAMANGA SANTANDE.</t>
  </si>
  <si>
    <t>TECPHONE-GUADUAS</t>
  </si>
  <si>
    <t>CL 4 # 4 28 BRR CENTRO GUADUAS</t>
  </si>
  <si>
    <t>CL 1 # 5 12 / CC LA 1 LC 4 BRR CENTRO</t>
  </si>
  <si>
    <t>DPAGOS Y SERVICIOS S.A.S. LA DORADA</t>
  </si>
  <si>
    <t>CL 13 # 2 39 / LC 241 BRR CENTRO</t>
  </si>
  <si>
    <t>PLANETPLAY</t>
  </si>
  <si>
    <t>CL 3 # 2A-15 BRR CENTRO</t>
  </si>
  <si>
    <t>SANDONÁ</t>
  </si>
  <si>
    <t>CR 5 # 04-85 BRR SAN CARLOS</t>
  </si>
  <si>
    <t>EL ARBOL DE PAPEL</t>
  </si>
  <si>
    <t>CR 15 # 10 06 BRR CENTRO</t>
  </si>
  <si>
    <t>FERRETERIA LOMA DEL VIENTO</t>
  </si>
  <si>
    <t>CR 14A # 85-40 BRR CIUDAD MODESTO</t>
  </si>
  <si>
    <t>CALLE 53 CON CARACAS</t>
  </si>
  <si>
    <t>SABAS PAPELERIA</t>
  </si>
  <si>
    <t>KM 4 AV MIROLINDO</t>
  </si>
  <si>
    <t>PUNTO EXPRES</t>
  </si>
  <si>
    <t>CR 7 # 3 87 BRR FATIMA</t>
  </si>
  <si>
    <t>HOTEL POSADA DEL CACIQUE</t>
  </si>
  <si>
    <t>CL 5 # 17 42 BRR BOLIVAR</t>
  </si>
  <si>
    <t>MESETAS</t>
  </si>
  <si>
    <t>DROGAS DON LUI</t>
  </si>
  <si>
    <t>CR 18 # 9 37 BRR EL JARDIN</t>
  </si>
  <si>
    <t>PAPELERIA Y VARIEDADES EMILY</t>
  </si>
  <si>
    <t>CR 66 # 50 BRR URBANIZACION SANTA HELENA</t>
  </si>
  <si>
    <t>VARIEDADES NATAGA</t>
  </si>
  <si>
    <t>CL 36 # 11 48 BRR GAITAN</t>
  </si>
  <si>
    <t>PAPELERIA LA BUENA FE</t>
  </si>
  <si>
    <t>MZ 28 CA 8 ET 7 BRR JORDAN</t>
  </si>
  <si>
    <t>EL PORVENIR E Y O</t>
  </si>
  <si>
    <t>CL 2 # 2 03 BRR EL RECREO</t>
  </si>
  <si>
    <t>PAGOS THAMA</t>
  </si>
  <si>
    <t>CL 7 # 5 26 BRR CENTRO</t>
  </si>
  <si>
    <t>PAPELERIA JJBABU</t>
  </si>
  <si>
    <t>Carrera 18 calle 9 esquina</t>
  </si>
  <si>
    <t>VARIEDADES STEFA</t>
  </si>
  <si>
    <t>CALLE 17#5-50</t>
  </si>
  <si>
    <t>PAPELERIA LAURA Y FELIPE</t>
  </si>
  <si>
    <t>MZ 2 CS 7 BRR PORVENIR</t>
  </si>
  <si>
    <t>PAPELERIA LATINA MOBILE</t>
  </si>
  <si>
    <t>CL 39 A # 6 04 BRR MANANTIAL</t>
  </si>
  <si>
    <t>FERRETERIA MKC</t>
  </si>
  <si>
    <t>CL 81 - 23 BRR PEDREGAL</t>
  </si>
  <si>
    <t>SOLUCIONES PRACTICAS DAYIS</t>
  </si>
  <si>
    <t>CR 48F # 3B 21 BRR MIRADOR DE LAS GARZAS</t>
  </si>
  <si>
    <t>FRANKIY ALEXANDER</t>
  </si>
  <si>
    <t>CR 7 # 5 23 BRR VILLA DEL ROSARIO</t>
  </si>
  <si>
    <t>PAPELERï¿­A Y VARIEDADES CREDIMAX</t>
  </si>
  <si>
    <t>CALLE 14 #246 AGUA CLARA Cï¿šCUTA NORTE DE SANTANDER COLOMBIA</t>
  </si>
  <si>
    <t>SALENTO</t>
  </si>
  <si>
    <t>ACCESORIOS BETEL</t>
  </si>
  <si>
    <t>CL 5 # 4 20 BRR CENTRO</t>
  </si>
  <si>
    <t>CR 3 # 29 - 13 BRR SUR AMERICA</t>
  </si>
  <si>
    <t>TROPITIENDAS</t>
  </si>
  <si>
    <t>CR 21 # 8-70 BRR ESTANZUELA</t>
  </si>
  <si>
    <t>JAYVID-SHOP</t>
  </si>
  <si>
    <t>CL 41 # 14-41 BRR CENTRO</t>
  </si>
  <si>
    <t>MULTISERVICIOS G Y G</t>
  </si>
  <si>
    <t>CL 87 # 87 A 31 BRR CEREZOS</t>
  </si>
  <si>
    <t>DROGRERIA QUINTER FARMA</t>
  </si>
  <si>
    <t>CR 145 # 145A-30 BRR CAMIOS DE LA ESPERANZA</t>
  </si>
  <si>
    <t>CONFEMOVIL S.A.S CAMPOALEGRE</t>
  </si>
  <si>
    <t>CR 9 A # 18 25 BRR CENTRO</t>
  </si>
  <si>
    <t>TIENDA DE DETALLES GOYIIS</t>
  </si>
  <si>
    <t>KDX 19 03 DIAMANTE BRR EL PROGRESO</t>
  </si>
  <si>
    <t>MILÁN</t>
  </si>
  <si>
    <t>INVERSIONES EMANUEL SAG</t>
  </si>
  <si>
    <t>CL PRINCIPAL BRR SAN ANTONIO DE GETUCHA</t>
  </si>
  <si>
    <t>SIN FRONTERAS PUNTO NET</t>
  </si>
  <si>
    <t>CR 5 # 3-57 BRR EL ABRA</t>
  </si>
  <si>
    <t>PAPELERIA Y MISCELANEA DIANIS</t>
  </si>
  <si>
    <t>CR 97 B # 62 B-18 BRR SANTIAGO DE ATALAYAS BOSA</t>
  </si>
  <si>
    <t>PRACTISISTEMAS SAS</t>
  </si>
  <si>
    <t>TV 30 # 20 A 30 BRR SABANAS DEL VALLE</t>
  </si>
  <si>
    <t>KAPRIICHITOS</t>
  </si>
  <si>
    <t>CARRERA 6 # 12 (17) TOCANCIPA CUNDINAMARCA</t>
  </si>
  <si>
    <t>ICELL FLORENCIA</t>
  </si>
  <si>
    <t>CL 14 # 12 33 BRR FLORENCIA</t>
  </si>
  <si>
    <t>SIMITÍ</t>
  </si>
  <si>
    <t>ALMACEN SIM DEL SUR</t>
  </si>
  <si>
    <t>CRA 6 11 23 BRR TRES CRAUCES</t>
  </si>
  <si>
    <t>FERRETODO 4D</t>
  </si>
  <si>
    <t>CRA. 2 ESTE #29C-176 TUNJA BOYACï¿ COLOMBIA</t>
  </si>
  <si>
    <t>DROGUERIA SALOME PLUS</t>
  </si>
  <si>
    <t>CRA 7 3 04 LC 2</t>
  </si>
  <si>
    <t>CST PROGRAMACION SOFTWARE</t>
  </si>
  <si>
    <t>AV 17 # 14-27 BRR TOLEDO PLATA</t>
  </si>
  <si>
    <t>PAPELERIA LA ABEJITA</t>
  </si>
  <si>
    <t>CR 3 # 9 B 28 - SUR BRR CENTRO</t>
  </si>
  <si>
    <t>FUTURA SC ASESORIAS Y SERVICIOS</t>
  </si>
  <si>
    <t>CL 2B # 14B-21</t>
  </si>
  <si>
    <t>EL TENDERITO</t>
  </si>
  <si>
    <t>CL 19 # 1 E 02 BRR DELICIAS</t>
  </si>
  <si>
    <t>VARIEDADES Y PINATERIA JULIAN</t>
  </si>
  <si>
    <t>CL MZ C # LOTE 8 BRR SAN PEDRO</t>
  </si>
  <si>
    <t>PROTECH SEGURIDAD 6 TECNOLOGIA</t>
  </si>
  <si>
    <t>CL 8 # 12 95 BRR CENTRO</t>
  </si>
  <si>
    <t>YURI VIVIANA GASPAR</t>
  </si>
  <si>
    <t>CL 80 BIS SUR # 91 48 BRR BOSA POTRERITOS</t>
  </si>
  <si>
    <t>TIGO BUENAVISTA 2</t>
  </si>
  <si>
    <t>CL 99 # 52 165 BRR CC BUENAVISTA</t>
  </si>
  <si>
    <t>TIGO MONTERÃA</t>
  </si>
  <si>
    <t>CL 30 # 2 46 BRR MONTERIA</t>
  </si>
  <si>
    <t>PAPELERIA SAMAR</t>
  </si>
  <si>
    <t>MZ 18 CA 17 ET 2 BRR JORDAN</t>
  </si>
  <si>
    <t>CORRESPONSAL PALMERAS</t>
  </si>
  <si>
    <t>AV. 6 #8-40 CCUTA NORTE DE SANTANDER COLOMBIA</t>
  </si>
  <si>
    <t>PATTY STORE</t>
  </si>
  <si>
    <t>CL 5 # 5 86 / ESQ BRR LOS ALPES</t>
  </si>
  <si>
    <t>PANALERA BLANQUITA</t>
  </si>
  <si>
    <t>CL 4 BRR SAN MARTIN</t>
  </si>
  <si>
    <t>YOLI PATRICIA QUITIAN</t>
  </si>
  <si>
    <t>CL 5 # 5-61 BRR CENTRO</t>
  </si>
  <si>
    <t>BARRANCO DE LOBA</t>
  </si>
  <si>
    <t>VARIEDADES BAYTER</t>
  </si>
  <si>
    <t>CRA. 16 #15-87 BARRANCO DE LOBA BOLï¿VAR COLOMBIA</t>
  </si>
  <si>
    <t>CAMEZ INVERSIONES</t>
  </si>
  <si>
    <t>MZ L LT 9 BRR URBANIZACION DE LA CRUZ</t>
  </si>
  <si>
    <t>DOMICILIOS JHOSSELYN</t>
  </si>
  <si>
    <t>CL. 16 #12-106 VILLA DEL ROSARIO NORTE DE SANTANDER COLOMBIA</t>
  </si>
  <si>
    <t>FERRETERIA ESTEVEZ S.A.S</t>
  </si>
  <si>
    <t>CL 8 # 8 58 BRR SAN MARTIN</t>
  </si>
  <si>
    <t>MISCELANEA Y PAPELERIA ANGELS</t>
  </si>
  <si>
    <t>CL 15 # 30 78 BRR CIUDAD VERDE</t>
  </si>
  <si>
    <t>COLPATRIA CHAPINERO</t>
  </si>
  <si>
    <t>CL 58 # 13 29 BRR CHAPINERO</t>
  </si>
  <si>
    <t>COMPUMOVIL TECH</t>
  </si>
  <si>
    <t>CL 29 H # 21 F 15 / TO A LC 01 BRR CJTO RESEDENCIAL TORRES DE VILLA MONICA</t>
  </si>
  <si>
    <t>PAPELERIA LEGAMAX</t>
  </si>
  <si>
    <t>CRA 6 2 17</t>
  </si>
  <si>
    <t>NATUCORP</t>
  </si>
  <si>
    <t>AV. 7B #7 ESTE-176 Cï¿šCUTA NORTE DE SANTANDER COLOMBIA</t>
  </si>
  <si>
    <t>VARIEDADES SANTA CLARA</t>
  </si>
  <si>
    <t>MZ F CASA 23 F CASA 23 BRR URBANIZACION SANTA CLARA</t>
  </si>
  <si>
    <t>PANAMERCAR</t>
  </si>
  <si>
    <t>CL 20 # 45 96 BRR CHAPULTEPEC</t>
  </si>
  <si>
    <t>PAPELERIA PUNTO 52 B</t>
  </si>
  <si>
    <t>CR 52 B SUR # 11 A - 92 SUR BRR BARRIO GUAYABAL URBANIZACIN CASA LINDA.</t>
  </si>
  <si>
    <t>DROGUERIA BIOPHARMA</t>
  </si>
  <si>
    <t>CR 6 # 5 22 BRR CENTRO</t>
  </si>
  <si>
    <t>SOLUCINES INTEGRADAS</t>
  </si>
  <si>
    <t>CL 160 SUR # 21 19 - SUR BRR CONJUNTO GUALANDAY</t>
  </si>
  <si>
    <t>FESTY ARAUCA</t>
  </si>
  <si>
    <t>CRA. 27 #2746 ARAUCA COLOMBIA</t>
  </si>
  <si>
    <t>TIENDA VARIEDAD Y SERVICIO</t>
  </si>
  <si>
    <t>CR 3 # 27 B 51 - NORTE BRR YANACONAS</t>
  </si>
  <si>
    <t>FOTOCOPIAS Y MAS</t>
  </si>
  <si>
    <t>CR 6 # 13 01 BRR LA CENTRAL</t>
  </si>
  <si>
    <t>FERRETERIA TAPARCAL</t>
  </si>
  <si>
    <t>VDA BRR TAPARCAL BELEN DE UMBRIA</t>
  </si>
  <si>
    <t>VERADA VERGANZO BRR VERGANZO</t>
  </si>
  <si>
    <t>INTERNET DONDE MORA</t>
  </si>
  <si>
    <t>CL 7 # 6-35 BBR JOSE ANTONIO GALAN</t>
  </si>
  <si>
    <t>VARIEDADES SOFIA</t>
  </si>
  <si>
    <t>CR 33 # 9 18 BRR CENTRO</t>
  </si>
  <si>
    <t>OFICINA DE EMPRESA DE TELECOMUNICACIONES</t>
  </si>
  <si>
    <t>CR 3 C # 68 93 BRR ARKANIZA 2</t>
  </si>
  <si>
    <t>FARMA DE UNO</t>
  </si>
  <si>
    <t>CL. 20 #18-31 SARAVENA ARAUCA COLOMBIA</t>
  </si>
  <si>
    <t>PIN SOLUCIONES EN LINEA</t>
  </si>
  <si>
    <t>CL. 12 #10-38 VILLA DEL ROSARIO NORTE DE SANTANDER COLOMBIA</t>
  </si>
  <si>
    <t>TIENDA EL MIRADOR</t>
  </si>
  <si>
    <t>CL 14 # 28 44 BRR EL MIRADOR</t>
  </si>
  <si>
    <t>BOOKUTRIP AGENCY</t>
  </si>
  <si>
    <t>CL 20 # 7 - 14 / LC 2 BRR CENTRO</t>
  </si>
  <si>
    <t>FRD PAPELERIA Y MISCELANEA</t>
  </si>
  <si>
    <t>DG 4 # 5 - 57 BRR CENTRO</t>
  </si>
  <si>
    <t>PAPELERIA Y VARIEDADES MAFALDA</t>
  </si>
  <si>
    <t>CR 22 # 10-73-89 BRR DONA LUZ</t>
  </si>
  <si>
    <t>DISTRIBUIDORA LUBRISTAR J.I.</t>
  </si>
  <si>
    <t>ANILLO VIAL CC PLAZA DEL ESTE LC 3 BRR EL ESCOBAL</t>
  </si>
  <si>
    <t>PAPELERIA JACSMASS</t>
  </si>
  <si>
    <t>CL 13 2-43 BRR ALTOS DEL GUALI</t>
  </si>
  <si>
    <t>PAPELERIA Y VARIEDADES EL GRANJERO</t>
  </si>
  <si>
    <t>CL 15 # 22-22 BRR SAN JOSE</t>
  </si>
  <si>
    <t>MERCADOS MILEY</t>
  </si>
  <si>
    <t>CL 66 SUR # 19 BRR SAN FRANCISCO</t>
  </si>
  <si>
    <t>PAGOS PEOPLE</t>
  </si>
  <si>
    <t>CL 3 # 04-77BRR USAQUEN</t>
  </si>
  <si>
    <t>SERVICEL MY</t>
  </si>
  <si>
    <t>CR 19 B # 9 D 18 BRR CENTRO</t>
  </si>
  <si>
    <t>PAPELERIA  Y VARIEDADES SALOME</t>
  </si>
  <si>
    <t>CRA 6 N 5-37</t>
  </si>
  <si>
    <t>CELU CABLE</t>
  </si>
  <si>
    <t>CR 7 # 34 37 BRR CENTRO</t>
  </si>
  <si>
    <t>ROSACANO</t>
  </si>
  <si>
    <t>CR 101 # 82 - 49 BRR BOCHICA</t>
  </si>
  <si>
    <t>MISELANIA LISA.NET</t>
  </si>
  <si>
    <t>CR 7 # 9 73 BRR TOVAR ZAMBRANO</t>
  </si>
  <si>
    <t>CONTACTAR BUGA</t>
  </si>
  <si>
    <t>ICELL SAN DIEGO</t>
  </si>
  <si>
    <t>CL 34 # 43 30 BRR MEDELLIN</t>
  </si>
  <si>
    <t>MARKET CARACOLI</t>
  </si>
  <si>
    <t>CR 5 # 7 06 BRR CARACOLI</t>
  </si>
  <si>
    <t>MICELANEA MAJO</t>
  </si>
  <si>
    <t>CL. 3 #218 PUERTO SANTANDER NORTE DE SANTANDER COLOMBIA</t>
  </si>
  <si>
    <t>EL TRIANGULO</t>
  </si>
  <si>
    <t>CL 7 # 303 0 BRR CENTRO</t>
  </si>
  <si>
    <t>AV. CR 156A # 135 24 BRR SUBA SANTA CECILIA</t>
  </si>
  <si>
    <t>PAPELERIA CYBER JD</t>
  </si>
  <si>
    <t>AV. CL 15 # MZ 8 LT 13 BRR EL CARMELO</t>
  </si>
  <si>
    <t>PARIS NUMERO 23</t>
  </si>
  <si>
    <t>CL 41 NO. 20 - 11</t>
  </si>
  <si>
    <t>DIMAR TECNOLOGY</t>
  </si>
  <si>
    <t>CL 53 BIS SUR # 13 24 BRR ABRAHAM LINCOIN</t>
  </si>
  <si>
    <t>PAPELERIA SYSLLEY</t>
  </si>
  <si>
    <t>CR 3 # 2 38 BRR CENTRO</t>
  </si>
  <si>
    <t>APUESTAS DEPORTIVAS ONLINE</t>
  </si>
  <si>
    <t>CRA. 8 #13-57 VILLA DEL ROSARIO NORTE DE SANTANDER COLOMBIA</t>
  </si>
  <si>
    <t>CENTRO DE ENTRENAMIENTO XBOX ONE</t>
  </si>
  <si>
    <t>CL 5 N # 3 E 161 BRR CAPILLANA</t>
  </si>
  <si>
    <t>INMOBILIARIA NEGOCIEMOS.COM</t>
  </si>
  <si>
    <t>CR 6 # 7 15 / LC 2 BRR CENTRO</t>
  </si>
  <si>
    <t>LOS GERANIOS PAPELERIA</t>
  </si>
  <si>
    <t>CR 5 # 2 49 BRR CHIA</t>
  </si>
  <si>
    <t>CL 6 # 0 A 70 BRR TRIGAL DEL NORTE</t>
  </si>
  <si>
    <t>PAPELERÃA Y VARIEDADES LAURELES</t>
  </si>
  <si>
    <t>CR 5 # 5 34 BRR COROMORO</t>
  </si>
  <si>
    <t>NORTE MOVIL</t>
  </si>
  <si>
    <t>CL. 5A NTE. #4-113 CCUTA NORTE DE SANTANDER COLOMBIA</t>
  </si>
  <si>
    <t>PAPELERIA GEMELISSA</t>
  </si>
  <si>
    <t>CL 6 #8-13</t>
  </si>
  <si>
    <t>VIDEO JUEGOS Y TECNOLOGIA YANQUEN</t>
  </si>
  <si>
    <t>CR 98C 57 SUR BRR BOSA SANTA FE</t>
  </si>
  <si>
    <t>AGENCIA DIGITAL FACA</t>
  </si>
  <si>
    <t>CALLE 8 # 3-70 FACATATIVA CUNDINAMARCA</t>
  </si>
  <si>
    <t>ICELL LOMA FRESCA</t>
  </si>
  <si>
    <t>CL 21 # 6 13 BRR LOMA FRESCA</t>
  </si>
  <si>
    <t>DISTRICOPIAS LA 18</t>
  </si>
  <si>
    <t>CR 18 # 14 - 50 BRR BOSCONIA</t>
  </si>
  <si>
    <t>FERRETERIA PINTULACA</t>
  </si>
  <si>
    <t>CR 3 # 2 110 BRR CENTRO</t>
  </si>
  <si>
    <t>GRUPO EMPRESARIAL OSORIOS S.A.S.</t>
  </si>
  <si>
    <t>CL 7 # 4 41 BRR CENTRO</t>
  </si>
  <si>
    <t>KMIL@.COM</t>
  </si>
  <si>
    <t>CR 16 # 23 38 BRR VATICANO</t>
  </si>
  <si>
    <t>TIENDA MERKACENTRO</t>
  </si>
  <si>
    <t>CL 4 # 5-6</t>
  </si>
  <si>
    <t>EXTRAS Y VARIOS NAYELIS L Y F</t>
  </si>
  <si>
    <t>TVR 12 # 25-88BRR PLAYAS</t>
  </si>
  <si>
    <t>CL 2 # 2 7 BRR CENTRO</t>
  </si>
  <si>
    <t>CL 34 # 50 15 BRR CENTRO</t>
  </si>
  <si>
    <t>CALLE 63 CON CARACAS</t>
  </si>
  <si>
    <t>LITOGRAFICOS MG SAS</t>
  </si>
  <si>
    <t>CL 4 # 4 33 BRR CENTRO</t>
  </si>
  <si>
    <t>VARIEDADES PANCHITA Y ALGO MAS</t>
  </si>
  <si>
    <t>CR 5 N # 5 55 BRR CENTRO</t>
  </si>
  <si>
    <t>CL. 0A #8A-13 LOS PATIOS NORTE DE SANTANDER COLOMBIA</t>
  </si>
  <si>
    <t>DROGUERIA MONTECARLO</t>
  </si>
  <si>
    <t>AV 3 8 A 37</t>
  </si>
  <si>
    <t>MUNDO MOVIL FM</t>
  </si>
  <si>
    <t>CL 13 # 4 - 30 BRR CENTRO</t>
  </si>
  <si>
    <t>CL 7 # 6-38</t>
  </si>
  <si>
    <t>CALLE 54 CON CARRERA 13</t>
  </si>
  <si>
    <t>TELEFONIA CELULAR LA ESMERALDA</t>
  </si>
  <si>
    <t>CL 1 CON CRA 2-4 BARRIO EL CENTRO LA ESMERALDA</t>
  </si>
  <si>
    <t>DROGUERIA ALFONSO LOPEZ #2</t>
  </si>
  <si>
    <t>AV 13A # 22-06 B/ALFONSO LOPEZ ALFONSO LOPEZ</t>
  </si>
  <si>
    <t>VARIEDADES MAPE</t>
  </si>
  <si>
    <t>CR 13 # 21 - 13 BRR SOLANO</t>
  </si>
  <si>
    <t>PAPELERIA ALEX LA PRINCIPAL</t>
  </si>
  <si>
    <t>CR 4 # 3 21 BRR SAN JOSE</t>
  </si>
  <si>
    <t>PAPELERIA Y MISCELANEA SANTA ELENA BOJACA</t>
  </si>
  <si>
    <t>CR 10 D # 9 79 BRR SANTA HELENA</t>
  </si>
  <si>
    <t>YEROCESERVICE</t>
  </si>
  <si>
    <t>CR 17 # 54-43 BRR PASEO DE BOLIVAR</t>
  </si>
  <si>
    <t>OFELIA ARDILA CORREDOR</t>
  </si>
  <si>
    <t>CR 9 # 8 B 01 BRR BELLA VISTA OIBA</t>
  </si>
  <si>
    <t>LEGRONET</t>
  </si>
  <si>
    <t>CL 8 # 1 C - 04 ESTE BRR CHICO 1</t>
  </si>
  <si>
    <t>A  G MOVILES COMUNICACIONES E U</t>
  </si>
  <si>
    <t>CL 23 49 B 43 ALTOS DE ZARAGOCILLA</t>
  </si>
  <si>
    <t>SOLUCIONES LCJ</t>
  </si>
  <si>
    <t>JUAN ARIAS-MAGANGUE #35-81 MAGANGUE BOLIVAR COLOMBIA</t>
  </si>
  <si>
    <t>PAPELERIA MARY LAURA</t>
  </si>
  <si>
    <t>VDA EL MOTINO # KM 8 VIA ZIPAQUIRA NEMOCON BRR EL MORTINO</t>
  </si>
  <si>
    <t>ACAMROCA</t>
  </si>
  <si>
    <t>CR 13 # 7A-55 BRR KENNEDY</t>
  </si>
  <si>
    <t>VRD VERGANZOBRR VERGANZO</t>
  </si>
  <si>
    <t>CLINIVET</t>
  </si>
  <si>
    <t>CR 5 A # 19 70 BRR PASEO DEL PUENTE</t>
  </si>
  <si>
    <t>VANSOF</t>
  </si>
  <si>
    <t>CL 18 # 6-76</t>
  </si>
  <si>
    <t>TIGO PALMETO</t>
  </si>
  <si>
    <t>PAPELERIA Y ARTESANIAS HORIZONTE SANTENDER</t>
  </si>
  <si>
    <t>CR 14 # 14 56 BRR MONASTERIO ESQUINA DE LA CATEDDRAL</t>
  </si>
  <si>
    <t xml:space="preserve">COMPUCELL JYM </t>
  </si>
  <si>
    <t>CL. 13 #7-29 CUCUTA NORTE DE SANTANDER COLOMBIA</t>
  </si>
  <si>
    <t>CL 3 # 6 52 BRR CENTRO</t>
  </si>
  <si>
    <t>INTERCONECXIONCIBER</t>
  </si>
  <si>
    <t>MANZANA C CASA 1</t>
  </si>
  <si>
    <t>MISCELANEA DD</t>
  </si>
  <si>
    <t>CR 8 # 1A 20BRRGAITAN</t>
  </si>
  <si>
    <t>AUTOSERVICIO LA ESQUINA DEL TRIUNFO</t>
  </si>
  <si>
    <t>CL 4 A # 1 59 - SUR BRR EL TRIUNFO</t>
  </si>
  <si>
    <t>CL 130 # 58 20 / LC 1-114 BRR CIUDAD JARDIN NORTE</t>
  </si>
  <si>
    <t>ALEXANDER VILLAR PEREZ</t>
  </si>
  <si>
    <t>CR 23 # 19 66 BRR LA CEIBA</t>
  </si>
  <si>
    <t>REDYPLATA</t>
  </si>
  <si>
    <t>CL 4 A # 8 115 BRR SAN MARCOS</t>
  </si>
  <si>
    <t>MR  MOUSE</t>
  </si>
  <si>
    <t>CL 68 # 13 49 BRR BELLO HORIZONTE</t>
  </si>
  <si>
    <t>VARIEDADES Y SALA DE BELLAZA PUERTAS DEL SOL</t>
  </si>
  <si>
    <t>CL 32 A # 3 40 BRR PUERTAS DEL SOL</t>
  </si>
  <si>
    <t>MINIMERCADO MI LEIDY</t>
  </si>
  <si>
    <t>CR 2 B # 163 A 51 BRR SANTA CECILIA</t>
  </si>
  <si>
    <t>JOTAM SD</t>
  </si>
  <si>
    <t>AV. CL 182C # 5A-03 BRR EL CODITO</t>
  </si>
  <si>
    <t>INTERNET JS</t>
  </si>
  <si>
    <t>CR 9 # 5 57 BRR CENTRO</t>
  </si>
  <si>
    <t>VARIEDADES SERVITEC GQ</t>
  </si>
  <si>
    <t>CL 72 F # 112 A 49 BRR VILLAS DE GRANADA</t>
  </si>
  <si>
    <t>PUNTOS Y TRAZOS MALAGA</t>
  </si>
  <si>
    <t>CL 24 # 7-141 BRR PRADOS DE SEVILLA</t>
  </si>
  <si>
    <t>FUNERARIA PARA MASCOTAS DEJANDO HUELLAS</t>
  </si>
  <si>
    <t>AVENIDA 23 # 13-49 () FLORENCIA CAQUETA</t>
  </si>
  <si>
    <t>MISCELANEA MATHIAS</t>
  </si>
  <si>
    <t>CR 6 # 9 50 BRR INT</t>
  </si>
  <si>
    <t>PLAZA HOGAR</t>
  </si>
  <si>
    <t>CR 11 # 13 21 BRR CENTRO</t>
  </si>
  <si>
    <t>RUBEN DARIO MANRIQUE</t>
  </si>
  <si>
    <t>CL 3 # 3 99 BRR CENTRO</t>
  </si>
  <si>
    <t>PAULA ANDREA SARMIENTO</t>
  </si>
  <si>
    <t>CL 7 # 6 38 BRR CENTRO</t>
  </si>
  <si>
    <t>KM 2 VIA CHIA COTA BRR VEREDA CERCA DE PIEDRA</t>
  </si>
  <si>
    <t>WEDONLINE</t>
  </si>
  <si>
    <t>CR 27 B # 71 D 27 - SUR BRR PARAISO</t>
  </si>
  <si>
    <t>CR 4 # 2 - 13 SUR BRR MONTANA</t>
  </si>
  <si>
    <t>ESTACION DE SERVICIO LA LIBERTAD</t>
  </si>
  <si>
    <t>KM 20 BRR VIA TUNJA PAIPA</t>
  </si>
  <si>
    <t>INVERSIONES CHOCONTA ICH SAS</t>
  </si>
  <si>
    <t>CL. 23 #21-92 ARAUCA COLOMBIA</t>
  </si>
  <si>
    <t>LIBRERIA Y PAPELERIA MAGISTERIO</t>
  </si>
  <si>
    <t>CL 18 # 23 - 28 BRR CENTRO</t>
  </si>
  <si>
    <t>VARIEDADES JERONIMO VILLA GOMEZ</t>
  </si>
  <si>
    <t>CL 7 # 12 23 BRR CENTRO</t>
  </si>
  <si>
    <t>DISTRI TODO JORDAN</t>
  </si>
  <si>
    <t>CARRERA 6A # 9-06 TOLUVIEJO SUCRE</t>
  </si>
  <si>
    <t>TECNOPOLIS</t>
  </si>
  <si>
    <t>CALLE 7 # 7 - 68</t>
  </si>
  <si>
    <t>PANADERIA Y CAF.VILLAPAN</t>
  </si>
  <si>
    <t>CR 3 CL 5 ESQUINA BRR CENTRO</t>
  </si>
  <si>
    <t>ANDRU MEDIOS</t>
  </si>
  <si>
    <t>CL. 35 #16-92 SARAVENA ARAUCA COLOMBIA</t>
  </si>
  <si>
    <t>VARIEDADES TEJEDOR</t>
  </si>
  <si>
    <t>VEREDA FAGUABRR SECTOR LA CABANA</t>
  </si>
  <si>
    <t>SURTITODO CENTER</t>
  </si>
  <si>
    <t>CL 5 # 6-61BRRCENTRO</t>
  </si>
  <si>
    <t>OFICINA INTEGRAL DE SEGUROS Y SERVICIOS</t>
  </si>
  <si>
    <t>CL 14 # 0 68 BRR LA PLAYA</t>
  </si>
  <si>
    <t>NICE STORE VIRTUAL</t>
  </si>
  <si>
    <t>AV 6 # 12 39 BRR CENTRO</t>
  </si>
  <si>
    <t>VARIEDADES Y MULTISERVICIOS MACAREGUA</t>
  </si>
  <si>
    <t>DG 14C#57-59 TORREC LOCAL 4 BRR REAL MINAS</t>
  </si>
  <si>
    <t>SERVICIO ELECTRONICO AUTOMOTRIZ GABRIEL</t>
  </si>
  <si>
    <t>CR 10 A # 1 D 17 BRR DIEGO DE OSPINA</t>
  </si>
  <si>
    <t>PAPAELERIA PLAZA CENTER</t>
  </si>
  <si>
    <t>CL 4 # 5-16 BRR CENTRO</t>
  </si>
  <si>
    <t>CDJ COMUNICACIONES</t>
  </si>
  <si>
    <t>CR 10 # 5 84 BRR CENTRO</t>
  </si>
  <si>
    <t>TIGO FORCAREY</t>
  </si>
  <si>
    <t>CL 31 # 20 22 BRR MANIZALES</t>
  </si>
  <si>
    <t>CENTRO DE SERVICIOS JCM</t>
  </si>
  <si>
    <t>AV 27 # 21 70 BRR SIMON BOLIVAR</t>
  </si>
  <si>
    <t>DE TODITO EMANUEL</t>
  </si>
  <si>
    <t>DG 4#4-91E BRR CENTRO</t>
  </si>
  <si>
    <t>MULTISERVICIOS MEGASERVIC</t>
  </si>
  <si>
    <t>CL 5 NO. 14-61 BRR VILLA MATILDE</t>
  </si>
  <si>
    <t>EVOLUCION COMUNICACIONES.CO</t>
  </si>
  <si>
    <t>CL 52 # 42-50 BRR VERSALLES</t>
  </si>
  <si>
    <t>RECARGAS Y PAPELERIA LINA</t>
  </si>
  <si>
    <t>TV 24 A # 18 05 / AP 1 BRR LOS FUNDADORES</t>
  </si>
  <si>
    <t>CALLE 17 1 31 PIEDECUESTA SANTANDE.</t>
  </si>
  <si>
    <t>YEFERSON ASTUDILLO BRINEZ</t>
  </si>
  <si>
    <t>CR 33 # 41A-34</t>
  </si>
  <si>
    <t>CR 8B # 20-52 BBR BELLISCA</t>
  </si>
  <si>
    <t>CR 8 SUR # 77 BRR RUBI</t>
  </si>
  <si>
    <t>ICELL PLAZA IMPERIAL</t>
  </si>
  <si>
    <t>CL 146 # 106 30 / CC PLAZA IMPERIAL LC 190-191 BRR LAS MERCEDES</t>
  </si>
  <si>
    <t>TIGO CAÑAVERAL</t>
  </si>
  <si>
    <t>CL 30 # 25 A 21 BRR SEGUNDO PISO LOCAL 9A B BUCARAMANGA</t>
  </si>
  <si>
    <t>MAXITODO DE TIERRA FIRME</t>
  </si>
  <si>
    <t>MZ I CA 20 BRR TIERRA FIRME</t>
  </si>
  <si>
    <t>COMERCIALIZADORA ANGELY.R</t>
  </si>
  <si>
    <t>AV 6 # 8 20 / CC ALEJANDRIA LC 158 P 2 PLAZA DE LOS ANDES BRR CENTRO</t>
  </si>
  <si>
    <t>MISCELANI SANCHEZ L</t>
  </si>
  <si>
    <t>CR 5 # 2 51 / P 2 BRR CTO IRRA</t>
  </si>
  <si>
    <t>VARIEDADES VIVI 13</t>
  </si>
  <si>
    <t>MZ J 69 BRR SAN SIMON PARTE BAJA</t>
  </si>
  <si>
    <t>MERKAR EXPRESS JPL</t>
  </si>
  <si>
    <t>MZ 10 CASA 48 BRR ESPERANZA</t>
  </si>
  <si>
    <t>VARIEDADES EMMANUEL</t>
  </si>
  <si>
    <t>KDX 1-20 BRR CALLE CENTRAL</t>
  </si>
  <si>
    <t>CHAT VIDEO POLY</t>
  </si>
  <si>
    <t>MANZANA C CASA 6 PRADO UNO -PLAZA JARDIN</t>
  </si>
  <si>
    <t>CENTRO DE COMUNICACIONES TADARED</t>
  </si>
  <si>
    <t>MULTIPAGA ELKINCELL</t>
  </si>
  <si>
    <t>CALLE 35 # 8-55</t>
  </si>
  <si>
    <t>COMIDAS RAPIDAS 6 ESQUINAS</t>
  </si>
  <si>
    <t>CL 26 # 16 A - 48BRRESTACION SALINAS</t>
  </si>
  <si>
    <t>CLAUDIA SEGUROS</t>
  </si>
  <si>
    <t>CR 9 # 13 14 CHIA</t>
  </si>
  <si>
    <t>ALEXANDER ROMERO IZQUIERDO</t>
  </si>
  <si>
    <t>CR 5 # 14-03 BRR CENTRO</t>
  </si>
  <si>
    <t>PAPELERIA  FENIX</t>
  </si>
  <si>
    <t>VARIEDADES YURIMAR</t>
  </si>
  <si>
    <t>AV. 2 #219 EL ZULIA NORTE DE SANTANDER COLOMBIA</t>
  </si>
  <si>
    <t>VARIEDADES MARCEL</t>
  </si>
  <si>
    <t>CL 14 # 34 75 BRR SANTA ISABEL</t>
  </si>
  <si>
    <t>PAPELERIA Y SOLUCIONES DYARI</t>
  </si>
  <si>
    <t>CL 1B # 52-63</t>
  </si>
  <si>
    <t>DROGUERIA LAS MARGARITAS</t>
  </si>
  <si>
    <t>CL 150 # 20-14 BRR LAS MARGARITAS</t>
  </si>
  <si>
    <t>A Y C MULTISERVICIOS SAN GIL</t>
  </si>
  <si>
    <t>CR 12 # 14 75 BRR LOCAL BARRIO SAGRADA FAMILIA</t>
  </si>
  <si>
    <t>CENTRO DE ENSEÑANZA AUTOMOVISTICA INTELIGENTE SAS</t>
  </si>
  <si>
    <t>CL 13 A # 3 30 BRR VILLA OLGA</t>
  </si>
  <si>
    <t>COMUNICACIONES FJ</t>
  </si>
  <si>
    <t>VERGANZO SECTOR CHAUTA VRR VEREDA</t>
  </si>
  <si>
    <t>CR 78B # 76A-58 SUR</t>
  </si>
  <si>
    <t>COLÓN</t>
  </si>
  <si>
    <t>PAPELERIA MYJ</t>
  </si>
  <si>
    <t>CL 3 N4-107BRRLA MILAGROSA</t>
  </si>
  <si>
    <t>PAPELERIA Y MISCELANEA DOYELL</t>
  </si>
  <si>
    <t>CL 5 # 16-41 BBR SAN CRISTOBAL</t>
  </si>
  <si>
    <t>CL 64 # 121 06 BRR ENGATIVA</t>
  </si>
  <si>
    <t>CL 6 A # 5 A 34 BRR NO REGISTRA</t>
  </si>
  <si>
    <t>AUTOSERVICIO MIRANDA</t>
  </si>
  <si>
    <t>CR 3 # 1 47 BRR SAN MATEO</t>
  </si>
  <si>
    <t>CR 4 # 8 27 BRR CENTRO</t>
  </si>
  <si>
    <t>CALLE 15 # 166</t>
  </si>
  <si>
    <t>BEAUTE PARIS</t>
  </si>
  <si>
    <t>CL 27A SUR # 1-35 ESTE BRR CORDOBA</t>
  </si>
  <si>
    <t>ICELL  UNICENTRO GIRARDOT</t>
  </si>
  <si>
    <t>CR 7A # 33 77 / 199 LC 203 BRR UNICENTRO GIRARDOT</t>
  </si>
  <si>
    <t>ICELL PALMIRA CENTRO</t>
  </si>
  <si>
    <t>CL 30 # 30 76 / CC L 102 CC BRR PALMIRA CENTRO</t>
  </si>
  <si>
    <t>CREANDO PAPELERIA</t>
  </si>
  <si>
    <t>CARRERA 3 # 59-45 BARRIO LA FLORESTA</t>
  </si>
  <si>
    <t>NEPTALI SOLUCIONES TECNOLOGICAS</t>
  </si>
  <si>
    <t>CR 1 # 5 10 BRR CENTRO</t>
  </si>
  <si>
    <t>MINIMERCADO IFP</t>
  </si>
  <si>
    <t>CALLE 22C # 22 (27) BOGOTA CUNDINAMARCA</t>
  </si>
  <si>
    <t>VARIEDADES EXITO</t>
  </si>
  <si>
    <t>CL 8 # 25 41 BRR CENTRO</t>
  </si>
  <si>
    <t>PAPELERIA EL PORTAL 3</t>
  </si>
  <si>
    <t>CR 21 E # 20 74 BRR PORTAL CAMPESTRE 3</t>
  </si>
  <si>
    <t>SOL Y LUNA 77</t>
  </si>
  <si>
    <t>AV. CR 147A # 142F 39 BRR BILBAO</t>
  </si>
  <si>
    <t>COOPERATIVA MULTIACTIVA DE PENSIONADOS DE CENTRALE</t>
  </si>
  <si>
    <t>AV 17 # 5 A 23 / LC 2 BRR URB TORCOROMA SIGLO XXI</t>
  </si>
  <si>
    <t>MUELLES Y REPUESTOS JADER</t>
  </si>
  <si>
    <t>AV. 6A #1A NORTE-2 CUCUTA NORTE DE SANTANDER COLOMBIA</t>
  </si>
  <si>
    <t>CVS MELTEC DE ORIENTE SUBA</t>
  </si>
  <si>
    <t>CR 92 # 147 50 / CC PORTICOS BRR SUBA BOGOTA</t>
  </si>
  <si>
    <t>DISTRIBUCIONES GABRIELA</t>
  </si>
  <si>
    <t>CRADX A 2 300</t>
  </si>
  <si>
    <t>BANCO UNIÃ“N S.A.</t>
  </si>
  <si>
    <t>VARIEDADES TU PUNTO</t>
  </si>
  <si>
    <t>CR 3 # 4A-69 BRR PUERTO SANTANDER</t>
  </si>
  <si>
    <t>DECOVARIEDADES JESSI</t>
  </si>
  <si>
    <t>CALLE 34 A # 4 D 61 (APTO 1) VALLEDUPAR CESAR</t>
  </si>
  <si>
    <t>KAVAMA GAMES</t>
  </si>
  <si>
    <t>CARRERA 73 # 63A 20 SUR () BOGOTA BOGOTA</t>
  </si>
  <si>
    <t>MP COMUNICACIONES</t>
  </si>
  <si>
    <t>PUERTO LIBERTADOR</t>
  </si>
  <si>
    <t>CLAFCH</t>
  </si>
  <si>
    <t>CL. 90 #59-59 BOGOT COLOMBIA</t>
  </si>
  <si>
    <t>DROGUERIA ANGIE-C</t>
  </si>
  <si>
    <t>CL 7A # 32-73 BRR VILLA DEL ROSARIO</t>
  </si>
  <si>
    <t>TIENDA  LA PEREIRA</t>
  </si>
  <si>
    <t>CR 7M2 # 92-30 BRR URBANIZACION PEREIRA</t>
  </si>
  <si>
    <t>ICELL USAQUEN</t>
  </si>
  <si>
    <t>CR 7 # 120 20 / L 103 CC CC SANTA BARBARA BRR BOGOTA</t>
  </si>
  <si>
    <t>CALLE 72 CARRERA 11</t>
  </si>
  <si>
    <t xml:space="preserve">COMUNICACIONES - TECNOLOGï¿­A ONLINE </t>
  </si>
  <si>
    <t>CRA. 5ï¾ª #1780 VILLA DEL ROSARIO NORTE DE SANTANDER COLOMBIA</t>
  </si>
  <si>
    <t xml:space="preserve">LLANO CELULARES </t>
  </si>
  <si>
    <t>CL. 19 #18-69 ARAUCA COLOMBIA</t>
  </si>
  <si>
    <t>CENTRO DE DIAGNOSTICO AUTOMOTOR DE CUCUTA LIMITADA</t>
  </si>
  <si>
    <t>AV. 9 #21 NORTE-30 CUCUTA NORTE DE SANTANDER COLOMBIA</t>
  </si>
  <si>
    <t>PAPELERIA Y MISCELANEA ATLAS UNIVERSAL</t>
  </si>
  <si>
    <t>CR 7 # 7 29 BRR CENTRO</t>
  </si>
  <si>
    <t>COMUNICACIONES F Y C</t>
  </si>
  <si>
    <t>CL 5 # 4 A 18 BRR SAN JUAN</t>
  </si>
  <si>
    <t>CHACHAGUI EN CONTACTO</t>
  </si>
  <si>
    <t>CARRERA 7 # 3-70 () CHACHAGUI NARINO</t>
  </si>
  <si>
    <t>MISCELANEA Y CACHARRERIA EL BARATILLO</t>
  </si>
  <si>
    <t>CARRERA 5 # 4-29 CHOCONTA CUNDINAMARCA</t>
  </si>
  <si>
    <t>VARIEDADES MM</t>
  </si>
  <si>
    <t>CARRERA 82B # 54- 66 SUR () BOGOTA BOGOTA</t>
  </si>
  <si>
    <t>VARIEDADES LA VICTORIA J.P</t>
  </si>
  <si>
    <t>CALLE 74 # NUMERO (24-07) BARRANCABERMEJA SANTANDE.</t>
  </si>
  <si>
    <t>CAFE INTERNET SAN MIGUEL</t>
  </si>
  <si>
    <t>CR 6 # 5 40 BRR CENTRO</t>
  </si>
  <si>
    <t>SAN ANDRES.INTER</t>
  </si>
  <si>
    <t>CL 44 SUR # 68 C 24 BRR SAN ANDRES</t>
  </si>
  <si>
    <t>CALLE 15 # 1 A 21 () SOACHA CUNDINAMARCA</t>
  </si>
  <si>
    <t>MULTISERVICIO 23</t>
  </si>
  <si>
    <t>CR 23 # 2-05BRR COCLIES</t>
  </si>
  <si>
    <t>PAPELERIA E INTERNET FREGI.NET</t>
  </si>
  <si>
    <t>CR 5 # 4-45 BRR CENTRO</t>
  </si>
  <si>
    <t>CELUFER</t>
  </si>
  <si>
    <t>CR 9 # 7 70 BRR CENTRO</t>
  </si>
  <si>
    <t>AUTO SERVICIO TODO EN CUCUTA</t>
  </si>
  <si>
    <t>CL 5 AN # 18E-07 URB PLAYA HERMOSA</t>
  </si>
  <si>
    <t>VARIEDADES EMILIO</t>
  </si>
  <si>
    <t>AV PRINCIPAL 318 BRR CENTRO</t>
  </si>
  <si>
    <t>SERVICOM ISA</t>
  </si>
  <si>
    <t>CR 17 # 13 A 35 BRR RINCON DE ESTRELLA</t>
  </si>
  <si>
    <t>TECNICELL-RM</t>
  </si>
  <si>
    <t>CL 18 SUR # 37-07 BRR REMANSO</t>
  </si>
  <si>
    <t>MAPA MULTI SERVICIOS</t>
  </si>
  <si>
    <t>CL 4 # 10 83 BRR DIEZ DE MARZO</t>
  </si>
  <si>
    <t>LA UMP MULTISERVICIOS</t>
  </si>
  <si>
    <t>CL 47 # 8-37 BRR BARRIO</t>
  </si>
  <si>
    <t>BL T BL BL T BRR CENABASTOS LOCAL T 118A</t>
  </si>
  <si>
    <t>TERRAZA A COMER MAKRO</t>
  </si>
  <si>
    <t>CENTRO COMERCIAL BOLIVAR BLOQUE D PLAZOLETA DE COMIDAS</t>
  </si>
  <si>
    <t>DROGUERIA EL PAISA DE TAME</t>
  </si>
  <si>
    <t>CL 14 # 10 53 BRR TAME</t>
  </si>
  <si>
    <t>CR 27 B # 71 24 - SUR BRR PARAISO</t>
  </si>
  <si>
    <t>CIGARRERIA LA ECONOMIA CS</t>
  </si>
  <si>
    <t>CR 142 # 143 B 23 BRR BILBAO</t>
  </si>
  <si>
    <t>ICELL ACQUA IBAGUE</t>
  </si>
  <si>
    <t>AV 4 # 57 15 / LC 234 BRR IBAGUE</t>
  </si>
  <si>
    <t>VARIEDADES KARENA</t>
  </si>
  <si>
    <t>CRA. 14A #150-34 IBAGUE TOLIMA COLOMBIA</t>
  </si>
  <si>
    <t>DROGUERIA NUEVO MILENIO</t>
  </si>
  <si>
    <t>CRA. 22 #8-2 DUITAMA BOYACï¿ COLOMBIA</t>
  </si>
  <si>
    <t>SERVITRAMITES JCS</t>
  </si>
  <si>
    <t>AV 3 E 1 AN 23</t>
  </si>
  <si>
    <t>PAPELERIA CLAU</t>
  </si>
  <si>
    <t>VEREDA 2 # 2 GACHANCIPA</t>
  </si>
  <si>
    <t>MULTISERVICIOS PARATOD@S</t>
  </si>
  <si>
    <t>CRA. 22 #6-60 MELGAR TOLIMA COLOMBIA</t>
  </si>
  <si>
    <t>MAXII</t>
  </si>
  <si>
    <t>CRA 6 # 64 B 195 LC 102</t>
  </si>
  <si>
    <t>PAPELERIA Y MISCELANEA KDABRA</t>
  </si>
  <si>
    <t>CR 1A # 4-71 BRR GRAN COLOMBIA</t>
  </si>
  <si>
    <t>PAPELERIA Y SERVICIOS LAGA BANDERAS</t>
  </si>
  <si>
    <t>CL 6 SUR # 78M-09 BRR BANDERAS</t>
  </si>
  <si>
    <t>CAFE INTERNET TINA</t>
  </si>
  <si>
    <t>CR 14 # 4 54 / LC 66 BRR SAN BERNARDO</t>
  </si>
  <si>
    <t>MISCELANEA PEDREGAL</t>
  </si>
  <si>
    <t>MANZANA B CASA 26 URB/SAN FRANCISCO</t>
  </si>
  <si>
    <t>WORLD PLAYERS</t>
  </si>
  <si>
    <t>CR 26 A # 8 27 BRR JOSE ANTONIO OLAYA</t>
  </si>
  <si>
    <t>COLONIAL COMUNICACIONES</t>
  </si>
  <si>
    <t>MZ 8 CA 17 BRR CUBA EL DORADO</t>
  </si>
  <si>
    <t>VARIEDADES MARIA F</t>
  </si>
  <si>
    <t>CR 14 # 138-28 SUR BRR USME</t>
  </si>
  <si>
    <t>SMARTMOBILE S.A.S.</t>
  </si>
  <si>
    <t>CL 13 # 15 61 / P 6 MCP 10 BRR CENTRO</t>
  </si>
  <si>
    <t>ICELL MERCACENTRO 10</t>
  </si>
  <si>
    <t>LT K PROYECT 96 48 LC 10 BRR CENTRO</t>
  </si>
  <si>
    <t>CALLE 65 CARRERA 13</t>
  </si>
  <si>
    <t>SOTOS CYBER CAFE</t>
  </si>
  <si>
    <t>CL 10 # 8 44 BRR CENTRO</t>
  </si>
  <si>
    <t>DROGUERIA JOSUE</t>
  </si>
  <si>
    <t>AV 1 E # 29 - 80</t>
  </si>
  <si>
    <t>CAFE INTERNET GIRALDO</t>
  </si>
  <si>
    <t>VDA LA CABANA FCA BRR HUZON</t>
  </si>
  <si>
    <t>AV 1 # 31 79 / LC 1 BRR BOSQUES DE VENADO</t>
  </si>
  <si>
    <t>MONICA DEL PILAR RUIZ RIOS</t>
  </si>
  <si>
    <t>CR 62 # 75 A 22 BRR LA LIBERTAD</t>
  </si>
  <si>
    <t>DROGUERIA EMG</t>
  </si>
  <si>
    <t>AV. 5 #7-76 CUCUTA NORTE DE SANTANDER COLOMBIA</t>
  </si>
  <si>
    <t>LA PARADA ZULIANA</t>
  </si>
  <si>
    <t>AV. 2 #606 EL ZULIA NORTE DE SANTANDER COLOMBIA</t>
  </si>
  <si>
    <t>PAPELERIA Y VARIEDADES SANTA ANA</t>
  </si>
  <si>
    <t>CL. 1 #25-54 CUCUTA NORTE DE SANTANDER COLOMBIA</t>
  </si>
  <si>
    <t>JACS CELULARES</t>
  </si>
  <si>
    <t>CR 4 # 10 A 14 / CRR ARAUCA BRR CENTRO</t>
  </si>
  <si>
    <t>GUSTAVO ANTONIO VARGAS</t>
  </si>
  <si>
    <t>CR 3 CL 6 ESQ BRR CENTRO</t>
  </si>
  <si>
    <t>CONTACTAR TULUÃ</t>
  </si>
  <si>
    <t>CR 26 # 24 67 BRR TULUA</t>
  </si>
  <si>
    <t>PROCESOS Y CANJE</t>
  </si>
  <si>
    <t>CL 60 B # 43 A 60 BRR BOGOTA</t>
  </si>
  <si>
    <t>FERREAGRO GUEVARA PINZON S.A.S</t>
  </si>
  <si>
    <t>CL. 6 #5-2 NOROSI RIO VIEJO BOLIVAR COLOMBIA</t>
  </si>
  <si>
    <t>T Y T COMUNICACION</t>
  </si>
  <si>
    <t>CR 7 # 7 24 BRR CHAPINERO</t>
  </si>
  <si>
    <t>VARIEDADES DONDE MAELO</t>
  </si>
  <si>
    <t>CR 12 B # 12 04 BRR PROGRESAR IV</t>
  </si>
  <si>
    <t>VARIEDADES LILINET.</t>
  </si>
  <si>
    <t>CL 23 # 20 77 BRR EL TREBOL</t>
  </si>
  <si>
    <t>CONFEMOVIL S.A.S VILLAVICENCIO</t>
  </si>
  <si>
    <t>TV 29 # 41 177 / LC 2 BRR LA GRAMA</t>
  </si>
  <si>
    <t>TIGO ARMENIA</t>
  </si>
  <si>
    <t>CR 15 # 20 A 16 BRR ARMENIA CENTRO LOCAL 104 TORRE YANUBA ARMENIA QUINDÃO</t>
  </si>
  <si>
    <t>VARIEDADES YOANJO</t>
  </si>
  <si>
    <t>ESTACION DE SERVICIO EL DORADO</t>
  </si>
  <si>
    <t>CL 19 # 7 183 BRR BUENAVISTA</t>
  </si>
  <si>
    <t>C&amp;M TECHNOLOGY</t>
  </si>
  <si>
    <t>CRA. 8 #10-26 GUATEQUE BOYACA COLOMBIA</t>
  </si>
  <si>
    <t>SEGURITY ARAUCA GPS</t>
  </si>
  <si>
    <t>CL. 18 #12-73 TAME ARAUCA COLOMBIA</t>
  </si>
  <si>
    <t>CR 43 # 66 A 08 / LC 8 BRR LOS CAMBULOS</t>
  </si>
  <si>
    <t>NEYLAND TOURS</t>
  </si>
  <si>
    <t>CL 9 # 10 - 71 BRR SAN CRISTOBAL</t>
  </si>
  <si>
    <t>LIA MARKET</t>
  </si>
  <si>
    <t>DIAGONAL 33 # 33 138 BBR COFAVI</t>
  </si>
  <si>
    <t>CL 9 # 7 53 BRR CENTRO</t>
  </si>
  <si>
    <t>PAPELERIA Y MISCELANEA J-C@ÑON</t>
  </si>
  <si>
    <t>CR 5 # 14 20 BRR CENTRO</t>
  </si>
  <si>
    <t>TIENDA EL PROGRESO TIMANA</t>
  </si>
  <si>
    <t>CR 5 # 12 48 BRR CENTRO</t>
  </si>
  <si>
    <t>LA CASA DE LA VARIEDAD</t>
  </si>
  <si>
    <t>CALLE 19 # 05 () PASTO NARINO</t>
  </si>
  <si>
    <t>ICELL</t>
  </si>
  <si>
    <t>CL 18 # 20 33 BRR TIMBIO</t>
  </si>
  <si>
    <t>TECNOSTORE</t>
  </si>
  <si>
    <t>CR 3 # 17 B - 40 BRR VILLAMARIA 1</t>
  </si>
  <si>
    <t>ASESORAS CARLOS AGUDELO</t>
  </si>
  <si>
    <t>MIRADOR RUTA DEL MUNDIAL #3 DUITAMA BOYAC COLOMBIA</t>
  </si>
  <si>
    <t>PAPELERIA WORLD COPIERS</t>
  </si>
  <si>
    <t>CR 7 # 10 80 BRR PRADOS DEL NORTE</t>
  </si>
  <si>
    <t>MARSHALLADROGUERIA</t>
  </si>
  <si>
    <t>CL 23 BIS # 24 - 27 BRR MARSELLA</t>
  </si>
  <si>
    <t>VARIEDADES K.C</t>
  </si>
  <si>
    <t>CARRERA 17 # 12B 22 (CARRERA 17 # 12B 22 ) AGUACHICA CESAR</t>
  </si>
  <si>
    <t>CR 81 # 68-71 BRR BOSA</t>
  </si>
  <si>
    <t>TIGO ALAMEDA</t>
  </si>
  <si>
    <t>CL 44 # 10 139 BRR CC ALAMEDA DEL SINU</t>
  </si>
  <si>
    <t>TIGO VENTURA</t>
  </si>
  <si>
    <t>CL 1 # 17 12 BRR CUCUTA SANTANDER</t>
  </si>
  <si>
    <t>NATUR GREEN</t>
  </si>
  <si>
    <t>CL 1 A # 0 11 BRR LLERAS RESTREPO</t>
  </si>
  <si>
    <t>SERVIMUNDO EXPRESS</t>
  </si>
  <si>
    <t>CL 3 BBR PORTAL DEL BUNDE</t>
  </si>
  <si>
    <t>CL 2 # 3-95 TERCER SECTOR BRR LIBERTAD</t>
  </si>
  <si>
    <t>VARIEDADES TRINIDAD</t>
  </si>
  <si>
    <t>CR 8 # 21 10 BRR VILLA CAROLINA</t>
  </si>
  <si>
    <t>CVS MELTEC DE ORIENTE PUERTO BOYACA</t>
  </si>
  <si>
    <t>CL 11 # 3 34 BRR CENTRO</t>
  </si>
  <si>
    <t>INTERNET Y PAPELERIA COLOMBIA</t>
  </si>
  <si>
    <t>CALLE 13 # 11A - 36</t>
  </si>
  <si>
    <t>YINM GESTION Y SERVICIOS EMPRESARIALES S.A.S</t>
  </si>
  <si>
    <t>CR 10 # 21 05 BRR LAS MARGARITAS</t>
  </si>
  <si>
    <t>DJCELUTECNICO</t>
  </si>
  <si>
    <t>CR 7 # 2 41 BRR CENTRO</t>
  </si>
  <si>
    <t>MARIKADITAS LA RANA RENE</t>
  </si>
  <si>
    <t>CR 78F BIS # 46A-11 BRR BERLIN</t>
  </si>
  <si>
    <t>MINIMERCADO SABANERO</t>
  </si>
  <si>
    <t>CL 18 # 18 12 BRR CENTRO</t>
  </si>
  <si>
    <t>TIGO VALLEDUPAR</t>
  </si>
  <si>
    <t>CR 09 # 9 92 BRR VALLEDUPAR</t>
  </si>
  <si>
    <t>TIGO PORTAL DEL PRADO</t>
  </si>
  <si>
    <t>CL 53 # 46 192 BRR PORTAL DEL PRADO</t>
  </si>
  <si>
    <t xml:space="preserve">INVERSIONES EMANUEL </t>
  </si>
  <si>
    <t>CL. 31 #57106 CARTAGENA DE INDIAS PROVINCIA DE CARTAGENA BOLIVAR COLOMBIA</t>
  </si>
  <si>
    <t>ROVIRA</t>
  </si>
  <si>
    <t xml:space="preserve">ALMACEN PLASTYVARIEDADES </t>
  </si>
  <si>
    <t>CRA. 3 #5-35 ROVIRA TOLIMA COLOMBIA</t>
  </si>
  <si>
    <t>TODO CAMPEROS</t>
  </si>
  <si>
    <t>CAS BRR SAN JORGE MUZO</t>
  </si>
  <si>
    <t>GILCO INVERSIONES</t>
  </si>
  <si>
    <t>AV 49 11-31</t>
  </si>
  <si>
    <t>LESMER SISTEMAS</t>
  </si>
  <si>
    <t>CR 5 # 3 34 BRR OFICIAL</t>
  </si>
  <si>
    <t>JIREH MULTISOLUCIONES</t>
  </si>
  <si>
    <t>CL 11C # 26 BRR LA PALMA</t>
  </si>
  <si>
    <t>PAPELERIA Y CACHARRERIA EMI</t>
  </si>
  <si>
    <t>TV 7 # 2 2 BRR PABLO NERUDA</t>
  </si>
  <si>
    <t>YULIETH TATIANA GOMEZ MARTINEZ</t>
  </si>
  <si>
    <t>CL 9 CR 8 ESQUINA BRR VILLA ALBANIS</t>
  </si>
  <si>
    <t>RIGOBERTO ARDILA</t>
  </si>
  <si>
    <t>CL 15 # 14 22 BRR CENTRO</t>
  </si>
  <si>
    <t>TIENDA SANTA HELENA</t>
  </si>
  <si>
    <t>CR 28 # 6 50 BRR SANTA HELENA</t>
  </si>
  <si>
    <t>JULIAN LONDOÑO</t>
  </si>
  <si>
    <t>CL 6 # 4 50 / CEN BRR CENTRO</t>
  </si>
  <si>
    <t>CL 31 B # 9 A - 31 BRR RECREO</t>
  </si>
  <si>
    <t>MUNDO VIRTUAL CAFE INTERNET</t>
  </si>
  <si>
    <t>CR 3 # 3 10 BRR PIEDRA DE BOLIVAR</t>
  </si>
  <si>
    <t>PAPELRIA Y VARIEDADES HANDE</t>
  </si>
  <si>
    <t>CL 128 # 97 10 BRR SUBA ARRAYANES</t>
  </si>
  <si>
    <t>PAPELERIA TATIS GM</t>
  </si>
  <si>
    <t>CR 34 # 15A 07BRRPARCELACION SANTA ISABEL</t>
  </si>
  <si>
    <t>DROGUERIA Y VARIEDADES EL AHORRO</t>
  </si>
  <si>
    <t>CL 13 # 8 97BRRCENTRO</t>
  </si>
  <si>
    <t>FARMACIA NUMERO 12</t>
  </si>
  <si>
    <t>CL 17 NO. 5-93 SAHAGUN</t>
  </si>
  <si>
    <t>ICELL PASTO CRISTO REY</t>
  </si>
  <si>
    <t>CR 24 # 21 12 BRR PASTO</t>
  </si>
  <si>
    <t>CR 7 # 3 06 BRR CENTRO</t>
  </si>
  <si>
    <t>CR 12 # 17 46 BRR CENTRO</t>
  </si>
  <si>
    <t>EL VECINO CIBERNETICO</t>
  </si>
  <si>
    <t>CL 24 A # 16 05 BRR SAN MARTIN</t>
  </si>
  <si>
    <t>DROGUERIA R&amp;C</t>
  </si>
  <si>
    <t>CRA. 2ï¾ª #2 SANTA MARï¿A BOYACï¿ COLOMBIA</t>
  </si>
  <si>
    <t>CYBER VARIEDADES JAELDAVID</t>
  </si>
  <si>
    <t>DG 99 # 9 H 95 BRR LOS ROSALES</t>
  </si>
  <si>
    <t>PAPELERIA Y CACHARRERIA SAN ANDRES</t>
  </si>
  <si>
    <t>CL 44 SUR # 68 C 24 BRR VENECIA</t>
  </si>
  <si>
    <t>SAINT ANTHONY CORNER</t>
  </si>
  <si>
    <t>CR 4 A # 08 06 BRR SAN ANTONIO</t>
  </si>
  <si>
    <t>JAROD COMUNICACIONES</t>
  </si>
  <si>
    <t>TV 11 # 34 C 30 BRR VILLA ELY</t>
  </si>
  <si>
    <t>VIGÍA DEL FUERTE</t>
  </si>
  <si>
    <t>MULTISERVICIOS EL PARQUE</t>
  </si>
  <si>
    <t>CR 5A # 12-33 BRR LIBERTADOR</t>
  </si>
  <si>
    <t>DISTRIBUIDORA HERNANDEZ</t>
  </si>
  <si>
    <t>CL 54ISUR # 3-46 BRR DANUBIO AZUL</t>
  </si>
  <si>
    <t xml:space="preserve">LA SAZON DE ANITA - TIPICO &amp; SABROSO </t>
  </si>
  <si>
    <t>CR 58 MZ 82-9 P 1 APTO 1</t>
  </si>
  <si>
    <t>EL GANGAZO DEL REY</t>
  </si>
  <si>
    <t>SM 10 MZ 5 CA 1 ET 2 BRR PORTAL DE LOS TUNJOS II</t>
  </si>
  <si>
    <t>FARMACASTIIL</t>
  </si>
  <si>
    <t>CRA. 10 #9-70 TAME ARAUCA COLOMBIA</t>
  </si>
  <si>
    <t>MINIABASTOS EL CRISOL</t>
  </si>
  <si>
    <t>AV. 4 #435 RAGONVALIA NORTE DE SANTANDER COLOMBIA</t>
  </si>
  <si>
    <t>ABASTOS DONDE FERCHO RUEDA</t>
  </si>
  <si>
    <t>AV 3 18 59</t>
  </si>
  <si>
    <t>PAPELERIA Y SERVICIOS EBENEZER</t>
  </si>
  <si>
    <t>CR 13 # 14 05 BRR VILLA ADRIANA</t>
  </si>
  <si>
    <t>PAPELERIA PAULA LM</t>
  </si>
  <si>
    <t>VEREDA LA AURORA BAJA FINCA EL PROGRESO</t>
  </si>
  <si>
    <t>PAPELERIA Y VARIEDADES NANCYLU</t>
  </si>
  <si>
    <t>CALLE 1 # 11 03 CUCUTA N. SANTANDE.</t>
  </si>
  <si>
    <t>CL 21 # 29 B 99 / MZ E BRR TORRE 3B APTO 203 LOS</t>
  </si>
  <si>
    <t>LABRANZAGRANDE</t>
  </si>
  <si>
    <t>SERVISALUDL/G</t>
  </si>
  <si>
    <t>CL 07 # 06 70 BRR CENTRO</t>
  </si>
  <si>
    <t>SEGUROS Y CONSULTORIAS LA GRAN COLOMBIA</t>
  </si>
  <si>
    <t>AV GRAN COLOMBIA # 6 59 BL B BRR POPULAR</t>
  </si>
  <si>
    <t>CR 4 # 7 76 BRR CENTRO</t>
  </si>
  <si>
    <t>CHALOCOMUNICACIONES</t>
  </si>
  <si>
    <t>CALLE 42A # 93 D16 () BOGOTA BOGOTA</t>
  </si>
  <si>
    <t>TELEMUNDO.COM</t>
  </si>
  <si>
    <t>CALLE 70 # 87 N -08 SUR () BOGOTA BOGOTA</t>
  </si>
  <si>
    <t>YEI COMUNICACIONES</t>
  </si>
  <si>
    <t>MZ N CASA 38 LC2 N CASA 38 LC2 BRR LA ESPERANZA</t>
  </si>
  <si>
    <t>UNAS CON ESTILO LEVY</t>
  </si>
  <si>
    <t>CALLE 19 # 6 A 43 BRR NUEVA GRANADA</t>
  </si>
  <si>
    <t>RBC COMUNICACIONES</t>
  </si>
  <si>
    <t>CR 9 # 8 45 BRR LOS OLIVOS</t>
  </si>
  <si>
    <t>BUSBANZÁ</t>
  </si>
  <si>
    <t>MISCELNEA Y PAPELERA MI ALEJO</t>
  </si>
  <si>
    <t>CR 3 # 3 33 BRR BUSBANZA</t>
  </si>
  <si>
    <t>PAPELERIA Y MISCELANEA LA SEPTIMA</t>
  </si>
  <si>
    <t>CL 7 # 6 80 BRR CENTRO</t>
  </si>
  <si>
    <t>INTERNET LOS GEMELOS</t>
  </si>
  <si>
    <t>VEREDA FAGUA SECTOR FANTA CHIA CUNDINAMARCA</t>
  </si>
  <si>
    <t>PAPELERIA MIS TAREAS</t>
  </si>
  <si>
    <t>TRV 8 # 62-56</t>
  </si>
  <si>
    <t>COMUNICACIONES DANYS</t>
  </si>
  <si>
    <t>CR 8 # 22 B - 20 BRR CAMILO TORRES</t>
  </si>
  <si>
    <t>DOWNLOAD</t>
  </si>
  <si>
    <t>VRD 1 BRR SECTOR SANTA TERESITA</t>
  </si>
  <si>
    <t>CENTRO DE COMUNICACIONES EL CLICK</t>
  </si>
  <si>
    <t>AV. CL 15 # 33-27 BRR SAN FRANCISCO</t>
  </si>
  <si>
    <t>SURTIVARIEDADES MM</t>
  </si>
  <si>
    <t>CL 3 N 11-82 BRR NUEVO HORIZONTE</t>
  </si>
  <si>
    <t>CL 7 # 7 43 BRR CENTRO</t>
  </si>
  <si>
    <t>COOMPECENS GAMARRA</t>
  </si>
  <si>
    <t>CR 9 # 10 19 BRR EL CARMEN CESAR</t>
  </si>
  <si>
    <t>CONTACTAR PALMIRA</t>
  </si>
  <si>
    <t>CR 29 # 29 44 BRR PALMIRA</t>
  </si>
  <si>
    <t>J  M JEANS</t>
  </si>
  <si>
    <t>AV AMER 19 N 44 BRR MARIA AUXILIADORA</t>
  </si>
  <si>
    <t>CIBERCOM TUNJA</t>
  </si>
  <si>
    <t>CARRERA 6 # 36 25 (LOCAL 106) TUNJA BOYACA</t>
  </si>
  <si>
    <t>MICELANUIA Y PAPELERIA LA BAHIA</t>
  </si>
  <si>
    <t>CL 65H # 78A BRR LA AMISTAD</t>
  </si>
  <si>
    <t>AUTOSERVICIO LUCIO</t>
  </si>
  <si>
    <t>CL 8 3 15</t>
  </si>
  <si>
    <t>ACUARELA JLA</t>
  </si>
  <si>
    <t>CR 5 # 20 240 BRR CENTRO</t>
  </si>
  <si>
    <t>TU TIENDA</t>
  </si>
  <si>
    <t>CR 51SUR # 142 - 48 BRR ARBOLEDA</t>
  </si>
  <si>
    <t>TIENDA NICOMOLINA</t>
  </si>
  <si>
    <t>CENTRO POBLADO MAJOBRRMAJO</t>
  </si>
  <si>
    <t>SERVINET</t>
  </si>
  <si>
    <t>CR 16 # 277 116 / KDX BRR JUAN XXIII OCANA</t>
  </si>
  <si>
    <t>CL 2 # 3 10 BRR CENTRO SUAREZ</t>
  </si>
  <si>
    <t>MUNDIAL DE PAPELERIA L P</t>
  </si>
  <si>
    <t>CL 5 # 3 45 BRR CENTRO</t>
  </si>
  <si>
    <t>SUEÑOS DE COLORES EMMANUEL</t>
  </si>
  <si>
    <t>CL 21 # 8 A 01 BRR SANTALUCIA</t>
  </si>
  <si>
    <t>VARIEDADES Y PAGOS DAYAN</t>
  </si>
  <si>
    <t>CL. 20 #1-66 CCUTA NORTE DE SANTANDER COLOMBIA</t>
  </si>
  <si>
    <t>SISTEMAS Y SUMINISTROS</t>
  </si>
  <si>
    <t>CARRERA 7 #11-16</t>
  </si>
  <si>
    <t>LOZADA RAMIREZ</t>
  </si>
  <si>
    <t>CL 9 # 8 4 BRR ALCAPARROS</t>
  </si>
  <si>
    <t>DROGAS COROZAL</t>
  </si>
  <si>
    <t>CALLE 34 # 31 - 61 (FRTE HOSPITAL) COROZAL SUCRE</t>
  </si>
  <si>
    <t>KABLE-NET JJ SAS</t>
  </si>
  <si>
    <t>CL 3 A # 1 36 / LC 3 BRR CENTRO</t>
  </si>
  <si>
    <t>CR 7 # 3 70 BRR CENTRO</t>
  </si>
  <si>
    <t>INTERCELL J.H</t>
  </si>
  <si>
    <t>MZ B CASA 7 BRR PORVENIR</t>
  </si>
  <si>
    <t>DISTRIBUIDORA DE BELLEZA SHALOM</t>
  </si>
  <si>
    <t>CR 82B SUR # 72A 13 BRR BOSA LA INDEPENDENCIA</t>
  </si>
  <si>
    <t>PAPELERIA MOMPIS</t>
  </si>
  <si>
    <t>CL 48 A SUR # 77 Y 09 BRR KENNEDY - JACKELINE</t>
  </si>
  <si>
    <t>BILLARES EUROPA</t>
  </si>
  <si>
    <t>CR 7 # 33 47 BRR CENTRO</t>
  </si>
  <si>
    <t>PUNTOPAY  - MI CAJA SAS</t>
  </si>
  <si>
    <t>CR 21 # 164 74 BRR TOBERIN</t>
  </si>
  <si>
    <t>CONFEMOVIL S.A.S VILLAS DE GRANADA</t>
  </si>
  <si>
    <t>CR 112 A # 75 B 30 BRR VILLAS DE GRANADA</t>
  </si>
  <si>
    <t>CR 4E # 17A -28 BRR VILLA DE SAN CARLOS</t>
  </si>
  <si>
    <t>MARGARITA</t>
  </si>
  <si>
    <t>PAPELERIA Y VARIEDADES ANGIEFER</t>
  </si>
  <si>
    <t>CRA. 9 #18-91 MARGARITA BOLIVAR COLOMBIA</t>
  </si>
  <si>
    <t>MINUTOSYRECARGAS2022.COM</t>
  </si>
  <si>
    <t>CL. 26 #31-74 TURBACO BOLï¿VAR COLOMBIA</t>
  </si>
  <si>
    <t>DIGITAL MAXI</t>
  </si>
  <si>
    <t>CARRERA 11 #11 ESPINAL EL ESPINAL TOLIMA COLOMBIA</t>
  </si>
  <si>
    <t>HELADERIA ANTOJOS</t>
  </si>
  <si>
    <t>CRA. 14 #1B-14 TUNJA BOYACA COLOMBIA</t>
  </si>
  <si>
    <t>SERVISISTEMAS.NET</t>
  </si>
  <si>
    <t>CL 8 NRO 5 - 15</t>
  </si>
  <si>
    <t>COMUNICACIONES UNIVERSA</t>
  </si>
  <si>
    <t>CL 126 F # 118 D 04 BRR CAROLINA III</t>
  </si>
  <si>
    <t>INTERDANA</t>
  </si>
  <si>
    <t>CALLE 19 # 2B-30 ESTE () MOSQUERA CUNDINAMARCA</t>
  </si>
  <si>
    <t>CACHARRERIA Y PAPELERIA SANDRIS</t>
  </si>
  <si>
    <t>BL 319 MZ L P 1 BRR BARRIO VILLA LIILANA</t>
  </si>
  <si>
    <t>ANA FELISA ECHEVERRY CRUZ</t>
  </si>
  <si>
    <t>CL 16 #9-37</t>
  </si>
  <si>
    <t>TIEND@NET.VALENTINA</t>
  </si>
  <si>
    <t>CL 8 8-36 BRR SALESIANO</t>
  </si>
  <si>
    <t>CL 10 NO. 3 - 44</t>
  </si>
  <si>
    <t>PUNTO EFECTY Y MISELANEA</t>
  </si>
  <si>
    <t>CRA. 30 #19B-41 DUITAMA BOYAC COLOMBIA</t>
  </si>
  <si>
    <t>PAGOS SEGUROS</t>
  </si>
  <si>
    <t>MZ 9 CA 6 ET 1 BRR PRADOS DE SANTA RITA</t>
  </si>
  <si>
    <t>DISTRIBUIDORA ZOOAGROHUILA</t>
  </si>
  <si>
    <t>CR 3 4-17 BRR BRUSELLAS</t>
  </si>
  <si>
    <t>CIBER JUEGOS NEXUS</t>
  </si>
  <si>
    <t>CL 34 A # 34 28 BRR PAUTAS</t>
  </si>
  <si>
    <t>VARIEDADES BOLIVAR</t>
  </si>
  <si>
    <t>CL 47 # 1 A 27 BRR CIUDADELA 20 DE JULIO</t>
  </si>
  <si>
    <t>CL 15 # 22 22 BRR SAN JOSE</t>
  </si>
  <si>
    <t>WINTERNET</t>
  </si>
  <si>
    <t>VEREDA LA FUENTE BRR LA FUENTE</t>
  </si>
  <si>
    <t>PARIS NUMERO 38</t>
  </si>
  <si>
    <t>MZ I LT 23 B/ 2 DE SEPTIEMBRE</t>
  </si>
  <si>
    <t>DROGUERï¿­A EL IMPERIO 1</t>
  </si>
  <si>
    <t>CRA 6 #8-28</t>
  </si>
  <si>
    <t xml:space="preserve">DROGUERIA BIOFARMA PLUS </t>
  </si>
  <si>
    <t>CRA. 3 #10A-29 VILLA DEL ROSARIO NORTE DE SANTANDER COLOMBIA</t>
  </si>
  <si>
    <t>DELIFRUITSS</t>
  </si>
  <si>
    <t xml:space="preserve">VARIEDADES  BETANIA </t>
  </si>
  <si>
    <t>CL. 6 #5-43 SARDINATA NORTE DE SANTANDER COLOMBIA</t>
  </si>
  <si>
    <t>CL 8 SUR # 31 A 54 / LC BRR BOGOTA</t>
  </si>
  <si>
    <t>TIGO BUENAVISTA SANTA MARTA</t>
  </si>
  <si>
    <t>AV 1 # 32 172 BRR AVENIDA LIBERTADOR</t>
  </si>
  <si>
    <t>TIGO VICTORIA</t>
  </si>
  <si>
    <t>CR 10 # 15 30 BRR PEREIRA</t>
  </si>
  <si>
    <t>VARIEDADES EL PIBE</t>
  </si>
  <si>
    <t>CL 25 # 8 A 10 BRR CENTRO</t>
  </si>
  <si>
    <t>MARYURI JULIETH MIRANDA CONTRERAS</t>
  </si>
  <si>
    <t>CR 4 # 3 75 BRR SACHICA</t>
  </si>
  <si>
    <t>MI PAIS</t>
  </si>
  <si>
    <t>MZ G CA 3 BRR URB VILLA SOFIA II</t>
  </si>
  <si>
    <t>CL 16 # 7B-03 LC 2 BRR TIERRA LINDA</t>
  </si>
  <si>
    <t>SOLUCIONES Y SERVIVIOS INTEGRALES EL FONCE</t>
  </si>
  <si>
    <t>CL 23 # 14A-31BRR JOSE ANTONIO GALAN</t>
  </si>
  <si>
    <t>OLITAS DEL MAR</t>
  </si>
  <si>
    <t>CL 197 # 28 03 BRR EL RECREO</t>
  </si>
  <si>
    <t>CL 4 3-37 BRR CENTRO</t>
  </si>
  <si>
    <t>CONTACTAR ZIPAQUIRA</t>
  </si>
  <si>
    <t>CR 8 # 3 35 BRR BARRIO CENTRO ZIPAQUIRA</t>
  </si>
  <si>
    <t>VARIEDADES DIKAREBA</t>
  </si>
  <si>
    <t>CRA. 1A SUR #5-99 IBAGUE TOLIMA COLOMBIA</t>
  </si>
  <si>
    <t>PAPELERIA Y CENTRO DE  COMPUTO  TS AI LUN PAPER</t>
  </si>
  <si>
    <t>AV. CARRERA 129 # 138-83 () BOGOTA CUNDINAMARCA</t>
  </si>
  <si>
    <t>COR SERVICIOS ADMINISTRATIVOS</t>
  </si>
  <si>
    <t>CR 10B # 43 56 BRR URBANIZACION VILLA JIREH</t>
  </si>
  <si>
    <t>NEW SOLUTIONS VARIEDADES</t>
  </si>
  <si>
    <t>CL 11 # 8 29 BRR SAN ROQUE</t>
  </si>
  <si>
    <t>COMUNICACIONES DALYS</t>
  </si>
  <si>
    <t>CL 2 # 11 57 BRR EL ROSARIO</t>
  </si>
  <si>
    <t>BUTY STYLOZ A Y Z</t>
  </si>
  <si>
    <t>CR 11 # 40 A - 03 BRR EL FICALI</t>
  </si>
  <si>
    <t>DROGUERIA MANANTIAL PLUS</t>
  </si>
  <si>
    <t>AV 19 # 14 29</t>
  </si>
  <si>
    <t>MOTOS Y MOTOS LA LIBERTAD</t>
  </si>
  <si>
    <t>TELECOMUNICACIONES MAJO</t>
  </si>
  <si>
    <t>CL 17 # 11 - 63 / LC 3 BRR EL PRADO</t>
  </si>
  <si>
    <t>K-NAPKA</t>
  </si>
  <si>
    <t>CR 5 # 6 07 BRR LA ESPERANZA</t>
  </si>
  <si>
    <t>CALLE 82 CARRERA 12</t>
  </si>
  <si>
    <t>RECARGA MOVIL SAS</t>
  </si>
  <si>
    <t>CL. 5 #4-20 ROVIRA TOLIMA COLOMBIA</t>
  </si>
  <si>
    <t>MISCELANEA JACOBO LA 77</t>
  </si>
  <si>
    <t>CL 77 # 20 08 BRR MILAN</t>
  </si>
  <si>
    <t>DROGERIA</t>
  </si>
  <si>
    <t>CL 25 # 14 - 14 BRR POPULAR</t>
  </si>
  <si>
    <t>MULTISERVICIOLYL.NET@GMAIL.COM</t>
  </si>
  <si>
    <t>DIAGONAL 20D # 4F-145 BRR SAN ANTONIO</t>
  </si>
  <si>
    <t>CALLE 16 # 6A-19 () LOS PATIOS N. SANTANDE.</t>
  </si>
  <si>
    <t>HABA TIENDA DE ROPA</t>
  </si>
  <si>
    <t>CR 3 # 5A-49 BRR EL CONSUELO</t>
  </si>
  <si>
    <t>MILSERVICIOS ASESORIAS</t>
  </si>
  <si>
    <t>CL 7 # 7A 06 BRR OBRERO</t>
  </si>
  <si>
    <t>DROGUERÃA PRINCIPAL</t>
  </si>
  <si>
    <t>CRA 14 N 6-17 BARRIO CENTRO</t>
  </si>
  <si>
    <t>MAKI LICORES</t>
  </si>
  <si>
    <t>CRA. 63 #27A-105 CARTAGENA PROVINCIA DE CARTAGENA BOLVAR COLOMBIA</t>
  </si>
  <si>
    <t>FOTOCOPIAS E IMPRESIONES SANDRA FAJARDO</t>
  </si>
  <si>
    <t>CR 6 # 15 12 - NORTE BRR EL RECUERDO</t>
  </si>
  <si>
    <t>DONA CECI</t>
  </si>
  <si>
    <t>MZ 8 CA 4 BRR TOPACIO</t>
  </si>
  <si>
    <t>PAPELERIA VADDY</t>
  </si>
  <si>
    <t>CALLE 63 SUR # 80C-13 () BOGOTA BOGOTA</t>
  </si>
  <si>
    <t>CENTRO DE TRAMITES  SERVICIOS</t>
  </si>
  <si>
    <t>CARRERA 19 # 26F-36 BRR CUJACAL</t>
  </si>
  <si>
    <t>PAPELERIA Y MISCELANEA EL ESTUDIANTE</t>
  </si>
  <si>
    <t>CRA. 8 #15-115 SAN PABLO BOLï¿VAR COLOMBIA</t>
  </si>
  <si>
    <t>GINA ANDREA GONZALEZ ARIAS</t>
  </si>
  <si>
    <t>CR 14 # 15 A 10 BRR SANTA BARBARA</t>
  </si>
  <si>
    <t>MARIELA GARCIA</t>
  </si>
  <si>
    <t>CR 15 # 7 54 BRR LIBERTADOR</t>
  </si>
  <si>
    <t>MISCELANEA LA FRIOLANDIA</t>
  </si>
  <si>
    <t>CL 10 # 47 84 / MZ 15 CA 23 ET 3 BRR LA ESPERANZA</t>
  </si>
  <si>
    <t>COMERCIALIZADORA S Y S PAIPA</t>
  </si>
  <si>
    <t>CALLE 26 # 19A 33 () PAIPA BOYACA</t>
  </si>
  <si>
    <t>VARIEDADES KAREN DEL LLANO</t>
  </si>
  <si>
    <t>MZ 27 CA 10 BRR BOSQUES DE LA RIVIERA ETAPA 1</t>
  </si>
  <si>
    <t>NANCY.AUTORIZACIONES@GMAIL.COM</t>
  </si>
  <si>
    <t>VRD. BRR RIO FRIO ORIENTAL</t>
  </si>
  <si>
    <t>PARIS N 20</t>
  </si>
  <si>
    <t>TV 9 NO. 8 - 17 GRANJA</t>
  </si>
  <si>
    <t>ICELL FORTUNA</t>
  </si>
  <si>
    <t>CL 14 # 15 20 / CC LA FORTUNA BRR CENTRO</t>
  </si>
  <si>
    <t>HATILLO DE LOBA</t>
  </si>
  <si>
    <t>MISCELANEA Y VARIEDADES KRISS</t>
  </si>
  <si>
    <t>CL 3 CRA 5 N 1 39 P</t>
  </si>
  <si>
    <t>ORIANA STORE</t>
  </si>
  <si>
    <t>CR 11 SUR # 20 B 04 BRR RICAURTE</t>
  </si>
  <si>
    <t>MULTISERVICIOS RONDON JM</t>
  </si>
  <si>
    <t>CALLE 2 N 4-70 E EL CENTRO</t>
  </si>
  <si>
    <t>AUTOSERVICIO LA PLAZUELA</t>
  </si>
  <si>
    <t>CR 9 # 2 11 / P 1 BRR LA PLAZUELA</t>
  </si>
  <si>
    <t>CR 6 # 12 17 BRR CENTRO</t>
  </si>
  <si>
    <t>SAPUYES</t>
  </si>
  <si>
    <t>FRIGORIFICO EL REY</t>
  </si>
  <si>
    <t>CARRERA 2 # 3 (54) SAPUYES NARINO</t>
  </si>
  <si>
    <t>BANCOLOMBIA TOTUMO</t>
  </si>
  <si>
    <t>VEREDA 2 # 2-2 BRR MONTANAS DEL TOTUMO</t>
  </si>
  <si>
    <t>PUNTO.ROMA</t>
  </si>
  <si>
    <t>CL 14B # 20B-06 BRR LA ESPERANZA</t>
  </si>
  <si>
    <t>INTERNET NANI</t>
  </si>
  <si>
    <t>MZ L LT OCHO BRR JESUS ANGEL GONZALEZ</t>
  </si>
  <si>
    <t>WICCA COMUNICACIONES</t>
  </si>
  <si>
    <t>CR 4 # 2 A 54 BRR CAPELLANIA</t>
  </si>
  <si>
    <t>CONTACTAR ARMENIA</t>
  </si>
  <si>
    <t>CL 22 # 15 24 BRR ARMENIA</t>
  </si>
  <si>
    <t>PAPELERIA Y CACHARRERIA PARDO</t>
  </si>
  <si>
    <t>CL 2 # 1 28 BRR CENTRO</t>
  </si>
  <si>
    <t>MULTIMOVIL FC</t>
  </si>
  <si>
    <t>CLL 10543 LOC TRES</t>
  </si>
  <si>
    <t>TIENDITA LA FLORESTA</t>
  </si>
  <si>
    <t>KILOMETRO 1 # VIA TABIO TENJO (PARCELACION SECTOR SAN MIGUEL) TABIO CUNDINAMARCA</t>
  </si>
  <si>
    <t>VARIEDADES DLY</t>
  </si>
  <si>
    <t>CR 2 # 1-3 BRR EL CARMEN</t>
  </si>
  <si>
    <t>CR 23 # 26 -07 BRR SALITRE</t>
  </si>
  <si>
    <t>COLPATRIA CADE BOSA ESTACION</t>
  </si>
  <si>
    <t>CR 77 J # 63 53 - SUR BRR BOSA ESTACION</t>
  </si>
  <si>
    <t>TIENDA MAXITIENDA LA 19</t>
  </si>
  <si>
    <t>CR 19 # 6 11 BRR LA ESMERALDA</t>
  </si>
  <si>
    <t>LA TIENDITA DE CHARLOT</t>
  </si>
  <si>
    <t>CL 26B # 1-04 BRR BALCONES DE LA CAROLINA LOCAL 1</t>
  </si>
  <si>
    <t>RICARDO MORENO</t>
  </si>
  <si>
    <t>CR 70 # 72 05 / LC 1 BRR FERIAS</t>
  </si>
  <si>
    <t>NRMISCELANIA</t>
  </si>
  <si>
    <t>CR 11 # 20 44 BRR RICAURTE</t>
  </si>
  <si>
    <t>DIGITEXTOS</t>
  </si>
  <si>
    <t>DG 67 # 0 04 BRR LOS MUISCAS</t>
  </si>
  <si>
    <t>SERVITEL JA</t>
  </si>
  <si>
    <t>CL 5 # 4 - 60 BRR CENTRO</t>
  </si>
  <si>
    <t>MZ R CASA 14</t>
  </si>
  <si>
    <t>SENDEROS 360 PAPELERIA</t>
  </si>
  <si>
    <t>CR 4 # 12 71BRR SERREZUELITA</t>
  </si>
  <si>
    <t>ICELL EL COLEGIO</t>
  </si>
  <si>
    <t>CR 7 # 7 03 BRR EL COLEGIO</t>
  </si>
  <si>
    <t>GLADIS.NET</t>
  </si>
  <si>
    <t>KRA 100B #39D 30</t>
  </si>
  <si>
    <t>XPLORA INTERNET</t>
  </si>
  <si>
    <t>CL. 21 #67 CARTAGENA PROVINCIA DE CARTAGENA BOLï¿VAR COLOMBIA</t>
  </si>
  <si>
    <t>BRI-TEL COMUNICACIONES</t>
  </si>
  <si>
    <t>CRA. 3A #14-7 IBAGUE TOLIMA COLOMBIA</t>
  </si>
  <si>
    <t>VARIEDADES MANI MM</t>
  </si>
  <si>
    <t>CL 4 # 9 56 BRR LA GRANJA</t>
  </si>
  <si>
    <t>MISCELANEA LA CACHACA</t>
  </si>
  <si>
    <t>AV. CR 7 # 8 - 25 BRR EL CARMEN</t>
  </si>
  <si>
    <t>EL IMPERIO DEL ASEO MM</t>
  </si>
  <si>
    <t>CR 74 # 40A SUR 03 BRR TIMIZA</t>
  </si>
  <si>
    <t>PUNTO DEL RINCON</t>
  </si>
  <si>
    <t>KDX 30 BRR LOS RINCON</t>
  </si>
  <si>
    <t>CALLE 76 CON CARACAS</t>
  </si>
  <si>
    <t>SAMUEL NET</t>
  </si>
  <si>
    <t>CL 71 # 2 A 03 BRR VILLA DEL NORTE</t>
  </si>
  <si>
    <t>PAPELERIA CAFE INTERNET LA OFICINA</t>
  </si>
  <si>
    <t>CL 13 # 5-12BRRTOCARINDA</t>
  </si>
  <si>
    <t>CR 99 # 19 12 BRR ATAHUALPA</t>
  </si>
  <si>
    <t>CONFEMOVIL NEIVA CENTRO</t>
  </si>
  <si>
    <t>CL 7 # 6 76 BRR NEIVA</t>
  </si>
  <si>
    <t>MISCELANIA REGALOS Y ALGO MAS</t>
  </si>
  <si>
    <t>CL 6 # 6 46 BRR LA FLORESTA</t>
  </si>
  <si>
    <t>RED MOVILES M.C.S</t>
  </si>
  <si>
    <t>CRA 2 N8 73 APTO BRRGAVIOTA</t>
  </si>
  <si>
    <t>MULTILACTEOS SAN FELIX S.A.S.</t>
  </si>
  <si>
    <t>CR 5 # 4 30 / CRR SAN FELIX BRR CENTRO</t>
  </si>
  <si>
    <t>ACCESORIOS AYD</t>
  </si>
  <si>
    <t>DG 70 F SUR # 78 A 64 BRR CARBONELL</t>
  </si>
  <si>
    <t>MARY PAPER</t>
  </si>
  <si>
    <t>VEREDA EL ALTICO  BRR VEREDA EL ALTICO</t>
  </si>
  <si>
    <t>CALLE 76 CARRERA 15</t>
  </si>
  <si>
    <t>TIENDA HENAONLINE</t>
  </si>
  <si>
    <t>CL 7 # 4 62 BRR CENTRO</t>
  </si>
  <si>
    <t>GUATAVITA</t>
  </si>
  <si>
    <t>ENLAZADOS PUNTO NET</t>
  </si>
  <si>
    <t>CR 2 # 4-56 BBR CENTRO</t>
  </si>
  <si>
    <t>INTERNET Y PAPELERIA LA FLORESTA</t>
  </si>
  <si>
    <t>CL 8 # 7 45 BRR LA FLORESTA</t>
  </si>
  <si>
    <t>PAPELERIA D Y D</t>
  </si>
  <si>
    <t>DG 4 # 6 59 BRR CENTRO</t>
  </si>
  <si>
    <t>DULCE LOCURA</t>
  </si>
  <si>
    <t>CR 7E # 27A - 63 BRR ALAMEDA REAL</t>
  </si>
  <si>
    <t>PUBLI SMARTPHONE</t>
  </si>
  <si>
    <t>CL 9 # 4 31 BRR LA LATINO</t>
  </si>
  <si>
    <t>ALMACEN ACCESORIOS CELULARES</t>
  </si>
  <si>
    <t>CRA 9 # 6-37 LOCAL 3</t>
  </si>
  <si>
    <t>CELUCALZADO</t>
  </si>
  <si>
    <t>CRA 6 # 8-61 CAFETE</t>
  </si>
  <si>
    <t>SERVICIOS D2M</t>
  </si>
  <si>
    <t>CR 3 # 13 29 BRR CENTRO</t>
  </si>
  <si>
    <t>INTERXBOX</t>
  </si>
  <si>
    <t>AV. CL 64F # 74-08</t>
  </si>
  <si>
    <t>CAROLNET.COM</t>
  </si>
  <si>
    <t>CR 7 # 47A 18 BRR FERIAS</t>
  </si>
  <si>
    <t>CONTACTAR POPAYÃN</t>
  </si>
  <si>
    <t>CL 3 A # 6 80 BRR PEREIRA CENTRO</t>
  </si>
  <si>
    <t>C AV BRR CENTRO POBLADO BELEN</t>
  </si>
  <si>
    <t>DOMICILIOS EL TURKO</t>
  </si>
  <si>
    <t>CR 5 # 7 6 BRR CENTRO</t>
  </si>
  <si>
    <t>MISCELANEA Y PAPELERIA VALENTINA</t>
  </si>
  <si>
    <t>CL 1 # 25 47 BRR JOSE ANTONIO GALAN</t>
  </si>
  <si>
    <t>SMART GARAGE</t>
  </si>
  <si>
    <t>SERVIPAGOS Y VARIEDADES MAELZ</t>
  </si>
  <si>
    <t>CR 9 # 15-09 BRR CENTRO</t>
  </si>
  <si>
    <t>ACSESORIOS Y COMUNICAIONES JAVI</t>
  </si>
  <si>
    <t>CARRERA 30 # 18 (49) PASTO NARINO</t>
  </si>
  <si>
    <t>FOTOCOPIADORA Y PAPELERIA ALPHA  OMEGA</t>
  </si>
  <si>
    <t>CL 17 # DG 17 - 3FBRRPORVENIR</t>
  </si>
  <si>
    <t>PAPELERIA Y MISCELANEA ANYELUSS</t>
  </si>
  <si>
    <t>CRA. 26 NO. 36-43 BRR BOLIVAR CENTRO</t>
  </si>
  <si>
    <t>PAPELERIA NELSON ROCK</t>
  </si>
  <si>
    <t>CL 5 # 7-17 BBR SANTA CRUZ</t>
  </si>
  <si>
    <t>DROGUERIA NUEVA SANTA BARBARA</t>
  </si>
  <si>
    <t>CR 2 # 3 12 BRR CENTRO</t>
  </si>
  <si>
    <t>LA BODEGA DEL BEB CHIQUITIN</t>
  </si>
  <si>
    <t>CR 43 # 72 15 - SUR BRR CIUDAD PORFIA</t>
  </si>
  <si>
    <t>CL. 68 SUR #42-23 VILLAVICENCIO META COLOMBIA</t>
  </si>
  <si>
    <t>QUIUBO PETS</t>
  </si>
  <si>
    <t>TV 20 NO 33-77 PI01</t>
  </si>
  <si>
    <t>LINA MARIA ROSARIO DORADO</t>
  </si>
  <si>
    <t>CL 151 C # 114 F - 06 BRR SUBA LAS MERCEDES</t>
  </si>
  <si>
    <t>QUERLY DANIELA CASTRO</t>
  </si>
  <si>
    <t>CRA. 6 #9-10 LA PLATA HUILA COLOMBIA</t>
  </si>
  <si>
    <t>PAGOS Y MENSAJERIA EL OLIMPICO</t>
  </si>
  <si>
    <t>CR 39 # 12 - 42 BRR DEPARTAMENTAL</t>
  </si>
  <si>
    <t>ALMACEN ZULUAGA</t>
  </si>
  <si>
    <t>CR 5 # 2 45 / VDA ZULUAGA BRR NO REGISTRA</t>
  </si>
  <si>
    <t>SISTEMATT</t>
  </si>
  <si>
    <t>CL 9 # 28 47 BRR CHIMINANGO 2</t>
  </si>
  <si>
    <t>JP COMUNICACIONES</t>
  </si>
  <si>
    <t>CR 7 # 11 80 BRR CENTRO</t>
  </si>
  <si>
    <t>MARIO TECHNOLOGYS</t>
  </si>
  <si>
    <t>CR 49 D SUR 68 F -17</t>
  </si>
  <si>
    <t>ABW SOLUCIONES TECNOLOGICAS</t>
  </si>
  <si>
    <t>FK SHOES</t>
  </si>
  <si>
    <t>CRA. 11 #15-39 FLORENCIA CAQUET COLOMBIA</t>
  </si>
  <si>
    <t>MISCELANEA FNIX JJN</t>
  </si>
  <si>
    <t>CL 13 # 12 A 40 / P 1 BRR LIBERIA</t>
  </si>
  <si>
    <t>MINIMERCADO GAITAN</t>
  </si>
  <si>
    <t>APULO - ANAPOIMA - VIOTA #250 APULO CUNDINAMARCA COLOMBIA</t>
  </si>
  <si>
    <t xml:space="preserve">LIBRERIA NUESTRA SEï¿‘ORA DE BELï¿‰N </t>
  </si>
  <si>
    <t>CRA. 6 #6-72 FUSAGASUGï¿ LA SERENA FUSAGASUGï¿ CUNDINAMARCA COLOMBIA</t>
  </si>
  <si>
    <t>GF -CENTRO COMERCIAL ELITE - AGENCIA 655</t>
  </si>
  <si>
    <t>CR 7 # 14 52 / CC ELITE P 2 LC 2-02 BRR ELITE</t>
  </si>
  <si>
    <t>DROGUERIA SALUD MAS VIDA</t>
  </si>
  <si>
    <t>CR 12 # 7 A 32 BRR CENTRO</t>
  </si>
  <si>
    <t>MEGAVARIEDADES MOYA</t>
  </si>
  <si>
    <t>KR 14 NO 18 - 37 -</t>
  </si>
  <si>
    <t>AUTOSERVICIO MERCOMAX MR</t>
  </si>
  <si>
    <t>CL 17 B #52 VILLAVICENCIO META COLOMBIA</t>
  </si>
  <si>
    <t>CIBERNET INTERNET A SU SERVICIO</t>
  </si>
  <si>
    <t>ACEVEDO-FLORENCIA #738 ACEVEDO HUILA COLOMBIA</t>
  </si>
  <si>
    <t>CALLE 100 # 16 D 39</t>
  </si>
  <si>
    <t>SPORTBETS CUBARRAL</t>
  </si>
  <si>
    <t>CL. 6 #10-13 SAN LUIS DE CUBARRAL META COLOMBIA</t>
  </si>
  <si>
    <t>CL 27 B # 10 36 BRR CASIQUIARE</t>
  </si>
  <si>
    <t>CRAYOLING</t>
  </si>
  <si>
    <t>CR 6 # 23 70 / BL 26 IN 22 BRR ZUAME II</t>
  </si>
  <si>
    <t>MISTER FRED VARIEDADES</t>
  </si>
  <si>
    <t>CL 43 # 41 - 132 BRR ROSARIO</t>
  </si>
  <si>
    <t>CL 157 A # 98 A 15 / AP 102 BRR SALITRE SUBA</t>
  </si>
  <si>
    <t>EL PUNTO AC</t>
  </si>
  <si>
    <t>CR 3 A # 4 88 BRR BOYACA BOYACA</t>
  </si>
  <si>
    <t>PARADOR LOS AMIGOS MJ</t>
  </si>
  <si>
    <t>VDA SANTIVAR FCA SAN ANTONIO BRR GRAN VIA</t>
  </si>
  <si>
    <t>FRESA VI</t>
  </si>
  <si>
    <t>CL 10 NO 7B - 12</t>
  </si>
  <si>
    <t>CYBER EXPRESS LIMONAR</t>
  </si>
  <si>
    <t>CL 12 A # 56 - 25 BRR EL LIMONAR</t>
  </si>
  <si>
    <t>MISCELANEA ANA MILENA</t>
  </si>
  <si>
    <t>COMERCIO AL POR MENOR DE PRENDAS DE VESTIR</t>
  </si>
  <si>
    <t>CL 15 # 11 24 BRR CENTRO</t>
  </si>
  <si>
    <t>PAPELERIA POLIPAZ</t>
  </si>
  <si>
    <t>CR 3 # 2 A 98 BRR BRR CENTRO</t>
  </si>
  <si>
    <t>MISCELANEA NANIZ</t>
  </si>
  <si>
    <t>CL. 11 #10A-52 AGUACHICA CESAR COLOMBIA</t>
  </si>
  <si>
    <t>COOPERATIVA MULTIACTIVA  DE EMPLEADOS</t>
  </si>
  <si>
    <t>CR 14 # 13 80 BRR BELEN</t>
  </si>
  <si>
    <t>PAPELERIA CACHARRERIA Y FERRETERIA MANU</t>
  </si>
  <si>
    <t>CL 48 # 25 83 / ESQ BRR CIPRESES</t>
  </si>
  <si>
    <t>MINIMARKET LA AMISTAD</t>
  </si>
  <si>
    <t>CL 70 A 1 A 1 94 BL 7 AP 102 BRR ALCAZARES</t>
  </si>
  <si>
    <t>PAUNA</t>
  </si>
  <si>
    <t>INTERNET SANCHEZ PAUNA</t>
  </si>
  <si>
    <t>CL 5 # 4 - 58 BRR CENTRO</t>
  </si>
  <si>
    <t>DROGUERï¿­AS Y MINIMARKET KG</t>
  </si>
  <si>
    <t>CL. 12 #3A-17 ZIPAQUIRï¿ CUNDINAMARCA COLOMBIA</t>
  </si>
  <si>
    <t>NOTIKAS.COM</t>
  </si>
  <si>
    <t>CRA. 38 #9B-6 VILLAVICENCIO META COLOMBIA</t>
  </si>
  <si>
    <t>SERVICENTER EL PORTAL</t>
  </si>
  <si>
    <t>CRA. 19 #10-41 CUMARAL META COLOMBIA</t>
  </si>
  <si>
    <t>AMADEUS SHOP</t>
  </si>
  <si>
    <t>CL 60 # 1 27 / P 1 BRR LLANO LINDO</t>
  </si>
  <si>
    <t>AXCEL COMUNICACIONES</t>
  </si>
  <si>
    <t>CRA. 5 ESTE #2-10 PITALITO HUILA COLOMBIA</t>
  </si>
  <si>
    <t>COPYPRINT</t>
  </si>
  <si>
    <t>CL. 8 #4-20 MOCOA PUTUMAYO COLOMBIA</t>
  </si>
  <si>
    <t>EEVASHOES</t>
  </si>
  <si>
    <t>CR 56 # 18 A - 80 BRR CANAVERALES</t>
  </si>
  <si>
    <t>OICATÁ</t>
  </si>
  <si>
    <t>COMUNICACIONES HOUSE@PUNTONET</t>
  </si>
  <si>
    <t>CL 5 # 5 38 BRR CENTRO OICATA</t>
  </si>
  <si>
    <t>GESTIONAR CB</t>
  </si>
  <si>
    <t>CL 2 # 8 53 BRR LAS VILLAS</t>
  </si>
  <si>
    <t>SOLO GUAYAS FUSA</t>
  </si>
  <si>
    <t>CL. 22 N. 66-52 LA PAMPA FUSAGASUGA</t>
  </si>
  <si>
    <t>YAMILE CASTIBLANCO</t>
  </si>
  <si>
    <t>CR 4 # 10 75 / LC 15 BRR LA UNION</t>
  </si>
  <si>
    <t>SUMINISTROS MULTIASEO MADANI</t>
  </si>
  <si>
    <t>CLL 23#1B-38 PISO 4</t>
  </si>
  <si>
    <t>CLIENTE</t>
  </si>
  <si>
    <t>CL 10 C # 3 38 BRR TRAPICHE</t>
  </si>
  <si>
    <t>EDS SAN JUDAS</t>
  </si>
  <si>
    <t>CR 19 # 28 A - 09 / VIA BRR ALFONSO LOPEZ</t>
  </si>
  <si>
    <t>DROGUERIA HEIDY SALUD</t>
  </si>
  <si>
    <t>CRA 6 #14 03 BRR FERIAS</t>
  </si>
  <si>
    <t>ECOVERDE EMPRESARIAL Y AMBIENTAL</t>
  </si>
  <si>
    <t>CRA. 16 #17 FUSAGASUGA LA SERENA FUSAGASUGA CUNDINAMARCA COLOMBIA</t>
  </si>
  <si>
    <t>PAPELERIA INTERNET BENJAMIN</t>
  </si>
  <si>
    <t>CARRERA 13 NO. 8-39 GAIRA</t>
  </si>
  <si>
    <t>REPUESTOS YULIANA</t>
  </si>
  <si>
    <t>CL 36 M # 8 C - 39 ESTE BRR BELLAVISTA LAY</t>
  </si>
  <si>
    <t>CR 90 A BIS # 42 A 31 BRR DINDALITO</t>
  </si>
  <si>
    <t>HOME COMPUTER</t>
  </si>
  <si>
    <t>CL. REAL #38-73 VILLAVICENCIO META COLOMBIA</t>
  </si>
  <si>
    <t>ELOHOM</t>
  </si>
  <si>
    <t>CL. 35 #4 VILLAVICENCIO META COLOMBIA</t>
  </si>
  <si>
    <t>MULTISERVICIOS SUBACHOQUE</t>
  </si>
  <si>
    <t>CL 4 # 2 58 BRR CENTRO</t>
  </si>
  <si>
    <t>GAMEWORKS</t>
  </si>
  <si>
    <t>SERVIPUNTO MULTIPRODUCTOS</t>
  </si>
  <si>
    <t>CR 25 # 33 G 22 BRR EL RODEO</t>
  </si>
  <si>
    <t>GF - C.C CALLES DE ORO - AGENCIA 658</t>
  </si>
  <si>
    <t>CL 8 # 13 52 / CC CALLES DE ORO P 2 LC 234 BRR CALLES DE ORO</t>
  </si>
  <si>
    <t>INTERSOL</t>
  </si>
  <si>
    <t>CL 4 # 5 19 BRR CIUDADELA SOL DE ORIENTE</t>
  </si>
  <si>
    <t>PAPELERIA Y MISCELANEA LEOS</t>
  </si>
  <si>
    <t>CL 4 # 3 80 BRR LAS DELICIAS</t>
  </si>
  <si>
    <t>TIENDA Y MISCELANEA DONA YOLI</t>
  </si>
  <si>
    <t>CRA 53 #24A-24 NEIVA HUILA COLOMBIA</t>
  </si>
  <si>
    <t>MERKACHEVERE</t>
  </si>
  <si>
    <t>CR 33 # 9 48 BRR VILLA MARIA</t>
  </si>
  <si>
    <t>GLORIA PORVENIR</t>
  </si>
  <si>
    <t>CR 1 I # 81 81 BRR CONFENALCO</t>
  </si>
  <si>
    <t>PAOLA CUERO</t>
  </si>
  <si>
    <t>CRR HORMIGUERO CA 250 BRR HORMIGUERO</t>
  </si>
  <si>
    <t>ACCESORIOS TECNOLOGICOS LEOTO</t>
  </si>
  <si>
    <t>CR 26 M # 124 - 47 BRR CALIMIO DECEPAZ</t>
  </si>
  <si>
    <t>CENTRO LITOGRAFICO OFICOPIAS</t>
  </si>
  <si>
    <t>49 #8-14 ROBLES LA PAZ CESAR COLOMBIA</t>
  </si>
  <si>
    <t>TU PUNTO + EFECTIVO</t>
  </si>
  <si>
    <t>CL. 3 #4-29, FACATATIVï¿¡, CUNDINAMARCA, COLOMBIA</t>
  </si>
  <si>
    <t>SUPERMERCADO EDWARDS</t>
  </si>
  <si>
    <t>VDA BOTACA CA 10 BRR SAN ANDRES I</t>
  </si>
  <si>
    <t>ZONE MOBILE</t>
  </si>
  <si>
    <t>CL 33 B # 33 - 63 BRR BARZAL</t>
  </si>
  <si>
    <t>SUPERMERCADO EL MADRIGAL 1</t>
  </si>
  <si>
    <t>CL. 11 #11-45 GUAMAL META COLOMBIA</t>
  </si>
  <si>
    <t>TRAMITES Y SERVICIOS PANTOJA</t>
  </si>
  <si>
    <t>CRA. 10 #7-66 VALLE DEL GUAMUEZ PUTUMAYO COLOMBIA</t>
  </si>
  <si>
    <t>SERVICIOS.COM</t>
  </si>
  <si>
    <t>CL 27 # 43 A 08 BRR VILLA DEL SUR</t>
  </si>
  <si>
    <t>AYALA GOMEZ GROUP S.A.S</t>
  </si>
  <si>
    <t>CRA. 39 #19 SUR-104 VILLAVICENCIO META COLOMBIA</t>
  </si>
  <si>
    <t>ANDRES TELECOMUNICACIONES</t>
  </si>
  <si>
    <t>CRA. 12 #23 MADRID CUNDINAMARCA COLOMBIA</t>
  </si>
  <si>
    <t>DROGUERIA MINIMARKET MAXIDROGAS</t>
  </si>
  <si>
    <t>CL 6 # 11 16 / CA BRR PLAZA PRINCIPAL</t>
  </si>
  <si>
    <t>AGENCIA DE SEGUROS ALTILLANURA Y COMPAÑÃA LIMITADA</t>
  </si>
  <si>
    <t>CL 10 # 9 A 24 BRR EL TRIUNFO</t>
  </si>
  <si>
    <t>HIGH SCHOOL DE ALGECIRAS</t>
  </si>
  <si>
    <t>CL 7 # 3 A 55 BRR CENTRO</t>
  </si>
  <si>
    <t>CENTER WEB ACCESORIOS Y DOCUMENTACION</t>
  </si>
  <si>
    <t>K 5 5 07 L 101</t>
  </si>
  <si>
    <t>PAPELERA LOS NOGALES</t>
  </si>
  <si>
    <t>CR 5 E # 2 C 10 BRR LOS NOGALES</t>
  </si>
  <si>
    <t>VARIEDADES CARMELITAS</t>
  </si>
  <si>
    <t>CRA. 12A #18-16 MOSQUERA CUNDINAMARCA COLOMBIA</t>
  </si>
  <si>
    <t>PUNTO YUMBO</t>
  </si>
  <si>
    <t>CL 1 # 56 22 BRR YUMBO</t>
  </si>
  <si>
    <t>MULTISERVICIO LIAM</t>
  </si>
  <si>
    <t>CR 123 # 130 C 84 / LC 14 BRR NUEVA TIBABUYES</t>
  </si>
  <si>
    <t>SEGUROS LUNA</t>
  </si>
  <si>
    <t>CRA. 6 #6-47 PITALITO HUILA COLOMBIA</t>
  </si>
  <si>
    <t>ERAC SAS</t>
  </si>
  <si>
    <t>CL. 10 #9-3 FUSAGASUG LA SERENA FUSAGASUG CUNDINAMARCA COLOMBIA</t>
  </si>
  <si>
    <t>MINIMARKET ORO</t>
  </si>
  <si>
    <t>CRA. 6 #4-80 CAQUEZA CUNDINAMARCA COLOMBIA</t>
  </si>
  <si>
    <t>CUTE CASE COLOMBIA</t>
  </si>
  <si>
    <t>CR 94 # 76 - 39 BRR SANTA ROSITA</t>
  </si>
  <si>
    <t>DROGUERIA MORICHAL CAMILO</t>
  </si>
  <si>
    <t>CRA. 18 ESTE #35C-10 VILLAVICENCIO META COLOMBIA</t>
  </si>
  <si>
    <t>ALMACEN MAITO</t>
  </si>
  <si>
    <t>CL 4 # 4 23 BRR CENTRO VEREDA MAITO</t>
  </si>
  <si>
    <t>MINICLUB XBOX BILLARINES E INTERNET</t>
  </si>
  <si>
    <t>CL 5 # 5 20 BRR CENTRO</t>
  </si>
  <si>
    <t>DISTRISEXTA</t>
  </si>
  <si>
    <t>CL. 6 #7-41 ZIPAQUIRï¿ CUNDINAMARCA COLOMBIA</t>
  </si>
  <si>
    <t>CL 11 NO 03 69</t>
  </si>
  <si>
    <t>SERVITAL TUNJA</t>
  </si>
  <si>
    <t>CR 11 # 17 - 46 / LC 127 BRR CENTRO</t>
  </si>
  <si>
    <t>GOMEZ MOTOS EL TIO</t>
  </si>
  <si>
    <t>CL 42 B # 4 76 / MZ 39 CA 1 BRR KENNEDY</t>
  </si>
  <si>
    <t>VARIEDADES GABO</t>
  </si>
  <si>
    <t>LEIDY BAQUERO</t>
  </si>
  <si>
    <t>CARR 12H # 31-C37</t>
  </si>
  <si>
    <t>PAPELERIA COPIRED</t>
  </si>
  <si>
    <t>CL 33 # 8 57 BRR LA GLORIETA</t>
  </si>
  <si>
    <t>MULTISERVICIOS LA PLAZOLETA</t>
  </si>
  <si>
    <t>CRA 9 # 6 25 LC 2</t>
  </si>
  <si>
    <t>DROGUERIA ORIENTAL</t>
  </si>
  <si>
    <t>CL 9 # 14 38 BRR CENTRO</t>
  </si>
  <si>
    <t>PAPELERIA EL PROFE.COM</t>
  </si>
  <si>
    <t>CRA 26 A # 5 - 46 BARRIO LA ALBORADA</t>
  </si>
  <si>
    <t>DROGUERIAEMISALUD A . A</t>
  </si>
  <si>
    <t>AV 26 19 8 15 CS 30</t>
  </si>
  <si>
    <t>HERNANDO HERRERA RUIZ</t>
  </si>
  <si>
    <t>CL 60 A # 96 19 - SUR BRR BOSA ATALAYA</t>
  </si>
  <si>
    <t>TIENDA LA PIZARRA</t>
  </si>
  <si>
    <t>CRA 25 19 A 10</t>
  </si>
  <si>
    <t>ECONOMASS</t>
  </si>
  <si>
    <t>CRA. 19 #8-71 ZIPAQUIR CUNDINAMARCA COLOMBIA</t>
  </si>
  <si>
    <t>PAPELERï¿­A DMG</t>
  </si>
  <si>
    <t>CRA. 4 #6 UBATï¿‰ VILLA DE SAN DIEGO DE UBATï¿‰ CUNDINAMARCA COLOMBIA</t>
  </si>
  <si>
    <t>FERRELECTRICOS TITAN</t>
  </si>
  <si>
    <t>CL. 19A #7-14 SOACHA CUNDINAMARCA COLOMBIA</t>
  </si>
  <si>
    <t>INVERSIONES A  D CACHIPAY</t>
  </si>
  <si>
    <t>CRA. 5 #3-52 CACHIPAY CUNDINAMARCA COLOMBIA</t>
  </si>
  <si>
    <t>CL 2 # 4 75 BRR NINA CECI</t>
  </si>
  <si>
    <t>DORIS LINARES</t>
  </si>
  <si>
    <t>CALLE 60N # 2BN 84</t>
  </si>
  <si>
    <t>DROGUERIA FARMADESCUENTOS GRANADA</t>
  </si>
  <si>
    <t>CRA. 5 #30A-11 GRANADA META COLOMBIA</t>
  </si>
  <si>
    <t>MUEBLES WOAR</t>
  </si>
  <si>
    <t>56 #5-66 ZIPAQUIRï¿ CUNDINAMARCA COLOMBIA</t>
  </si>
  <si>
    <t>VARIEDADES PEKE</t>
  </si>
  <si>
    <t>CALLE 22 # 01-54</t>
  </si>
  <si>
    <t>FOTOVIDEO CAPRICHO</t>
  </si>
  <si>
    <t>CL 16 # 7 A 30 BRR CENTRO</t>
  </si>
  <si>
    <t>CL 136 A # 111 10 BRR SUBA VILLA MARIA</t>
  </si>
  <si>
    <t>VENTAS EL TER</t>
  </si>
  <si>
    <t>CR 23 # 26 06 BRR LIBERTADOR</t>
  </si>
  <si>
    <t>MULTISERVICIOS SAN ALBERTO CENTRO</t>
  </si>
  <si>
    <t>CR 3 #4-43 SAN ALBERTO CESAR COLOMBIA</t>
  </si>
  <si>
    <t>DROGUERIA Y MINIMARKET DUS LA 52</t>
  </si>
  <si>
    <t>CRA 52 # 21- 80</t>
  </si>
  <si>
    <t>SERVIPAGO LA TRONCAL</t>
  </si>
  <si>
    <t>CL 20 # 13 29 BRR LA TRONCAL</t>
  </si>
  <si>
    <t>TECNINTEL</t>
  </si>
  <si>
    <t>CL 15 # 15 43 BRR LUIS HERNANDEZ VARGAS</t>
  </si>
  <si>
    <t>DIVANIDAD MAKEUP</t>
  </si>
  <si>
    <t>CRA. 33 #13-48, ZIPAQUIRï¿¡, CUNDINAMARCA, COLOMBIA</t>
  </si>
  <si>
    <t>FRUTERIA Y HELADERIA DANNA SOFIA</t>
  </si>
  <si>
    <t>CR 4 # 2 J 15 BRR RINCON DE BARANDILLAS</t>
  </si>
  <si>
    <t>GESTIONES ADMINISTRATIVAS FINANCIERAS Y JURIDICAS</t>
  </si>
  <si>
    <t>AV 2 6 53 MEDIDOR 2</t>
  </si>
  <si>
    <t>MULTICERVICIO  JOHANA</t>
  </si>
  <si>
    <t>CL 9 # 1 - 58 BRR LA ZAFRA</t>
  </si>
  <si>
    <t>FARMACOTA</t>
  </si>
  <si>
    <t>CR 5 # 15 01 / LC 1 BRR COTA</t>
  </si>
  <si>
    <t>COSMETOLOGIA MAJOS</t>
  </si>
  <si>
    <t>C 8372 CENTRO</t>
  </si>
  <si>
    <t>PAPELERIA LLANADAS</t>
  </si>
  <si>
    <t>CL 7 # 11 64 BRR CENTRO</t>
  </si>
  <si>
    <t>SHOPNET.MMF</t>
  </si>
  <si>
    <t>CL. 5 #546 MADRID CUNDINAMARCA COLOMBIA</t>
  </si>
  <si>
    <t>DROGUERIA EL AHORRO</t>
  </si>
  <si>
    <t>AK 35 2 SUR # 30 35 - SUR BRR PATIO BONI</t>
  </si>
  <si>
    <t>MULTISERVICIOS SOLUCIONES AL INSTANTE</t>
  </si>
  <si>
    <t>CR 26 # 17 - 78 BRR SAN PEDRO</t>
  </si>
  <si>
    <t>EL PROGRESO EGJ</t>
  </si>
  <si>
    <t>CL 4 # 5 46 BRR CENTRO</t>
  </si>
  <si>
    <t>ALMACEN SAN ANTONIO</t>
  </si>
  <si>
    <t>CL 3 # 3 45 BRR CORREGIMIENTO SAN ANTONIO</t>
  </si>
  <si>
    <t xml:space="preserve">AUTOSERVICIO MERKANO </t>
  </si>
  <si>
    <t>CRA. 3 #5-98 SUBACHOQUE CUNDINAMARCA COLOMBIA</t>
  </si>
  <si>
    <t>VARIEDADES JAMARU</t>
  </si>
  <si>
    <t>CL 14 # 10 31 BRR ESCALLON</t>
  </si>
  <si>
    <t>FARMACRUZ SALUD Y BIENESTAR SAS</t>
  </si>
  <si>
    <t>AV LIBERTADORES LOCAL 12 CONJUNTOS PRADO</t>
  </si>
  <si>
    <t>CL. 23 CRA. 7 Y 8 INT. SAO</t>
  </si>
  <si>
    <t>PAPELERIA SERVIYA CENTRO</t>
  </si>
  <si>
    <t>CL 17 # 9 92 BRR CENTRO</t>
  </si>
  <si>
    <t>MINIMERCADO EL AGRADO</t>
  </si>
  <si>
    <t>CL 2 ESTE # 8 02 BRR JARDIN</t>
  </si>
  <si>
    <t>DECORACIONES GABY</t>
  </si>
  <si>
    <t>CL 10 # 3 - 28 BRR LOS TRAPICHES</t>
  </si>
  <si>
    <t>PAPELERIA MICELANEA</t>
  </si>
  <si>
    <t>TV 15 NO. 24 - 49</t>
  </si>
  <si>
    <t>SONYTEC</t>
  </si>
  <si>
    <t>CRA. 5 #8-15 PITALITO HUILA COLOMBIA</t>
  </si>
  <si>
    <t>TIENDA Y MISCELANEA JIREH S Y A.</t>
  </si>
  <si>
    <t>PN SOGAMOSO CA 39 BRR SOGAMOSO</t>
  </si>
  <si>
    <t>ALMACEN PITAL</t>
  </si>
  <si>
    <t>CR 10 # 8 68 BRR CENTRO</t>
  </si>
  <si>
    <t>SANDRA MOLANO</t>
  </si>
  <si>
    <t>CL 6 # 7 14 BRR YUMBO</t>
  </si>
  <si>
    <t>GARCAS COMUNICACIONES</t>
  </si>
  <si>
    <t>CL. 4 #8-22, SIBATï¿©, CUNDINAMARCA, COLOMBIA</t>
  </si>
  <si>
    <t>CAFETERIA Y VARIEDADES DONDE JUANDA</t>
  </si>
  <si>
    <t>CRA. 7 #4-77 TAURAMENA CASANARE COLOMBIA</t>
  </si>
  <si>
    <t>DROGUERIA Y MINIMARKET FARMASERVICIOS</t>
  </si>
  <si>
    <t>CL 19 SUR 37 101</t>
  </si>
  <si>
    <t>DROGUERIA FARMASOF</t>
  </si>
  <si>
    <t>VEREDA RASGATA</t>
  </si>
  <si>
    <t>COMUNICACIONES SINAI</t>
  </si>
  <si>
    <t>CR 14 # 32 A 12 - SUR BRR GUSTAVO RESTREPO</t>
  </si>
  <si>
    <t>MAYRA CASTRO</t>
  </si>
  <si>
    <t>CL. 10 #13-24 PALERMO HUILA COLOMBIA</t>
  </si>
  <si>
    <t>DROGUERIA HIPERDESCUENTOS M 2</t>
  </si>
  <si>
    <t>CL 31 C SUR # 13 - 03 SUR</t>
  </si>
  <si>
    <t>EL COPEY</t>
  </si>
  <si>
    <t>EL CHACHI PAPELERIA</t>
  </si>
  <si>
    <t>CL 8 18 26</t>
  </si>
  <si>
    <t>DROGUERA Y MINIMARKET SAGRADA FAMILIA</t>
  </si>
  <si>
    <t>CL. 4 #10-58 GARZN HUILA COLOMBIA</t>
  </si>
  <si>
    <t>MACROPANIS</t>
  </si>
  <si>
    <t>CRA. 5 #10-80 SOACHA CUNDINAMARCA COLOMBIA</t>
  </si>
  <si>
    <t>VARIEDADES Y COMUNICACINES BELLO HORIZONTE</t>
  </si>
  <si>
    <t>CRA. 3 #3-6 LA PENA LA PEA CUNDINAMARCA COLOMBIA</t>
  </si>
  <si>
    <t>GRANERO LA ECONOMIA</t>
  </si>
  <si>
    <t>CL 42 A SUR # 96 A 21 BRR MUNDIALITO</t>
  </si>
  <si>
    <t>BLACK BOX PREMIUM</t>
  </si>
  <si>
    <t>CL 46 B # 23 B 20 / P 3 BRR SOACHA</t>
  </si>
  <si>
    <t>DROGAS GMR</t>
  </si>
  <si>
    <t>CL 22 A SUR # 24 61 BRR CANAIMA</t>
  </si>
  <si>
    <t>DHUZZAN</t>
  </si>
  <si>
    <t>CL 14 # 14 73 BRR CENTRO</t>
  </si>
  <si>
    <t>MERKA FRUVER DE LA CARRERA 13</t>
  </si>
  <si>
    <t>CR 13 # 41 39 BRR CHAPINERO</t>
  </si>
  <si>
    <t>EDUKA</t>
  </si>
  <si>
    <t>CALLE 18 SUR N 16 F 04</t>
  </si>
  <si>
    <t>CENTRO DE PAGOS Y SERVICIOS SHERYL</t>
  </si>
  <si>
    <t>CRA. 42A #53 SUR-53 VILLAVICENCIO META COLOMBIA</t>
  </si>
  <si>
    <t xml:space="preserve">COSMETICOS Y ACCESORIOS YEI </t>
  </si>
  <si>
    <t>CL 8 #4-93 (casa antigua)</t>
  </si>
  <si>
    <t>MULTISERVICIOS MANTILLA</t>
  </si>
  <si>
    <t>CR 45 # 27 17 BRR SOTOMAYOR</t>
  </si>
  <si>
    <t>DISTRIMEDICALS DROGUERIA</t>
  </si>
  <si>
    <t>CRA. 15 #14-30 FLORENCIA CAQUETï¿ COLOMBIA</t>
  </si>
  <si>
    <t>MISCELANEA Y VARIEDADES ZALY</t>
  </si>
  <si>
    <t>CL 58 # 13 A 26 BRR ALARES</t>
  </si>
  <si>
    <t>PAPELERIA LA FAMILIA A.C.</t>
  </si>
  <si>
    <t>CL 80 # 78 C - 22 BRR BARRIO BOSA LA ESPERANZA</t>
  </si>
  <si>
    <t>PATITAS ALEGRES PET SHOP DEL LLANO</t>
  </si>
  <si>
    <t>CL 8 # 7 05 BRR CENTRO</t>
  </si>
  <si>
    <t>PAPELERIA GUALI 4</t>
  </si>
  <si>
    <t>CL 13 # 2 42 / ET 4 BRR GUALI</t>
  </si>
  <si>
    <t>PAPELERIA Y MICELANEA PAOS</t>
  </si>
  <si>
    <t>CL 27 SUR # 16 G 08 BRR VILLA ITALIA</t>
  </si>
  <si>
    <t>INGENIANET</t>
  </si>
  <si>
    <t>CL. 21 ESTE #13 FACATATIVï¿ CUNDINAMARCA COLOMBIA</t>
  </si>
  <si>
    <t>CALLE 26 #15- 19 BRISAS DE MOLINOS</t>
  </si>
  <si>
    <t>GF - AGENCIA APP - AGENCIA  433</t>
  </si>
  <si>
    <t>TENERIFE</t>
  </si>
  <si>
    <t>TELECOMUNICACIONES LINDA ALEJANDRA</t>
  </si>
  <si>
    <t>CR 8 # 5 67 BRR CENTRO</t>
  </si>
  <si>
    <t>MULTISERVICIOS LA BASTILLA</t>
  </si>
  <si>
    <t>CL 24 # 13 07 BRR LA BASTILLA</t>
  </si>
  <si>
    <t>BABYS CANDY ALBORADA</t>
  </si>
  <si>
    <t>CRA. 24 #4C-45 VILLAVICENCIO META COLOMBIA</t>
  </si>
  <si>
    <t>MARCA DE PORTIVA</t>
  </si>
  <si>
    <t>CR 7 7 39</t>
  </si>
  <si>
    <t>TIENDA YOLANDA</t>
  </si>
  <si>
    <t>KR 23 40B 0024 00001</t>
  </si>
  <si>
    <t>DROGUERIA FARMALIDER</t>
  </si>
  <si>
    <t>CL 35 2 E 18 LC 102</t>
  </si>
  <si>
    <t>LEOSAN N1</t>
  </si>
  <si>
    <t>CL 11 # 31 A 07 BRR LAS ACACIAS</t>
  </si>
  <si>
    <t>CELUBAN Y ACCESORIES</t>
  </si>
  <si>
    <t>CR 11 ESTE # 1 B - 02 BRR EL CONSUELO</t>
  </si>
  <si>
    <t>LA ESTACIN VILLAVICENCIO</t>
  </si>
  <si>
    <t>CL 19 A # 39 B 03 - ESTE BRR SAN ANTONIO</t>
  </si>
  <si>
    <t xml:space="preserve">MINIMERCADO </t>
  </si>
  <si>
    <t>CL. 9 #1-59 GARZON HUILA COLOMBIA</t>
  </si>
  <si>
    <t>DROGUERIA ELCOFARMA</t>
  </si>
  <si>
    <t>CR 8 # 8 20 BRR CENTRO</t>
  </si>
  <si>
    <t>COLMENA Y VARIEDADES DORIS</t>
  </si>
  <si>
    <t>CL 60 # 2 B 84 BRR ALAMOS</t>
  </si>
  <si>
    <t>FLOR MARINA FUQUENE</t>
  </si>
  <si>
    <t>CR 4 # 9 62 BRR CENTRO</t>
  </si>
  <si>
    <t>CAFE CELL</t>
  </si>
  <si>
    <t>CL 12A 17 62 LC 3 BRR NUEVA FORESTA</t>
  </si>
  <si>
    <t>HELADERï¿­A EL SOL</t>
  </si>
  <si>
    <t>CRA. 4 #15-13 SAN MARTï¿N META COLOMBIA</t>
  </si>
  <si>
    <t>DROGUERIA FARMACEUTICA DEL SUR</t>
  </si>
  <si>
    <t>CRA 4 # 2 29</t>
  </si>
  <si>
    <t>TIENDA EL BOSQUE</t>
  </si>
  <si>
    <t>CL 30 # 12 10 BRR BOSQUE</t>
  </si>
  <si>
    <t>ESTACION DE SERVICIOS EL ARRAYAN</t>
  </si>
  <si>
    <t>CL 5 # 10 - 06 BRR EL ARRAYAN</t>
  </si>
  <si>
    <t>TALLERES SANDOVAL SAS</t>
  </si>
  <si>
    <t>CR 23 A # 1 F 33 BRR EL VERGEL</t>
  </si>
  <si>
    <t>ROSE PINK BOUTIQUE</t>
  </si>
  <si>
    <t>CLL 5 NO 5 05 IQUIRA L.2</t>
  </si>
  <si>
    <t>ALMACEN NUEVA SEDE</t>
  </si>
  <si>
    <t>CR 2 # 12 06 / CC EL MOLINO BRR NO REGISTRA</t>
  </si>
  <si>
    <t>CIGARRERIA Y PAPELERIA SAN DIEGO</t>
  </si>
  <si>
    <t>CRA. 60 #2334 FUSAGASUGA CUNDINAMARCA COLOMBIA</t>
  </si>
  <si>
    <t>DROGUERIA HC MAS JY</t>
  </si>
  <si>
    <t>CRA 36 33 B 12</t>
  </si>
  <si>
    <t>LINKS COMUNICACIONES</t>
  </si>
  <si>
    <t>TV 11 C SUR # 6 B 80 - SUR BRR DUCALES</t>
  </si>
  <si>
    <t>RX DROGUERIA</t>
  </si>
  <si>
    <t>CRA. 9 #17-68 SOACHA CUNDINAMARCA COLOMBIA</t>
  </si>
  <si>
    <t>VARIEDADES RAM</t>
  </si>
  <si>
    <t>CR 9 # 11 C - 31 / ESQ BRR URBANIZACION ROMERO</t>
  </si>
  <si>
    <t>QUÍPAMA</t>
  </si>
  <si>
    <t>SUPERMERCADO SANTOS</t>
  </si>
  <si>
    <t>VEREDA MATA DE FIQUE</t>
  </si>
  <si>
    <t>COMUNICACIONES TELEPAR.COM</t>
  </si>
  <si>
    <t>EL COLEGIO - TIBACUY #2 MESITAS DEL COLEGIO CUNDINAMARCA COLOMBIA</t>
  </si>
  <si>
    <t>YANKEE COL COMPANY</t>
  </si>
  <si>
    <t>CRA N0 17-150</t>
  </si>
  <si>
    <t>SUPER PHARMA DROGUERIAS</t>
  </si>
  <si>
    <t>CR 2 # 24 A 12 BRR CENTRO</t>
  </si>
  <si>
    <t>TECNO MOVIL FUSA 2.0</t>
  </si>
  <si>
    <t>TV DIGITAL PLUS</t>
  </si>
  <si>
    <t>MISCELANEAS Y VARIEDADES LAS LAJAS</t>
  </si>
  <si>
    <t>CL 14 # 37 41 BRR CRISTOBAL COLON</t>
  </si>
  <si>
    <t>PHONE HOUSE DM</t>
  </si>
  <si>
    <t>CL 76 # 7 T - 13 BRR ALFONSO LOPEZ</t>
  </si>
  <si>
    <t>DADITEC</t>
  </si>
  <si>
    <t>CALLE 11 NO 12-87</t>
  </si>
  <si>
    <t>MULTISERVICIO.NET.CO</t>
  </si>
  <si>
    <t>MZ B3 CASA 11 BRR COMPARTIR</t>
  </si>
  <si>
    <t>CARRERA 4 # 9 - 76</t>
  </si>
  <si>
    <t>PUNTO DE PAGO EL RUBI</t>
  </si>
  <si>
    <t>CL. 19B #11 ESTE-7 MOSQUERA CUNDINAMARCA COLOMBIA</t>
  </si>
  <si>
    <t>INTERNET Y PAPELERIA SAMY.COM</t>
  </si>
  <si>
    <t>CR 2 # 62 22 BRR LA RIVERA</t>
  </si>
  <si>
    <t>LA SALA SOLUCIONES INTEGRALES</t>
  </si>
  <si>
    <t>CR 5 # 10 69 BRR CENTRO</t>
  </si>
  <si>
    <t>A Y S ACCESORIOS Y SUMINISTROS</t>
  </si>
  <si>
    <t>CL 3 5 78 82</t>
  </si>
  <si>
    <t xml:space="preserve">ALMACEN LA SERRANIA DE LA PRIMAVERA </t>
  </si>
  <si>
    <t>Carrera 9 No. 3-03 Barrio Divino NiÃ±o - La Primavera (Vichada)</t>
  </si>
  <si>
    <t>GUICOM SAS</t>
  </si>
  <si>
    <t>CL 9 # 6 15 BRR CENTRO</t>
  </si>
  <si>
    <t>CLL 408 N 19A 54</t>
  </si>
  <si>
    <t>PAPELERIA Y VARIEDADES LOS ANGELES</t>
  </si>
  <si>
    <t>CL 39 # 7 63 BRR MANANTIAL</t>
  </si>
  <si>
    <t>PAPELERIA LAPIZ Y PAPELITOS</t>
  </si>
  <si>
    <t>CL. 9 #11-9 CHA CUNDINAMARCA COLOMBIA</t>
  </si>
  <si>
    <t>CELUTRONIK ACCESORIOS DE LA 11</t>
  </si>
  <si>
    <t>CL 11 # 12 52 BRR CENTRO</t>
  </si>
  <si>
    <t>CR 16 # 59 33 BRR RICAURTE</t>
  </si>
  <si>
    <t>GLASERPIN2</t>
  </si>
  <si>
    <t>CR 1 B SUR # 19 03 BRR 7 DE AGOSTO</t>
  </si>
  <si>
    <t>JPG DIGITAL</t>
  </si>
  <si>
    <t>CL 41 SUR # 25 - 103 BRR LA MINA</t>
  </si>
  <si>
    <t>EL SUEÑO DE LOS NIÑOS</t>
  </si>
  <si>
    <t>CR 11 # 20 10 / 98 BRR CAJICA</t>
  </si>
  <si>
    <t>CARLOS MESA</t>
  </si>
  <si>
    <t>CL 34 # 11 75 BRR CENTRO</t>
  </si>
  <si>
    <t xml:space="preserve">DROGUERIA J &amp; D PLUS </t>
  </si>
  <si>
    <t>CRA. 14 #11-2 AGUAZUL CASANARE COLOMBIA</t>
  </si>
  <si>
    <t>GRUPO EMPRESARIAL SANTTOS</t>
  </si>
  <si>
    <t>CL 70 # 7 J 03 BRR LOPEZ</t>
  </si>
  <si>
    <t>VILLAPAPEL</t>
  </si>
  <si>
    <t>CL 3 # 22 80 / LC 6 BRR SOACHA CIUDAD LATINA</t>
  </si>
  <si>
    <t>CRA. 4 CON CALLE 14 3ER. NIVEL</t>
  </si>
  <si>
    <t>CL.10 NO. 70-38 ZONA PARQUEADERO 14 LIMONAR</t>
  </si>
  <si>
    <t>MARTHA MANCILLA</t>
  </si>
  <si>
    <t>CR 33 # 44 32 BRR SOTOMAYOR</t>
  </si>
  <si>
    <t>EFECTY JUAN DE RIO SECO</t>
  </si>
  <si>
    <t>CR 6 # 26 28 BRR CENTRO</t>
  </si>
  <si>
    <t>SMARTPHONE CENTER</t>
  </si>
  <si>
    <t>CL 7 # 6 21 BRR CENTRO</t>
  </si>
  <si>
    <t>DROGAS PINILLA</t>
  </si>
  <si>
    <t>CL 24 15 18 ESTE</t>
  </si>
  <si>
    <t>FELIXSALUD 1 DROGUERIAS</t>
  </si>
  <si>
    <t>CR 37L 17 09 FELIX SALUD BRR GUATIQUIA"</t>
  </si>
  <si>
    <t>MILAN.NET</t>
  </si>
  <si>
    <t>CRA. 2 #8-130 RESTREPO META COLOMBIA</t>
  </si>
  <si>
    <t xml:space="preserve">MOARE ARTE &amp; DECORACION </t>
  </si>
  <si>
    <t>CRA. 6 #7-90 UBATE VILLA DE SAN DIEGO DE UBATE CUNDINAMARCA COLOMBIA</t>
  </si>
  <si>
    <t>LYA SOLUCIONES CONTABLES</t>
  </si>
  <si>
    <t>CL 2 # 4 60 BRR GAITAN</t>
  </si>
  <si>
    <t>DROGUERIA PROFAMILIAS</t>
  </si>
  <si>
    <t>CL 5 CRA 7 ESQ</t>
  </si>
  <si>
    <t>SANTIAGO</t>
  </si>
  <si>
    <t>TYM DISTRIBUCIONES</t>
  </si>
  <si>
    <t>CALLE 5 #50 SANTIAGO PUTUMAYO COLOMBIA</t>
  </si>
  <si>
    <t>FRUVER LA 89</t>
  </si>
  <si>
    <t>CR 89 # 22 41 BRR CAPELLAMIA</t>
  </si>
  <si>
    <t>CL. 23 #16 PALERMO HUILA COLOMBIA</t>
  </si>
  <si>
    <t>DROGUERIA JYM I</t>
  </si>
  <si>
    <t>DG. 1 #7-31 FUSAGASUG LA SERENA FUSAGASUG CUNDINAMARCA COLOMBIA</t>
  </si>
  <si>
    <t>CREACIONES YVISMAR</t>
  </si>
  <si>
    <t>CRA. 6 ESTE #3-6 SOACHA CUNDINAMARCA COLOMBIA</t>
  </si>
  <si>
    <t>DROGUERIA EL ESTERO ANTONIO VILLAVICENCIO</t>
  </si>
  <si>
    <t>CRA. 16 ESTE #35A-22 VILLAVICENCIO META COLOMBIA</t>
  </si>
  <si>
    <t>FERRETERIA LA 14</t>
  </si>
  <si>
    <t>CL 9 # 14 35 BRR JARDIN</t>
  </si>
  <si>
    <t>SUPERMERCADO LOS OCOBOS</t>
  </si>
  <si>
    <t>CL. 5 #5-39 ARBELï¿EZ CUNDINAMARCA COLOMBIA</t>
  </si>
  <si>
    <t>MERKA CHEVERE 2</t>
  </si>
  <si>
    <t>CRA. 33 #12-23 ZIPAQUIR CUNDINAMARCA COLOMBIA</t>
  </si>
  <si>
    <t>DROGUERIA GALENA 2</t>
  </si>
  <si>
    <t>KDX 110 CORRG GIBRALTAR</t>
  </si>
  <si>
    <t xml:space="preserve">INGETCELL </t>
  </si>
  <si>
    <t>CRA. 31 #18C-11 VALLEDUPAR CESAR COLOMBIA</t>
  </si>
  <si>
    <t>URIBE</t>
  </si>
  <si>
    <t>MINIMARKET NAHOMY JC</t>
  </si>
  <si>
    <t>CL 5 # 7 41 BRR CENTRO</t>
  </si>
  <si>
    <t>MERCAMAX E</t>
  </si>
  <si>
    <t>CR 10 A # 2 48 BRR CENTRO</t>
  </si>
  <si>
    <t>PJ PISCINAS Y JACUZZI</t>
  </si>
  <si>
    <t>CR 9 # 18 38 BRR EL ALTO</t>
  </si>
  <si>
    <t>DOBLECLICK. COM</t>
  </si>
  <si>
    <t>CR 81 H # 45 - 87 SUR BRR GRAN BRITALIA 1</t>
  </si>
  <si>
    <t>SAIC CABITEL</t>
  </si>
  <si>
    <t>CL. 1 #718 TARQUI HUILA COLOMBIA</t>
  </si>
  <si>
    <t>PAPELERIA Y MISCELANEA EL INGLES</t>
  </si>
  <si>
    <t>CL 41 SUR # 25 B - 26 BRR CIUDAD DE BOGOTA</t>
  </si>
  <si>
    <t>FOTO LUZ DE ALGECIRAS</t>
  </si>
  <si>
    <t>45-ALGECIRAS #2 ALGECIRAS HUILA COLOMBIA</t>
  </si>
  <si>
    <t>CRA 11A #24-24 ZIPAQUIRA CUNDINAMARCA COLOMBIA</t>
  </si>
  <si>
    <t>DROGUERIA SAN ANDRES 2</t>
  </si>
  <si>
    <t>CR 19 # 12 57 BRR CANTARRAMA II</t>
  </si>
  <si>
    <t>CR 38 # 13 85 / MZ A CA 46 BRR INDEPENDENCIA</t>
  </si>
  <si>
    <t>MULTISERVICIOS JIREH</t>
  </si>
  <si>
    <t>CRA. 15 ESTE #31-2 SOACHA CUNDINAMARCA COLOMBIA</t>
  </si>
  <si>
    <t>SUPERMERCADO TRAVESIAS</t>
  </si>
  <si>
    <t>CL 68 # 136 C 49 BRR TRAVESIAS</t>
  </si>
  <si>
    <t>PAPELERIA MI NANY</t>
  </si>
  <si>
    <t>CR 5 B # 1 B 02 BRR 1 DE JULIO</t>
  </si>
  <si>
    <t>TIENDA ANGELS</t>
  </si>
  <si>
    <t>CL 14 # 12 29 BRR SAN MARTIN</t>
  </si>
  <si>
    <t>TIENDA SYN</t>
  </si>
  <si>
    <t>CR 69 P # 72 A - 25 BRR LAS FERIAS</t>
  </si>
  <si>
    <t>VILLAGARZÓN</t>
  </si>
  <si>
    <t>NETWORKS &amp; SYSTEMS</t>
  </si>
  <si>
    <t>Carrera 9 No. 8 - 10 . Barrio Centro : . Mocoa Putumayo</t>
  </si>
  <si>
    <t>VARIEDADES Y MENSAJERIA ALIS</t>
  </si>
  <si>
    <t>CL 9 # 21 74 BRR LA ESPERANZA</t>
  </si>
  <si>
    <t>LA FERIA</t>
  </si>
  <si>
    <t>CL 72 SUR # 45 C - 10 BRR JERUSALEN</t>
  </si>
  <si>
    <t>ALMACEN LO PUPPYS</t>
  </si>
  <si>
    <t>CRA. 5 #10-82 GARZN HUILA COLOMBIA</t>
  </si>
  <si>
    <t xml:space="preserve">MICELANIA Y PAPELERIA EL COPION </t>
  </si>
  <si>
    <t>CRA. 18 #9-74 CURUMANI CESAR COLOMBIA</t>
  </si>
  <si>
    <t>LA MILAGROSA</t>
  </si>
  <si>
    <t>CL 6 # 25 20 BRR LA FLORA</t>
  </si>
  <si>
    <t>TIENDA SAN JOSE</t>
  </si>
  <si>
    <t>CL 165 # 13 C 11 BRR BABILONIA</t>
  </si>
  <si>
    <t>COMERCIALIZADORA DIAURA SAS</t>
  </si>
  <si>
    <t>CL 5 # 3 44 / LC 3 BRR CENTRO</t>
  </si>
  <si>
    <t>LA BODEGA DE LOS CELULARES 3B</t>
  </si>
  <si>
    <t>CR 20 # 16 62 BRR EL CENTRO</t>
  </si>
  <si>
    <t>CR 124 # 132 33 / LC 1 BRR VILLAMARIA</t>
  </si>
  <si>
    <t>KAIROS PALMAS SAS</t>
  </si>
  <si>
    <t>CR 14 # 9 35 BRR FUNDADORES</t>
  </si>
  <si>
    <t>MULTISERVICIOS DEL HUILA</t>
  </si>
  <si>
    <t>CL 8 # 7 47 BRR CENTRO</t>
  </si>
  <si>
    <t>INTERNET LOYAL</t>
  </si>
  <si>
    <t>CL 40 # 94 A 26 - SUR BRR BRISAS</t>
  </si>
  <si>
    <t>NEGOCIOS JR.E</t>
  </si>
  <si>
    <t>CR 12 B # 9 C - 75 BRR VILLA DEL ROCIO MOSQUERA</t>
  </si>
  <si>
    <t>TRAMITES DE TRANSITO Y FINCA RAIZ</t>
  </si>
  <si>
    <t>CL. 18 #4 MONTERREY CASANARE COLOMBIA</t>
  </si>
  <si>
    <t>CRA. 6 #10-31 MESETAS META COLOMBIA</t>
  </si>
  <si>
    <t>CL. 8 #6-67 SAN MARTIN META COLOMBIA</t>
  </si>
  <si>
    <t>DROGUERï¿­A LA 13 VISTAHERMOSA</t>
  </si>
  <si>
    <t>CRA. 12 #8-69 VISTAHERMOSA META COLOMBIA</t>
  </si>
  <si>
    <t>MINIMERCADO ACROPOLIS NEIVA</t>
  </si>
  <si>
    <t>CRA. 1A #42-41 NEIVA HUILA COLOMBIA</t>
  </si>
  <si>
    <t>ISIS PRODUCCIONES</t>
  </si>
  <si>
    <t>CL. 40 SUR #2047 SOACHA CUNDINAMARCA COLOMBIA</t>
  </si>
  <si>
    <t>DROGUERIA LA AVENIDA DM</t>
  </si>
  <si>
    <t>CRA 6 5 10</t>
  </si>
  <si>
    <t>VISTATECH INFORMATICA</t>
  </si>
  <si>
    <t>CL 36 SUR # 3 A 33 BRR VILLA DE LOS ALPES</t>
  </si>
  <si>
    <t>FABRICA DE CAUCHOS GODINES</t>
  </si>
  <si>
    <t>CL. 2 #10-53 PAZ DE ARIPORO CASANARE COLOMBIA</t>
  </si>
  <si>
    <t>ZAMUR PUNTO DIGITAL</t>
  </si>
  <si>
    <t>CRA 4 N 5-39 CINCUENTENARIO</t>
  </si>
  <si>
    <t>TUTRAMITE.COM</t>
  </si>
  <si>
    <t>CRA. 16 #17-32 ZIPAQUIRA CUNDINAMARCA COLOMBIA</t>
  </si>
  <si>
    <t xml:space="preserve">TECNO&amp;VIDEOS </t>
  </si>
  <si>
    <t>CRA. 14 #5-54 TAURAMENA CASANARE COLOMBIA</t>
  </si>
  <si>
    <t>OCCIVIAJES Y SERVICIOS</t>
  </si>
  <si>
    <t>CL 13 # 44 - 26 BRR PANAMERICANO</t>
  </si>
  <si>
    <t>DROGUERIA FARMAROJAS</t>
  </si>
  <si>
    <t>CL. 10 #11-88 LA LOMA EL PASO CESAR COLOMBIA</t>
  </si>
  <si>
    <t>CL. 13 #17-14 FUNZA CUNDINAMARCA COLOMBIA</t>
  </si>
  <si>
    <t>DIAMANTE TIENDA DE VARIEDADES</t>
  </si>
  <si>
    <t>CL 4 3 -70</t>
  </si>
  <si>
    <t>SUPERMERCADO SUPER PYME</t>
  </si>
  <si>
    <t>CL 59 A # 14 A 87 BRR CHAPINERO</t>
  </si>
  <si>
    <t>MULTISERVICIOS GALLARDO</t>
  </si>
  <si>
    <t>CL. 119 #11D-13 BOGOTA COLOMBIA</t>
  </si>
  <si>
    <t>CL. 70 NO. 28D3-39 INTERIOR COMFANDI</t>
  </si>
  <si>
    <t>SURENVIOS AY MI LLANURA</t>
  </si>
  <si>
    <t>CL 8 # 10 07 BRR AY MI LLANURA</t>
  </si>
  <si>
    <t>E.  HOME CAFE INTERNET</t>
  </si>
  <si>
    <t>CR 4 # 5 38 BRR CRISTO REY</t>
  </si>
  <si>
    <t xml:space="preserve">CELUCENTTER </t>
  </si>
  <si>
    <t>CL. 21 #28-20 PUERTO ASIS PUTUMAYO COLOMBIA</t>
  </si>
  <si>
    <t>GLOBAL.NET</t>
  </si>
  <si>
    <t>AV 1 # 0 - 1 / MZ 4 BRR SANTA RITA</t>
  </si>
  <si>
    <t>JLD</t>
  </si>
  <si>
    <t>AV MURILLO AL SUR VIA CRV BG 5B LC 04 TG 5B</t>
  </si>
  <si>
    <t>MISCELANIA Y PAPELERIA EL PARAISO</t>
  </si>
  <si>
    <t>CL 11 NO 4 ESTE - 05 IN 1</t>
  </si>
  <si>
    <t>PGSYM.CLIPS</t>
  </si>
  <si>
    <t>CL 76 B SUR # 11 - 17 BRR LA ANDREA</t>
  </si>
  <si>
    <t>SERVICIOS GIPARE AEROPUERTO</t>
  </si>
  <si>
    <t>KM 2 BRR PRIMER PISO AEROPUERTO</t>
  </si>
  <si>
    <t>CACHARRERIA Y PAPELERIA PLANETA ESCOLAR</t>
  </si>
  <si>
    <t>65 #9 SAN VICENTE DEL CAGUï¿N CAQUETï¿ COLOMBIA</t>
  </si>
  <si>
    <t>ALMACEN POTRERILLOS</t>
  </si>
  <si>
    <t>CA DEL CAFE BRR VEREDA POTRERILLOS</t>
  </si>
  <si>
    <t>INTERNET MIXS SUTAMARCHAN</t>
  </si>
  <si>
    <t>CR 3 # 4 - 83 BRR CENTRO</t>
  </si>
  <si>
    <t>IURISDEP</t>
  </si>
  <si>
    <t>AV 3 # 3 E - 80 BRR GRAN COLOMBIA</t>
  </si>
  <si>
    <t>MISCELANEA AMANDA</t>
  </si>
  <si>
    <t>CALLE 135 94C 04</t>
  </si>
  <si>
    <t>TIENDA SHALOM ADONAI</t>
  </si>
  <si>
    <t>DG 74 B # 1 B 15 - SUR BRR DON BOSCO</t>
  </si>
  <si>
    <t>RB ASESORï¿­AS &amp; SERVICIOS YOPAL</t>
  </si>
  <si>
    <t>C 33 6 45</t>
  </si>
  <si>
    <t>OFI ASESORAMOS</t>
  </si>
  <si>
    <t>VILLA DEL PRADO</t>
  </si>
  <si>
    <t>EL CANEY JP</t>
  </si>
  <si>
    <t>TV 6 B BIS # 48 I - 56 SUR BRR MIRADOR</t>
  </si>
  <si>
    <t>PAPELERIA Y MISCELANEA MILA</t>
  </si>
  <si>
    <t>CRA. 7B #14-75 FUNZA CUNDINAMARCA COLOMBIA</t>
  </si>
  <si>
    <t>CIGARRERIA ZEPPELIN</t>
  </si>
  <si>
    <t>CL 19 # 9 A 13 BRR SANTA HELENA</t>
  </si>
  <si>
    <t>JORGE GONZALEZ</t>
  </si>
  <si>
    <t>CR 7 R # 73 158 BRR CHIPICHAPE</t>
  </si>
  <si>
    <t>SERVICOPIAS LA SEGUNDA</t>
  </si>
  <si>
    <t>CL 9 # 8 20 BRR CENTRO</t>
  </si>
  <si>
    <t>MARVEL MCM</t>
  </si>
  <si>
    <t>CR 8 SUR # 27 - 01 BRR 20 DE JULIO</t>
  </si>
  <si>
    <t>GF - BELLO C.C PLAZA FABRICATO -AGENCIA 634</t>
  </si>
  <si>
    <t>CR 50 # 38 201 / LC 3149 BRR FABRICATO</t>
  </si>
  <si>
    <t>WILL SYSTEMS</t>
  </si>
  <si>
    <t>CL. 5 #3-26 QUETAME CUNDINAMARCA COLOMBIA</t>
  </si>
  <si>
    <t>ZONA BLACKBERRY PLUSS</t>
  </si>
  <si>
    <t>CL. 12 #3-5 PUERTO CONCORDIA META COLOMBIA</t>
  </si>
  <si>
    <t>SAN JUANITO</t>
  </si>
  <si>
    <t>SURTI-MAS ANGIE</t>
  </si>
  <si>
    <t>CRA 3 N 8 63</t>
  </si>
  <si>
    <t>DROGUERIA SERVIRSANAR Y MINIMARKET</t>
  </si>
  <si>
    <t>CR 25 # 14 03 BRR NUEVO JARDIN</t>
  </si>
  <si>
    <t>NATALI GARZON OLIVARES</t>
  </si>
  <si>
    <t>CL 12 # 5 38 BRR CENTRO</t>
  </si>
  <si>
    <t xml:space="preserve">VARIEDADES ROSITA </t>
  </si>
  <si>
    <t>CL. 7 #6-42 BOJACA CUNDINAMARCA COLOMBIA</t>
  </si>
  <si>
    <t>ALMACEN LA ECONOMIA LA CATORCE</t>
  </si>
  <si>
    <t>CR 0 # 0 0 / SEC BRR LA CATORCE QUIPAMA</t>
  </si>
  <si>
    <t>DRIGUERIA LA VICTORIA SIBUNDOY</t>
  </si>
  <si>
    <t>CL 15 15 29</t>
  </si>
  <si>
    <t>SALSAMENTARIO LA VIA LACTEA</t>
  </si>
  <si>
    <t>CL 141 # 102 B 09 BRR BOCHALEMA</t>
  </si>
  <si>
    <t>TELEFONIA MOVIL NATALIA</t>
  </si>
  <si>
    <t>CRA. 8 #5 LA MACARENA META COLOMBIA</t>
  </si>
  <si>
    <t>DROGUERIA MAXIDROGAS SEMILLAS DE PAZ</t>
  </si>
  <si>
    <t>CRA. 38 B #27 VILLAVICENCIO META COLOMBIA</t>
  </si>
  <si>
    <t>MULTICERVICIOS Y ENVIOS DILAN</t>
  </si>
  <si>
    <t>CR 25 C # 72 D 15 BRR VILLA DEL LAGO</t>
  </si>
  <si>
    <t>PUEBLO BELLO</t>
  </si>
  <si>
    <t>PUNTO TECNOLï¿³GICO IPHONECELL</t>
  </si>
  <si>
    <t>CRA. 62 #164-78 BOGOTï¿ COLOMBIA</t>
  </si>
  <si>
    <t>GIROS  ENVIOS EL LAGO</t>
  </si>
  <si>
    <t>CL 2 A # 75 84 BRR NAPOLES</t>
  </si>
  <si>
    <t>NMSOLUCIONES EN LINEA</t>
  </si>
  <si>
    <t>CARRERA 10 14 23</t>
  </si>
  <si>
    <t>GIROS ENCOMIENDAS Y MAS</t>
  </si>
  <si>
    <t>CL 44 # 35 - 31 / LC 1 BRR EL TRIUNFO</t>
  </si>
  <si>
    <t>CELCENTELL</t>
  </si>
  <si>
    <t>CRA. 14 #5-7 AGUACHICA CESAR COLOMBIA</t>
  </si>
  <si>
    <t>AGENCIA DE SEGUROS INIRIDA</t>
  </si>
  <si>
    <t>CL 16 # 11 72 BRR LA ESPERANZA</t>
  </si>
  <si>
    <t>INTERNET Y PAPELERï¿­A DONDE LA PAISA</t>
  </si>
  <si>
    <t>DG. 22 #7-26 ZIPAQUIRï¿ CUNDINAMARCA COLOMBIA</t>
  </si>
  <si>
    <t xml:space="preserve">RED LIGTH DISTRICT </t>
  </si>
  <si>
    <t>CL. 18 #6-9 SOACHA CUNDINAMARCA COLOMBIA</t>
  </si>
  <si>
    <t>DROGUERIAS LOMART</t>
  </si>
  <si>
    <t>KR 10 NO9 65 IN 1</t>
  </si>
  <si>
    <t>INTERNET NANCY</t>
  </si>
  <si>
    <t>DG 42 BIS # 14 A 28 / LC 3 BRR TEUSAQUILLO</t>
  </si>
  <si>
    <t>CASA DE APUESTAS LA BOMBONERA</t>
  </si>
  <si>
    <t>CRA. 5 #14A-76 PUERTO GAITï¿N META COLOMBIA</t>
  </si>
  <si>
    <t>SOLUCIONES MOVILES</t>
  </si>
  <si>
    <t>CR 1 SUR # 14 10 - ESTE BRR MANA BLANCA</t>
  </si>
  <si>
    <t>KILIEM COMUNICACIONES</t>
  </si>
  <si>
    <t>CL 11 SUR # 7 A 02 BRR CIUDAD JARDIN</t>
  </si>
  <si>
    <t>TIENDA PAPELERA LA MONA</t>
  </si>
  <si>
    <t>CL 38 NO 31 - 118 SM5CA 316</t>
  </si>
  <si>
    <t>INTERNET VISION M</t>
  </si>
  <si>
    <t>CL 7 # 16 42 BRR CENTRO</t>
  </si>
  <si>
    <t>CRA. 4A #2 GARZON HUILA COLOMBIA</t>
  </si>
  <si>
    <t xml:space="preserve">SR COFFEENET </t>
  </si>
  <si>
    <t>AV. INDUMIL #12-815 SOACHA CUNDINAMARCA COLOMBIA</t>
  </si>
  <si>
    <t>AUTOSERVICIO LA CANASTA DON JORGE</t>
  </si>
  <si>
    <t>CR 4 # 3 22 / LC 2 BRR BARRIO LA ASCENSION</t>
  </si>
  <si>
    <t>SERVINTER.COM</t>
  </si>
  <si>
    <t>CL 129 B # 94 C 21 BRR SAN CAYETANO</t>
  </si>
  <si>
    <t>MISCELANEA J Y J</t>
  </si>
  <si>
    <t>CR 10 # 3 79 BRR BETANIA</t>
  </si>
  <si>
    <t>SAN SALVADOR CIGARRERï¿­A Y CAFETERï¿­A</t>
  </si>
  <si>
    <t>CARRERA 19 # 12-06 LOCAL 3</t>
  </si>
  <si>
    <t>LA HACIENDA</t>
  </si>
  <si>
    <t>CRA. 6F #17-5 ZIPAQUIRï¿ CUNDINAMARCA COLOMBIA</t>
  </si>
  <si>
    <t>MULTISERVICIOS LA MERCED</t>
  </si>
  <si>
    <t>AV 6 A # 1 117 BRR LA MERCED</t>
  </si>
  <si>
    <t>JESUS MARTINEZ</t>
  </si>
  <si>
    <t>CR 10 # 8 44 BRR CENTRO</t>
  </si>
  <si>
    <t>COMUNICACIONES SAN VICENTE</t>
  </si>
  <si>
    <t>AV 2 B # 25 15 BRR SAN VICENTE</t>
  </si>
  <si>
    <t>CELL</t>
  </si>
  <si>
    <t>CL 10 # 37 61 BRR CENTRO</t>
  </si>
  <si>
    <t>INVERSIONES BETANCUR RAMIREZ LIMITADA</t>
  </si>
  <si>
    <t>CL. 7 #6-7 FUSAGASUGA LA SERENA FUSAGASUGA CUNDINAMARCA COLOMBIA</t>
  </si>
  <si>
    <t>GF - GRAN PLAZA BOSA - -AGENCIA 654</t>
  </si>
  <si>
    <t>CL 65 SUR # 78 H 51 / CC GRAN PLAZA BOSA LC 101 IN MOVISTAR BRR BOSA</t>
  </si>
  <si>
    <t>YANJOS PLAY VIP</t>
  </si>
  <si>
    <t>DG. 41C #13-74 SOACHA CUNDINAMARCA COLOMBIA</t>
  </si>
  <si>
    <t>PETETE.NET</t>
  </si>
  <si>
    <t>CL 6 # 4 10 BRR PAUNA</t>
  </si>
  <si>
    <t>MERKAUPAR</t>
  </si>
  <si>
    <t>CRA. 12 #20B-66 VALLEDUPAR CESAR COLOMBIA</t>
  </si>
  <si>
    <t>CIGARRERIA LA SEGUNDA A</t>
  </si>
  <si>
    <t>CR 2 A # 10 A 07 BRR UBATE SEGUNDO SECTOR</t>
  </si>
  <si>
    <t xml:space="preserve">PAPELERï¿­A </t>
  </si>
  <si>
    <t>CL 15 #2-60 SOACHA CUNDINAMARCA COLOMBIA</t>
  </si>
  <si>
    <t>CL 3 # 03 04 BRR PRIMAVERA</t>
  </si>
  <si>
    <t>DROGUERIA EL GRAN AHORRO</t>
  </si>
  <si>
    <t>MZ 4 LT 4 BRR LA ANTONIA</t>
  </si>
  <si>
    <t>MISCELANEA JOMARY</t>
  </si>
  <si>
    <t>CALLE 127 C 91 D 05</t>
  </si>
  <si>
    <t>FLOR MIREYA GIRALDO HERNANDEZ</t>
  </si>
  <si>
    <t>CR 33 # 52 A 30 - SUR BRR EL CARMEN</t>
  </si>
  <si>
    <t>DROGUERIA SU ECONOMIA DEL LLANO</t>
  </si>
  <si>
    <t>CL. 22A SUR #44-11 VILLAVICENCIO META COLOMBIA</t>
  </si>
  <si>
    <t>INVERSIONES RAPIDOCOIN</t>
  </si>
  <si>
    <t>CL. 12 #19-55 PUERTO ASS PUTUMAYO COLOMBIA</t>
  </si>
  <si>
    <t>PAPELERIA E INTERNET CAMPESTRE 15</t>
  </si>
  <si>
    <t>CRA 7C #3 SOACHA CUNDINAMARCA COLOMBIA</t>
  </si>
  <si>
    <t>CLEAN LA CASITA DEL ASEO</t>
  </si>
  <si>
    <t>CRA 8 No 12 B -36 Cod. Pos.</t>
  </si>
  <si>
    <t>DROGUERIA SAN AGUSTIN</t>
  </si>
  <si>
    <t>MJ2 LOTE 7 1 ETAPA ATALAYA</t>
  </si>
  <si>
    <t>YEIS MORENO</t>
  </si>
  <si>
    <t>CR 8 # 16 30 BRR BETANIA</t>
  </si>
  <si>
    <t>PORFIFRUVER EXITO</t>
  </si>
  <si>
    <t>CRA. 43 #51A SUR-43 VILLAVICENCIO META COLOMBIA</t>
  </si>
  <si>
    <t xml:space="preserve">LOOK AND COLOR </t>
  </si>
  <si>
    <t>CL. 7 #37-71 VILLAVICENCIO META COLOMBIA</t>
  </si>
  <si>
    <t>DULCERIA Y CIGARRERIA LA PRIMERA</t>
  </si>
  <si>
    <t>CR 3 # 00 - 05 SUR BRR LAS BRISAS</t>
  </si>
  <si>
    <t>TRAMITES PIPE</t>
  </si>
  <si>
    <t>CL. 19 #8-56 CAMPO ALEGRE CAMPOALEGRE HUILA COLOMBIA</t>
  </si>
  <si>
    <t>SUMINISTROS.AYS@GMAIL.COM</t>
  </si>
  <si>
    <t>CL. 13 ##2-43 FUNZA CUNDINAMARCA COLOMBIA</t>
  </si>
  <si>
    <t>CREACIONES BRIMAR</t>
  </si>
  <si>
    <t>CRA. 11 #7-28 PELAYA CESAR COLOMBIA</t>
  </si>
  <si>
    <t>ARTESANIAS YABU</t>
  </si>
  <si>
    <t>CRA 11 13 C 49</t>
  </si>
  <si>
    <t>CARDIT SOLUCIONES</t>
  </si>
  <si>
    <t>CL. 6 #16-58 PUERTO Lï¿“PEZ META COLOMBIA</t>
  </si>
  <si>
    <t>DROGAS DEL NORTE</t>
  </si>
  <si>
    <t>K 10 10 71 CENTRO</t>
  </si>
  <si>
    <t>BORBURCEL</t>
  </si>
  <si>
    <t>CR 4 # 2 03 BRR CENTRO</t>
  </si>
  <si>
    <t>REMISTORE</t>
  </si>
  <si>
    <t>CL 8 # 1 A 95 BRR LARA</t>
  </si>
  <si>
    <t>CL. 6 #5-74 LA HORMIGA VALLE DEL GUAMUEZ PUTUMAYO COLOMBIA</t>
  </si>
  <si>
    <t>MAYPHONE COMUNICACIONES</t>
  </si>
  <si>
    <t>KR 3 NO 1 SUR - 64 -</t>
  </si>
  <si>
    <t>ASEHOGAR</t>
  </si>
  <si>
    <t>KR 18 ESTE 32B 0081 02 00001</t>
  </si>
  <si>
    <t>BUSSISNES WORLD TRAVEL</t>
  </si>
  <si>
    <t>CR 10 # 6 52 BRR ALCARAVAN</t>
  </si>
  <si>
    <t>RECAUDOS LA ULLOA</t>
  </si>
  <si>
    <t>CR 2 # 8 A 124 / LC 2 BRR LA ULLOA</t>
  </si>
  <si>
    <t>LA TIENDA YOUSE</t>
  </si>
  <si>
    <t>CRA. 10A #10-48 MOSQUERA CUNDINAMARCA COLOMBIA</t>
  </si>
  <si>
    <t>EL CONEJO COMUNICACIONES</t>
  </si>
  <si>
    <t>CR 6 # 12 49 BRR COBURGO</t>
  </si>
  <si>
    <t>CACHIVACHES YES</t>
  </si>
  <si>
    <t>CR 21 163 SUR</t>
  </si>
  <si>
    <t>SERVI TODO GARZON</t>
  </si>
  <si>
    <t>CARRERA 16 #2A-5 GARZN HUILA COLOMBIA</t>
  </si>
  <si>
    <t>CL. 39 #16-60 NEIVA HUILA COLOMBIA</t>
  </si>
  <si>
    <t>VARIEDADES EL PENON</t>
  </si>
  <si>
    <t>CL. 4A #1447 FLORENCIA CAQUETA COLOMBIA</t>
  </si>
  <si>
    <t>MOSAICO</t>
  </si>
  <si>
    <t>CL 3 # 2 43 BRR CENTRO</t>
  </si>
  <si>
    <t>BRYMALE PAPER</t>
  </si>
  <si>
    <t>PLATO</t>
  </si>
  <si>
    <t>LA ESQUINA DEL CHICHI</t>
  </si>
  <si>
    <t>CR 15 # 13 37 BRR CENTRO</t>
  </si>
  <si>
    <t>COMUNICACIONES JHOYKAT</t>
  </si>
  <si>
    <t>CL. 6 #37-81 ACACAS META COLOMBIA</t>
  </si>
  <si>
    <t>CYBERCORDOBA</t>
  </si>
  <si>
    <t>CRA. 8 #7-18 CASTILLA LA NUEVA META COLOMBIA</t>
  </si>
  <si>
    <t>MAD</t>
  </si>
  <si>
    <t>CRA. 8 #7-25 SIBATï CUNDINAMARCA COLOMBIA</t>
  </si>
  <si>
    <t>ANDRE FANTASTIC STORE</t>
  </si>
  <si>
    <t>CR 103 B # 18 - 75 BRR FONTIBON</t>
  </si>
  <si>
    <t>CL. 36A #207 VALLEDUPAR CESAR COLOMBIA</t>
  </si>
  <si>
    <t>MIXCOMPUTO</t>
  </si>
  <si>
    <t>CRA. 8 #22-33 GIRARDOT CUNDINAMARCA COLOMBIA</t>
  </si>
  <si>
    <t>INVERSIONES DIEGOS TERMINAL</t>
  </si>
  <si>
    <t>DG 23 # 69 11 BRR SALITRE</t>
  </si>
  <si>
    <t>REDPAGOS</t>
  </si>
  <si>
    <t>DROGUERIA LINA</t>
  </si>
  <si>
    <t>CL 9 # 11-66</t>
  </si>
  <si>
    <t>R+C ZOMAC SAS</t>
  </si>
  <si>
    <t>PUNTO CENTRO NECHI</t>
  </si>
  <si>
    <t>CL 30 # 30 55 BRR LA MISERICORDIA</t>
  </si>
  <si>
    <t>MUNDO GSM PLUS</t>
  </si>
  <si>
    <t>CL 11 # 32 25 BRR SAMAN</t>
  </si>
  <si>
    <t>ASESORï¿­AS JURï¿­DICAS Y CONTABLES V&amp;C</t>
  </si>
  <si>
    <t>CL. 37A #16B-30 VILLAVICENCIO META COLOMBIA</t>
  </si>
  <si>
    <t>EL TRIUNFO DANA</t>
  </si>
  <si>
    <t>CALLE 21 # 51-59</t>
  </si>
  <si>
    <t>PAPELERï¿A Y MISCELANEA MAJOS</t>
  </si>
  <si>
    <t>CALLE 17 # 9B-20, MOSQUERA, CUNDINAMARCA, COLOMBIA</t>
  </si>
  <si>
    <t>DROGUERIA FARMAGUTI</t>
  </si>
  <si>
    <t>CRA. 36 #21-47 VILLAVICENCIO META COLOMBIA</t>
  </si>
  <si>
    <t>SERVICIO Y PAPELERA JF</t>
  </si>
  <si>
    <t>CRA. 5 ESTE #12-2 LA PLATA HUILA COLOMBIA</t>
  </si>
  <si>
    <t>PAPELERIA MAKO</t>
  </si>
  <si>
    <t>CRA. 11 #19-88 GIRARDOT CUNDINAMARCA COLOMBIA</t>
  </si>
  <si>
    <t>PUNTONET LA CUMBRE</t>
  </si>
  <si>
    <t>CL 2 # 4 54 BRR EL CENTRO</t>
  </si>
  <si>
    <t>AUTOSERVICIO LA PRINCIPAL</t>
  </si>
  <si>
    <t>CR 18 # 61 34 BRR LAS MORAS</t>
  </si>
  <si>
    <t>INFOTEC SOLUTIONS</t>
  </si>
  <si>
    <t>CR 43 # 57 05 BRR PORFIA</t>
  </si>
  <si>
    <t>DROGUERIAS 24/7 RODEO</t>
  </si>
  <si>
    <t>CRA. 15 ESTE #36 VILLAVICENCIO META COLOMBIA</t>
  </si>
  <si>
    <t>CELESTE GROUP</t>
  </si>
  <si>
    <t>VDA TRES ESQUINAS TRES ESQUINAS TRES ESQUINAS BRR VEREDA TRES ESQUINAS</t>
  </si>
  <si>
    <t>TECNO-PUNTO JC</t>
  </si>
  <si>
    <t>CR 3 # 6 48 BRR CENTRO</t>
  </si>
  <si>
    <t>MERKAFRUVER M. &amp; Y.</t>
  </si>
  <si>
    <t>CL. 19 ESTE #2A-39 MADRID CUNDINAMARCA COLOMBIA</t>
  </si>
  <si>
    <t>FARMAHERRERA@HOTMAIL.COM</t>
  </si>
  <si>
    <t>AV 30</t>
  </si>
  <si>
    <t>MINI SUPER BALCONES DE SERREZUELA</t>
  </si>
  <si>
    <t>CR 5 ESTE # 18 16 / LC 105 BRR ARBOLEDA</t>
  </si>
  <si>
    <t>PAGOS MYH</t>
  </si>
  <si>
    <t>CR 4 A # 35 96 BRR CARLOS PRIMERO</t>
  </si>
  <si>
    <t>DROGUERIA LA FAVORITA FUSA</t>
  </si>
  <si>
    <t>CRA. 64 #19-178 FUSAGASUG CHINAUTA FUSAGASUG CUNDINAMARCA COLOMBIA</t>
  </si>
  <si>
    <t>EL PUNTA$O DE LOS PRECIOS BAJOS</t>
  </si>
  <si>
    <t>CL. 22 #11-25 FUSAGASUGA LA SERENA FUSAGASUGA CUNDINAMARCA COLOMBIA</t>
  </si>
  <si>
    <t>EVERTEC COLOMBIA S.A.S</t>
  </si>
  <si>
    <t>CL 11 # 68 39 BRR BOGOTA</t>
  </si>
  <si>
    <t>TIENDA DE VENANO</t>
  </si>
  <si>
    <t>CR 91 C # 26 - 10 SUR BRR BOGOTA</t>
  </si>
  <si>
    <t>AV. CRA. 7 NO. 116-50 L-101 INT.MOVISTAR</t>
  </si>
  <si>
    <t>JAGUAEXPRES MULTISERVICIOS</t>
  </si>
  <si>
    <t>CRA. 3A #13A-119 LA JAGA DE IBIRICO LA JAGUA DE IBIRICO CESAR COLOMBIA</t>
  </si>
  <si>
    <t xml:space="preserve">ELECTRICOS JJ SOLUCIONES ELECTRICAS </t>
  </si>
  <si>
    <t>CRA. 5 #9-3 PUERTO GAITï¿N META COLOMBIA</t>
  </si>
  <si>
    <t>MISCELANEA MARIAPAZ DE LA 20</t>
  </si>
  <si>
    <t>CL 12 # 10 26 BRR OBRERO</t>
  </si>
  <si>
    <t>ECONOFARMA DROGUERIA</t>
  </si>
  <si>
    <t>TV. 12 #9-11 FUSAGASUGï¿ LA SERENA FUSAGASUGï¿ CUNDINAMARCA COLOMBIA</t>
  </si>
  <si>
    <t>CARBIKER</t>
  </si>
  <si>
    <t>CR 1 BIS # 29 A 16 BRR SAN MATEO</t>
  </si>
  <si>
    <t>PANADERIA NO HAY COMO DIOS</t>
  </si>
  <si>
    <t>CL 30 D # 55 84 BRR ESCALLON VILLA</t>
  </si>
  <si>
    <t>JMP ASESORES EN SEGUROS</t>
  </si>
  <si>
    <t>CRA. 15 #13C-26 VALLEDUPAR CESAR COLOMBIA</t>
  </si>
  <si>
    <t>DROGUERIA LA ECONOMICA D P</t>
  </si>
  <si>
    <t>CRA 8 8 15 AV NUEVO MILENIO</t>
  </si>
  <si>
    <t>PLAY MASTER</t>
  </si>
  <si>
    <t>CRA. 33 #15-24 PUERTO ASS PUTUMAYO COLOMBIA</t>
  </si>
  <si>
    <t>PUNTO CELLYCOM</t>
  </si>
  <si>
    <t>CL. 18 #20-18, YOPAL, CASANARE, COLOMBIA</t>
  </si>
  <si>
    <t>CIBER CAFE DE LA 9</t>
  </si>
  <si>
    <t>CR 9 # 16 - 36 BRR VERACRUZ</t>
  </si>
  <si>
    <t>INTERNAUTA</t>
  </si>
  <si>
    <t>CR 1 C # 29 36 BRR MERCEDES DE CALAHORRA</t>
  </si>
  <si>
    <t>MULTISERVICIOS CENTEL</t>
  </si>
  <si>
    <t>CRA. 12 #6-9 SAN ALBERTO CESAR COLOMBIA</t>
  </si>
  <si>
    <t>DROGUERIA HOSPITALARIA DUCAR 1</t>
  </si>
  <si>
    <t>DG 3 SUR 2 14</t>
  </si>
  <si>
    <t>SOLITA</t>
  </si>
  <si>
    <t>SUPERMERCADO EL KARULLA</t>
  </si>
  <si>
    <t>CL 5 # 3 29</t>
  </si>
  <si>
    <t>CONEXION1@1</t>
  </si>
  <si>
    <t>CRA. 5 #8-84, CHOCONTï¿¡, CUNDINAMARCA, COLOMBIA</t>
  </si>
  <si>
    <t>SOLUCIONES CON EDUCACION SAS</t>
  </si>
  <si>
    <t>21 #2-37 CHA CUNDINAMARCA COLOMBIA</t>
  </si>
  <si>
    <t>CITY PHONE</t>
  </si>
  <si>
    <t>CL. 17 #10A-24 FUSAGASUGï¿ LA SERENA FUSAGASUGï¿ CUNDINAMARCA COLOMBIA</t>
  </si>
  <si>
    <t>DULCE MANIA</t>
  </si>
  <si>
    <t>CRA. 5 #2-64 CHOCONTï¿ CUNDINAMARCA COLOMBIA</t>
  </si>
  <si>
    <t>COMUNICACIONES CYBER QUEEN</t>
  </si>
  <si>
    <t>CR 5 # 3 31 BRR CENTRO</t>
  </si>
  <si>
    <t>PINATERIA Y CREACIONES ZAMORITAS</t>
  </si>
  <si>
    <t>CR 2 # 4 - 32 BRR CENTRO</t>
  </si>
  <si>
    <t>GIROS Y FINANZAS CF SA AGENCIA 368</t>
  </si>
  <si>
    <t>CR 9 # 10 32 BRR CENTRO</t>
  </si>
  <si>
    <t>GF CHINCHINA SUPERINTER AGENCIA 660</t>
  </si>
  <si>
    <t>CR 8 # 10 34 / LC 0101 BRR CENTRO</t>
  </si>
  <si>
    <t>MARKET LA CANASTA</t>
  </si>
  <si>
    <t>CL. 6 #14-63 AGUACHICA CESAR COLOMBIA</t>
  </si>
  <si>
    <t>CENTRO DE SERVICIOS Y PAPELERIA PUNTO P Y P</t>
  </si>
  <si>
    <t>CRA. 7 #7-19 VILLETA CUNDINAMARCA COLOMBIA</t>
  </si>
  <si>
    <t>AMERICAN CELLPHONE</t>
  </si>
  <si>
    <t>CL 5 # 3 16 BRR CENTRO</t>
  </si>
  <si>
    <t>FERRETERIA EL CUNAO</t>
  </si>
  <si>
    <t>CL 41 # 29 - 30 ESTE BRR ALTOS DEL PINO. SOACHA</t>
  </si>
  <si>
    <t>MULTISERVICIOS PRIETO</t>
  </si>
  <si>
    <t>CR 9 C # 59 41 BRR VILLA LUZ</t>
  </si>
  <si>
    <t>DRUG STORE MULTISERVICIOS</t>
  </si>
  <si>
    <t>CR 6 # 4 24 BRR CENTRO</t>
  </si>
  <si>
    <t>VARIEDADES FRANNWYSS</t>
  </si>
  <si>
    <t>CL 25 # 64 A 56 BRR PARQUES DE OCCIDENTE</t>
  </si>
  <si>
    <t>SANTY COMUNICACIONESJP</t>
  </si>
  <si>
    <t>CL 64 SUR # 77 G - 36 BRR BOSA LA ESTACION</t>
  </si>
  <si>
    <t>MAGIC PHONE</t>
  </si>
  <si>
    <t>CR 18 E # 35 B 24 BRR MORICHAL</t>
  </si>
  <si>
    <t>PAPELERIA, MISCELANEA Y CACHARRERIA N&amp;S</t>
  </si>
  <si>
    <t>CRA. 17 #15-75 AGUAZUL CASANARE COLOMBIA</t>
  </si>
  <si>
    <t>DR SMITH</t>
  </si>
  <si>
    <t>CRA. 10 ESTE #19-101 SOACHA CUNDINAMARCA COLOMBIA</t>
  </si>
  <si>
    <t>CM COMUNICACIONES</t>
  </si>
  <si>
    <t>CL 3 # 4 35 BRR CENTRO</t>
  </si>
  <si>
    <t>CRA. 98 NO. 25-130 INTERIOR ALMACEN LA 14</t>
  </si>
  <si>
    <t>LA CANASTA</t>
  </si>
  <si>
    <t>CL 7 # 3 57 - SUR BRR JUAN XXIII</t>
  </si>
  <si>
    <t>CIGARRERIA TRIGOS DEL LLANO</t>
  </si>
  <si>
    <t>CRA 7 C ESTE # 108 39 SUR</t>
  </si>
  <si>
    <t>PAPELERIA Y MISCELANEA MILITA</t>
  </si>
  <si>
    <t>CL. 12 #14-25 PUERTO GAITAN META COLOMBIA</t>
  </si>
  <si>
    <t>MULTICERVICIOS CALI MIO</t>
  </si>
  <si>
    <t>CL 70 A # 28 B 79 BRR PONDAJE</t>
  </si>
  <si>
    <t>FERROCENTRO</t>
  </si>
  <si>
    <t>CR 14 # 8 10 BRR PIEDRAS AZULES</t>
  </si>
  <si>
    <t>VARIEDADES DONDE LA MONA</t>
  </si>
  <si>
    <t>CL 4 # 20 A - 14 BRR VOSCAYA 2</t>
  </si>
  <si>
    <t>COMERCIAL LOS ARTUROS</t>
  </si>
  <si>
    <t>CL 49 # 51 30 BRR CHAPINERO</t>
  </si>
  <si>
    <t>PAPELERIA ALISSON</t>
  </si>
  <si>
    <t>CRA. 6 ESTE #3-3 SOACHA CUNDINAMARCA COLOMBIA</t>
  </si>
  <si>
    <t>AS Y ESPECIALISTAS EN RIESGOS JV LTDA</t>
  </si>
  <si>
    <t>CRA. 9 #4-14 ZIPAQUIRA CUNDINAMARCA COLOMBIA</t>
  </si>
  <si>
    <t>MIS EMANUEL</t>
  </si>
  <si>
    <t>CL 75 A SUR # 34 - 05 BRR ARBORIZADORA ALTA</t>
  </si>
  <si>
    <t>DTODITO</t>
  </si>
  <si>
    <t>SEC 4 BLOQUE 54 BRR BUCARICA</t>
  </si>
  <si>
    <t>ALMACEN AGRADO</t>
  </si>
  <si>
    <t>CR 5 # 3 38 BRR CENTRO</t>
  </si>
  <si>
    <t>PAPELERA.COM</t>
  </si>
  <si>
    <t>CL 22 SUR # 156 01 BRR PASEO REAL</t>
  </si>
  <si>
    <t>AGENCIA GACELA</t>
  </si>
  <si>
    <t>CR 5 # 7 60 BRR CENTRO EL COCUY</t>
  </si>
  <si>
    <t>COMERCIO AL POR MENOR DE CALZADO Y ROPA</t>
  </si>
  <si>
    <t>RM.CO</t>
  </si>
  <si>
    <t>CR 7 # 4 30 BRR CENTRO</t>
  </si>
  <si>
    <t>SERVICIO TECNICO JR</t>
  </si>
  <si>
    <t>CR 9 ESTE # 1 A - 19 BRR EL DORADO</t>
  </si>
  <si>
    <t>DROGUERIA Y MINIMARKET JESDAY</t>
  </si>
  <si>
    <t>DG 15 34 01 PS 12DA ACOM</t>
  </si>
  <si>
    <t>VARIEDADES DARCY PAOLA</t>
  </si>
  <si>
    <t>CL 52 #9 18P BRR VILLA CONSTANZA</t>
  </si>
  <si>
    <t>LA ECONOMA DEL SUR</t>
  </si>
  <si>
    <t>CRA. 3 #3A SUR-10 PITALITO HUILA COLOMBIA</t>
  </si>
  <si>
    <t>MULTISERVICIOS PORTAL DE SAN JOSE</t>
  </si>
  <si>
    <t>CALLE 13A NUMERO 8-21</t>
  </si>
  <si>
    <t>VARIEDADES MERA</t>
  </si>
  <si>
    <t>CL 2 # 5 24 BRR LA VICTORIA</t>
  </si>
  <si>
    <t>MISCELANEA Y VARIEDADES ANTONNELA</t>
  </si>
  <si>
    <t>MZ 6 17-22 BRR VILLA DE LOS CABALLEROS</t>
  </si>
  <si>
    <t>FOTOCOPIADORA JUAMPA DTB</t>
  </si>
  <si>
    <t>KM 4 BRR VIA GIRON TRANSITO BUCARAMANGA</t>
  </si>
  <si>
    <t>INSUMOS AGROPECUARIOS AGROCEBA</t>
  </si>
  <si>
    <t>CR 2 # 1 A 40 BRR CENTRO</t>
  </si>
  <si>
    <t>VARIEDADES SAMU STORE</t>
  </si>
  <si>
    <t>CR 3 # 6 26 / LC 2 BRR LA POLA</t>
  </si>
  <si>
    <t xml:space="preserve">ARLHYN PAOLA OYOLA BOHORQUEZ </t>
  </si>
  <si>
    <t>CRA. 20 #10-13 SOACHA CUNDINAMARCA COLOMBIA</t>
  </si>
  <si>
    <t>DROGUERIA SANAFARM SALUD MARKET</t>
  </si>
  <si>
    <t>CRA 12 12 - 01</t>
  </si>
  <si>
    <t>DROGUERIA CENTRAL AI</t>
  </si>
  <si>
    <t>CRA 3 # 3-59</t>
  </si>
  <si>
    <t>ASETRAM C.F</t>
  </si>
  <si>
    <t>DG 13 NO 3 - 40</t>
  </si>
  <si>
    <t>DROGUERï¿­A REGIONAL FACA LC</t>
  </si>
  <si>
    <t>CL. 3 #4-22 FACATATIVï¿ CUNDINAMARCA COLOMBIA</t>
  </si>
  <si>
    <t>VARIEDADES EL PILOSO</t>
  </si>
  <si>
    <t>CR 6 BIS # 6 23 BRR PIEDRITAS</t>
  </si>
  <si>
    <t>PAPELERIA Y MISCELANEA PIPELON</t>
  </si>
  <si>
    <t>CL 20 C # 103 A 44 BRR BOSTON FONTIBON</t>
  </si>
  <si>
    <t>CR 8 B # 4 - 74 SUR BRR MODELO SUR</t>
  </si>
  <si>
    <t>FERREMOTOS GRAN HERMANOS SACA</t>
  </si>
  <si>
    <t>CRA 8 N 5 93 BARRIO CENTRO</t>
  </si>
  <si>
    <t>VARIEDADES LA CASA DEL PAJARO</t>
  </si>
  <si>
    <t>CR 37 SUR # 30 A 44 / AP 101 TO 15 BRR CUARTO CENTENARIO</t>
  </si>
  <si>
    <t>JR WEBCEL</t>
  </si>
  <si>
    <t>CL 15 # 13 41 BRR SAN LUIS</t>
  </si>
  <si>
    <t>EL REVOLCN PAISA</t>
  </si>
  <si>
    <t>CR 6 # 3 78 BRR CENTRO</t>
  </si>
  <si>
    <t>CL 10 # 6 - 0 BRR LOMITAS DEL TRAPICHE</t>
  </si>
  <si>
    <t>EL RANCHITO ALEGRE</t>
  </si>
  <si>
    <t>VDA TIERRA MORADA KM 25 VIA LA VEGA BRR TIERRA MORADA</t>
  </si>
  <si>
    <t>MEGACOPIAS.COM</t>
  </si>
  <si>
    <t>CR 7 # 7 67 BRR CENTRO</t>
  </si>
  <si>
    <t>CL. 14 13-24 SUPERMERCADO LA ECONOMIA</t>
  </si>
  <si>
    <t>VARIEDADES JUANCHIS</t>
  </si>
  <si>
    <t>CL. 24A #2-2 FUSAGASUGï¿ LA SERENA FUSAGASUGï¿ CUNDINAMARCA COLOMBIA</t>
  </si>
  <si>
    <t>R AUTOS PLUS MULTISERVICIOS</t>
  </si>
  <si>
    <t>CL. 6 #27A-53 AGUACHICA CESAR COLOMBIA</t>
  </si>
  <si>
    <t>COMERCIO AL POR MENOR DE CALZADO  ROPA</t>
  </si>
  <si>
    <t>CR 11 # 15 39 BRR CENTRO</t>
  </si>
  <si>
    <t>CL 1 # 4 26 BRR SANTA LUCIA</t>
  </si>
  <si>
    <t>SUPER DROGUERIA SERVI SALUD MK</t>
  </si>
  <si>
    <t>CL 10 B 18Q 71 PISO 1</t>
  </si>
  <si>
    <t>MISCELANEA Y PAPELERIA RYC</t>
  </si>
  <si>
    <t>CL 75 A SUR # 10 - 50 BRR SUR</t>
  </si>
  <si>
    <t>VARIEDADES LA QUINTA ETAPA</t>
  </si>
  <si>
    <t>CL. 7 #39-80 VILLAVICENCIO META COLOMBIA</t>
  </si>
  <si>
    <t xml:space="preserve">MONYKA SPA TUCARRO </t>
  </si>
  <si>
    <t>CL. 13 #13-32 GRANADA META COLOMBIA</t>
  </si>
  <si>
    <t>IMPRIPLANOS NEIVA</t>
  </si>
  <si>
    <t>CRA. 4 #9-19 NEIVA HUILA COLOMBIA</t>
  </si>
  <si>
    <t>MISCELANEA LOS PINOS</t>
  </si>
  <si>
    <t>CL 5 # 9 E 03 BRR LOS PINOS</t>
  </si>
  <si>
    <t>PAPELERIA MIS ANGELITOS</t>
  </si>
  <si>
    <t>CRA. 12B #7C-8 SOACHA CUNDINAMARCA COLOMBIA</t>
  </si>
  <si>
    <t>MANTENIMIENTO  SEGURIDAD RP</t>
  </si>
  <si>
    <t>CL. 12A #16-35 AGUACHICA CESAR COLOMBIA</t>
  </si>
  <si>
    <t>MADRE ALMUDENA</t>
  </si>
  <si>
    <t>CRA. 6 #4-25 MADRID CUNDINAMARCA COLOMBIA</t>
  </si>
  <si>
    <t>SV</t>
  </si>
  <si>
    <t>CR 19 B # 25 05 / AP 3 BRR GUARATARA I</t>
  </si>
  <si>
    <t>CR 5 # 28 2 BRR GIRARDOT</t>
  </si>
  <si>
    <t>SOLUCIONES EL TRIUNFO</t>
  </si>
  <si>
    <t>CRA 31A #26-59 YOPAL CASANARE COLOMBIA</t>
  </si>
  <si>
    <t>PANADERIA Y PASTELERIA TENTACION REAL</t>
  </si>
  <si>
    <t>CL. 29C SUR #44C-92 VILLAVICENCIO META COLOMBIA</t>
  </si>
  <si>
    <t>TIENDA RADA</t>
  </si>
  <si>
    <t>CL. 7 #6-156 VALPARAISO VALPARAISO CAQUETA COLOMBIA</t>
  </si>
  <si>
    <t>MULTISERVICIOS DIANA</t>
  </si>
  <si>
    <t>CL. 6 #407 SUAZA HUILA COLOMBIA</t>
  </si>
  <si>
    <t>NILSON PENAGOS</t>
  </si>
  <si>
    <t>CRA. 1D #15-77 FLORENCIA CAQUETA COLOMBIA</t>
  </si>
  <si>
    <t>DISTRIBUIDORA Y VARIEDADES JG</t>
  </si>
  <si>
    <t>CL. 1 #3 SILVANIA CUNDINAMARCA COLOMBIA</t>
  </si>
  <si>
    <t>CARRERA 19 A 11 A -67 SOACHA CUNDINAMARC</t>
  </si>
  <si>
    <t>CELULARES.COM</t>
  </si>
  <si>
    <t>CL 134 A # 147 B 12 BRR SAN PEDRO</t>
  </si>
  <si>
    <t>LA QUATRO</t>
  </si>
  <si>
    <t>CR 3 ESTE # 21 - 06 SUR BRR GRANADA SUR</t>
  </si>
  <si>
    <t>GYC</t>
  </si>
  <si>
    <t>CL. 3 #1B-4 PITALITO HUILA COLOMBIA</t>
  </si>
  <si>
    <t>MONICA ORTIZ CHAVARRO</t>
  </si>
  <si>
    <t>CRR GUACACALLO GUACACALLO BRR CENTRO GUACACALLO</t>
  </si>
  <si>
    <t>UBATE</t>
  </si>
  <si>
    <t>MICROMERCADO OPTIMA</t>
  </si>
  <si>
    <t>CR 7 # 42 47 BRR ALFONSO LOPEZ</t>
  </si>
  <si>
    <t>CL. 14 #3-79 PUERTO RICO META COLOMBIA</t>
  </si>
  <si>
    <t>GAMECITY</t>
  </si>
  <si>
    <t>CRA. 1 #22-11 FUSAGASUGï¿ LA SERENA FUSAGASUGï¿ CUNDINAMARCA COLOMBIA</t>
  </si>
  <si>
    <t>DETODITO EMANUEL</t>
  </si>
  <si>
    <t>CL 9 ESTE # 5 C 30 BRR PUENTE VARGAS</t>
  </si>
  <si>
    <t>MULTISERVICIOS DCAMI SAS</t>
  </si>
  <si>
    <t>21 #15-30 FUNZA CUNDINAMARCA COLOMBIA</t>
  </si>
  <si>
    <t>PAPELERIA Y MISCELANEA PIPENET</t>
  </si>
  <si>
    <t>CR 52 B # 24 69 - SUR BRR TEJAR</t>
  </si>
  <si>
    <t>FERRETERA TOVAR</t>
  </si>
  <si>
    <t>CR 10 # 14 125 BRR CENTRO</t>
  </si>
  <si>
    <t>COMUNICACIONES UNIVERSAL</t>
  </si>
  <si>
    <t>CL 126 F # 118 D - 04 BRR CATALINA III SUBA</t>
  </si>
  <si>
    <t>TIENDA ZIPA COMUNICACIONES  JI</t>
  </si>
  <si>
    <t>CR 14 A # 27 - 07 BRR PRADOS DEL MIRADOR</t>
  </si>
  <si>
    <t>PELUQUERIA Y MISCELANIA CHIKI</t>
  </si>
  <si>
    <t>CL 34 # 34 52 BRR PALMERAS</t>
  </si>
  <si>
    <t>SERVI.COM</t>
  </si>
  <si>
    <t>CL. 3 #3-52 GARZON HUILA COLOMBIA</t>
  </si>
  <si>
    <t>TODO PAGOS FUSA</t>
  </si>
  <si>
    <t>CL. 7 #7-68 FUSAGASUGï¿ LA SERENA FUSAGASUGï¿ CUNDINAMARCA COLOMBIA</t>
  </si>
  <si>
    <t>DROGUERIA CUIDADOS NOAH</t>
  </si>
  <si>
    <t>CL. 3 #15-1 LA MESA CUNDINAMARCA COLOMBIA</t>
  </si>
  <si>
    <t>MISCELANEA CAPRICHOS MT</t>
  </si>
  <si>
    <t>CL. 22 SUR #3-44 PITALITO HUILA COLOMBIA</t>
  </si>
  <si>
    <t>SALA DE BELLEZA LA MORENA</t>
  </si>
  <si>
    <t>CRA. 17 #10-13 PUERTO ASï¿S PUTUMAYO COLOMBIA</t>
  </si>
  <si>
    <t>COPYCENTRO SJR</t>
  </si>
  <si>
    <t>CL. 10 #18-32 PUERTO ASS PUTUMAYO COLOMBIA</t>
  </si>
  <si>
    <t>JOMANI EXPRESS</t>
  </si>
  <si>
    <t>CL 147 # 13 90 BRR CEDRITOS</t>
  </si>
  <si>
    <t>SOLANO</t>
  </si>
  <si>
    <t>INTERNET SANTI.COM SOLANO</t>
  </si>
  <si>
    <t>CRA 4 CL 7 CA 7 11 BRR JARDIN</t>
  </si>
  <si>
    <t>CL. 3 #4-5 GUADALUPE HUILA COLOMBIA</t>
  </si>
  <si>
    <t>PRENDAS DE VESTIR Y SUS ACCESORIOS</t>
  </si>
  <si>
    <t>CRA. 11 #15-49 FLORENCIA CAQUET COLOMBIA</t>
  </si>
  <si>
    <t>PAPELERIA GABY</t>
  </si>
  <si>
    <t>CR 27 # 21 20 BRR CENTRO</t>
  </si>
  <si>
    <t>MULTISERVICIOS MAFESA</t>
  </si>
  <si>
    <t>CL. 16A #6-42 NEIVA HUILA COLOMBIA</t>
  </si>
  <si>
    <t>CL 10 # 18 - 103 BRR SANTA ANA</t>
  </si>
  <si>
    <t>MUNDOCEL TU MEJOR OPCION</t>
  </si>
  <si>
    <t>CRA. 3 #648 LA ARGENTINA HUILA COLOMBIA</t>
  </si>
  <si>
    <t>KELLY ZAPATA</t>
  </si>
  <si>
    <t>CR 1 A # 73 A 11 BRR CALI MIO</t>
  </si>
  <si>
    <t>VARIEDADES ISAFE</t>
  </si>
  <si>
    <t>CL 5 SUR # 11 D - 18 BRR SOACHA SALITRE</t>
  </si>
  <si>
    <t>MOVIL PLANET ACCESORIOS</t>
  </si>
  <si>
    <t>CL. 38A #29A-27 VILLAVICENCIO META COLOMBIA</t>
  </si>
  <si>
    <t>SERVICENTER CALLE 33</t>
  </si>
  <si>
    <t>VARIEDADES KAFER</t>
  </si>
  <si>
    <t>CRA. 4 #10-5 TERUEL HUILA COLOMBIA</t>
  </si>
  <si>
    <t>DROGUERIA ELICENIA</t>
  </si>
  <si>
    <t>TV 77 # 67 09 - SUR BRR CARACOLI</t>
  </si>
  <si>
    <t>JM INGENIOS EN PRODUCCIONES</t>
  </si>
  <si>
    <t>CL. 44 #6-6, VALLEDUPAR, CESAR, COLOMBIA</t>
  </si>
  <si>
    <t xml:space="preserve">GALERIA SPA ZIPAQUIRA </t>
  </si>
  <si>
    <t>KR 7 NOS 47 LC01</t>
  </si>
  <si>
    <t>RAPITIENDA PRIMAVERA</t>
  </si>
  <si>
    <t>CL 88 # 28 D 04 BRR MOJICA</t>
  </si>
  <si>
    <t>ANA CECILIA CESPEDES</t>
  </si>
  <si>
    <t>CR 5 B # 48 Z 53 BRR SAN AGUSTIN</t>
  </si>
  <si>
    <t>KAIROS TECNOLOGIA</t>
  </si>
  <si>
    <t>CL 63 SUR # 70 B - 40 BRR PERDOMO</t>
  </si>
  <si>
    <t>Carrera 12 No 14-23 Centro</t>
  </si>
  <si>
    <t>COPYPEISH INTERNET@.COM</t>
  </si>
  <si>
    <t>C 63 1 04 LO2</t>
  </si>
  <si>
    <t>PUNTO CUATRO</t>
  </si>
  <si>
    <t>CR 20 # 16 62 BRR CENTRO</t>
  </si>
  <si>
    <t>PAPELERIA Y MAS</t>
  </si>
  <si>
    <t>CL 139 # 134 - 11 BRR TIBABUYES UNIVERSAL</t>
  </si>
  <si>
    <t>CARCASÍ</t>
  </si>
  <si>
    <t>FOTOCOPIADORA Y PAPELERIA KEVIN</t>
  </si>
  <si>
    <t>CL 3 # 2 - 72 BRR CENTRO</t>
  </si>
  <si>
    <t>MAILOR DETALLES</t>
  </si>
  <si>
    <t>CL 3 # 11 - 27 BRR SAN RAFAEL</t>
  </si>
  <si>
    <t>INTERRAPIDISIMO DE LA 9NA</t>
  </si>
  <si>
    <t>CR 9</t>
  </si>
  <si>
    <t>COMUNICACIONES DANNYS</t>
  </si>
  <si>
    <t>CRA. 8 #22A-20 SOACHA CUNDINAMARCA COLOMBIA</t>
  </si>
  <si>
    <t>J  M</t>
  </si>
  <si>
    <t>CL 6 # 5 - 32 BRR SARDINATA</t>
  </si>
  <si>
    <t>PAPELERIA Y VARIEDADES LA SEVILLANA</t>
  </si>
  <si>
    <t>CR 92 # 157 35 BRR SALITRE SUBA</t>
  </si>
  <si>
    <t>MULTISERVICIOS ARIOMG</t>
  </si>
  <si>
    <t>CR 41 E BIS # 39 87 BRR UNION DE VIVIENDA</t>
  </si>
  <si>
    <t>ISABELLA DESECHABLES</t>
  </si>
  <si>
    <t>BICICLETERIA VILLAS DEL NORTE</t>
  </si>
  <si>
    <t>CRA. 4A #16B -14 UBATï¿‰ VILLA DE SAN DIEGO DE UBATï¿‰ CUNDINAMARCA COLOMBIA</t>
  </si>
  <si>
    <t>VARIEDADES JHEISSEN</t>
  </si>
  <si>
    <t>CL. 9 #30-5 NEIVA HUILA COLOMBIA</t>
  </si>
  <si>
    <t xml:space="preserve">J&amp;P COMUNICACIONES </t>
  </si>
  <si>
    <t>CL. 6 #6-23 NOCAIMA CUNDINAMARCA COLOMBIA</t>
  </si>
  <si>
    <t>VARIEDADES LISS</t>
  </si>
  <si>
    <t>CL. 20 #10-9 PAZ DE ARIPORO CASANARE COLOMBIA</t>
  </si>
  <si>
    <t>STATUS DRINK AND FOOD</t>
  </si>
  <si>
    <t>K 3E 8 15 LA PLATA (ESTANCO)</t>
  </si>
  <si>
    <t>ALMACEN GIGANTE</t>
  </si>
  <si>
    <t>ED DE CAFE PISO 1 BRR CENTRO</t>
  </si>
  <si>
    <t>ï¾´DISTRIBUIDORA AGROPUTUMAYO</t>
  </si>
  <si>
    <t>CRA. 1 #20-65 BOGOTï¿ COLOMBIA</t>
  </si>
  <si>
    <t>VARIEDADES ACM LEON</t>
  </si>
  <si>
    <t>CL 73 SUR # 14 - 14 BRR LA FORTALEZ</t>
  </si>
  <si>
    <t>JEFERWPO</t>
  </si>
  <si>
    <t>CRA. 8 #6 PUERTO LLERAS META COLOMBIA</t>
  </si>
  <si>
    <t>PAPELERIA Y VARIEDADES EL TERMINAL</t>
  </si>
  <si>
    <t>CL 21 # 21 02 BRR LA LIBERTAD</t>
  </si>
  <si>
    <t>DISTRIBUIDA DE BELLEZA</t>
  </si>
  <si>
    <t>CL 13 # 15 30 BRR SAN CARLOS</t>
  </si>
  <si>
    <t>IMPLEMENTADORES DE INGENIERIA CALI</t>
  </si>
  <si>
    <t>CL 44 # 3 N 15 BRR BARRIO POPULAR</t>
  </si>
  <si>
    <t>SUPERMERCADO NOVOS</t>
  </si>
  <si>
    <t>CL 45 # 77 Y 35 - SUR BRR JACQUELINE</t>
  </si>
  <si>
    <t>INTERNET PAPELERIA Y CACHARRERIA JYM</t>
  </si>
  <si>
    <t>CL 11 # 47 A 03 BRR ESPERANZA SEGUNDA ETAPA</t>
  </si>
  <si>
    <t>MULTISERVICIO SIERRA DEL GRAMAL</t>
  </si>
  <si>
    <t>CRA. 7 #4-81 TELLO HUILA COLOMBIA</t>
  </si>
  <si>
    <t xml:space="preserve">EL PUNTO DEL CELULAR </t>
  </si>
  <si>
    <t>CL 21 8 B56LC Campo NuÃ±es</t>
  </si>
  <si>
    <t>DROGUERIA LA +2</t>
  </si>
  <si>
    <t>CRA. 3 #4-45 CHIPAQUE CUNDINAMARCA COLOMBIA</t>
  </si>
  <si>
    <t>CL 2 # 3 - 95 BRR BARRIO LIBERTAD</t>
  </si>
  <si>
    <t>PAPELERIA DON TITO</t>
  </si>
  <si>
    <t>CR 12 # 4 53 / LC 1 BRR EL CACIQUE</t>
  </si>
  <si>
    <t>BIOGESTION HS</t>
  </si>
  <si>
    <t>CL 4 A SUR # 25 04 / MZ 5 CA 12 BRR CON REMANSOS DE ROSA BLANCA</t>
  </si>
  <si>
    <t>PAPELERIA Y VARIEDADES KALIA</t>
  </si>
  <si>
    <t>CALLE 11 # 29A - 04</t>
  </si>
  <si>
    <t>PLAY-PER</t>
  </si>
  <si>
    <t>CR 15 # 63 - 48 BRR LA ESPERANZA</t>
  </si>
  <si>
    <t>EMILENA VILLAMIZAR GOMEZ</t>
  </si>
  <si>
    <t>CR 4 # 4 49 BRR CENTRO</t>
  </si>
  <si>
    <t>SOLUCIONES COM</t>
  </si>
  <si>
    <t>CL 20 # 13 33 BRR EL PAJONAL</t>
  </si>
  <si>
    <t>CENTRO DE ENSEÑANZA AUTOMOVILISTICA ANDIAUTOS SAS</t>
  </si>
  <si>
    <t>KM 3 VIA TUNJA - PAIPA BRR VIA PRINCIPAL TUNJA PAIPA</t>
  </si>
  <si>
    <t>MARIO FUENTES</t>
  </si>
  <si>
    <t>CR 7 # 25 13 BRR GIRARDOT</t>
  </si>
  <si>
    <t xml:space="preserve">PISOS Y ACABADOS LA QUINTA </t>
  </si>
  <si>
    <t>CL. 13 #5-11 ANAPOIMA CUNDINAMARCA COLOMBIA</t>
  </si>
  <si>
    <t>VARIEDADES Y REGALOS</t>
  </si>
  <si>
    <t>CR 6 # 11 26 BRR LA UNION</t>
  </si>
  <si>
    <t>COMUNICACIONES A Y S BUCARAMANGA</t>
  </si>
  <si>
    <t>CARRERA 31 W #64-90 BARRIO MONTERREDONDO</t>
  </si>
  <si>
    <t>CL. 40A NORTE NO. 6A-45 L-19</t>
  </si>
  <si>
    <t>LESMA COMUNICAICONES</t>
  </si>
  <si>
    <t>CR 18 N # 10 44 / AP 101 FACHADA BRR SOACHA</t>
  </si>
  <si>
    <t>HENRRY SANTAMARIA</t>
  </si>
  <si>
    <t>CL 11 # 22 24 BRR MUTUALIDAD</t>
  </si>
  <si>
    <t>KYRA MOVIE VARIEDADES DIGITALES</t>
  </si>
  <si>
    <t>CL. 9 #22 CUMARAL META COLOMBIA</t>
  </si>
  <si>
    <t>FARMACIA ORIGEN</t>
  </si>
  <si>
    <t>DG. 3 SUR #1-125 PITALITO HUILA COLOMBIA</t>
  </si>
  <si>
    <t>LALAMATHI PAPELERA</t>
  </si>
  <si>
    <t>CR 5 # 22 A 02 BRR LOS CAMBULOS</t>
  </si>
  <si>
    <t>PORTAL DE INTERNET</t>
  </si>
  <si>
    <t>CL. 7 ESTE #44 FACATATIVï¿ CUNDINAMARCA COLOMBIA</t>
  </si>
  <si>
    <t>PAPER CENTER</t>
  </si>
  <si>
    <t>CL 22 F # 108 24 BRR VERSALLEZ</t>
  </si>
  <si>
    <t>MISCELANE Y FERRETERIA</t>
  </si>
  <si>
    <t>CL 60 A # 16 F - 03 BRR CIUDADELA CONFENACO</t>
  </si>
  <si>
    <t>K  F COMUNICACIONES</t>
  </si>
  <si>
    <t>CRA. 7 #63 SAN VICENTE DEL CAGUAN CAQUETA COLOMBIA</t>
  </si>
  <si>
    <t>MERKA FACIL LA 3RA</t>
  </si>
  <si>
    <t>AV 3 # 15 53 BRR SULATE</t>
  </si>
  <si>
    <t>SUPERDROGAS GYG</t>
  </si>
  <si>
    <t>CR 36 # 4 C 26 BRR SAN FERNANDO</t>
  </si>
  <si>
    <t>MAIRA ALEJANDRA ACOSTA GARCÃA</t>
  </si>
  <si>
    <t>DG 16 # 10 A 05 BRR VEINTISIETE DE JULIO</t>
  </si>
  <si>
    <t>BLADIMIR CASANOVA CASTILLO</t>
  </si>
  <si>
    <t>CR 5 B # 8 25 BRR CENTRAL LAS AMERICAS</t>
  </si>
  <si>
    <t>FALICOMUNICACIONES</t>
  </si>
  <si>
    <t>VIA TENA / LA GRAN VA #252617 TENA LA GRAN VIA TENA CUNDINAMARCA COLOMBIA</t>
  </si>
  <si>
    <t>RAPPYPLATA</t>
  </si>
  <si>
    <t>CL. 4 #5-46 SOACHA CUNDINAMARCA COLOMBIA</t>
  </si>
  <si>
    <t>CHINOME PHONE</t>
  </si>
  <si>
    <t>CL 7 # 14 42 BRR PIEDECUESTA</t>
  </si>
  <si>
    <t>PAPELERIA Y CACHARRARERIA EMI</t>
  </si>
  <si>
    <t>TV 7 # 2-02 BARRIO PABLO NERUDA</t>
  </si>
  <si>
    <t>MC.COM</t>
  </si>
  <si>
    <t>CL. 8 #7B-16 FUNZA CUNDINAMARCA COLOMBIA</t>
  </si>
  <si>
    <t>DISTRITO</t>
  </si>
  <si>
    <t>CL 20 # 69 A 49 BRR LLANO GRANDE</t>
  </si>
  <si>
    <t>PUNTO DE RECAUDO A LA MANO</t>
  </si>
  <si>
    <t>DG 37 D SUR # 73 A - 75 BRR KENNEDY CENTRAL</t>
  </si>
  <si>
    <t>LUBRIREP ALGECIRAS</t>
  </si>
  <si>
    <t>CR 5 # 2 03 BRR CENTRO</t>
  </si>
  <si>
    <t>CRA. 2 ESTE #17-12 CHï¿A CUNDINAMARCA COLOMBIA</t>
  </si>
  <si>
    <t>BROTHER TECH</t>
  </si>
  <si>
    <t>CR 7 # 8 21 BRR CENTRO</t>
  </si>
  <si>
    <t>DROGUERIA FARMA FULL</t>
  </si>
  <si>
    <t>CALL 14 # 18 - 74</t>
  </si>
  <si>
    <t>CARRERA 7 # 20-76</t>
  </si>
  <si>
    <t>TIENDA LOS GOLDOS</t>
  </si>
  <si>
    <t>CL 4 # 15 A 46 BRR COMUNEROS</t>
  </si>
  <si>
    <t>CENTRO DE PAGOS Y SERVICIOS AV68</t>
  </si>
  <si>
    <t>CL 72 # 70 D 36 / LC 1 BRR BONANZA</t>
  </si>
  <si>
    <t>CRISTIAN OROZCO ZUBIRIA</t>
  </si>
  <si>
    <t>CRA 11 9A 48 BARRIO PUERTO SECO</t>
  </si>
  <si>
    <t>MOVILES GUEVARA</t>
  </si>
  <si>
    <t>CL. 13 #2013 SABANA DE TORRES SANTANDER COLOMBIA</t>
  </si>
  <si>
    <t>LC COMUNICACIONES</t>
  </si>
  <si>
    <t>CL 13 # 13 17 BRR LIBERIA</t>
  </si>
  <si>
    <t>LOS MEMOS</t>
  </si>
  <si>
    <t>VDA VALENCIA DE LA PAZ BRR PORVENIR</t>
  </si>
  <si>
    <t>VARIEDADE ARCOIRIS</t>
  </si>
  <si>
    <t>CARRERA 15 # 6-25 LAS DELICIAS</t>
  </si>
  <si>
    <t>HUELLAS MW SAS</t>
  </si>
  <si>
    <t>CR 14 # 1 03 BRR SAN RAFAEL</t>
  </si>
  <si>
    <t>MULTIPRESTAMO</t>
  </si>
  <si>
    <t>CRA. 12 #29-94 FLORIDABLANCA SANTANDER COLOMBIA</t>
  </si>
  <si>
    <t>MANAURE</t>
  </si>
  <si>
    <t>MIS CRIS</t>
  </si>
  <si>
    <t>CL. 10 #737 MANAURE LA GUAJIRA COLOMBIA</t>
  </si>
  <si>
    <t>DROGUERIA FARMAYA</t>
  </si>
  <si>
    <t>CL 22 # 2 A 02 BRR ALPES</t>
  </si>
  <si>
    <t>ARNET</t>
  </si>
  <si>
    <t>VDA LA CONCHA BRR ESCUELA</t>
  </si>
  <si>
    <t>CL. 11A #9-24 BARBOSA SANTANDER COLOMBIA</t>
  </si>
  <si>
    <t>ELISABEL SOTELO DELGADILLO</t>
  </si>
  <si>
    <t>CR 6 # 5 22 BRR OLIVAL</t>
  </si>
  <si>
    <t>EFECTY CR 111</t>
  </si>
  <si>
    <t>AK 111 C # 70 - 11 BRR MARANDU</t>
  </si>
  <si>
    <t>CR 11 B # 19 A - 25 SUR BRR CIUDAD JARDIN</t>
  </si>
  <si>
    <t>CREDIFINSM</t>
  </si>
  <si>
    <t>SERVIPAGOS CACIQUE</t>
  </si>
  <si>
    <t>TV. 93 #34 BUCARAMANGA SANTANDER COLOMBIA</t>
  </si>
  <si>
    <t>ULTISERVICIOS CHICAS NET</t>
  </si>
  <si>
    <t>CR 2 # 47 A 41 BRR VILLA ESPERANZA</t>
  </si>
  <si>
    <t>COMUNICACIONES FURATESA</t>
  </si>
  <si>
    <t>CL 4 # 7 - 60 BRR CENTRO</t>
  </si>
  <si>
    <t>PAPELERA Y MISCELNEA MELANNIE</t>
  </si>
  <si>
    <t>CR 19 # 7 04 BRR YARIGUIES</t>
  </si>
  <si>
    <t>MULTISERVICIOS BELLAVISTA</t>
  </si>
  <si>
    <t>SECTOR B TORRE 10 APTO 101 A URBANIZACION BELLAVISTA</t>
  </si>
  <si>
    <t>SERVI TV COMUNICACIONES</t>
  </si>
  <si>
    <t>CR 5 B # 189 - 36 BRR BUENAVISTA</t>
  </si>
  <si>
    <t xml:space="preserve">JSA PLATERIA </t>
  </si>
  <si>
    <t>CL. 105B #15B-40 BUCARAMANGA SANTANDER COLOMBIA</t>
  </si>
  <si>
    <t>PAPELERIA Y VARIEDADES CARLOS LLERAS</t>
  </si>
  <si>
    <t>CR 9 B # 6 - 31 BRR CARLOS LLERAS</t>
  </si>
  <si>
    <t>SU RECAUDO AMIGO</t>
  </si>
  <si>
    <t>CL 6 # 6 - 27 BRR LOS CEREZOS</t>
  </si>
  <si>
    <t>INTERNETJSMART</t>
  </si>
  <si>
    <t>CR 18 # 10 20 BRR LAS FERIAS</t>
  </si>
  <si>
    <t xml:space="preserve">OFY SISTEM </t>
  </si>
  <si>
    <t>CL. 50 #39-72 ARMENIA QUINDIO COLOMBIA</t>
  </si>
  <si>
    <t>SOCIEDAD DIAZ ROJAS</t>
  </si>
  <si>
    <t>CL 91 # 8 A - 29 SUR BRR EL VIRREY</t>
  </si>
  <si>
    <t>MULTISERVICIOS EL 11</t>
  </si>
  <si>
    <t>CL 30 CR 74 - 81 LOC 2 AR1327</t>
  </si>
  <si>
    <t>PAPELERIA ENSUEÑO</t>
  </si>
  <si>
    <t>CL 33 # 2 75 BRR CUMBRE</t>
  </si>
  <si>
    <t>PAPELITOS Y MAS</t>
  </si>
  <si>
    <t>CR 12 # 5 A 08 BRR OLAYA CENTRO</t>
  </si>
  <si>
    <t>PANADERIA Y HELADERIA LAS AGUADORAS</t>
  </si>
  <si>
    <t>CR 7 # 4 63 BRR BOCAGRANDE</t>
  </si>
  <si>
    <t>PAPEL Y CHAT</t>
  </si>
  <si>
    <t>CL 9 A # 2 A - 35 BRR EL JARDIN</t>
  </si>
  <si>
    <t>ZAMENDRA.NET</t>
  </si>
  <si>
    <t>CR 10 # 16 - 02 / LC P1 BRR SIMON BOLIVAR</t>
  </si>
  <si>
    <t>FOREVER PERFUMERIA</t>
  </si>
  <si>
    <t>CARRERA 16A #49-22</t>
  </si>
  <si>
    <t xml:space="preserve">MUNDO BELLEZA PLUS </t>
  </si>
  <si>
    <t>CR 12 25-36</t>
  </si>
  <si>
    <t>JAXIS</t>
  </si>
  <si>
    <t>CRA. 9 #21-18 POPAYAN CAUCA COLOMBIA</t>
  </si>
  <si>
    <t>EFECTY THERASI</t>
  </si>
  <si>
    <t>CR 1 SUR # 47 A - 9 BRR TCHERASI</t>
  </si>
  <si>
    <t>SUPER DROGAS LA FLORIDA</t>
  </si>
  <si>
    <t>CL 116 # 34 B - 37 BRR ZAPAMANGA II</t>
  </si>
  <si>
    <t>CL. 21B #28A-32 PEREIRA RISARALDA COLOMBIA</t>
  </si>
  <si>
    <t>RECUDO SIGLO XXI</t>
  </si>
  <si>
    <t>CL 34 # 30 40 BRR CIUDADELA SIGLO XXI</t>
  </si>
  <si>
    <t>PAPELERIA CENTRAL</t>
  </si>
  <si>
    <t>CR 3 # 5 2 BRR CENTRO</t>
  </si>
  <si>
    <t>CARLOS MONROY</t>
  </si>
  <si>
    <t>CR 14 BIS # 75 A 56 - SUR BRR CORTIJO</t>
  </si>
  <si>
    <t>SISTEMAS INTEGRA2</t>
  </si>
  <si>
    <t>CALLE 59A SUR NO. 48B 69</t>
  </si>
  <si>
    <t>HOTEL DE LOS APOSENTOS</t>
  </si>
  <si>
    <t>CL 17 14 49</t>
  </si>
  <si>
    <t>MULTISERVICIOHEIZZELL</t>
  </si>
  <si>
    <t>CL. 16 #1983 SABANA DE TORRES SANTANDER COLOMBIA</t>
  </si>
  <si>
    <t>PAPELERIA PATICOS</t>
  </si>
  <si>
    <t>CL 4 # 9 - 62 BRR CENTRO FLORIDABLANCA</t>
  </si>
  <si>
    <t>VARIEDADES EBENEZER</t>
  </si>
  <si>
    <t>CR 13 # 50 05 BRR LA SIERRA</t>
  </si>
  <si>
    <t>ACANDÍ</t>
  </si>
  <si>
    <t>CAPURGAN</t>
  </si>
  <si>
    <t>ZN LAS PALMAS BRR PALMAS</t>
  </si>
  <si>
    <t>CRA 5 16 26</t>
  </si>
  <si>
    <t>VARIEDADES LA VICTORIA JP</t>
  </si>
  <si>
    <t>CL. 74 #24-13 BARRANCABERMEJA SANTANDER COLOMBIA</t>
  </si>
  <si>
    <t>MULTISERVICIOS PLUS EXPRESS</t>
  </si>
  <si>
    <t>CL. 12 #9-32 LEBRIJA SANTANDER COLOMBIA</t>
  </si>
  <si>
    <t>PUNTONET MAS</t>
  </si>
  <si>
    <t>CL 29 A # 21 - 41 BRR BARRIO SAJONIA</t>
  </si>
  <si>
    <t>FORNETSOLUTIONS</t>
  </si>
  <si>
    <t>CALLLE 17#6-06</t>
  </si>
  <si>
    <t>NANICEL DROGUERIA Y PERFUMERIA</t>
  </si>
  <si>
    <t>CL 4 7 35</t>
  </si>
  <si>
    <t>ALMACEN PUNTO CBF</t>
  </si>
  <si>
    <t>CL 22 B SUR # 12 B - 37 BRR SAN JOSE</t>
  </si>
  <si>
    <t>VARIEDADES OSIRIS</t>
  </si>
  <si>
    <t>CL 3 # 4 56 BRR LA FLORESTA</t>
  </si>
  <si>
    <t>SUPER SERVICIOS LA 30</t>
  </si>
  <si>
    <t>CL. 30 #136 MONTERIA CORDOBA COLOMBIA</t>
  </si>
  <si>
    <t>COMERCIALIZADORA LA VID</t>
  </si>
  <si>
    <t>CRA. 13 #104C-14 BUCARAMANGA SANTANDER COLOMBIA</t>
  </si>
  <si>
    <t>SOLUCIONES EFECTIVAS O Y V</t>
  </si>
  <si>
    <t>CL 35 # 17 67 / LC 207 BRR CENTRO</t>
  </si>
  <si>
    <t>GALUK</t>
  </si>
  <si>
    <t>CL 30 25 57</t>
  </si>
  <si>
    <t>INVERSIONES SOLITA</t>
  </si>
  <si>
    <t>CR 3 # 5 11 BRR CENTRO</t>
  </si>
  <si>
    <t>PAPELERIA NELCY</t>
  </si>
  <si>
    <t>AV 1 # 1 11 / MZ F 14 C BRR EDEN</t>
  </si>
  <si>
    <t>NOVEDADES LA FAMA</t>
  </si>
  <si>
    <t>CR 1 # 41 C 98 BRR CIUDADELA VEITE DE JULIO</t>
  </si>
  <si>
    <t xml:space="preserve">PANADERï¿­A VILLA MONACO </t>
  </si>
  <si>
    <t>CRA. 14 #47-19 SOLEDAD ATLï¿NTICO COLOMBIA</t>
  </si>
  <si>
    <t>MGICA MISCELNEA</t>
  </si>
  <si>
    <t>CALLE 14B N 14 137 BARRIO PADILLA</t>
  </si>
  <si>
    <t>VARIEDADES JK</t>
  </si>
  <si>
    <t>AV VILLAS</t>
  </si>
  <si>
    <t>PAPELERIA SOPHIE</t>
  </si>
  <si>
    <t>VDA BRR VEREDA BAJO CUSAY</t>
  </si>
  <si>
    <t>DROGUERIA VITAL</t>
  </si>
  <si>
    <t>CL 9 # 9 46 BRR LA ESPERANZA</t>
  </si>
  <si>
    <t>PAPELERIA BETHEL ROSAS</t>
  </si>
  <si>
    <t>CR 3 # 6 29 BRR BELEN</t>
  </si>
  <si>
    <t xml:space="preserve">MEGAPLASTICOS BARICHARA </t>
  </si>
  <si>
    <t>CL. 7 #6-87 BARICHARA SANTANDER COLOMBIA</t>
  </si>
  <si>
    <t>MEGASERVICIOS CAQUETA</t>
  </si>
  <si>
    <t>CR 4 CL 5 ALBA 2 BRR CENTRO</t>
  </si>
  <si>
    <t>EMMAROSE</t>
  </si>
  <si>
    <t>CR 12 # 5 - 16 BRR DAYA</t>
  </si>
  <si>
    <t xml:space="preserve">CACHARRERIA DEL NORTE </t>
  </si>
  <si>
    <t>CL. 1 NTE. #26-27 BUCARAMANGA SANTANDER COLOMBIA</t>
  </si>
  <si>
    <t>TODORECARGAS</t>
  </si>
  <si>
    <t>CARRERA 23 #9-17 ARMENIA QUINDIO COLOMBIA</t>
  </si>
  <si>
    <t>TELECOMUNICACIONES SOFIA</t>
  </si>
  <si>
    <t>CR 64 # 21 A 15 / CEN BRR FUSAGASUGA BRR MAIZ AMARILLO</t>
  </si>
  <si>
    <t>AUTOSERVICIO LAS VEGAS 1</t>
  </si>
  <si>
    <t>CR 18 Q # 13 B - 14 BRR PRADO DE LAS VEGAS</t>
  </si>
  <si>
    <t>DISPROLACTEOS</t>
  </si>
  <si>
    <t>DG 13 AV CIRCUNVALAR 8 A 110</t>
  </si>
  <si>
    <t>MUNDO DROGAS PEREIRA</t>
  </si>
  <si>
    <t>CL. 67 #25-7 PEREIRA RISARALDA COLOMBIA</t>
  </si>
  <si>
    <t>JYM ACCESORIOS</t>
  </si>
  <si>
    <t>CARRERA 11 A SUR # 20-50 RICAURTE</t>
  </si>
  <si>
    <t>ACTIVA PASTO</t>
  </si>
  <si>
    <t>CL 14 # 25 - 25 BRR CEN</t>
  </si>
  <si>
    <t>MONYFACTURAS DYS</t>
  </si>
  <si>
    <t>CL 38 NORTE # 2 - 64 BRR BOLIVARIANO</t>
  </si>
  <si>
    <t>SERVICIOS LA 46</t>
  </si>
  <si>
    <t>CR 4 # 46 33 / SEC INDUSTRIAL BRR LAURELES II</t>
  </si>
  <si>
    <t>SERVIPAGOS FLORIDA</t>
  </si>
  <si>
    <t>CR 36 # 197 130 / LC B-10 BRR CENTRO</t>
  </si>
  <si>
    <t>TELECELRC</t>
  </si>
  <si>
    <t>CL 11 # 3 32 BRR CENTRO</t>
  </si>
  <si>
    <t>VARIEDADES KALIPSO</t>
  </si>
  <si>
    <t>CARRERA 108 # 16 H 10</t>
  </si>
  <si>
    <t>SAN JOSÉ DEL FRAGUA</t>
  </si>
  <si>
    <t>CR 5 A # 5 A 28 BRR PUEBLO NUEVO</t>
  </si>
  <si>
    <t>CAFEINTERNET JUANCHITO GARZON</t>
  </si>
  <si>
    <t>CL 3 # 17 54 BRR LAS AMERICAS</t>
  </si>
  <si>
    <t>YESIKA SALCEDO</t>
  </si>
  <si>
    <t>CL 5 # 4 43 BRR PABLO VI</t>
  </si>
  <si>
    <t>DROGUERIA SANTA RITA</t>
  </si>
  <si>
    <t>CRA 27 33 72</t>
  </si>
  <si>
    <t>COMUNICACIONES SANTY</t>
  </si>
  <si>
    <t>CR 2 # 3 - 34 BRR CENTRO</t>
  </si>
  <si>
    <t>MULTISERVICIOS PUNTO BIG</t>
  </si>
  <si>
    <t>CL. 15 #1C-125 RIOHACHA LA GUAJIRA COLOMBIA</t>
  </si>
  <si>
    <t>RURLRED SAS</t>
  </si>
  <si>
    <t>CL 18 # 19 47 BRR CENTRO</t>
  </si>
  <si>
    <t>JULIAN ANDRES</t>
  </si>
  <si>
    <t>CL 17 # 9 - 80 BRR ANCON PARTE BAJA</t>
  </si>
  <si>
    <t>DROGUERIA LA 30 DE PEREIRA</t>
  </si>
  <si>
    <t>CRA 15 29 51 LOCAL 1 SAN NICOLAS</t>
  </si>
  <si>
    <t>CURILLO</t>
  </si>
  <si>
    <t>JIREH</t>
  </si>
  <si>
    <t>CL 11 # 2 20 BRR CENTRO CURILLO</t>
  </si>
  <si>
    <t>DON PAGO SABANAGRANDE</t>
  </si>
  <si>
    <t>CR 7 # 5 17 BRR LA PLAZA</t>
  </si>
  <si>
    <t>ANGUI SHIRLEY LUNA</t>
  </si>
  <si>
    <t>CL 20 D # 1 06 / MZ 16 BRR LOS CISNES</t>
  </si>
  <si>
    <t>VARIEDADES JIRETH</t>
  </si>
  <si>
    <t>CL 24 # 34 C - 72 BRR EL TESORO</t>
  </si>
  <si>
    <t>CIBER CAT</t>
  </si>
  <si>
    <t>CR 26 # 37 30 BRR EL POBLADO</t>
  </si>
  <si>
    <t>MERCA TODO LA 77</t>
  </si>
  <si>
    <t>CL. 77 #65-89 BARRANQUILLA ATLï¿NTICO COLOMBIA</t>
  </si>
  <si>
    <t>BYP GROUP SAS LIBERTADORES</t>
  </si>
  <si>
    <t>AV LIBERTADORES # 1 21 N BRR PRADOS DEL NORTE</t>
  </si>
  <si>
    <t>IMPRETEX</t>
  </si>
  <si>
    <t>CL 37 # 36 67 BRR BARZAL</t>
  </si>
  <si>
    <t>PUEBLOVIEJO</t>
  </si>
  <si>
    <t>CYBER TASAJERA</t>
  </si>
  <si>
    <t>CL. 3ï¾ª #1081 TASAJERAS PUEBLOVIEJO MAGDALENA COLOMBIA</t>
  </si>
  <si>
    <t>PAPELERIA PUNTO BUENO YARIMA</t>
  </si>
  <si>
    <t>CRR DE YARIMA FRENTE AL POLIDEPORTIVO BRR CENTRO</t>
  </si>
  <si>
    <t>YANETH MENESES</t>
  </si>
  <si>
    <t>CL 87 # 26 - 82 / LC 3 BRR PUERTAS DEL SOL</t>
  </si>
  <si>
    <t>INVERSIONES DTG</t>
  </si>
  <si>
    <t>CRA. 19 #38C-47 BARRANQUILLA ATLï¿NTICO COLOMBIA</t>
  </si>
  <si>
    <t>SOATCONFIABLE</t>
  </si>
  <si>
    <t>CL. 13B #23-33 BARANOA ATLANTICO COLOMBIA</t>
  </si>
  <si>
    <t>CENTRO SE SERVICIOS Y SOLUCIONES INFORMATICAS</t>
  </si>
  <si>
    <t>CR 5 # 6 53 BRR COMERCIO</t>
  </si>
  <si>
    <t>MANSION TECNOLOGICA</t>
  </si>
  <si>
    <t>CRA 14 CL 18N -46 LC 1</t>
  </si>
  <si>
    <t>FARMA PLUS +</t>
  </si>
  <si>
    <t>CR 18 B MZ 5 CA 41 BRR BOSQUES DEL CACIQUE</t>
  </si>
  <si>
    <t>FOTOGISELL</t>
  </si>
  <si>
    <t>CL 23 # 1 14 / P 1 BRR CISNES</t>
  </si>
  <si>
    <t>TIENDA 3 ESQUINAS</t>
  </si>
  <si>
    <t>CL. 22 #1106 CIENAGA MAGDALENA COLOMBIA</t>
  </si>
  <si>
    <t>PLANETA</t>
  </si>
  <si>
    <t>CL 10 # 7 50 BRR CENTRO</t>
  </si>
  <si>
    <t>EMPROCENTER</t>
  </si>
  <si>
    <t>CRA. 27 #17-31 SINCELEJO SUCRE COLOMBIA</t>
  </si>
  <si>
    <t>CHIVOLO</t>
  </si>
  <si>
    <t>ABASTOS PORVENIR</t>
  </si>
  <si>
    <t>CL 10 # 13 43 BRR FRANCISCANA</t>
  </si>
  <si>
    <t>PAPELERIA Y MISCELANEA CHOCOITA</t>
  </si>
  <si>
    <t>CRA 26 29 25</t>
  </si>
  <si>
    <t>INVERSIONES ANAIME SAN PEDRO</t>
  </si>
  <si>
    <t>CL. 2 #1-7 SAN PEDRO VALLE DEL CAUCA COLOMBIA</t>
  </si>
  <si>
    <t>CYBER TELECOMUNICACIONES Y VARIEDADES</t>
  </si>
  <si>
    <t>CL 6 # 6 - 9 / MZ 6 CASA 9 SECTOR 9 BRR RESURGIR</t>
  </si>
  <si>
    <t>MISCELANEA -PAPELERIA</t>
  </si>
  <si>
    <t>CL. 63 #7-19 BUCARAMANGA SANTANDER COLOMBIA</t>
  </si>
  <si>
    <t>FABIAN GIROS Y RECARGAS</t>
  </si>
  <si>
    <t>CR 3 A # 48 R - 04 SUR BRR DIANA TURBAY</t>
  </si>
  <si>
    <t>ZONA DIGITAL FERNANDO</t>
  </si>
  <si>
    <t>CL 2 # 4 79 BRR PROGRESO NATAGA</t>
  </si>
  <si>
    <t>CHAMALEON CELURED</t>
  </si>
  <si>
    <t>CL 9 # 4 A 79 BRR DIANA TURBAY</t>
  </si>
  <si>
    <t xml:space="preserve">MOLLY PAPELERIA </t>
  </si>
  <si>
    <t>CRA. 38 #69A-44 BARRANQUILLA ATLï¿NTICO COLOMBIA</t>
  </si>
  <si>
    <t>PARADOR Y RESTAURANTE DONDE ROSITA</t>
  </si>
  <si>
    <t>CL 7 # 9 45 BRR PIENDAMO CAUCA</t>
  </si>
  <si>
    <t>JASC MENSAJERIA</t>
  </si>
  <si>
    <t>CR 31 C # 5 B - 28 BRR VERAGUAS</t>
  </si>
  <si>
    <t>TIENDE DE COLORES</t>
  </si>
  <si>
    <t>CL 80 69K-73</t>
  </si>
  <si>
    <t>CYBERPLUSJY</t>
  </si>
  <si>
    <t>CR 15 # 11 21 BRR VILLA LEDIS</t>
  </si>
  <si>
    <t>MISAEL TAMI</t>
  </si>
  <si>
    <t>CL 12 # 8 21 BRR LA ANDELARIA</t>
  </si>
  <si>
    <t>CHIMAI</t>
  </si>
  <si>
    <t>CL. 4B #56 GALAPA ATLANTICO COLOMBIA</t>
  </si>
  <si>
    <t>DON PAGO LIBERTADORES</t>
  </si>
  <si>
    <t>CR 22 N # 4 07 BRR LIBERTADORES</t>
  </si>
  <si>
    <t>PAPELERIA Y FOTOCOPIADO  MARYAM</t>
  </si>
  <si>
    <t>CL 9 # 8 21 / P 1 LC 1 BRR SAN CRISTOBAL</t>
  </si>
  <si>
    <t>DROGAS SAN FELIPE</t>
  </si>
  <si>
    <t>CL 117 # 27 60 / LC 12 BRR TORRES DE SAN FELIPE II</t>
  </si>
  <si>
    <t>GRANERO LOS SAUZALES</t>
  </si>
  <si>
    <t>CRA. 16 #28-66 BUCARAMANGA SANTANDER COLOMBIA</t>
  </si>
  <si>
    <t>VENTA DE PASAJES DE COPETRAN</t>
  </si>
  <si>
    <t>CL 45 # 9 B 03 BRR CAMPOHERMOSO</t>
  </si>
  <si>
    <t>JSANDY</t>
  </si>
  <si>
    <t>CR 17 B # 51 - 23 BRR LAS VILLAS</t>
  </si>
  <si>
    <t>PAGOS Y SOLUCIONES LOS PARQUES</t>
  </si>
  <si>
    <t>CL 2 C # 29 A - 51 BRR LOS PARQUES</t>
  </si>
  <si>
    <t>TIENDA ROSY</t>
  </si>
  <si>
    <t>TV 1 # 9 C 32 BRR MIRADOR</t>
  </si>
  <si>
    <t>CASA EDITORIAL ROCA VIVA</t>
  </si>
  <si>
    <t>CRA 22C #77-53 SOLEDAD BARRANQUILLA ATLï¿NTICO COLOMBIA</t>
  </si>
  <si>
    <t>MICELANEA LORICA</t>
  </si>
  <si>
    <t>CR 26 # 17 35 BRR LA ESPERANZA</t>
  </si>
  <si>
    <t>PAPELERIA EXPAING</t>
  </si>
  <si>
    <t>CR 2 # 5 35 BRR CENTRO</t>
  </si>
  <si>
    <t>DROGUERIA EL SOL</t>
  </si>
  <si>
    <t>CLL 2 C #7 - 78</t>
  </si>
  <si>
    <t>MAS VARIEDADES MAFELU</t>
  </si>
  <si>
    <t>CR 5 # 5 41 BRR BARRIO CENTRO AGRADO</t>
  </si>
  <si>
    <t>ANA JUDITH PINZON MEZA</t>
  </si>
  <si>
    <t>CRA 3 2 13</t>
  </si>
  <si>
    <t>LIBRERIA Y PAPELERIA PLANETA</t>
  </si>
  <si>
    <t>CR 93 A # 42 A - 36 SUR BRR DINDALITO</t>
  </si>
  <si>
    <t>SAN RAFAEL DROGUERIA</t>
  </si>
  <si>
    <t>CL. IVAN QUINTERO #49 PUEBLO NUEVO CORDOBA COLOMBIA</t>
  </si>
  <si>
    <t>BOBINADOS BOSTON</t>
  </si>
  <si>
    <t>CL 8A #6-19 ARACATACA MAGDALENA COLOMBIA</t>
  </si>
  <si>
    <t>COINS TRANSFERS</t>
  </si>
  <si>
    <t>CL. 40 #23-28 GIRON SANTANDER COLOMBIA</t>
  </si>
  <si>
    <t>TIENDA ANDREI</t>
  </si>
  <si>
    <t>CRA. 6 #15-35 FLORIDABLANCA SANTANDER COLOMBIA</t>
  </si>
  <si>
    <t xml:space="preserve">SOCIEDAD CREDIHOGAR </t>
  </si>
  <si>
    <t>CL. 27A #12A-39 SINCELEJO SUCRE COLOMBIA</t>
  </si>
  <si>
    <t>SALMA SOPHIA DROGUERIA</t>
  </si>
  <si>
    <t>CL 1 23 01</t>
  </si>
  <si>
    <t>WIFI ZONE</t>
  </si>
  <si>
    <t>CR 4 A ESTE # 15 05 BRR VENTILADOR</t>
  </si>
  <si>
    <t>EL MANANTIAL DE KEILA</t>
  </si>
  <si>
    <t>CR 10 # 28 - 45 BRR MIRADORES DE SAN LORENZO</t>
  </si>
  <si>
    <t>Dï¿©BORA ACCESORIOS</t>
  </si>
  <si>
    <t>CL. 49 #34-33 BUCARAMANGA SANTANDER COLOMBIA</t>
  </si>
  <si>
    <t>CENTRO DE SERVICIOS TECNICOS</t>
  </si>
  <si>
    <t>CL. 6 #6-8 FILANDIA QUINDIO COLOMBIA</t>
  </si>
  <si>
    <t xml:space="preserve">DEPOSITO JJ DE FUNDACION </t>
  </si>
  <si>
    <t>CR 11 #2 63 DPL DL9316</t>
  </si>
  <si>
    <t>VARIEDADES KATERINE Y STIVEN</t>
  </si>
  <si>
    <t>CL 36 B # 8 C 66 BRR LAS PALMAS</t>
  </si>
  <si>
    <t>AKI POLLO PANAMERICANA</t>
  </si>
  <si>
    <t>TV 9A NORTE #61A-128 POPAYAN CAUCA COLOMBIA</t>
  </si>
  <si>
    <t>CENTRO DE TELECOMUNICACIONES VELEZ</t>
  </si>
  <si>
    <t>CR 3 # 10 12 BRR LAS NIEVES</t>
  </si>
  <si>
    <t>PAPELERIA Y MISCELANEA MARJO</t>
  </si>
  <si>
    <t>CLL 43 16 81 EL RINCONDE GIRON</t>
  </si>
  <si>
    <t>AGROPECUARIA SAMANA</t>
  </si>
  <si>
    <t>CRA. 9 #7-19 SAMANA CALDAS COLOMBIA</t>
  </si>
  <si>
    <t>CL 5 CA 382 BRR CIUDAD BOLIVAR</t>
  </si>
  <si>
    <t>EFECTY BOSA JIMENEZ</t>
  </si>
  <si>
    <t>CR 80 N # 66 - 04 SUR BRR BOSA JIMENEZ</t>
  </si>
  <si>
    <t>COMPURECARGA</t>
  </si>
  <si>
    <t>CL 1 CRA 2-46 BRR CEDENO</t>
  </si>
  <si>
    <t>VARIEDADES DERILIZ</t>
  </si>
  <si>
    <t>CL 22 # 10 D - 13 / TO 9 APARTAMENTO 102 BRR ESTANCIA</t>
  </si>
  <si>
    <t>MISCELANIA Y PAPELERIA EL ZAFIRO</t>
  </si>
  <si>
    <t>CL 42 A SUR # 86 C 24 BRR PATIO BONITO</t>
  </si>
  <si>
    <t xml:space="preserve">PAPELERIA COPYNET </t>
  </si>
  <si>
    <t>45 #13-12 LA DORADA CALDAS COLOMBIA</t>
  </si>
  <si>
    <t>VARIEDADES DIMAR</t>
  </si>
  <si>
    <t>CL 50 # 20 12 BRR PRADO NORTE</t>
  </si>
  <si>
    <t>SOLUCIONES INFORMATRONICAS</t>
  </si>
  <si>
    <t>CL 22 # 7 51 BRR SIBONEY</t>
  </si>
  <si>
    <t>TELEVARIEDADES    RIVER</t>
  </si>
  <si>
    <t>CL. 5 #2 EL BORDO PATIA CAUCA COLOMBIA</t>
  </si>
  <si>
    <t>SERVIEFECTIVO</t>
  </si>
  <si>
    <t>CL 8 # 17 A 44 BRR VILLA MONICA ETAPA DOS</t>
  </si>
  <si>
    <t>PLANETANET.COM</t>
  </si>
  <si>
    <t>CR 41 # 2 B - 11 NORTE BRR JAZMIN</t>
  </si>
  <si>
    <t>DAM CELULARES</t>
  </si>
  <si>
    <t>CALLE 78 SUR #10-22</t>
  </si>
  <si>
    <t>DISTRI-INSUMOS LA NINA</t>
  </si>
  <si>
    <t>CL. 35 #49-33 BARRANCABERMEJA SANTANDER COLOMBIA</t>
  </si>
  <si>
    <t>MS COMUNICACIONES</t>
  </si>
  <si>
    <t>CL 42 # 10 - 76 BRR CALARCA IBAGUE</t>
  </si>
  <si>
    <t>DRGUERIA BIOSANAR UNO</t>
  </si>
  <si>
    <t>CRA 53 NO 48 154</t>
  </si>
  <si>
    <t>VARIEDADES LELY</t>
  </si>
  <si>
    <t>CR 42 A # 32 46 BRR COSTA HERMOSA</t>
  </si>
  <si>
    <t>CL 18 # 18 39 BRR CENTRO</t>
  </si>
  <si>
    <t>JAVIER DOMINGUEZ TABORDA</t>
  </si>
  <si>
    <t>CL 52 # 20 - 23 BRR EL TREBOL</t>
  </si>
  <si>
    <t>INTERNET TRES REYES</t>
  </si>
  <si>
    <t>CR 76 D # 63 A - 08 SUR BRR TRES REYES</t>
  </si>
  <si>
    <t>TIENDA LA VILLA DEL HOGAR</t>
  </si>
  <si>
    <t>CL 27 B # 33 A - 19 BRR VILLA DEL MAR</t>
  </si>
  <si>
    <t>FULL SERVICE GUACHICONO</t>
  </si>
  <si>
    <t>CRA. 18 #1674 TIMBIO TIMBIO CAUCA COLOMBIA</t>
  </si>
  <si>
    <t>CL 5 #19A-67 POPAYAN CAUCA COLOMBIA</t>
  </si>
  <si>
    <t>MULTISERVICIOS MOJITO</t>
  </si>
  <si>
    <t>CL 12 B # 2 B - 48 BRR SAN MATEO</t>
  </si>
  <si>
    <t>COMUNICATE  EXPRESS 2 2</t>
  </si>
  <si>
    <t>CR 5 BIS # 92 A 15 - SUR BRR VIREY</t>
  </si>
  <si>
    <t>LAS TRES L</t>
  </si>
  <si>
    <t>CL 14 # 12 05 BRR CALLE CENTRAL</t>
  </si>
  <si>
    <t>MERCAPLUS PLAZA SAS</t>
  </si>
  <si>
    <t>CRA 5 6 20 LOC</t>
  </si>
  <si>
    <t>MINUTOS COMUNICACIONES</t>
  </si>
  <si>
    <t>CR 20 # 24 - 07 SUR BRR OLAYA</t>
  </si>
  <si>
    <t>MULTISERVICIOS BOYACA</t>
  </si>
  <si>
    <t>CR 19 # 39 12 BRR BOYACA</t>
  </si>
  <si>
    <t>CRA. 48 #27-35 BARRANCABERMEJA SANTANDER COLOMBIA</t>
  </si>
  <si>
    <t>EXPRESS 92B</t>
  </si>
  <si>
    <t>CR 14 # 92 B 05 - SUR BRR TENERIFE</t>
  </si>
  <si>
    <t>AUDIOSPORT</t>
  </si>
  <si>
    <t>CR 27 # 125 - 49 BRR CALI</t>
  </si>
  <si>
    <t>MATHEO PC COMUNICACIONES</t>
  </si>
  <si>
    <t>CR 3 # 20 45 BRR CENTRO</t>
  </si>
  <si>
    <t>COLOMBIA JS</t>
  </si>
  <si>
    <t>CR 20 # 8 14 / AP 1 BRR LA LUZ</t>
  </si>
  <si>
    <t>VARIEDADES JANET</t>
  </si>
  <si>
    <t>TV 48 C # 69 H - 20 SUR BRR NUEVA ARGENTINA</t>
  </si>
  <si>
    <t>DROGUERIA Y MISCELANEA LEISA</t>
  </si>
  <si>
    <t>CL 10 NO. 22 - 55</t>
  </si>
  <si>
    <t>COOPERATIVA MULTISERVICIOS COOTRACOLTA LTDA</t>
  </si>
  <si>
    <t>CL 36 27 87</t>
  </si>
  <si>
    <t>DROGAMEDIC</t>
  </si>
  <si>
    <t>CRA. 9 #14-1 BARBOSA SANTANDER COLOMBIA</t>
  </si>
  <si>
    <t>DEPOSITO DE CERVEZA Y LICORES AM</t>
  </si>
  <si>
    <t>CR 39 # 30 8 - SUR BRR VILLA DEL ROSARIO</t>
  </si>
  <si>
    <t>CL 21 # 6 43 BRR CHILACOS</t>
  </si>
  <si>
    <t>PAGOEXPRESS</t>
  </si>
  <si>
    <t>CR 3 # 8 41 / LC 6 BRR RODADERO</t>
  </si>
  <si>
    <t>PAPELERA Y MISCELNEA EL SOL</t>
  </si>
  <si>
    <t>CR 15 # 4 32 BRR DELICIAS</t>
  </si>
  <si>
    <t>INYASANET</t>
  </si>
  <si>
    <t>CR 2L # 9-26 VILLA SALE.</t>
  </si>
  <si>
    <t>SERVIRED HYH</t>
  </si>
  <si>
    <t>CR 7 # 5 62 BRR CENTRO</t>
  </si>
  <si>
    <t>MINUTOS RICO</t>
  </si>
  <si>
    <t>CR 4 SUR # 24 - 56 BRR LAS FERIAS</t>
  </si>
  <si>
    <t>DETOODITO</t>
  </si>
  <si>
    <t>CR 9 A # 52 18 - SUR BRR ABRHAM LINCOM</t>
  </si>
  <si>
    <t>HELADERIA MELIVETH</t>
  </si>
  <si>
    <t>CL 24 24 A 58</t>
  </si>
  <si>
    <t>DROGUERA Y MINIMARKET SANIDAD</t>
  </si>
  <si>
    <t>CR 24 H # 1 K 34 / BL 18 TO 2 AP 101 BRR URBANIZACION ALTOS DE LA SABANA</t>
  </si>
  <si>
    <t>PAPELERIA ABRIL</t>
  </si>
  <si>
    <t>CRA. 12 #9-10 FLORIDABLANCA SANTANDER COLOMBIA</t>
  </si>
  <si>
    <t>JHON MORERAS</t>
  </si>
  <si>
    <t>CL 4 # 5 - 03 BRR BOSQUE</t>
  </si>
  <si>
    <t>MARISELA BARRAGAN TORRES</t>
  </si>
  <si>
    <t>CRA 5 #19-14</t>
  </si>
  <si>
    <t>HELADERIA LINK</t>
  </si>
  <si>
    <t>CL 6 B # 24 06 BRR LA GAITANA</t>
  </si>
  <si>
    <t>VIDA SANA PRO FARMACIA</t>
  </si>
  <si>
    <t>CRA 29 = 19-40</t>
  </si>
  <si>
    <t>O BATALA.NET</t>
  </si>
  <si>
    <t>CR 100 # 22 G 32 BRR FONTIBON</t>
  </si>
  <si>
    <t>LAURA JAHEL</t>
  </si>
  <si>
    <t>CARRERA 54 NO. 57B - 15 LOCAL 8</t>
  </si>
  <si>
    <t>CIBERWEB</t>
  </si>
  <si>
    <t>VDA VERGANZO BRR SECTOR TORRES DE SAN JUAN</t>
  </si>
  <si>
    <t>DETALLES ESTRELLA LATINA</t>
  </si>
  <si>
    <t>CL 66 # 65 - 03 BRR ISLA DEL SOL</t>
  </si>
  <si>
    <t>DROGUERIA COOPERANDO</t>
  </si>
  <si>
    <t>CL 81 D # 22 - 08 BRR VALLE GRANDE</t>
  </si>
  <si>
    <t>PAPELERA DNDE ABRAHAM</t>
  </si>
  <si>
    <t>CL 8 6-40P APTO 1</t>
  </si>
  <si>
    <t>PELUQUERA ESTTICA CABELLITOS STUDIO</t>
  </si>
  <si>
    <t>CR 21 # 152 39 BRR EL PROGRESO</t>
  </si>
  <si>
    <t>VARIEDADES LA ECONOMIA</t>
  </si>
  <si>
    <t>CL 5 # 10 43 BRR CENTRO RIVERA</t>
  </si>
  <si>
    <t>DROGUERIA SHALIN Y DON PAGO SUCURSALES S.A.S</t>
  </si>
  <si>
    <t>CL 43 SUR # 12 F 08 BRR SAN JORGE</t>
  </si>
  <si>
    <t>FERCONORTE</t>
  </si>
  <si>
    <t>CRA. 20 #21-76 BUCARAMANGA SANTANDER COLOMBIA</t>
  </si>
  <si>
    <t>CLIFOR PETS</t>
  </si>
  <si>
    <t>CRA. 19 #20-91 ARMENIA QUINDIO COLOMBIA</t>
  </si>
  <si>
    <t>PAPELERIA DIGITAL</t>
  </si>
  <si>
    <t>CR 16 A # 15 03 BRR SAN CRISTOBAL</t>
  </si>
  <si>
    <t>GLKY GROUP S.A.S</t>
  </si>
  <si>
    <t>CR 50 # 25 127 / OF 202 BRR GUAYABAL</t>
  </si>
  <si>
    <t>MINI TIENDA EL SOCIO</t>
  </si>
  <si>
    <t>CL 91 # 8 03 BRR ALBERTO GALINDO</t>
  </si>
  <si>
    <t>PAÑALERA MIS ANGELITOS</t>
  </si>
  <si>
    <t>CR 71 # 102 51 BRR BOSA EL RECREO</t>
  </si>
  <si>
    <t>SALA DE INTERNET MICHELL</t>
  </si>
  <si>
    <t>CRA 4 3 46</t>
  </si>
  <si>
    <t>UNO MOVIL POPAYAN</t>
  </si>
  <si>
    <t>CL. 25 NTE. #1-39 POPAYAN CAUCA COLOMBIA</t>
  </si>
  <si>
    <t>MOTOGOLD SAS</t>
  </si>
  <si>
    <t>CL. 4 #7-47 FLORIDABLANCA SANTANDER COLOMBIA</t>
  </si>
  <si>
    <t>KBOD MULTISERVICIOS</t>
  </si>
  <si>
    <t>CR 15 # 107 B 7 / LC 07 BRR DANGOND</t>
  </si>
  <si>
    <t>CYBER CLAUDIA</t>
  </si>
  <si>
    <t>CR 1 # 34 - 28 BRR CANDIDO</t>
  </si>
  <si>
    <t>MISCELANEA LUJOS</t>
  </si>
  <si>
    <t>CL 71 # 1 BIS 133 BRR LA INMACULADA</t>
  </si>
  <si>
    <t>CERRITO</t>
  </si>
  <si>
    <t>PAPELERIA CIENCIA LEGAL</t>
  </si>
  <si>
    <t>CR 6 # 6 - 35 BRR SANTANDER</t>
  </si>
  <si>
    <t>TRAMIRED</t>
  </si>
  <si>
    <t>CRA. 4 #4-29 LOS CORDOBAS CORDOBA COLOMBIA</t>
  </si>
  <si>
    <t>REPRESENTACIONES SARAMA TECNOLOGIA Y SERVICIOS</t>
  </si>
  <si>
    <t>CRA. 60 #44C-189 BARRANCABERMEJA SANTANDER COLOMBIA</t>
  </si>
  <si>
    <t>CARRERA 92 NO. 159 - 20</t>
  </si>
  <si>
    <t>VARIEDADES MARQUEZ.</t>
  </si>
  <si>
    <t>CARRERA 18 # 31 - 81 BARRIO LA BOMBA</t>
  </si>
  <si>
    <t>JASCALCOPY</t>
  </si>
  <si>
    <t>CARRERA 17 CALLE 58 NB # 17-11</t>
  </si>
  <si>
    <t>ASOPAGOS</t>
  </si>
  <si>
    <t>CN 5 CA 382 BRR URBANO</t>
  </si>
  <si>
    <t>MARY.PO</t>
  </si>
  <si>
    <t>MZ 32 CA 11 BRR SANTA ANA</t>
  </si>
  <si>
    <t>BERACA COROZAL</t>
  </si>
  <si>
    <t>CR 31 # 38 B 16 BRR LAS FLORES</t>
  </si>
  <si>
    <t>PINGO. NET</t>
  </si>
  <si>
    <t>CL 16 # 20 B 62 BRR LA CAMPINA</t>
  </si>
  <si>
    <t>DON PAGO BOSA JAN JOSE</t>
  </si>
  <si>
    <t>CL 39 B SUR # 72 J 45 BRR BOSA SAN JOSE</t>
  </si>
  <si>
    <t>COOFFEELINE</t>
  </si>
  <si>
    <t>CRA. 15 #15-50 RIOHACHA LA GUAJIRA COLOMBIA</t>
  </si>
  <si>
    <t>NARANJA MECANICA CYBERGAMES</t>
  </si>
  <si>
    <t>CRA. 7 #72 NORTE-5 POPAYN CAUCA COLOMBIA</t>
  </si>
  <si>
    <t>PAPELERIA ANGELITO</t>
  </si>
  <si>
    <t>CR 6 C # 7 35 / AP 102 BRR CUATRO VIENTOS</t>
  </si>
  <si>
    <t>CENTRO DE SERVICIOS SOLURED</t>
  </si>
  <si>
    <t>CR 2NO. 9 - 17</t>
  </si>
  <si>
    <t>DISTRIBUCIONES DEL SINU ML</t>
  </si>
  <si>
    <t>CR 10 # 12 12 BRR LIBERTAD</t>
  </si>
  <si>
    <t>VHS ELECTRICOS</t>
  </si>
  <si>
    <t>CL 14 # 10 A 101 BRR EL LIBERTADOR</t>
  </si>
  <si>
    <t>TANIA OLIVERO</t>
  </si>
  <si>
    <t>CR 27 # 19 7 BRR LA ESPERANZA</t>
  </si>
  <si>
    <t>KYND AND BABY</t>
  </si>
  <si>
    <t>QUIMBAYA - FILANDIA #13-53 QUIMBAYA QUINDIO COLOMBIA</t>
  </si>
  <si>
    <t>PAPELERIA BULEVAR DE LAS VILLAS</t>
  </si>
  <si>
    <t>ALVARO PERDOMO LOZANO</t>
  </si>
  <si>
    <t>CR 68 L # 37 D - 29 SUR BRR CARVAJAL</t>
  </si>
  <si>
    <t>NÓVITA</t>
  </si>
  <si>
    <t>SALA DE INTERNET WILLARY</t>
  </si>
  <si>
    <t>ALD ALD DROGUERÃA DUFAY BRR CAMELLON</t>
  </si>
  <si>
    <t>CELU TENGO</t>
  </si>
  <si>
    <t>CLL 3 1B 166 LOC LOMA DE VELEZ</t>
  </si>
  <si>
    <t>MEGATIENDA EL CAFETAL</t>
  </si>
  <si>
    <t>AV DE LAS AMERICAS 50 03 LC 18 - 19</t>
  </si>
  <si>
    <t>DON PAGO CENTRO DE NEGOCIOS LA REINA</t>
  </si>
  <si>
    <t>CL 8 A # 37 A 08 BRR SAN ANDRESITO</t>
  </si>
  <si>
    <t>MAX BUENO VILLABEL</t>
  </si>
  <si>
    <t>CR 11 # 13 34 BRR VILLABEL</t>
  </si>
  <si>
    <t>MINITIENDA</t>
  </si>
  <si>
    <t>CL 29 D # 1 E 10 BRR CUNDUY</t>
  </si>
  <si>
    <t>FARMAYA PLUS</t>
  </si>
  <si>
    <t>CRA 45 # 146B-05 LOCAL 2 PRADOS DE L SUR</t>
  </si>
  <si>
    <t>DROGUERï¿­A Dï¾´MAURY</t>
  </si>
  <si>
    <t>CL. 12 #24-2 BUCARAMANGA SANTANDER COLOMBIA</t>
  </si>
  <si>
    <t>FACELOOK#WAPASYWAPOS</t>
  </si>
  <si>
    <t>CL. 4 #3-4 EL CARMEN DE CHUCUR SANTANDER COLOMBIA</t>
  </si>
  <si>
    <t>MAHATES</t>
  </si>
  <si>
    <t>FOTOCOMUNICACIONES DAYOS</t>
  </si>
  <si>
    <t>CR 32 A # 17 - 104 BRR LA VERA</t>
  </si>
  <si>
    <t>PAGOS M Y G</t>
  </si>
  <si>
    <t>CR 12 # 7 - 87 BRR TORITO</t>
  </si>
  <si>
    <t>CIGARRERIA S.T.W</t>
  </si>
  <si>
    <t>CL 40 SUR # 94 A - 15 BRR BALLEAVISTA</t>
  </si>
  <si>
    <t>CLICKNET</t>
  </si>
  <si>
    <t>TV 144 A # 54 85 BRR LA CUMBRE</t>
  </si>
  <si>
    <t>ALMACEN DE ROPA CALZADO Y PAPELERIA</t>
  </si>
  <si>
    <t>CL 17 # CR 2 - 5 APTO 01 EH4340</t>
  </si>
  <si>
    <t>INTERLIBI</t>
  </si>
  <si>
    <t>CR 3 E # 18 H 16 / LC 2 BRR SIMON BOLIVAR</t>
  </si>
  <si>
    <t>PAPELERIA Y SERVICIOS KAIROS</t>
  </si>
  <si>
    <t>VDA CASABLANCA</t>
  </si>
  <si>
    <t>TIENDA LOS DOS TIOS</t>
  </si>
  <si>
    <t>MZ 9 167 BRR BOSQUES DE PINARES</t>
  </si>
  <si>
    <t>J S RECARGAS Y SUMINISTROS</t>
  </si>
  <si>
    <t>AV 4 # 14 28 BRR LA PLAYA</t>
  </si>
  <si>
    <t>INVERSIONES RA2 S.A.S</t>
  </si>
  <si>
    <t>CRA. 8 #44-55 BARRANQUILLA ATLANTICO COLOMBIA</t>
  </si>
  <si>
    <t>SAN JOSÉ DE URÉ</t>
  </si>
  <si>
    <t>PANADERIA Y ESTANQUILLO MAXIPAN URE</t>
  </si>
  <si>
    <t>CRA 6 2 64</t>
  </si>
  <si>
    <t>VARIEDADES JYD</t>
  </si>
  <si>
    <t>CR 53 D # 2 3 / MZ 19 CA 26 BRR VALLE DEL ORTIGAL</t>
  </si>
  <si>
    <t>AZFMILTISERVICIOS</t>
  </si>
  <si>
    <t>CR 4 # 5 62 BRR CENTRO</t>
  </si>
  <si>
    <t>CACHARRERIA CENTRAL</t>
  </si>
  <si>
    <t>CLL 8 6-16</t>
  </si>
  <si>
    <t>MISCELANEA TODO EN UNO MP</t>
  </si>
  <si>
    <t>CR 16 # 18 49 BRR BELALCAZAR</t>
  </si>
  <si>
    <t>DONDE LUCHO</t>
  </si>
  <si>
    <t>CR 92 # 71 41 BRR BOSA EL RECREO</t>
  </si>
  <si>
    <t xml:space="preserve">EFECTY </t>
  </si>
  <si>
    <t>90 #1C-81 MAICAO LA GUAJIRA COLOMBIA</t>
  </si>
  <si>
    <t>NUEVO EXITO</t>
  </si>
  <si>
    <t>CR 28 # 49 33 / LC 1 BRR NUEVO EXITO</t>
  </si>
  <si>
    <t>MULTISERVICIOS LESMAN</t>
  </si>
  <si>
    <t>CRA. 19 #16-65 PUERTO TEJADA CAUCA COLOMBIA</t>
  </si>
  <si>
    <t>VARIEDADES HUNZACELL</t>
  </si>
  <si>
    <t>CRA 4 4 57</t>
  </si>
  <si>
    <t>AUTOSERVICIO Y MISCELANEA LA PRINCIPAL</t>
  </si>
  <si>
    <t>CL. 4A #2A-11 LA CELIA RISARALDA COLOMBIA</t>
  </si>
  <si>
    <t>PROVEEDORA CALLEFULL</t>
  </si>
  <si>
    <t>VDA EL CRUCE BRR EL PLACER</t>
  </si>
  <si>
    <t>COMPU SOFT</t>
  </si>
  <si>
    <t>CL 132 D # 129 - 33 BRR SUBA TOSCANA</t>
  </si>
  <si>
    <t>MULTISERVICIOS EL PROFE</t>
  </si>
  <si>
    <t>CR 11 SUR # 17 - 44 BRR RICAURTE</t>
  </si>
  <si>
    <t>EDYCOMUNICACIONES</t>
  </si>
  <si>
    <t>CRA 7 35 02</t>
  </si>
  <si>
    <t xml:space="preserve">AGROVETERINARIA SAMANA JEISON GIRALDO </t>
  </si>
  <si>
    <t>CRA. 8 #7-14 SAMANï¿ CALDAS COLOMBIA</t>
  </si>
  <si>
    <t>CR 10 # 10 26 BRR CENTRO</t>
  </si>
  <si>
    <t>DANA BOUTIQUE</t>
  </si>
  <si>
    <t>CRA 21B #61-39 BARRANQUILLA ATLANTICO COLOMBIA</t>
  </si>
  <si>
    <t>DROGUERIA DYMAR</t>
  </si>
  <si>
    <t>CRA. 14 #13-39 FLORIDABLANCA SANTANDER COLOMBIA</t>
  </si>
  <si>
    <t>VIAJES REISEN COLOMBIA</t>
  </si>
  <si>
    <t>CR 7 # 9 - 28 BRR CENTRO</t>
  </si>
  <si>
    <t>FRAPPE INTERNET</t>
  </si>
  <si>
    <t>CALLE 19 9-39</t>
  </si>
  <si>
    <t>MULTISERVICIOS SOTOMAYOR</t>
  </si>
  <si>
    <t>CL 5 # 11 - 75 BRR CALLE NUEVA</t>
  </si>
  <si>
    <t>VARIEDADES Y TECNOLOGIA SHADAY</t>
  </si>
  <si>
    <t>DG 2 # 4 - 89 / LC 2 BRR CALLE TOLU</t>
  </si>
  <si>
    <t>SSOLUCIONES Y SERVICIOS</t>
  </si>
  <si>
    <t>DG 16 # 104 57 / LC 107 BRR ZONA FRANCA FONTIBON</t>
  </si>
  <si>
    <t>VARIEDADES CANDICE</t>
  </si>
  <si>
    <t>CRA. 7 #131-34 BARRANQUILLA ATLANTICO COLOMBIA</t>
  </si>
  <si>
    <t>RESTAURANTE Y ESTADERO LOS ANGELES</t>
  </si>
  <si>
    <t>CL. 47 #1C 2-78 BARRANQUILLA ATLNTICO COLOMBIA</t>
  </si>
  <si>
    <t>FARMASALUD EXPRESS L.A S.A.S</t>
  </si>
  <si>
    <t>CL 13 # 10 165</t>
  </si>
  <si>
    <t>DIMALI</t>
  </si>
  <si>
    <t>CL 19 # 5 - 40 / LC BRR GRAN COLOMBIA</t>
  </si>
  <si>
    <t>DISTRIBUIDORA SILVER</t>
  </si>
  <si>
    <t>CL. 34 #21-35 BUCARAMANGA SANTANDER COLOMBIA</t>
  </si>
  <si>
    <t>SANTA ANA CAFE</t>
  </si>
  <si>
    <t>CRA 19 12 50 PISO 0 LOCAL 12 MEGACENTRO</t>
  </si>
  <si>
    <t>NATALIA MORENO CAICEDO</t>
  </si>
  <si>
    <t>CL 13 # 7 85 BRR RIONEGRO</t>
  </si>
  <si>
    <t>DG 81 C # 72 B 78 BRR MINUTO DE DIOS</t>
  </si>
  <si>
    <t>DROGUERIA MONTERREY RG</t>
  </si>
  <si>
    <t>CL 16 CR 23 - 93 DPL DY1383</t>
  </si>
  <si>
    <t>INTERNET INFORMATICO J.M.K.</t>
  </si>
  <si>
    <t>CR 11 # 15 49 BRR LLERAS</t>
  </si>
  <si>
    <t>DROGUERIA BONILLA TERUEL</t>
  </si>
  <si>
    <t>CR 3 # 4 14 BRR CENTRO</t>
  </si>
  <si>
    <t>SAN GABRIEL COMUNICACIONES</t>
  </si>
  <si>
    <t>CL 153 # 100 36 BRR SUBA PINAR</t>
  </si>
  <si>
    <t>TORITOCEL</t>
  </si>
  <si>
    <t>CR 9 # 21 B 28 BRR SAN MARTIN</t>
  </si>
  <si>
    <t>PAPELERIA Y CENTRO DE COPIADO OLAYA 70B</t>
  </si>
  <si>
    <t>CL. 70B #32-56 BARRANQUILLA ATLANTICO COLOMBIA</t>
  </si>
  <si>
    <t>HC PUNTO LA 48</t>
  </si>
  <si>
    <t>CL 48 # 22 - 69 BRR FARALLONES</t>
  </si>
  <si>
    <t>ASOCONTABLES</t>
  </si>
  <si>
    <t>CALLE 20 N. 4C-63</t>
  </si>
  <si>
    <t>DON PAGO BELEN</t>
  </si>
  <si>
    <t>CL 27 # 26 46 BRR BELEN</t>
  </si>
  <si>
    <t>CL 45 # 11 O - 75 BRR CAMPO HERMOSO</t>
  </si>
  <si>
    <t>TIENDAS Y NOVEDADES PERSAL</t>
  </si>
  <si>
    <t>CR 52 # 15 39 BRR PRIMERA DE MAYO</t>
  </si>
  <si>
    <t>DROGUERIA SALVADOR SANTA CRUZ</t>
  </si>
  <si>
    <t>CRA 29 42 37 BODEGA 1</t>
  </si>
  <si>
    <t>MISCELANEA Y PAPELERIA LAURENN</t>
  </si>
  <si>
    <t>CRA 5 8 19 BRR BELEN</t>
  </si>
  <si>
    <t>INVERSIONES DACLASO</t>
  </si>
  <si>
    <t>CL. 19 #19-41 BARANOA ATLï¿NTICO COLOMBIA</t>
  </si>
  <si>
    <t>DON PAGO MULTIPAGOS LUCIANA</t>
  </si>
  <si>
    <t>DON PAGO MONTERIA</t>
  </si>
  <si>
    <t>CR 4 # 3 28 BRR SABANAL</t>
  </si>
  <si>
    <t>DISTRIBUICIONES ENLACE</t>
  </si>
  <si>
    <t>CR 5 # 8 53 BRR CENTRO</t>
  </si>
  <si>
    <t>FOTOS YFOTOS DIGITAL</t>
  </si>
  <si>
    <t>CR 11 # 18 A 25 BRR CENTRO</t>
  </si>
  <si>
    <t>SURTIMAX</t>
  </si>
  <si>
    <t>CL 7 A # 4 23 BRR CENTRO MONTANITA</t>
  </si>
  <si>
    <t>ARCOIRIS MULTISERVICIOS</t>
  </si>
  <si>
    <t>CR 5 # 6 - 51 BRR CENTRO</t>
  </si>
  <si>
    <t>FARMAZONA EXPRESS</t>
  </si>
  <si>
    <t>CR 18 B # 48 08 BRR ROSENDO GARCES</t>
  </si>
  <si>
    <t>LA 4TA DROGUERIA Y MINIMARKET</t>
  </si>
  <si>
    <t>CR 4 # 14 60 BRR CENTRO</t>
  </si>
  <si>
    <t>AGUA VIVA PLAZA COMERCIAL</t>
  </si>
  <si>
    <t>CL 13 # 15 60 BRR EL CENTRO FONSECA</t>
  </si>
  <si>
    <t>NOVEDADES LA FAMA#1</t>
  </si>
  <si>
    <t>CAFETERIA MANGO BICHE</t>
  </si>
  <si>
    <t>CL 24 # 14 40 BRR CENTRO</t>
  </si>
  <si>
    <t>CL 7 # 32 103 / CON EL PRADO AP 504 BRR SAN MARTIN</t>
  </si>
  <si>
    <t>LUIS ENRIQUE MARTINEZ GUERRERO</t>
  </si>
  <si>
    <t>CR 2 NO. 4 - 34 BRR CENTRO</t>
  </si>
  <si>
    <t>MUTIPAGOS KAMANI</t>
  </si>
  <si>
    <t>CL 12 # 5 C 05 - ESTE BRR KAMANI</t>
  </si>
  <si>
    <t>DON PAGO DE</t>
  </si>
  <si>
    <t>CR 70 # 22 D 17 / LC 136 BRR CARLOS LLERAS RESTREPO</t>
  </si>
  <si>
    <t>FUENTE DE SODA SOFIA</t>
  </si>
  <si>
    <t>CL. 35 #26-43 BUCARAMANGA SANTANDER COLOMBIA</t>
  </si>
  <si>
    <t>SOLUCIONES INFORMATICAS.NET</t>
  </si>
  <si>
    <t>DG 68 SUR # 37 A - 49 BRR CANDELARIALANUEVA</t>
  </si>
  <si>
    <t>TIENDA EL FARO DE LA 40</t>
  </si>
  <si>
    <t>CL 40 # 4 23 BRR LA MAGDALENA</t>
  </si>
  <si>
    <t>VARIEDADES MAILOVE</t>
  </si>
  <si>
    <t>CR 50 SUR # 18 - 24 BRR TERRANOVA</t>
  </si>
  <si>
    <t>CL 24 A # 45 113 / LC 113 BRR SANTANDER</t>
  </si>
  <si>
    <t>VARIEDADES MONTEVERDE</t>
  </si>
  <si>
    <t>CL 51 # 14 D 84 BRR VILLA CAMPESTRE</t>
  </si>
  <si>
    <t>DROGUERIA LA CEIBA</t>
  </si>
  <si>
    <t>CR 25 # 26 53 BRR LA CEIBA</t>
  </si>
  <si>
    <t>MULTISERVICIOS BOLIVAR CAUCA</t>
  </si>
  <si>
    <t>FLOR MARIA GAMBOA</t>
  </si>
  <si>
    <t>CRA 38 32-54</t>
  </si>
  <si>
    <t>CR 12 # 6 60 BRR CENTRO</t>
  </si>
  <si>
    <t>LA VITRIANITA</t>
  </si>
  <si>
    <t>DG 4 # 4 62 BRR PUEBLO NUEVO</t>
  </si>
  <si>
    <t>MISCELANEA FAMILIAR</t>
  </si>
  <si>
    <t>CL 6 # 7 45 BRR CENTRO MILAN</t>
  </si>
  <si>
    <t>VUALA</t>
  </si>
  <si>
    <t>CR 78 F # 42 F - 12 SUR BRR PASTRANA</t>
  </si>
  <si>
    <t>MINIMARKET LA CELESTIAL</t>
  </si>
  <si>
    <t>CL. 83A #14-39 SOLEDAD BARRANQUILLA ATLANTICO COLOMBIA</t>
  </si>
  <si>
    <t>A&amp;C MULTISERVICIOS</t>
  </si>
  <si>
    <t>CRA. 11 #19 VILLANUEVA LA GUAJIRA COLOMBIA</t>
  </si>
  <si>
    <t>MARIANACORTES</t>
  </si>
  <si>
    <t>CRA. 21 #15-74 PUERTO TEJADA CAUCA COLOMBIA</t>
  </si>
  <si>
    <t>MONTALLANTAS TRIBILIN</t>
  </si>
  <si>
    <t>TV 6 # 15 84 BRR PORVENIR</t>
  </si>
  <si>
    <t>LIRIA IRMA</t>
  </si>
  <si>
    <t>CL 3 # 2 02 BRR CENTRO</t>
  </si>
  <si>
    <t>PANADERIA Y REPOSTERIA STA CLARA</t>
  </si>
  <si>
    <t>CRA 14 12 B 10</t>
  </si>
  <si>
    <t>LA BOTICA DE MARGARITA</t>
  </si>
  <si>
    <t>CL 9 N # 21 - 51 / BL 7 LC 101 BRR YULIMA 3</t>
  </si>
  <si>
    <t>MUNDO DROGAS 2</t>
  </si>
  <si>
    <t>CLL 67 25 02 LOC 3 CUBA</t>
  </si>
  <si>
    <t>FERRETERIA PINEDA CONSTRUCCIONES</t>
  </si>
  <si>
    <t>SEC LA VIRGEN LOTE 171 BRR NUEVA COLOMBIA</t>
  </si>
  <si>
    <t>DROGUERIA SAMY SALUD AP</t>
  </si>
  <si>
    <t>CL 75 C # 105 B - 04 BRR GARCES NAVAS</t>
  </si>
  <si>
    <t>TERNURA</t>
  </si>
  <si>
    <t>CRA. 18 #80B-5 SOLEDAD BARRANQUILLA ATLï¿NTICO COLOMBIA</t>
  </si>
  <si>
    <t>ASCENDER COMUNICACIONES</t>
  </si>
  <si>
    <t>CR 1 E # 29 155 BRR LA CUMBRE</t>
  </si>
  <si>
    <t>DROGUERIA VARGAS</t>
  </si>
  <si>
    <t>CR 5 A # 14 - 15 BRR JUAN PABLO II</t>
  </si>
  <si>
    <t>VARIEDADES FOX</t>
  </si>
  <si>
    <t>CL. 44 #8-30 BUCARAMANGA SANTANDER COLOMBIA</t>
  </si>
  <si>
    <t>SERVICIOS LA QUINTA</t>
  </si>
  <si>
    <t>CR 5 # 5 51 BRR PAEZ</t>
  </si>
  <si>
    <t>AQUI ES</t>
  </si>
  <si>
    <t>CR 8 # 5 17 BRR SAN FRANCISCO</t>
  </si>
  <si>
    <t>CRISMALAJUN</t>
  </si>
  <si>
    <t>CL 49 B SUR # 5 D - 26 BRR SAN AGUSTIN</t>
  </si>
  <si>
    <t>DROGUERIA Y VARIEDADES +POR -</t>
  </si>
  <si>
    <t>CR 11 # 13 68 BRR VEINTE DE JULIO</t>
  </si>
  <si>
    <t>INTERPRINT COLOMBIA</t>
  </si>
  <si>
    <t>CR 23 # 8 10 / LC 2 BRR MIRADOR DE ARENALES</t>
  </si>
  <si>
    <t>TIENDA DE REGALOS HAPPYAMOR</t>
  </si>
  <si>
    <t>CRA. 14 #54-328 SOLEDAD ATLï¿NTICO COLOMBIA</t>
  </si>
  <si>
    <t>DANIELA NET</t>
  </si>
  <si>
    <t>CL. 50 #20-91 BARRANCABERMEJA SANTANDER COLOMBIA</t>
  </si>
  <si>
    <t>EL TRASPORTADOR</t>
  </si>
  <si>
    <t>CRA. 19 #16-68 BUCARAMANGA SANTANDER COLOMBIA</t>
  </si>
  <si>
    <t>SERNA VARIEDDADES INTERNET</t>
  </si>
  <si>
    <t>CRA. 20 #17-21 ARMENIA QUINDIO COLOMBIA</t>
  </si>
  <si>
    <t>PATY.COM</t>
  </si>
  <si>
    <t>CR 6 # 16 22 BRR LOS ANDES</t>
  </si>
  <si>
    <t>CAMJEM.COM PAPELERIA Y COMUNICACIONES</t>
  </si>
  <si>
    <t>CL 13 SUR # 10 C - 84 BRR SAN CRISTOBAL SUR</t>
  </si>
  <si>
    <t xml:space="preserve">FARMACARIBE   DSD </t>
  </si>
  <si>
    <t>CL. 98 #9G-1 BARRANQUILLA ATLANTICO COLOMBIA</t>
  </si>
  <si>
    <t>MULTISERVICIOS GYM</t>
  </si>
  <si>
    <t>DROGUERIA FARMA LAP N 2</t>
  </si>
  <si>
    <t>CL 43 A # 60 65 BRR MARÃA EUGENIA</t>
  </si>
  <si>
    <t>PANADERIA VILLAMARIA</t>
  </si>
  <si>
    <t>CR 74 H # 62 B 57 - SUR BRR MARIA CANO</t>
  </si>
  <si>
    <t>EL PAISA.COM</t>
  </si>
  <si>
    <t>CL 23 D # 103 A - 15 BRR LA CABANA FOMTIBON</t>
  </si>
  <si>
    <t>SISTEMAS INTEGRADO</t>
  </si>
  <si>
    <t>CR 2 BIS # 4 A - 21 BRR SAN BENITO</t>
  </si>
  <si>
    <t>SERVIPAGOS YOHENIS</t>
  </si>
  <si>
    <t>CR 20 # 2 A 71 BRR LOMA FRESCA</t>
  </si>
  <si>
    <t>LT 6 MZ I BRR LUIS CARLOS GALAN</t>
  </si>
  <si>
    <t>EL MANANTIAL DE LA 13</t>
  </si>
  <si>
    <t>CL. 13 #11-19 SABANALARGA ATLNTICO COLOMBIA</t>
  </si>
  <si>
    <t>DROGUERIA EL MEJOR PRECIO</t>
  </si>
  <si>
    <t>CL 18 1J 33 AV AL HOSPITAL</t>
  </si>
  <si>
    <t>JOCASA</t>
  </si>
  <si>
    <t>CALLE 60 # 18A -58 SAN BERNARDO</t>
  </si>
  <si>
    <t>MONSALVO ACOSTA</t>
  </si>
  <si>
    <t>CL 8 # 11 - 104 BRR ALFONSO LOPEZ</t>
  </si>
  <si>
    <t>LEIDY RECARGAS</t>
  </si>
  <si>
    <t>AV.12 #7A-22 LOMA DE BOLIVAR</t>
  </si>
  <si>
    <t>LIMONET.COM</t>
  </si>
  <si>
    <t>CR 25 # 1 D 19 BRR LOS GUADALES III</t>
  </si>
  <si>
    <t>PTO SFCO</t>
  </si>
  <si>
    <t>CL 13 # 23 37 / CC SAN PACHO LOCAL 3 BRR SAN FRANCISCO</t>
  </si>
  <si>
    <t>DOMICILIO  DE ONE</t>
  </si>
  <si>
    <t>CL 18 CR 12 31 LOC 1 AV3930</t>
  </si>
  <si>
    <t>ESTACIN DE SERVICIOS ISA</t>
  </si>
  <si>
    <t>CARRERA 15 #102 DISTRACCION DISTRACCIN LA GUAJIRA COLOMBIA</t>
  </si>
  <si>
    <t>VARIEDADES LOS D</t>
  </si>
  <si>
    <t>CALLE 5 NO. 2 - 08</t>
  </si>
  <si>
    <t>VARIEDADES ALEMA</t>
  </si>
  <si>
    <t>MZ 7 CASA4 BRR TERCERA ETAPA</t>
  </si>
  <si>
    <t>MULTIFARMACIA LA 14</t>
  </si>
  <si>
    <t>CL 14 # 15 - 06 BRR ARGELIA</t>
  </si>
  <si>
    <t>SAN JOAQUÍN</t>
  </si>
  <si>
    <t>MICROMERCADO SUPER ECONOMICO CJ</t>
  </si>
  <si>
    <t>CRA. 4 #438 SAN JOAQUIN SANTANDER COLOMBIA</t>
  </si>
  <si>
    <t>TIENDA KAMI LA 19</t>
  </si>
  <si>
    <t>CALLE 19 50 43</t>
  </si>
  <si>
    <t>DANIRED</t>
  </si>
  <si>
    <t>CRA. 5 #20-85 MONTERIA CORDOBA COLOMBIA</t>
  </si>
  <si>
    <t xml:space="preserve">TIENDA LA OTRA FRONTERA </t>
  </si>
  <si>
    <t>CR 12 CL 18 - 73 DPL AV3576</t>
  </si>
  <si>
    <t xml:space="preserve">SY DISTRIBUCIONES GONZALEZ </t>
  </si>
  <si>
    <t>CRA. 1 SUR #41C-6 BARRANQUILLA ATLï¿NTICO COLOMBIA</t>
  </si>
  <si>
    <t>TODOSERVI MARIA J</t>
  </si>
  <si>
    <t>CRA 9 9 67</t>
  </si>
  <si>
    <t>MAXI FRUVER DEL LLANO</t>
  </si>
  <si>
    <t>CL 18 B # 13 B - 72 BRR LOS ROSALES</t>
  </si>
  <si>
    <t>MINI TIENDA DE MONO</t>
  </si>
  <si>
    <t>CR 12 # 22A 33 BARRIO TENERIFE</t>
  </si>
  <si>
    <t>CR 89 # 22 41 BRR CAPERLONIA</t>
  </si>
  <si>
    <t>MISCELANEA LA NUEVA LUZ</t>
  </si>
  <si>
    <t>MZ 118 CA 13 BRR MODELIA</t>
  </si>
  <si>
    <t>ADVANCE TECHNOLOGY GROUP S A S</t>
  </si>
  <si>
    <t>CR 12 # 28 21 BRR MIRAFLORES</t>
  </si>
  <si>
    <t>SERVIEXPRESS KANDA NET</t>
  </si>
  <si>
    <t>CR 11 # 56 C 21 BRR LA CEIBA</t>
  </si>
  <si>
    <t>CENTROVENTAS</t>
  </si>
  <si>
    <t>Carrera 11 A No. 5-25 Telefax: 6254635 - 6254637 Cel. 311 811 19 81</t>
  </si>
  <si>
    <t>VARIEDADES Y DETALLES MERCY</t>
  </si>
  <si>
    <t>CRA. 4 #81-48 BOGOTA COLOMBIA</t>
  </si>
  <si>
    <t>HENRY USECHE</t>
  </si>
  <si>
    <t>CL 45 # 13 50 BRR PALERMO</t>
  </si>
  <si>
    <t>MARILUZ ESQUINA MERCADDO BUCARAMANGA</t>
  </si>
  <si>
    <t>CL 31 # 15 67 BRR CENTRO</t>
  </si>
  <si>
    <t>ALAS PAPELERIA</t>
  </si>
  <si>
    <t>CR 13 # 4 54 BRR CASCO ANTIGUO</t>
  </si>
  <si>
    <t>CIBERSUPERWOW</t>
  </si>
  <si>
    <t>CARRERA 19 # 59A - 91 LA TRINIDAD</t>
  </si>
  <si>
    <t>MERCAMAX</t>
  </si>
  <si>
    <t>CR 10 A # 2 - 48 BRR LAS MERCEDES</t>
  </si>
  <si>
    <t>INVERSIONES MALU</t>
  </si>
  <si>
    <t>CR 91 A # 40 - 27 SUR BRR GRANADA</t>
  </si>
  <si>
    <t>ALELI SHOP</t>
  </si>
  <si>
    <t>CL 73 # 1 69 BRR VILLA DEL NORTE</t>
  </si>
  <si>
    <t>TRAMITES SAM</t>
  </si>
  <si>
    <t>CL 28 # 22 7 BRR ALARCON</t>
  </si>
  <si>
    <t>ESTACION COFEMA</t>
  </si>
  <si>
    <t>KM 4 MORELIA BRR COFEMA</t>
  </si>
  <si>
    <t>MULTIFACE</t>
  </si>
  <si>
    <t>CR 4 # 4 - 67 BRR CENTRO</t>
  </si>
  <si>
    <t>MOBILE PHONE BY NICK</t>
  </si>
  <si>
    <t>CL 26 # 4 - 80 SUR BRR LAS FERIAS</t>
  </si>
  <si>
    <t>PERSONAL EXPRESS DOMICILIOS Y MENSAJERIA</t>
  </si>
  <si>
    <t>CRA. 7 #40-61 MONTERï¿A Cï¿“RDOBA COLOMBIA</t>
  </si>
  <si>
    <t>CREDITOS ROPERO SAS</t>
  </si>
  <si>
    <t>CRA. 5 ESTE #27-31 FLORIDABLANCA SANTANDER COLOMBIA</t>
  </si>
  <si>
    <t>CONSULTORIA E INVERSIONES MIRANDA S.A.S</t>
  </si>
  <si>
    <t>CL. 20 #6-31 PEREIRA RISARALDA COLOMBIA</t>
  </si>
  <si>
    <t>SUPER TIENDA KIKE</t>
  </si>
  <si>
    <t>BR. STA. RITA MZ. 15 #11 ARMENIA QUINDIO COLOMBIA</t>
  </si>
  <si>
    <t>ASESORIAS Y SOLUCIONES INTEGRALES PYJ</t>
  </si>
  <si>
    <t>CL 1 # 4 A - 18 BRR CENTRO</t>
  </si>
  <si>
    <t>INNOVA TRAMITES Y COMUNICACIONES</t>
  </si>
  <si>
    <t>CL 4 # 1 - 42 / CEN BRR VILLAPINZON</t>
  </si>
  <si>
    <t>SANTA LUCÍA</t>
  </si>
  <si>
    <t>GRANERO Y DROGUERIA EL RENACER</t>
  </si>
  <si>
    <t>CL 6 6 40</t>
  </si>
  <si>
    <t>MULTICORRESPONSAL</t>
  </si>
  <si>
    <t>CR 12 A # 20 - 04 / LC 102 BRR LA ESTANCIA</t>
  </si>
  <si>
    <t>PAPELARIA E INTERNET DACARY</t>
  </si>
  <si>
    <t>CL 7 # 7 - 20 BRR CENTRO</t>
  </si>
  <si>
    <t>MISCELANEA TIKA</t>
  </si>
  <si>
    <t>CALLE 107 # 22 A -76</t>
  </si>
  <si>
    <t>SERVIFARMA LA 27</t>
  </si>
  <si>
    <t>CL. 27 #9-9 MONTERA CRDOBA COLOMBIA</t>
  </si>
  <si>
    <t>COMIDAS RAPIDAS 3/4</t>
  </si>
  <si>
    <t>CL 4 4-14</t>
  </si>
  <si>
    <t>DISTRIBUIDORA VALSOF</t>
  </si>
  <si>
    <t>CR 5 # 1 - 76 BRR CENTRO</t>
  </si>
  <si>
    <t>FULL SANO MARKET</t>
  </si>
  <si>
    <t>CL 187 # 20 - 85 BRR RINCON DEL PUENTE</t>
  </si>
  <si>
    <t>DA CELL SOLUCION</t>
  </si>
  <si>
    <t>CL 48 # 86 - 119 BRR VALLE DE LILI</t>
  </si>
  <si>
    <t>TIENDA EL PASO</t>
  </si>
  <si>
    <t>TV 142 # 149 55 / BL 3 CA 17 BRR CAMINOS DE LA ESPERANZA</t>
  </si>
  <si>
    <t>MULTISERVICIO EL CALIDOSO</t>
  </si>
  <si>
    <t>CR 14 # 59 B 16 BRR NUEVO MILENIO</t>
  </si>
  <si>
    <t xml:space="preserve">RESTAURANTE EL RINCON PAISA </t>
  </si>
  <si>
    <t>CL. 27 #1-32 MONTERIA CORDOBA COLOMBIA</t>
  </si>
  <si>
    <t>MISELANEA Y VARIEDADES M&amp;C</t>
  </si>
  <si>
    <t>CRA. 7 #40-47 BARRANQUILLA ATLï¿NTICO COLOMBIA</t>
  </si>
  <si>
    <t>ALFATEC</t>
  </si>
  <si>
    <t>CRA 10 17-55 Ed Torre Central, local 104 Pereira</t>
  </si>
  <si>
    <t>CAFE INTERNET GENESIS</t>
  </si>
  <si>
    <t>TV 5 L BIS # 48 F 25 - SUR BRR CHIRCALES</t>
  </si>
  <si>
    <t>VARIEDADES LUZ M Y M</t>
  </si>
  <si>
    <t>CR 27 B # 7 A 06 BRR SANTA HELENA</t>
  </si>
  <si>
    <t>DROGUERIA UNIBACATA EXPRES VADO REAL</t>
  </si>
  <si>
    <t>VADO REAL - OIBA #6-42 OIBA SANTANDER COLOMBIA</t>
  </si>
  <si>
    <t>CLAUDIA ISABEL</t>
  </si>
  <si>
    <t>CR 20 # 25 N 04 BRR BARR CALVERIANO</t>
  </si>
  <si>
    <t>TIENDA YESIMAR</t>
  </si>
  <si>
    <t>CR 9 # 6 158 BRR CENTRO</t>
  </si>
  <si>
    <t>DROGUERIA MEDICAL EXPRESS</t>
  </si>
  <si>
    <t>CR 2 W # 55 29 / LC 2 BRR MUTIS</t>
  </si>
  <si>
    <t>DISTRIMAS HERMANOS</t>
  </si>
  <si>
    <t>CL 15 # 11 - 19 BRR FUNZA</t>
  </si>
  <si>
    <t>PAOLA DELGADO</t>
  </si>
  <si>
    <t>CR 8 # 81 36 - SUR BRR YOMASA</t>
  </si>
  <si>
    <t>COPYCOM CENTER</t>
  </si>
  <si>
    <t>AV CIRCUNVALAR 11 80 LC 402</t>
  </si>
  <si>
    <t>VIRTUALPC.COM</t>
  </si>
  <si>
    <t>CR 8 # 8 42 BRR CENTRO MOCOA</t>
  </si>
  <si>
    <t>HIPERMERCADO LA 14</t>
  </si>
  <si>
    <t>CR 4 # 5 - 72 BRR NUEVA COLOMBIA</t>
  </si>
  <si>
    <t>DIGISERVICIOS LA 35</t>
  </si>
  <si>
    <t>CL. 35 #13-88 BUCARAMANGA SANTANDER COLOMBIA</t>
  </si>
  <si>
    <t>FOTO IMPACTO UNO</t>
  </si>
  <si>
    <t>CL 14 # 15 04 BRR CENTRO</t>
  </si>
  <si>
    <t>SALA DE INTERNET SALA WEB</t>
  </si>
  <si>
    <t>CL 54 # 23 02 BRR TORCOROMA</t>
  </si>
  <si>
    <t>MULTISERVICIOS MARY</t>
  </si>
  <si>
    <t>AV 44 A NORTE # 63 - 08 / ALM MULTISERVICIUOS MARY BRR NIQUIA</t>
  </si>
  <si>
    <t>W.KOSITA</t>
  </si>
  <si>
    <t>CR 9 # 1 - 03 BRR SAN JOSE</t>
  </si>
  <si>
    <t>CRA 15 B 104 B 18</t>
  </si>
  <si>
    <t>HEILLING VARIEDADES</t>
  </si>
  <si>
    <t>CR 6 # 9 06 BRR CENTRO</t>
  </si>
  <si>
    <t>CASA BLANCA</t>
  </si>
  <si>
    <t>TV 74 C # 81 F 96 / LC 3 BRR MINUTO DE DIOS</t>
  </si>
  <si>
    <t>GALERIA GAMEZ</t>
  </si>
  <si>
    <t>CL 32 C # 11 27 BRR URBANIZACION SAN LUIS</t>
  </si>
  <si>
    <t>EL SEMBRADOR</t>
  </si>
  <si>
    <t>CALLE8B #38-28</t>
  </si>
  <si>
    <t>SUPERMERDADO MERCADIARIO LTDA</t>
  </si>
  <si>
    <t>CRA 4 24 163</t>
  </si>
  <si>
    <t>EL TREBOL CHUCUREO</t>
  </si>
  <si>
    <t>CRA. 14 #1183 SAN VICENTE DE CHUCUR SANTANDER COLOMBIA</t>
  </si>
  <si>
    <t>LIBRERIA  CRISTIANA</t>
  </si>
  <si>
    <t>CL. 7 #6-1 ARACATACA MAGDALENA COLOMBIA</t>
  </si>
  <si>
    <t>CÉRTEGUI</t>
  </si>
  <si>
    <t>YAPAR</t>
  </si>
  <si>
    <t>BARRIO CENTRO CERTEGUI</t>
  </si>
  <si>
    <t>DEPORTIVOS Y MS</t>
  </si>
  <si>
    <t>CL 13 # 9 55 BRR CENTRO</t>
  </si>
  <si>
    <t>QUANTUM COLOMBIA SAS</t>
  </si>
  <si>
    <t>CR 48 # 95 47 BRR CENTRO</t>
  </si>
  <si>
    <t>JULIETA MAKEUP</t>
  </si>
  <si>
    <t>CRA. 3 #308 GUAVATA SANTANDER COLOMBIA</t>
  </si>
  <si>
    <t>GIFT SHOP MISCELANEA</t>
  </si>
  <si>
    <t>CRA. 43 #48-14 BARRANQUILLA ATLï¿NTICO COLOMBIA</t>
  </si>
  <si>
    <t>EPICNET</t>
  </si>
  <si>
    <t>MZ 8 CA 3 BRR EL LIBANO 2000</t>
  </si>
  <si>
    <t>LUZMABE</t>
  </si>
  <si>
    <t>CL 8 9 05</t>
  </si>
  <si>
    <t>FD EXPRESS</t>
  </si>
  <si>
    <t>CL 22 # 18 D 31 BRR PRIMERO DE MAYO</t>
  </si>
  <si>
    <t>ESTELA MOSQUERA</t>
  </si>
  <si>
    <t>CR 20 D # 63 - 90 SUR BRR SAN FRANCISCO</t>
  </si>
  <si>
    <t>TECNOLOGIA Y ACCESORIOS MEGA STORE</t>
  </si>
  <si>
    <t>CL 45 #CR1- 85 P 1 LOC 24 BE4108</t>
  </si>
  <si>
    <t>MULTISERVICIOS  SOLUCIONES INTEGRALES</t>
  </si>
  <si>
    <t>CR 9 # 9 06 BRR CENTRO</t>
  </si>
  <si>
    <t>DIGITAL MOVIL BARBOSA</t>
  </si>
  <si>
    <t>CL 10 8 52</t>
  </si>
  <si>
    <t>BARICHARA TRAVEL</t>
  </si>
  <si>
    <t>CL 5 # 5 69 BRR CENTRO</t>
  </si>
  <si>
    <t>EL ESTANTE PAPELERIA</t>
  </si>
  <si>
    <t>CR 71 A # 3 - 04 NORTE BRR NUEVA MARSELLA</t>
  </si>
  <si>
    <t>MARCO FELIPE</t>
  </si>
  <si>
    <t>CL 4 A # 9 69 BRR CENTRO AL LADO DEL COMANDO DE LA POLICIA</t>
  </si>
  <si>
    <t xml:space="preserve"> ESTABLECIMIENTO DE COMERCIO</t>
  </si>
  <si>
    <t>CALLE 134 ##9-124 BARRANQUILLA ATLï¿NTICO COLOMBIA</t>
  </si>
  <si>
    <t>PAPELERIA Y MULTISERVICIOS MP</t>
  </si>
  <si>
    <t>CRA. 17 #57 NORTE-31 POPAYAN CAUCA COLOMBIA</t>
  </si>
  <si>
    <t>INTERRAPIDISIMO GARCES NAVAS</t>
  </si>
  <si>
    <t>CR 107 B # 78 C - 81 BRR GARCES NAVAS</t>
  </si>
  <si>
    <t>M&amp;M ENTERTAINMENT</t>
  </si>
  <si>
    <t>CRA. 15 #14C-196 RIOHACHA LA GUAJIRA COLOMBIA</t>
  </si>
  <si>
    <t>COOPENESSA</t>
  </si>
  <si>
    <t>CR 15 # 103 10 / LC 3 BRR COAVICONSA</t>
  </si>
  <si>
    <t>CRISTIAN RODRIGUEZ</t>
  </si>
  <si>
    <t>CL 42 SUR # 13 C - 37 BRR SAN JORGE</t>
  </si>
  <si>
    <t>MISCELANEA PAPELERIA</t>
  </si>
  <si>
    <t>CRA 18 ESTE # 43C-27</t>
  </si>
  <si>
    <t>VARIEDADES ADRILU</t>
  </si>
  <si>
    <t>CRA. 37 #20A-7 SOLEDAD ATLANTICO COLOMBIA</t>
  </si>
  <si>
    <t>GRAFECOPIAS</t>
  </si>
  <si>
    <t>CL 34 20 05 CENTRO</t>
  </si>
  <si>
    <t>CL 13 # 11 66 BRR VEINTE DE JULIO</t>
  </si>
  <si>
    <t>VARIEDADES DREAMS</t>
  </si>
  <si>
    <t>CL 23 # 14 47 / LC 101 BRR CENTRO</t>
  </si>
  <si>
    <t>MULTIPRODUCTOS SIOR</t>
  </si>
  <si>
    <t>CARRERA 15 NO 9-82</t>
  </si>
  <si>
    <t>HITOS  NODOS PAPELERA</t>
  </si>
  <si>
    <t>PIENDAM-SILVIA #6 PIENDAM SILVIA CAUCA COLOMBIA</t>
  </si>
  <si>
    <t>PAPELERIA Y VARIEDADES PAPIROS</t>
  </si>
  <si>
    <t>CR 33 BIS NORTE # 15 46 - NORTE / AV BRR KENNEDY</t>
  </si>
  <si>
    <t>MISCELANEA LOS GEMELOS</t>
  </si>
  <si>
    <t>CRA. 12 #6A-43 CORINTO CAUCA COLOMBIA</t>
  </si>
  <si>
    <t>MISCELANEA MARTY</t>
  </si>
  <si>
    <t>CL PRINCIPAL PUEBLO NUEVO BRR CENTRO</t>
  </si>
  <si>
    <t>MULTISERVICIOS BOLONIA</t>
  </si>
  <si>
    <t>CR 9 ESTE # 81 20 - SUR BRR BOLONIA</t>
  </si>
  <si>
    <t>PAPELERIA LA COMERCIAL AYC</t>
  </si>
  <si>
    <t>CALLE 14 #13-22</t>
  </si>
  <si>
    <t>MOVIL PAPER</t>
  </si>
  <si>
    <t>CR 88 H # 0 96 / LC 1 BRR PATIO BONITO III</t>
  </si>
  <si>
    <t>ELECTROFERRETERIA LA 20</t>
  </si>
  <si>
    <t>CALLE 20 #13-69</t>
  </si>
  <si>
    <t>CENTROVET PET</t>
  </si>
  <si>
    <t>CL 20 # 14 43 BRR CONSOLATA</t>
  </si>
  <si>
    <t>TIENDA MOVIL</t>
  </si>
  <si>
    <t>CL 4 # 5 28 BRR CENTRO SAN VICENTE</t>
  </si>
  <si>
    <t>DON PAGO ST VERGEL OCC</t>
  </si>
  <si>
    <t>CL 11 A # 88 A 44 / LC 1 BRR SANTA PAZ</t>
  </si>
  <si>
    <t>TIENDA LA MOROCHITA</t>
  </si>
  <si>
    <t>CR 34 O # 33 20 - O BRR KENEDY</t>
  </si>
  <si>
    <t>YULIETH TATIANA</t>
  </si>
  <si>
    <t>CL Y CR 11-90</t>
  </si>
  <si>
    <t>PAPELERIA CENTRAL LA 11</t>
  </si>
  <si>
    <t>CL 11 # 19 01 BRR LAS AMERICAS</t>
  </si>
  <si>
    <t>ISMARY</t>
  </si>
  <si>
    <t>CL 3 # 17 - 27 BRR HACARITAMA 1</t>
  </si>
  <si>
    <t>PAPELERIA SORLU</t>
  </si>
  <si>
    <t>CL 138 A SUR # 52 - 05 / VDA BRR LA CHUSCALA</t>
  </si>
  <si>
    <t>MISCELANEA ANGEL</t>
  </si>
  <si>
    <t>CR 11 # 31 B 55 / BL 7 CA 5 BRR SOACHA COMPARTIR</t>
  </si>
  <si>
    <t>HADASA VARIEDADES</t>
  </si>
  <si>
    <t>DG 12 # 15 25 BRR EDMUNDO LOPEZ</t>
  </si>
  <si>
    <t>INTERNET MULTISERVICIO DIANITA</t>
  </si>
  <si>
    <t>CL. 42 #34-10 BUCARAMANGA SANTANDER COLOMBIA</t>
  </si>
  <si>
    <t>ELECTRONIC SION DE FACATATIVA</t>
  </si>
  <si>
    <t>CL 5 # 14 A - 54 BRR EL BOSQUE</t>
  </si>
  <si>
    <t>MULTISERVICIOS SAAVEDRA</t>
  </si>
  <si>
    <t>CL 31 0 # 20 - 05 BRR MANZANARES</t>
  </si>
  <si>
    <t>PREFABRICADOS Y FLEJES DEL LLANO</t>
  </si>
  <si>
    <t>CL 8 # 5 64 BRR LOS FUNDADORES SAN MARTIN</t>
  </si>
  <si>
    <t>EDIEL BELLEZA Y ACCESORIOS</t>
  </si>
  <si>
    <t>CL 20 # 4 A 14 BRR VILLANUEVA</t>
  </si>
  <si>
    <t>INTERNEISIONLUCIANA.COM</t>
  </si>
  <si>
    <t>CR 1 B # 43 - 39 / CA BRR VERSALLES</t>
  </si>
  <si>
    <t>MOBILE ZONA</t>
  </si>
  <si>
    <t>SECTOR D TORRE 5 LOCAL 2-2A BELLAVISTA</t>
  </si>
  <si>
    <t>DROGUERIA REAL DE MAICAO</t>
  </si>
  <si>
    <t>CL 15 11 95</t>
  </si>
  <si>
    <t>LICORES MALIBU POPAYAN</t>
  </si>
  <si>
    <t>CL. 8B #19-99 POPAYAN CAUCA COLOMBIA</t>
  </si>
  <si>
    <t>GIROS Y PAGOS LA UIS</t>
  </si>
  <si>
    <t>CR 26 A # 9 72 BRR LA UNIVERSIDAD</t>
  </si>
  <si>
    <t>SMILE FASHION</t>
  </si>
  <si>
    <t>CL 43 # 34 A 24 BRR PARAISO ALTO</t>
  </si>
  <si>
    <t>PEPELERIA GLORIA</t>
  </si>
  <si>
    <t>CL 23 # 19 25 BRR MACARENA</t>
  </si>
  <si>
    <t>PAPELERIA ANGELES.COM</t>
  </si>
  <si>
    <t>CR 13 A ESTE # 30 - 20 BRR RODEO</t>
  </si>
  <si>
    <t>FRANKDRISPAPELERIA</t>
  </si>
  <si>
    <t>CL 17 # 53 - 45 BRR PUENTE ARANDA</t>
  </si>
  <si>
    <t>VARIEDADES Y PAPELERIA LIKAOS</t>
  </si>
  <si>
    <t>CR 13 A # 14 - 30 BRR EL BONGO</t>
  </si>
  <si>
    <t>MISC/PAPEL.MILENA</t>
  </si>
  <si>
    <t>CR 87 I # 35 B 03 - SUR / CA BRR PATIO BONITO</t>
  </si>
  <si>
    <t>ELI VARIEDEADES</t>
  </si>
  <si>
    <t>CL. 2 #12-79 FLORIDABLANCA SANTANDER COLOMBIA</t>
  </si>
  <si>
    <t>PAPELERIA INTERNET LA CUNIS</t>
  </si>
  <si>
    <t>CR 52 # 47 - 18 BRR CHAPINERITO ALTO</t>
  </si>
  <si>
    <t>CENTRO DE PAGOS CESAR</t>
  </si>
  <si>
    <t>CL 14 # 06 50 BRR CENTRO</t>
  </si>
  <si>
    <t>DROGUERIA EL SEÑOR DE LOS MILAGROS</t>
  </si>
  <si>
    <t>CR 6 # 9 41 BRR CENTRO</t>
  </si>
  <si>
    <t>MICELANEA ROJAS</t>
  </si>
  <si>
    <t>CL 4 # 3 26 BRR CENTRO POBLADO BETANIA</t>
  </si>
  <si>
    <t>VARIEDADES TECNOLGICAS ELSARAMA</t>
  </si>
  <si>
    <t>CL 7 # 13 10 / LC 1 BRR SAN RAFAEL</t>
  </si>
  <si>
    <t>MICROMERCADO SULTAN</t>
  </si>
  <si>
    <t>CL 1 # 6 53 / MZ F CA 93 BRR PASEO GALICIA</t>
  </si>
  <si>
    <t>GLOBAL CELL SEVILLA SOLUCIONES</t>
  </si>
  <si>
    <t>CRA. 19 #55-140 ARMENIA QUINDï¿O COLOMBIA</t>
  </si>
  <si>
    <t>365 EXPRESS</t>
  </si>
  <si>
    <t>NUEVO ARMENIA #110 ARMENIA QUINDï¿O COLOMBIA</t>
  </si>
  <si>
    <t>DROGAS FARMACENTRO</t>
  </si>
  <si>
    <t>CR 5 D # 4 03 BRR BERLIN</t>
  </si>
  <si>
    <t>PAPELERIA MONTE SION</t>
  </si>
  <si>
    <t>CL 7 # 8 16 / LC 44 CC LOS PINOS BRR CENTRO</t>
  </si>
  <si>
    <t>TELETURISMO  YARIGUIEZ</t>
  </si>
  <si>
    <t>CL S # 3-63</t>
  </si>
  <si>
    <t>LINA FERNANDA VILLEGAS TRIANA</t>
  </si>
  <si>
    <t>CARRERA 1 NO. 35-99 BARRIO EL CUNDUY</t>
  </si>
  <si>
    <t>INVERSIONES THALIANA</t>
  </si>
  <si>
    <t>CL 42 G SUR # 86 G - 22 BRR TINTALITO</t>
  </si>
  <si>
    <t>AUTOPAGOS</t>
  </si>
  <si>
    <t>CL 32 # 42 72 BRR MEDELLIN</t>
  </si>
  <si>
    <t>CRISANDRE PAPELERIA</t>
  </si>
  <si>
    <t>CR 10 # 8 83 BRR CENTRO</t>
  </si>
  <si>
    <t>ARI.COM</t>
  </si>
  <si>
    <t>CRA. 25 #31-61 CALARC QUINDO COLOMBIA</t>
  </si>
  <si>
    <t>BANCOLOMBIA BUENOS AIRES</t>
  </si>
  <si>
    <t>CR 20 # 4 C 63 BRR BARRIO BUENOS AIRES</t>
  </si>
  <si>
    <t>MISCELANEA Y PAPELERIA SION</t>
  </si>
  <si>
    <t>CL 52 A SUR # 77 U - 27 BRR CATALINA II</t>
  </si>
  <si>
    <t>THIAGO CELL</t>
  </si>
  <si>
    <t>MULTISERVICIOS LA 52</t>
  </si>
  <si>
    <t>AV 52 A # 35 B 17 BRR PRIMERA DE MAYO</t>
  </si>
  <si>
    <t>SIMPLE</t>
  </si>
  <si>
    <t>CL 1 A # 8 - 44 BRR NACIONAL</t>
  </si>
  <si>
    <t>PERFUMERIA MARLAR</t>
  </si>
  <si>
    <t>CL 103 D # 152 - 35 BRR TURINGIA</t>
  </si>
  <si>
    <t>EFECTY POTOSI</t>
  </si>
  <si>
    <t>AP 1 DV 1 BRR POTOSI</t>
  </si>
  <si>
    <t>INTERNET SLENDY</t>
  </si>
  <si>
    <t>CL 31 # 14 W 163 BRR DON BOSCO</t>
  </si>
  <si>
    <t>PAPELERIA MAHE</t>
  </si>
  <si>
    <t>CRA. 23 #43-97 ARMENIA QUINDIO COLOMBIA</t>
  </si>
  <si>
    <t>MINIMERCADO LA COLMENITA</t>
  </si>
  <si>
    <t>MZ 17 CA 13 BRR VILLA DEL CAMPO</t>
  </si>
  <si>
    <t>ACCESORIOS MYA</t>
  </si>
  <si>
    <t>CL 10 # 19 - 67 / LC 1 BRR CENTRO</t>
  </si>
  <si>
    <t>TIENDA TOÑO</t>
  </si>
  <si>
    <t>CALLE 25 N 19-26</t>
  </si>
  <si>
    <t>MISCELANEA SHARMAR</t>
  </si>
  <si>
    <t>CRA. 35 #50-80 BARRANQUILLA ATLANTICO COLOMBIA</t>
  </si>
  <si>
    <t>EL BARATILLO PAISA</t>
  </si>
  <si>
    <t>CL 4 # 6 94 / VDA PALO ALTO BRR SAN MARCOS</t>
  </si>
  <si>
    <t>MICRO MERCADO SANTURBAN</t>
  </si>
  <si>
    <t>CRA. 3 #43 NORTE-1 BUCARAMANGA SANTANDER COLOMBIA</t>
  </si>
  <si>
    <t>CACHARRERIA Y PAPELERIA LA SENSACION</t>
  </si>
  <si>
    <t>CL. 21 #20-111 DOSQUEBRADAS RISARALDA COLOMBIA</t>
  </si>
  <si>
    <t>PUNTO DE PAGO AA</t>
  </si>
  <si>
    <t>CL KDX-953-640 SAN PABLO BRR TRES DE ENERO</t>
  </si>
  <si>
    <t>ANGELES BEAUTY SAS</t>
  </si>
  <si>
    <t>CRA 54 # 70 -97 LC 1</t>
  </si>
  <si>
    <t>PRODEPEM LTDA</t>
  </si>
  <si>
    <t>CL 24 # 6 59 BRR CHUCHURUBI</t>
  </si>
  <si>
    <t>CIBERRED</t>
  </si>
  <si>
    <t>CRA 6 NO. 10-10</t>
  </si>
  <si>
    <t>PAPELERIA Y VARIEDADES LA 93A</t>
  </si>
  <si>
    <t>CR 93 A # 130 B - 17 / LC 2 BRR SUBA RINCON</t>
  </si>
  <si>
    <t>MICHAEL ZABALETA</t>
  </si>
  <si>
    <t>CR 18 A BIS # 75 - 33 SUR BRR LA ESTRELLA</t>
  </si>
  <si>
    <t>PRAKTITODO</t>
  </si>
  <si>
    <t>CL 61 # 8 75 / LC 8 BRR REAL DE MINAS</t>
  </si>
  <si>
    <t>SOFIA ROSO</t>
  </si>
  <si>
    <t>CL 42 # 14 10 BRR ELIECER FONSECA</t>
  </si>
  <si>
    <t xml:space="preserve">SHAROLD Y LILIAN </t>
  </si>
  <si>
    <t>CRA. 35 #18-16 SOLEDAD ATLï¿NTICO COLOMBIA</t>
  </si>
  <si>
    <t xml:space="preserve">PAPELERIA BICENTENARIO </t>
  </si>
  <si>
    <t>CL. 49 NTE. #13-240 ARMENIA QUINDï¿O COLOMBIA</t>
  </si>
  <si>
    <t>PELUQUERÃA MARI</t>
  </si>
  <si>
    <t>CALLE 106 # 41 - 18 LOCAL 2</t>
  </si>
  <si>
    <t>DK SOLUCIONES 2607</t>
  </si>
  <si>
    <t>CRA. 17 #49-71 SOLEDAD ATLNTICO COLOMBIA</t>
  </si>
  <si>
    <t>DROGUERIA PHARMASALUD</t>
  </si>
  <si>
    <t>CL 30 CR 70 90APTO 1A05451</t>
  </si>
  <si>
    <t>MINIMARKET MERK EXPRESS</t>
  </si>
  <si>
    <t>CL 24 # 40 - 108 / LC 1 BRR RESERVAS DE AVICHENTE</t>
  </si>
  <si>
    <t>EL TEMPLO DE LOS ACCESORIOS</t>
  </si>
  <si>
    <t>CRA. 16 #4 TAD CHOC COLOMBIA</t>
  </si>
  <si>
    <t>LA TIENDA DE JOTA</t>
  </si>
  <si>
    <t>CR 25 # 19 21 BRR TIMANCO</t>
  </si>
  <si>
    <t>C.D.S PRADOS DEL NORTE</t>
  </si>
  <si>
    <t>CR 9 # 60 - 80 / BL A LC 2 BRR PRADOS DEL NORTE</t>
  </si>
  <si>
    <t>SUPERACTIVA S.A.S.</t>
  </si>
  <si>
    <t>CL 9 # 7 47 / LC 2 BRR CENTRO</t>
  </si>
  <si>
    <t>FERRACAMPO LA CEIBA</t>
  </si>
  <si>
    <t>CRA. 6 #10-35 VICTORIA CALDAS COLOMBIA</t>
  </si>
  <si>
    <t>TRAMITES Y TRASPASOS SYS</t>
  </si>
  <si>
    <t>CL 15 A # 31 04 - NORTE BRR BACHUE</t>
  </si>
  <si>
    <t>ALMACEN Y SASTRERIA GABI</t>
  </si>
  <si>
    <t>CR 1 # 3 21 BRR ESPERANZA</t>
  </si>
  <si>
    <t>VARIEDADES ROBLEDO</t>
  </si>
  <si>
    <t>CL. 10 #1036 SAN LUIS DE SINC SINC SAN LUIS DE SINC SUCRE COLOMBIA</t>
  </si>
  <si>
    <t>CL 13 10 165</t>
  </si>
  <si>
    <t xml:space="preserve">FARMAFE DROGUERIAS </t>
  </si>
  <si>
    <t>CRA. 18 #21-79 SINCELEJO SUCRE COLOMBIA</t>
  </si>
  <si>
    <t>LA CARPA NARANJA</t>
  </si>
  <si>
    <t>CRA. 5 #14-30 SANTA MARTA MAGDALENA COLOMBIA</t>
  </si>
  <si>
    <t>UNIENLACE</t>
  </si>
  <si>
    <t>SAN ANDRS-GUACA #1090 SAN ANDRS SANTANDER COLOMBIA</t>
  </si>
  <si>
    <t>DON PAGO IPANEMA</t>
  </si>
  <si>
    <t>AC 26 SUR # 93 D 12 BRR TIERRA BUENA</t>
  </si>
  <si>
    <t>INVERSIONES LEYAR</t>
  </si>
  <si>
    <t>CR 7 # 3 - 12 / LC 2 BRR FATIMA</t>
  </si>
  <si>
    <t>SERVICIOS PACHITA</t>
  </si>
  <si>
    <t>CL 5 # 7 48 / LC 12 BRR FLORIDA</t>
  </si>
  <si>
    <t>INTERNET MILTISERVICIOS MIRADOR DE SAN JUAN</t>
  </si>
  <si>
    <t>TRASVERSAL 22E #52 GIRN SANTANDER COLOMBIA</t>
  </si>
  <si>
    <t>VETAS</t>
  </si>
  <si>
    <t>SALA DE INTERNET KAROL NATALIA</t>
  </si>
  <si>
    <t>CL. 2A #8 PIEDECUESTA SANTANDER COLOMBIA</t>
  </si>
  <si>
    <t>TODOGUAYAS</t>
  </si>
  <si>
    <t>CR 6 # 13 21 BRR RAICERO</t>
  </si>
  <si>
    <t>SOL DE LUNA</t>
  </si>
  <si>
    <t>CL 17 B # 55 - 52 BRR PUENTE ARANDA</t>
  </si>
  <si>
    <t>SERVICIOS LA 70</t>
  </si>
  <si>
    <t>CL 70 # 4 - 39 BRR TERCER MILENIO</t>
  </si>
  <si>
    <t>DROGUE FARMASERVIR</t>
  </si>
  <si>
    <t>CRA 87 I 34A 32 SUR</t>
  </si>
  <si>
    <t>MISCELANEA Y PAPELERIA</t>
  </si>
  <si>
    <t>CR 37 # 5 33 BRR SAN GABRIEL</t>
  </si>
  <si>
    <t>CREDITTSEGUROS</t>
  </si>
  <si>
    <t>CRA. 11 #33-21 BUCARAMANGA SANTANDER COLOMBIA</t>
  </si>
  <si>
    <t>CRA. 6C SUR #47D-28 BARRANQUILLA ATLNTICO COLOMBIA</t>
  </si>
  <si>
    <t>CERVISELL</t>
  </si>
  <si>
    <t>CL 4 1 B -86</t>
  </si>
  <si>
    <t>OPTICA OLIMPICA DEL CARIBE SAS</t>
  </si>
  <si>
    <t>CRA. 44 #40-68 BARRANQUILLA ATLANTICO COLOMBIA</t>
  </si>
  <si>
    <t>DROGUERIA Y VARIEDADES J.G.B.</t>
  </si>
  <si>
    <t>CRA 6  29 - 06 BRR EL CORTIJO</t>
  </si>
  <si>
    <t>ZONA VIRTUAL.COM</t>
  </si>
  <si>
    <t>CR 8 # 2 C 10 BRR TIRZO QUINTERO</t>
  </si>
  <si>
    <t>CIBERGAME.CO</t>
  </si>
  <si>
    <t>CL 5 # 7 05 BRR REGULO SUAREZPAICOL</t>
  </si>
  <si>
    <t>AURA</t>
  </si>
  <si>
    <t>CR 20NO. 34-14</t>
  </si>
  <si>
    <t>VARIEDADES Y LICORES DANNA</t>
  </si>
  <si>
    <t>CL. 7 #277 ROSAS VDA. LA VIOLETA ROSAS CAUCA COLOMBIA</t>
  </si>
  <si>
    <t>ULTRANET</t>
  </si>
  <si>
    <t>CL. 13B #1667 GIRON SANTANDER COLOMBIA</t>
  </si>
  <si>
    <t>ILUMINACIONES JK</t>
  </si>
  <si>
    <t>CL 57 B SUR # 68 B - 92 / LC LOCAL 1 BRR CENTRO</t>
  </si>
  <si>
    <t>JR PROVICIONES1</t>
  </si>
  <si>
    <t>2 SUR #47A-15 BARRANQUILLA ATLï¿NTICO COLOMBIA</t>
  </si>
  <si>
    <t>SERVIPAGOS DELACUESTA</t>
  </si>
  <si>
    <t>CR 8 # 3 N 4 / LC 262 CC DE LA CUESTA BRR CALLEJON</t>
  </si>
  <si>
    <t>MULTISERVICIOS ENCOLOMBIA</t>
  </si>
  <si>
    <t>CARRERA 5E #27-29 LA CUMBRE</t>
  </si>
  <si>
    <t>ALMACEN RECORD QUITAN</t>
  </si>
  <si>
    <t>CL 5 # 5 - 50 BRR CENTRO</t>
  </si>
  <si>
    <t>SUPERTIENDA SU AMIGA</t>
  </si>
  <si>
    <t>CR 6 E # 16 A - 38 BRR LORENZO PRAGA</t>
  </si>
  <si>
    <t>SMART SERVICE</t>
  </si>
  <si>
    <t>CL. 9 #17C-29 MONTERA CRDOBA COLOMBIA</t>
  </si>
  <si>
    <t>MI PC REDES  ACCESORIOS</t>
  </si>
  <si>
    <t>CALLE 6 NO 4 49</t>
  </si>
  <si>
    <t>ALMACEN Y TALLER CICLO PEDAL</t>
  </si>
  <si>
    <t>CRA 7 # 13 - 18</t>
  </si>
  <si>
    <t>JK DISTRIBUIDORES</t>
  </si>
  <si>
    <t>CL 7 # 9 67 / APTDO 1 DN5924 BRR MONCERRATE</t>
  </si>
  <si>
    <t>TRES ESTRELLAS</t>
  </si>
  <si>
    <t>CL 76 # 22 - 04 BRR SAN FELIPE</t>
  </si>
  <si>
    <t>SYP SISTEMAS Y PAPELERIA</t>
  </si>
  <si>
    <t>CRA 6 5 50</t>
  </si>
  <si>
    <t>CORRESPONSAL SAN MARTIN</t>
  </si>
  <si>
    <t>CL 15 # 15 - 115 BRR LA LIBERTAD</t>
  </si>
  <si>
    <t>MINUTOS ANDRIU</t>
  </si>
  <si>
    <t>CALLE 14A #21-26</t>
  </si>
  <si>
    <t>THE BONO CAKE COFFEE DRINKS</t>
  </si>
  <si>
    <t>CR 45 # 82 - 228 / LC 3 ED RIVER MALL BRR GRANADILLO</t>
  </si>
  <si>
    <t>JM MULTISERVICIOS MA</t>
  </si>
  <si>
    <t>CL 30 CR 42 D LC 176 BRR CENTRO</t>
  </si>
  <si>
    <t>FULL ACCESORIO BARRANQUILLA MS</t>
  </si>
  <si>
    <t>TIENDA Y MISELANIA EL SINU</t>
  </si>
  <si>
    <t>CL. 27 #21-50 COROZAL SUCRE COLOMBIA</t>
  </si>
  <si>
    <t>NITRO CIRCUS</t>
  </si>
  <si>
    <t>CL 69 # 8 A 14 BRR CIUDADELA SAN EDUARDO</t>
  </si>
  <si>
    <t>CREATIVOS Y PERSONALIZADO</t>
  </si>
  <si>
    <t>CL 9 # 6 - 51 BRR CENTRO</t>
  </si>
  <si>
    <t>JAIRO ALBERTO TORRES MORENO</t>
  </si>
  <si>
    <t>CR 9 # 10 50 BRR PIVIJAY</t>
  </si>
  <si>
    <t>AUTOSERVICIO ARCOIRIS Y SERVICIOS DON PAGO</t>
  </si>
  <si>
    <t>CL 9 # 1 01 BRR LOS CENTAUROS</t>
  </si>
  <si>
    <t>GRISELDA ESPINDOLA</t>
  </si>
  <si>
    <t>CL 128 A # 121 C - 03 BRR SUBA</t>
  </si>
  <si>
    <t>SALA DE BELLEZA Y PELUQUERIA RODAS</t>
  </si>
  <si>
    <t>CL 18 # 6 63 BRR CENTRO</t>
  </si>
  <si>
    <t>LUNA DE PAPEL</t>
  </si>
  <si>
    <t>CRA. 20 #11B-20 SANTA MARTA MAGDALENA COLOMBIA</t>
  </si>
  <si>
    <t>DROGUERIA MEDISANAR</t>
  </si>
  <si>
    <t>CL. 14 #2-62 VILLAMARIA CALDAS COLOMBIA</t>
  </si>
  <si>
    <t>FERRETERIA HM</t>
  </si>
  <si>
    <t>DG 69 SUR # 18 M 62 BRR JUAN PABLO II</t>
  </si>
  <si>
    <t>PYL PAPER</t>
  </si>
  <si>
    <t>CR 44 # 13 - 100 BRR SANTO DOMINGO</t>
  </si>
  <si>
    <t>DROGUERIA VILLA INES</t>
  </si>
  <si>
    <t>CL 2 B # 37 - 24 BRR VILLA INES LOCAL #11</t>
  </si>
  <si>
    <t>DONDE PETER</t>
  </si>
  <si>
    <t>CR 13 # 104 B 2 BRR MANUELA BELTRAN</t>
  </si>
  <si>
    <t>SERVIEXPRES</t>
  </si>
  <si>
    <t>CR 3 # 56 09 BRR CENTRO</t>
  </si>
  <si>
    <t>FARMADROGAS MAICAO</t>
  </si>
  <si>
    <t>CRA. 9 #14-5 MAICAO LA GUAJIRA COLOMBIA</t>
  </si>
  <si>
    <t>DROGUERIA DEL PUEBLO</t>
  </si>
  <si>
    <t>CRA. 7 #1371 SAN PEDRO SUCRE COLOMBIA</t>
  </si>
  <si>
    <t>SAVING PHARMA</t>
  </si>
  <si>
    <t>CL. 12 #8-57 MAICAO LA GUAJIRA COLOMBIA</t>
  </si>
  <si>
    <t>PAPELERIA Y MISCELANEA NINY</t>
  </si>
  <si>
    <t>CRA. 18B #201-89 FLORIDABLANCA SANTANDER COLOMBIA</t>
  </si>
  <si>
    <t xml:space="preserve">TIENDA DE CALICHE </t>
  </si>
  <si>
    <t>CRA. 29 #20B-19 PEREIRA RISARALDA COLOMBIA</t>
  </si>
  <si>
    <t>COMPRAVENTA</t>
  </si>
  <si>
    <t>CL 14 # 31 A 22 BRR SAN ALONSO</t>
  </si>
  <si>
    <t>MISCELANEA JACKY</t>
  </si>
  <si>
    <t>CL. 27 #2-73 BUCARAMANGA SANTANDER COLOMBIA</t>
  </si>
  <si>
    <t>EL PUNTO LA SEGUNDA</t>
  </si>
  <si>
    <t>CR 2 # 3 - 93 BRR CENTRO</t>
  </si>
  <si>
    <t>DROGUERIA R.C.</t>
  </si>
  <si>
    <t>CL 6 # 4 - 335 BRR LA CORDIALIDAD</t>
  </si>
  <si>
    <t>VARIEDADES Y RESTAURANTE DONDE RICHARD</t>
  </si>
  <si>
    <t>CRA 4A NRO 1 32 COLOMBIA</t>
  </si>
  <si>
    <t>LINDA MARY</t>
  </si>
  <si>
    <t>CL 25 # 4 D 21 BRR ALBORADA</t>
  </si>
  <si>
    <t>PAPELERIA LISBOA</t>
  </si>
  <si>
    <t>KRR 154N132 10</t>
  </si>
  <si>
    <t>TIENDA DONDE DANNA</t>
  </si>
  <si>
    <t>CL 22 # 13 74 BRR TORASSO</t>
  </si>
  <si>
    <t>CR 9 ESTE # 29 56 - SUR / LC 3 BRR SAN CRISTOBAL</t>
  </si>
  <si>
    <t>DIANA MURCIA</t>
  </si>
  <si>
    <t>DG 67 B SUR # 33 - 10 BRR CANDELARIA LA NUEVA</t>
  </si>
  <si>
    <t>JOSE MILCIADES</t>
  </si>
  <si>
    <t>CR 104 # 75 D - 25 BRR NAVAS</t>
  </si>
  <si>
    <t>GRANERO LA TROCAL DE PLANETA RICA</t>
  </si>
  <si>
    <t>CL 19 # 5 16 / ESQ BRR CENTRO</t>
  </si>
  <si>
    <t>PAPELERIA LA VANGUARDIA</t>
  </si>
  <si>
    <t>CL. 30 #8-100 MONTERï¿A Cï¿“RDOBA COLOMBIA</t>
  </si>
  <si>
    <t>GESTIONSOCIALAGAPE.COM@GMAIL.COM</t>
  </si>
  <si>
    <t>CL 27 7 0067</t>
  </si>
  <si>
    <t>SSIH SERVIMOS@HOTMAIL.COM</t>
  </si>
  <si>
    <t>CL 23 # 7 - 57 BRR PANAMA</t>
  </si>
  <si>
    <t>VARIEDADES LOS TRES Dï¿­AS REYEA</t>
  </si>
  <si>
    <t>CL. 14 A #418 PLANETA RICA Cï¿“RDOBA COLOMBIA</t>
  </si>
  <si>
    <t>S Y M LOCATIVOS SAS BIC SAS</t>
  </si>
  <si>
    <t>CL 105 # 16 A 57 BRR EL ROCIO</t>
  </si>
  <si>
    <t>PAPELERIA Y VARIEDADES BRANSERDANI</t>
  </si>
  <si>
    <t>SM 2 MZ 2 CA 8 BRR LAS AMERICAS</t>
  </si>
  <si>
    <t>MERKOCACHARRERIA</t>
  </si>
  <si>
    <t>CL 197 # 27 C 99 BRR EL RECREO</t>
  </si>
  <si>
    <t>DROGUERIA FARMA LAP SAS</t>
  </si>
  <si>
    <t>CRA 62 # 40 - 16</t>
  </si>
  <si>
    <t>FOTOS VALENTINA</t>
  </si>
  <si>
    <t>CL 1 # 75 08 - SUR BRR STALIBRADA</t>
  </si>
  <si>
    <t>PARRA ISAZA GRUPO INVERSIONISTA SAS</t>
  </si>
  <si>
    <t>CL 29 # 32 46 BRR LAGOS I</t>
  </si>
  <si>
    <t>CENTRAL MEDIC</t>
  </si>
  <si>
    <t>DG. 8A #2B-41 DOSQUEBRADAS RISARALDA COLOMBIA</t>
  </si>
  <si>
    <t>AGENCIA DE ENVIOS</t>
  </si>
  <si>
    <t>CR 77 G BIS # 63 - 17 SUR BRR BOSA ESTACION</t>
  </si>
  <si>
    <t>AERO MUNDO TOURS</t>
  </si>
  <si>
    <t>AV 6 # 9 - 50 / CC SAN JOSE LC 16 BRR CENTRO</t>
  </si>
  <si>
    <t>MARIBEL HENAO PASACHOA</t>
  </si>
  <si>
    <t>CL 24 # 1 - 30 BRR PIEDECUESTA</t>
  </si>
  <si>
    <t>ALMA GUAJIRA</t>
  </si>
  <si>
    <t>CR 7 H # 33 A 15 BRR EURARES RIOHACHA</t>
  </si>
  <si>
    <t>INTERNET GAMMA.NET</t>
  </si>
  <si>
    <t>CL. 14 #10-67 BUCARAMANGA SANTANDER COLOMBIA</t>
  </si>
  <si>
    <t>WUIGOO</t>
  </si>
  <si>
    <t>AV 19 # 23 00 BRR CENTRO COMERCIAL SEMBRADOR PLAZA LOCAL</t>
  </si>
  <si>
    <t>NOVA ZAFRA S.A.S</t>
  </si>
  <si>
    <t>CR 9 # 4 - 75 BRR CENTRO</t>
  </si>
  <si>
    <t>TODO A 5</t>
  </si>
  <si>
    <t>CARRERA 16A 16 LC 2</t>
  </si>
  <si>
    <t>EFECTY LOS ALPES</t>
  </si>
  <si>
    <t>CL 20 # 2 146 BRR LOS ALPES</t>
  </si>
  <si>
    <t>VARIEDADES MAFE JYC</t>
  </si>
  <si>
    <t>CL 47 # 26 - 93 BRR VILLA CECILIA</t>
  </si>
  <si>
    <t>EL PUNTAZO DE LAS PROMOCIONES</t>
  </si>
  <si>
    <t>CL 6 CR 7-61</t>
  </si>
  <si>
    <t>FELICIA GUZMAN</t>
  </si>
  <si>
    <t>CL. 13 #1528 VALENCIA CORDOBA COLOMBIA</t>
  </si>
  <si>
    <t>M&amp;D TECNOLOGY</t>
  </si>
  <si>
    <t>FLORENCIA #2 BOLï¿VAR CAUCA COLOMBIA</t>
  </si>
  <si>
    <t>CL 45 # 4 A 68 / LC 5 BRR CHORRERAS DE DON JUAN</t>
  </si>
  <si>
    <t>VARIEDADES LUCZO</t>
  </si>
  <si>
    <t>CR 30 # 29 A 10 BRR CINCUENTENARIO</t>
  </si>
  <si>
    <t>MULTISERVICIOS SAG</t>
  </si>
  <si>
    <t>CR 1 SAN ANTONIO DE GETUCHA BRR CEBTR</t>
  </si>
  <si>
    <t>AGROCAIRO Y VARIEDADES</t>
  </si>
  <si>
    <t>CRA. 5 #4-59 EL CAIRO VALLE DEL CAUCA COLOMBIA</t>
  </si>
  <si>
    <t>TECNOMANTRIZ</t>
  </si>
  <si>
    <t>CRA. BOLIVAR #53-2 SANTA BARBARA ANTIOQUIA COLOMBIA</t>
  </si>
  <si>
    <t>CLL 31 N 24 53</t>
  </si>
  <si>
    <t>DROGUERIA PHARMAUNIR</t>
  </si>
  <si>
    <t>CL 26 SUR # 89 D 09 BRR UNIR I</t>
  </si>
  <si>
    <t>AUTOSERVICIO ZAMY</t>
  </si>
  <si>
    <t>K 12LD 310 CASA 827 #175</t>
  </si>
  <si>
    <t>DIBARILO VENTURES</t>
  </si>
  <si>
    <t>CRA. 7 #66-34 BOGOT COLOMBIA</t>
  </si>
  <si>
    <t>CIGARRERIA CC</t>
  </si>
  <si>
    <t>CL 48C SUR #29-86 BOGOTA COLOMBIA</t>
  </si>
  <si>
    <t>EXPRESS SANT ROSA DEL SUR SAN ISIDRO CLL 15</t>
  </si>
  <si>
    <t>CL 15 # 3 87 BRR SAN ISIDRO</t>
  </si>
  <si>
    <t>EXPRESS MEDELLIN C.CIAL EL ARCA</t>
  </si>
  <si>
    <t>CR 55 # 46 65 / CC C IAL EL ARCA BRR CENTRO</t>
  </si>
  <si>
    <t>ESTACION DE SERVICIO LA PRADERA</t>
  </si>
  <si>
    <t>VDA PEÃ‘A NEGRA BRR PENA NEGRA</t>
  </si>
  <si>
    <t>CARNES CANDOTO</t>
  </si>
  <si>
    <t>CR 47 #50-60</t>
  </si>
  <si>
    <t>MISCELï¿¡NEA PAPELERï¿­A TIENDA PEPITO</t>
  </si>
  <si>
    <t>CRA. 1 ESTE #50 SUR-10 BOGOT COLOMBIA</t>
  </si>
  <si>
    <t>MISCELANEA MAFE</t>
  </si>
  <si>
    <t>CL 6 A #75-87 BOGOTï¿ COLOMBIA</t>
  </si>
  <si>
    <t xml:space="preserve">DE TODO AQUI </t>
  </si>
  <si>
    <t>CARRERA 13 #68-14</t>
  </si>
  <si>
    <t>FERRELECTRICA Y ELECTRONIA FEE</t>
  </si>
  <si>
    <t>CL 25 GNO73C-31</t>
  </si>
  <si>
    <t>DROGUERIA CENSALUD</t>
  </si>
  <si>
    <t>AK 45 # 13 50 BRR MARLY</t>
  </si>
  <si>
    <t>CL 18 # 65 A 03 BRR PUENTE ARANDA</t>
  </si>
  <si>
    <t>DROGUERIALOS VALLES DE CAFAM</t>
  </si>
  <si>
    <t>DG. 91A BIS SUR #2C-23 BOGOTA COLOMBIA</t>
  </si>
  <si>
    <t xml:space="preserve">PAPELERIA Y VARIEDADES NENES </t>
  </si>
  <si>
    <t>CRA. 96A #128F-13 BOGOTA COLOMBIA</t>
  </si>
  <si>
    <t>PAPELERIA MAO</t>
  </si>
  <si>
    <t>CARRERA 10 B ESTE #14 SUR-74 BOGOTï¿ COLOMBIA</t>
  </si>
  <si>
    <t>VARIEDADES MORENO P</t>
  </si>
  <si>
    <t>CR 6 E ESTE # 29 A 68 - SUR BRR SANTA INES</t>
  </si>
  <si>
    <t>DESECHABLES EL TRIUNFO</t>
  </si>
  <si>
    <t>CR 23 # 65 23 BRR SIETE DE AGOSTO</t>
  </si>
  <si>
    <t>TIENDA JUANCHOS</t>
  </si>
  <si>
    <t>CL 17 # 10 A 08 BRR VENCEDORES</t>
  </si>
  <si>
    <t>EL ESQUINAZO.COM</t>
  </si>
  <si>
    <t>CL 46 # 50 03 / OF EL ESQUINAZO.COM BRR SAN FRANCISCO</t>
  </si>
  <si>
    <t>TIENDA MIXTA JR</t>
  </si>
  <si>
    <t>CL. 8E #39 JAMUNDI VALLE DEL CAUCA COLOMBIA</t>
  </si>
  <si>
    <t>ROBLE SPORT</t>
  </si>
  <si>
    <t>CRA 28 28 66</t>
  </si>
  <si>
    <t>RAPI HELADOS MIS KEANTAS</t>
  </si>
  <si>
    <t>DG 69A 40C 04</t>
  </si>
  <si>
    <t>CRA. 39B #4-18 BOGOTï¿ COLOMBIA</t>
  </si>
  <si>
    <t>DESTROYERS PC</t>
  </si>
  <si>
    <t>CL 70B 106 32 LC 1</t>
  </si>
  <si>
    <t>DROGUERIA VITAPHARMA</t>
  </si>
  <si>
    <t>DG. 78C #108-2 BOGOTA COLOMBIA</t>
  </si>
  <si>
    <t>TIENDA NATURISTA CASA SALUD DEL LLANO</t>
  </si>
  <si>
    <t>CL 10 # 18 46 BRR CENTRO</t>
  </si>
  <si>
    <t>COLPAGOS VILLA MERY</t>
  </si>
  <si>
    <t>CL 22 MZ A MZ A-10 APTO 101 BRR VILLA MERY</t>
  </si>
  <si>
    <t>MULTIVARIEDADES MAXI</t>
  </si>
  <si>
    <t>CL 68 A # 95 54 BRR SANTA MARIA DE ROBLEDO</t>
  </si>
  <si>
    <t>REMATES BELEN PARQUE</t>
  </si>
  <si>
    <t>CL. 30A #77-27 MEDELLIN BELEN MEDELLIN ANTIOQUIA COLOMBIA</t>
  </si>
  <si>
    <t>FARMASANI</t>
  </si>
  <si>
    <t>CR 72 SUR # 47 B 06 BRR ARGENTINA NUEVA</t>
  </si>
  <si>
    <t>SURTIPLASTICOS M.D</t>
  </si>
  <si>
    <t>CL. 48X SUR #5C-30 BOGOTï¿ COLOMBIA</t>
  </si>
  <si>
    <t>PUNTOSERVIS BOGOTA 27</t>
  </si>
  <si>
    <t>CR 20 A # 63 09 / LC 1 BRR LAS ACACIAS</t>
  </si>
  <si>
    <t>CRA. 11E #64-69 CALI VALLE DEL CAUCA COLOMBIA</t>
  </si>
  <si>
    <t>THE BEAUTY SHOP</t>
  </si>
  <si>
    <t>CARRERA 24 NO. 86-23</t>
  </si>
  <si>
    <t>DROGUERIA GACELA EYH COMUNICACIONES</t>
  </si>
  <si>
    <t>CALLE 89 C SUR NO 2 A 07</t>
  </si>
  <si>
    <t>PUNTOSERVIS PLATO MAGDALENA</t>
  </si>
  <si>
    <t>CR 15 # 7 78 / LC 1 BRR LOS GUAYACANTES</t>
  </si>
  <si>
    <t>TECNIJOYAS</t>
  </si>
  <si>
    <t>CL 4 C # 93 62 BRR MELENDEZ</t>
  </si>
  <si>
    <t>INTERCEL J.H</t>
  </si>
  <si>
    <t>MZ B CASA 7 BARRIO PORVENIR</t>
  </si>
  <si>
    <t>PAPELERï¿­A EUROS</t>
  </si>
  <si>
    <t>CALLE 52 # 22 - 25</t>
  </si>
  <si>
    <t>ATALANTA SCIENCE AND TECHNOLOGY S.A.S.</t>
  </si>
  <si>
    <t>CL. 107 #19A-17 BOGOTA COLOMBIA</t>
  </si>
  <si>
    <t>UNIÓN PANAMERICANA</t>
  </si>
  <si>
    <t>ESTACION DE SERVICIO MOVIL LAS LAJAS</t>
  </si>
  <si>
    <t>VIA ANIMAS LA Y BRR ANIMAS</t>
  </si>
  <si>
    <t>GALERAS</t>
  </si>
  <si>
    <t>CL 11 NO. 13 A 36 CENTRO CL CONCEPCION</t>
  </si>
  <si>
    <t>CR 11 NO. 15 - 05 CENTRO CERCA DEL PAR CENTRAL</t>
  </si>
  <si>
    <t>MERCURIO PAPELERï¿A MULTISERVICIOS</t>
  </si>
  <si>
    <t>CRA. 28 #77-5 BOGOTï¿ COLOMBIA</t>
  </si>
  <si>
    <t>SANJO VARIEDADES-PREESCOLAR COLDIC</t>
  </si>
  <si>
    <t>AK 50 # 1 D 79 BRR LA CAMELIA</t>
  </si>
  <si>
    <t>DROGUERIA MEDICAR 7</t>
  </si>
  <si>
    <t>CLL EL LLANO</t>
  </si>
  <si>
    <t>EMPRESA DE EVENTOS CLUB</t>
  </si>
  <si>
    <t>KR 8A ESTE 47 SUR 35</t>
  </si>
  <si>
    <t>LESLIE MARLAY LEON PINZON</t>
  </si>
  <si>
    <t>CRA. 10 B ESTE #18 SUR-43 BOGOTA COLOMBIA</t>
  </si>
  <si>
    <t>SOAT Y TRAMITES DIEGO PEÑA</t>
  </si>
  <si>
    <t>CL 7 # 2 33 / AP 204 BRR LATINO</t>
  </si>
  <si>
    <t>MULSISERVICI</t>
  </si>
  <si>
    <t>CL 72 U 26 J-21</t>
  </si>
  <si>
    <t>PC.TECNO2</t>
  </si>
  <si>
    <t>CRA. 27A #2435 MARINILLA ANTIOQUIA COLOMBIA</t>
  </si>
  <si>
    <t>DROGUERIA FARMACASIA</t>
  </si>
  <si>
    <t>CRA 9 10 28</t>
  </si>
  <si>
    <t>ï¿JOLE</t>
  </si>
  <si>
    <t>DIAGONAL 17F # 134A10</t>
  </si>
  <si>
    <t>DISTRIBUIDORA PAPELERIA NICO Y ALE</t>
  </si>
  <si>
    <t>CL. 5B #87-9 BOGOTA COLOMBIA</t>
  </si>
  <si>
    <t>LA SIERRA</t>
  </si>
  <si>
    <t>DROGUERIA SUPERDROGAS DEL MACIZO</t>
  </si>
  <si>
    <t>CL 3 # 3 61 BRR SUR</t>
  </si>
  <si>
    <t>AV CENTRO COMERCIAL CENTRO COMERCIAL CENTRO COMERCIAL CENTRO COMERCIAL CL 8 NRO 84-24 LC 115 CENTRO COMERCIAL CL 8 NRO 84-24 LC 115 BRR FUSAGASUGA</t>
  </si>
  <si>
    <t>FARMAC AF</t>
  </si>
  <si>
    <t>MANZANA J CASA 7 LOS FUNDADORES</t>
  </si>
  <si>
    <t>BARQUITOO LARA</t>
  </si>
  <si>
    <t>CR 105 D # 64 C 21 BRR EL MUELLE</t>
  </si>
  <si>
    <t>HUELLITAS Y GARRITAS PET HSOP VETERINARIA</t>
  </si>
  <si>
    <t>KR 56 167A 25 LC 1</t>
  </si>
  <si>
    <t>CAFETERIA Y VIVERES RF</t>
  </si>
  <si>
    <t>CRA 52 68 08</t>
  </si>
  <si>
    <t>CL 27 # 28 27 BRR PLAZA</t>
  </si>
  <si>
    <t>SANDRO RODRIGUEZ</t>
  </si>
  <si>
    <t>CL 44 11 GAR</t>
  </si>
  <si>
    <t>CL 16 # 3 76 / AP 3 BRR CENTRO</t>
  </si>
  <si>
    <t>LORENIS</t>
  </si>
  <si>
    <t>CL 84 # 96 20 - SUR / TO 8 AP 203 BRR BOSA</t>
  </si>
  <si>
    <t>FOTOGRAFIA TRAMITES Y PAGOS ELOHIM</t>
  </si>
  <si>
    <t>CL 15 # 17 83 BRR LUIS HERNANDEZ VARGAS</t>
  </si>
  <si>
    <t>POLICARPA</t>
  </si>
  <si>
    <t>PHOTO PRINT</t>
  </si>
  <si>
    <t>CALLE 4 A #301 POLICARPA NARINO COLOMBIA</t>
  </si>
  <si>
    <t>CL 10 # 5 26 BRR CENTRO</t>
  </si>
  <si>
    <t>MERCADO EXPRESS</t>
  </si>
  <si>
    <t>CL 185 NO 55 D - 41</t>
  </si>
  <si>
    <t>MISCELANEA SHALOM &amp; JIRET</t>
  </si>
  <si>
    <t>AV CD DE VILLAVICENCIO #80H-12 BOGOTï¿ COLOMBIA</t>
  </si>
  <si>
    <t>MVIL RG</t>
  </si>
  <si>
    <t>DG 49 SUR # 51 79 BRR VENECIA</t>
  </si>
  <si>
    <t>MAFE</t>
  </si>
  <si>
    <t>DIAGNAL 44 B SUR#20-24</t>
  </si>
  <si>
    <t>SAN MARTÍN DE LOBA</t>
  </si>
  <si>
    <t>HUBERTO SERPA</t>
  </si>
  <si>
    <t>CR 24 # 14 07 BRR EL MANGO</t>
  </si>
  <si>
    <t>XPRESSY</t>
  </si>
  <si>
    <t>CL 10 # 19 30 BRR PUERTO NUEVO</t>
  </si>
  <si>
    <t xml:space="preserve">TIENDA LOS TRES ARCANGELES </t>
  </si>
  <si>
    <t>CL. 32 #16-65 CALI VALLE DEL CAUCA COLOMBIA</t>
  </si>
  <si>
    <t>AT MINUTOS</t>
  </si>
  <si>
    <t>CRA. 15 #11A-25 SANTA FE DE ANTIOQUIA ANTIOQUIA COLOMBIA</t>
  </si>
  <si>
    <t>AMALFI</t>
  </si>
  <si>
    <t>VARIEDADES Y DISTRIBUCIONES MODA Y BELLEZA M&amp;B</t>
  </si>
  <si>
    <t>CR 29 A CL 28-o 2 PISO: 2</t>
  </si>
  <si>
    <t>CL 23 # 18 96 BRR CENTRO</t>
  </si>
  <si>
    <t>AG DROGUERÃA LILIAM</t>
  </si>
  <si>
    <t>CL 8 NORTE # 5 23 BRR TRIGAL DEL NORTE</t>
  </si>
  <si>
    <t>PUNTO PAGO EL RUBI</t>
  </si>
  <si>
    <t>CR 11 ESTE # 19 B 03 BRR EL RUBI FUNZA</t>
  </si>
  <si>
    <t>AMADEUS CLARO</t>
  </si>
  <si>
    <t>CRA. 3 #51-13 PUERTO BERRIO ANTIOQUIA COLOMBIA</t>
  </si>
  <si>
    <t>CIGARRERA MONTEZUMA</t>
  </si>
  <si>
    <t>CL. 156 #7-84 BOGOT COLOMBIA</t>
  </si>
  <si>
    <t>COOPMACEO</t>
  </si>
  <si>
    <t>CR 30 # 30 20 BRR CENTRO</t>
  </si>
  <si>
    <t>GAMANET02</t>
  </si>
  <si>
    <t>CL. 100B #9 ESTE-82 BOGOT COLOMBIA</t>
  </si>
  <si>
    <t>LAURELSC.N</t>
  </si>
  <si>
    <t>CRA. 56 #4B-83 BOGOTA COLOMBIA</t>
  </si>
  <si>
    <t>CL 6 # 6 35 BRR EL PRADO</t>
  </si>
  <si>
    <t>BERACA.NET</t>
  </si>
  <si>
    <t>CR 3 D # 6 BIS 27 BRR SOL ORIENTE</t>
  </si>
  <si>
    <t>YEKA MESA TIENDA</t>
  </si>
  <si>
    <t>CL. 9 #9-17 VALPARAISO ANTIOQUIA COLOMBIA</t>
  </si>
  <si>
    <t>CIGARRERIA Y PAPELERIA LA 23</t>
  </si>
  <si>
    <t>CL 23 SUR</t>
  </si>
  <si>
    <t>MULTISERVICIOS MC TORO</t>
  </si>
  <si>
    <t>CRA. 4 #10-74 TORO VALLE DEL CAUCA COLOMBIA</t>
  </si>
  <si>
    <t>MAS QUE PAGOS</t>
  </si>
  <si>
    <t>CL 42 B1 B-29 LO 101</t>
  </si>
  <si>
    <t>VARIEDADES LA GALERIA</t>
  </si>
  <si>
    <t>CRA 47 49 106</t>
  </si>
  <si>
    <t xml:space="preserve">COMUNICACIONES NASA </t>
  </si>
  <si>
    <t>CL. 35B SUR #73B-72 BOGOTï¿ COLOMBIA</t>
  </si>
  <si>
    <t>JUEGOS FM</t>
  </si>
  <si>
    <t>KR 106 NO 131 A - 22 AP 100</t>
  </si>
  <si>
    <t>CIGARRERIA LA BAHIA- RANCHO,  LICORES   VIVERES</t>
  </si>
  <si>
    <t>CL. 24A #8297 BOGOTA COLOMBIA</t>
  </si>
  <si>
    <t>HIPERDROGUERIA UNIDEJ</t>
  </si>
  <si>
    <t>TV 76 83 85</t>
  </si>
  <si>
    <t>DROGUERIA Y VARIEDADES 5A</t>
  </si>
  <si>
    <t>CL 37 C # 5 12 / LC BRR ARGELIA</t>
  </si>
  <si>
    <t>VARIEDADES SANDRA JASA</t>
  </si>
  <si>
    <t>CL 22 # 13 37 BRR COCHICI</t>
  </si>
  <si>
    <t>SURTIORIENTE</t>
  </si>
  <si>
    <t>VDA BARRO BLANCO</t>
  </si>
  <si>
    <t>J.NUBIS</t>
  </si>
  <si>
    <t>CL. 58J SUR #80G-9 BOGOTï¿ COLOMBIA</t>
  </si>
  <si>
    <t>STOP WASH AND GO</t>
  </si>
  <si>
    <t>CL. 209 #54-85 BOGOTA COLOMBIA</t>
  </si>
  <si>
    <t>YALÍ</t>
  </si>
  <si>
    <t>PAPELERIA EMANUEL</t>
  </si>
  <si>
    <t>CL 20 A # 18 94 / PAR BRR PARQUE</t>
  </si>
  <si>
    <t>MERCADIARIO</t>
  </si>
  <si>
    <t>CL. 57F SUR #79-10 BOGOTA COLOMBIA</t>
  </si>
  <si>
    <t>SOKU PLANET</t>
  </si>
  <si>
    <t>CL 44 NO 18 - 08 AP 200</t>
  </si>
  <si>
    <t>DROGUERIA JESA</t>
  </si>
  <si>
    <t>CL 48X SUR 1A 0024 02</t>
  </si>
  <si>
    <t>CL. 55 SUR #55 BOGOTï¿ COLOMBIA</t>
  </si>
  <si>
    <t>DISTRICOPY DEL LLANO</t>
  </si>
  <si>
    <t>DG 16 # 15 52 BRR CENTRO</t>
  </si>
  <si>
    <t>MINIEXPRESS RIOHACHA BRR JOSÃ‰ ANTONIO GALAN</t>
  </si>
  <si>
    <t>CR 15 # 10 10 BRR BRR JOSE ANTONIO GALAN</t>
  </si>
  <si>
    <t>SERVIGUSTO LA 5TA</t>
  </si>
  <si>
    <t>CL 5 # 8 12 CRA EL PLACER DE EL CERRITO</t>
  </si>
  <si>
    <t>PRINTBULL PUBLICIDAD S.A.S</t>
  </si>
  <si>
    <t>AV. CARACAS #21 SUR-16 BOGOT COLOMBIA</t>
  </si>
  <si>
    <t>DROGUERIA BIOMEDICA P S</t>
  </si>
  <si>
    <t>CRA 69 H NRO 80 40 LC 08</t>
  </si>
  <si>
    <t xml:space="preserve">MINIMERK FARAONES </t>
  </si>
  <si>
    <t>CRA. 75F #57N SUR-42 BOGOTï¿ COLOMBIA</t>
  </si>
  <si>
    <t>PAPELERIA OFICINA Y ESCOLARES</t>
  </si>
  <si>
    <t>CL 34 # 35 66 BRR SANTA MARTHA</t>
  </si>
  <si>
    <t>VARIEDADES Y MODISTERIA KAROL</t>
  </si>
  <si>
    <t>CL 4 # 1 46 BRR LITOCENTRO</t>
  </si>
  <si>
    <t>FERRETERIA LA 5 YOTOCO</t>
  </si>
  <si>
    <t>CRA. 5 #8-10 YOTOCO VALLE DEL CAUCA COLOMBIA</t>
  </si>
  <si>
    <t>CMYK DISEï¿‘OS</t>
  </si>
  <si>
    <t>CL. 15 #8A-43 BOGOTï¿ COLOMBIA</t>
  </si>
  <si>
    <t>PAPELERIA E INTERNET EVACOM</t>
  </si>
  <si>
    <t>CL. 40 SUR #93C-3 BOGOTA COLOMBIA</t>
  </si>
  <si>
    <t>DROGUERIAMYD</t>
  </si>
  <si>
    <t>CRA. 7 ESTE #93 SUR-71 BOGOTA COLOMBIA</t>
  </si>
  <si>
    <t xml:space="preserve">VARIEDADES GIROS Y TRANSACCIONES </t>
  </si>
  <si>
    <t>CARRERA 96 # 64 G 27</t>
  </si>
  <si>
    <t>COCHERAS</t>
  </si>
  <si>
    <t>CL 22 F # 105 26 BRR LA CABAÃ‘A FONTIBON</t>
  </si>
  <si>
    <t>EXPRESS SANTA ROSA DEL SUR BRR BETANIA</t>
  </si>
  <si>
    <t>CL 10 # 8 34 BRR BETANIA</t>
  </si>
  <si>
    <t>CALLE 24 # 13 - 43</t>
  </si>
  <si>
    <t>SOLUCIONES.COM</t>
  </si>
  <si>
    <t>TV 4NO 51A-25</t>
  </si>
  <si>
    <t>CORREO Y DOMICILIOS DEL VALLE</t>
  </si>
  <si>
    <t>CL 28 # 27 16 BRR EL CENTRO</t>
  </si>
  <si>
    <t>MULTISERVICIOS TIENDA REAL</t>
  </si>
  <si>
    <t>CR 12 A # 20 36 / P 1 BRR LA ESTANCIA</t>
  </si>
  <si>
    <t>FARMACIA Y TIENDA NATURISTA BANO DE SOL</t>
  </si>
  <si>
    <t>CL 6 12 84</t>
  </si>
  <si>
    <t>CR 6 # 13 01 / LC 1 BRR CENTRO</t>
  </si>
  <si>
    <t>UNLOCK.COM</t>
  </si>
  <si>
    <t>CRA. 5 #16-60 CALI VALLE DEL CAUCA COLOMBIA</t>
  </si>
  <si>
    <t>TECNOCELL</t>
  </si>
  <si>
    <t>CL. 19 #18-83 CONCORDIA ANTIOQUIA COLOMBIA</t>
  </si>
  <si>
    <t>KLERGODREAMS S.A.S</t>
  </si>
  <si>
    <t>CR 123 # 131 80 / BL 212 LC 1 BRR SUBA</t>
  </si>
  <si>
    <t>SUPERMARKET ROCHY</t>
  </si>
  <si>
    <t>CL. 77 #60-66 BOGOT COLOMBIA</t>
  </si>
  <si>
    <t>VERGEL.COM</t>
  </si>
  <si>
    <t>CR 43 SUR # 67 - 20 BRR PORFIA</t>
  </si>
  <si>
    <t>CL 13 # 8 A 28 BRR DUITAMA</t>
  </si>
  <si>
    <t>PHONE DEPOT</t>
  </si>
  <si>
    <t>CL 6 NORTE # 2 N 36 / LC 139 BRR CENTENARIO</t>
  </si>
  <si>
    <t>PAPELERIA Y VARIEDADES YARO</t>
  </si>
  <si>
    <t>CR 3 # 8 35 BRR EL CULUMPIO</t>
  </si>
  <si>
    <t>VIVIENDA POTENCIAL SAS</t>
  </si>
  <si>
    <t>CR 80 CL 42 SUR -8 (INTERIOR 201)</t>
  </si>
  <si>
    <t>ANDROID HOUSE</t>
  </si>
  <si>
    <t>CL. 49B SUR #1-30 BOGOTï¿ COLOMBIA</t>
  </si>
  <si>
    <t>YENIS PAPELERIA Y MISELANIA</t>
  </si>
  <si>
    <t>KR 154 B NO 138 8-18</t>
  </si>
  <si>
    <t>ANDRES FELIPE RINCON ARIAS</t>
  </si>
  <si>
    <t>CL 9 # 5 71 BRR CENTRO</t>
  </si>
  <si>
    <t>PUNTORED MOVIL 2</t>
  </si>
  <si>
    <t>CL 19 # 23 07 / ESQ BRR GAVAN</t>
  </si>
  <si>
    <t>PHARMA MPR</t>
  </si>
  <si>
    <t>CRA 7 H 150 21</t>
  </si>
  <si>
    <t>TIENDA AES</t>
  </si>
  <si>
    <t>CR 18 # 18 08 BRR SEVILLA</t>
  </si>
  <si>
    <t>COLPAGOS PLANETA RICA</t>
  </si>
  <si>
    <t>CR 9 # 19 10 / LC 3 BRR EL CENTRO</t>
  </si>
  <si>
    <t>EXPRESS FLORIDABLANCA BRR LA CUMBRE</t>
  </si>
  <si>
    <t>CR 9 E # 30 23 BRR LA CUMBRE</t>
  </si>
  <si>
    <t>PAPELERIA LA GRAN 21</t>
  </si>
  <si>
    <t>CL. 21 #5-15 BOGOT COLOMBIA</t>
  </si>
  <si>
    <t>PAPELERA FM</t>
  </si>
  <si>
    <t>CL 54 A SUR # 71 B 84 BRR OLARTE</t>
  </si>
  <si>
    <t>CHIRIMPROSOS</t>
  </si>
  <si>
    <t>Carrera 56 # 9-17 Locet 02 Torre</t>
  </si>
  <si>
    <t>CL 18 NO. 4 56 AV EL HOSPITAL</t>
  </si>
  <si>
    <t>MISCELANEA Y PAGOS CANDELARIA</t>
  </si>
  <si>
    <t>CR 92 # 157 35 / LC 2 BRR SUBA SALITRE</t>
  </si>
  <si>
    <t>ACF INMOBILIARIA</t>
  </si>
  <si>
    <t>CL. 166 #8F-93 BOGOT COLOMBIA</t>
  </si>
  <si>
    <t>PAPELERIA RIGHTEC</t>
  </si>
  <si>
    <t>CRA. 70 #22-58 BOGOTï¿ COLOMBIA</t>
  </si>
  <si>
    <t>MICROTONER PC</t>
  </si>
  <si>
    <t>CL. 50 #45-32 MEDELLIN LA CANDELARIA MEDELLIN ANTIOQUIA COLOMBIA</t>
  </si>
  <si>
    <t>JOSEJOSE</t>
  </si>
  <si>
    <t>CL 69 A NO 111 c -88LC2</t>
  </si>
  <si>
    <t>VARIEDADES SERVIEXPRESS 2.0</t>
  </si>
  <si>
    <t>DG 100 C # 5 B 23 BRR ANTONIO JOSE DE SUCRE</t>
  </si>
  <si>
    <t>DROGUERIA ESTRELLITA DE MAR</t>
  </si>
  <si>
    <t>CL 129 D NO 105A- 15 AP 100</t>
  </si>
  <si>
    <t>MEDICAMENTOS LA PAZ SAS</t>
  </si>
  <si>
    <t>CR 73 G # 40 03 - SUR BRR TIMIZA</t>
  </si>
  <si>
    <t>NYRO COMUNICACIONES</t>
  </si>
  <si>
    <t>CRA 112 64A 23</t>
  </si>
  <si>
    <t>HIPERDROGUERIA PUNTO 5</t>
  </si>
  <si>
    <t>DG 84 A # 82 46 BRR PARIS GAITAN</t>
  </si>
  <si>
    <t>PAPELERIA NAOM</t>
  </si>
  <si>
    <t>KR CL 75 KR 94-09 FLORENCIA A.S.D. - SUBA</t>
  </si>
  <si>
    <t xml:space="preserve">B.L CENTRO DE RECAUDOS </t>
  </si>
  <si>
    <t>CRA. 88F #74B SUR-31 BOGOTï¿ COLOMBIA</t>
  </si>
  <si>
    <t>JD CAR WASH SAS</t>
  </si>
  <si>
    <t>CL. 163A #19A-24 BOGOT COLOMBIA</t>
  </si>
  <si>
    <t>ALMACEN ROSITA</t>
  </si>
  <si>
    <t>CR 6 # 6 18 BRR CENTRO</t>
  </si>
  <si>
    <t>EFRAIN CAMILO CASTILLO MESA</t>
  </si>
  <si>
    <t>CL 51 A # 1 W 05 BRR PORTAL DE ACAZULA</t>
  </si>
  <si>
    <t>CR 6 # 16 68 BRR CENTRO</t>
  </si>
  <si>
    <t>CELUSERVI 2</t>
  </si>
  <si>
    <t>CR 48 # 50 28 BRR SECTOR PARQUE</t>
  </si>
  <si>
    <t>ROBERTO PAYÁN</t>
  </si>
  <si>
    <t>DROGUERIA COLOMBIA</t>
  </si>
  <si>
    <t>SAN JOSE</t>
  </si>
  <si>
    <t>FOTO DIGITAL BETULIA</t>
  </si>
  <si>
    <t>CL 19 # 21 21 BRR VILLA NUEVA</t>
  </si>
  <si>
    <t>FOTOESTUDIO NEYDI</t>
  </si>
  <si>
    <t>CRA 42 B # 110 B 56</t>
  </si>
  <si>
    <t>SERVICIOS GLOBAL GM</t>
  </si>
  <si>
    <t>CL 13 NO.66BIS 57</t>
  </si>
  <si>
    <t>DIVINO NINO</t>
  </si>
  <si>
    <t>DEPOSITO Y FERRETERIA FERROMONINI</t>
  </si>
  <si>
    <t>CR 57 A CL 24-5</t>
  </si>
  <si>
    <t>CITRIX MOVIL</t>
  </si>
  <si>
    <t>CR 5 # 6 47 BRR CENTRO</t>
  </si>
  <si>
    <t>VARIEDADES LUCAS</t>
  </si>
  <si>
    <t>AV 44 # 52 53 / OF VARIEDAS LUCAS BRR NIQUIA</t>
  </si>
  <si>
    <t>TIENDA EL GRANJERO</t>
  </si>
  <si>
    <t>CR 52 # 50 41 BRR ANDES</t>
  </si>
  <si>
    <t xml:space="preserve">VARIEDADES MULTICOSITAS </t>
  </si>
  <si>
    <t>CL 28 N 28-74</t>
  </si>
  <si>
    <t>HUELLITAS DE CHOCO</t>
  </si>
  <si>
    <t>CRA. 111B #136A-54 BOGOTA COLOMBIA</t>
  </si>
  <si>
    <t>EXPRESS TAMBO CORR. HUISITO</t>
  </si>
  <si>
    <t>CR CL 73 A N 12 A 34 CA 7 BRR CORR HUISITO</t>
  </si>
  <si>
    <t>PINILLOS</t>
  </si>
  <si>
    <t>MAGANGUE-MARIA CORTAZAR</t>
  </si>
  <si>
    <t>CL 1 # 1 1 BRR PRINCIPAL</t>
  </si>
  <si>
    <t>MINIMERCADO OLIMPICA SAN VICENTE S.A.S</t>
  </si>
  <si>
    <t>AV. 20 DE JULIO #3317 SAN VICENTE ANTIOQUIA COLOMBIA</t>
  </si>
  <si>
    <t>DROGUERIA SUPERDESCUENTO # 4</t>
  </si>
  <si>
    <t>CL 12 15 05 CRA 15 N 11 - 71</t>
  </si>
  <si>
    <t>LOGDAY  SALOM</t>
  </si>
  <si>
    <t>CL 80 SUR # 22 A 32 BRR EL RECUERDO SUR</t>
  </si>
  <si>
    <t>TIFFANY CASTILLO</t>
  </si>
  <si>
    <t>TV 18 P BIS # 69 A 26 - SUR BRR JUAN PABLO II</t>
  </si>
  <si>
    <t>CR 14 # 17 B 16 BRR SOACHA SANTA ANA</t>
  </si>
  <si>
    <t>DROGAS Y VARIEDADES NIUFARMA</t>
  </si>
  <si>
    <t>CLL 39 N 3C-54</t>
  </si>
  <si>
    <t>COMUNICARGAS</t>
  </si>
  <si>
    <t>PAPELERIA VILLAS DE BOLIVAR</t>
  </si>
  <si>
    <t>DG 69 A SUR NO 30 A - 29</t>
  </si>
  <si>
    <t>SERVICIOS ONIX</t>
  </si>
  <si>
    <t>CL 3 SUR 12B 1/</t>
  </si>
  <si>
    <t>FUTUCELL.COM</t>
  </si>
  <si>
    <t>CRA. 104C #128C-75 BOGOTA COLOMBIA</t>
  </si>
  <si>
    <t>CAREPA</t>
  </si>
  <si>
    <t>TIENDA LA HERRADURA EL XII</t>
  </si>
  <si>
    <t>CL BRR DOCE DE OCTUBRE</t>
  </si>
  <si>
    <t>PAPELERï¿­A PAPELNET</t>
  </si>
  <si>
    <t>DG. 40B SUR #74-10 BOGOTï¿ COLOMBIA</t>
  </si>
  <si>
    <t>TELCEL MOVIL</t>
  </si>
  <si>
    <t>CARRERA 54 #18-79 BOGOTA COLOMBIA</t>
  </si>
  <si>
    <t>KR 73 J NO 60 A SUR . 76</t>
  </si>
  <si>
    <t>PAGOS Y SERVICIOS ZE</t>
  </si>
  <si>
    <t>ALIADO PLUS AGUAS CALIENTES CALLE 19</t>
  </si>
  <si>
    <t>CL 19 # 17 04 BRR AGUAS CALIENTES</t>
  </si>
  <si>
    <t>INTERNET SOLUCIONES</t>
  </si>
  <si>
    <t>CR 10 # 11 148 BRR HENEQUEN</t>
  </si>
  <si>
    <t>DROGUERIA SUPERDESCUENTO I</t>
  </si>
  <si>
    <t>CL 31 19 46 LA Y</t>
  </si>
  <si>
    <t>VARIEDADES LAS AMERICAS LE</t>
  </si>
  <si>
    <t>CRA. 73C BIS #38C SUR-64 BOGOTï¿ COLOMBIA</t>
  </si>
  <si>
    <t>FERRESERVICIOS 72</t>
  </si>
  <si>
    <t>AK 72 # 70 D 02 BRR BONANZA</t>
  </si>
  <si>
    <t>CIGARRERï¿­A DE DULFA</t>
  </si>
  <si>
    <t>CL. 63 SUR #80A-1 BOGOTï¿ COLOMBIA</t>
  </si>
  <si>
    <t>KAFETEL COMUNICACIONES TIMIZA</t>
  </si>
  <si>
    <t>CRA 76 41 G - 55 SUR</t>
  </si>
  <si>
    <t>TRILLADORA LA MIGARRA</t>
  </si>
  <si>
    <t>CL 10 # 8 13 / CRR ALTAMIRA BRR SANTA TERESA</t>
  </si>
  <si>
    <t>SERVIAGIL PERDOMO</t>
  </si>
  <si>
    <t>CR 71 # 62 B 35 - SUR BRR PERDOMO</t>
  </si>
  <si>
    <t>MISCELANEA Y PAPELERIA DONDE YURY</t>
  </si>
  <si>
    <t>CRA. 96G BIS #23G-39 BOGOT COLOMBIA</t>
  </si>
  <si>
    <t>NICO Y ALE</t>
  </si>
  <si>
    <t>CL 02 91 10</t>
  </si>
  <si>
    <t>CL 142 A BIS # 139 - 03 BRR SAN CARLOS DE SUBA</t>
  </si>
  <si>
    <t>GRANERO CALESTE</t>
  </si>
  <si>
    <t>CRR PUEBLO NUEVO CL PRINCIPAL BRR SAN FRANCISCO</t>
  </si>
  <si>
    <t>NEGOCIO FABIO MONSALVE</t>
  </si>
  <si>
    <t>CR 6 # 6 43 BRR SAN DIEGO LIBORINA</t>
  </si>
  <si>
    <t>CUTE PLACE</t>
  </si>
  <si>
    <t>CL. 32BB #78A-12 MEDELLN ANTIOQUIA COLOMBIA</t>
  </si>
  <si>
    <t>ARAUJO STUDIO FOTOGRAFICO</t>
  </si>
  <si>
    <t>CR 4 CL 4 - 09 BRR VILLAHERMOSA CUMBITARA</t>
  </si>
  <si>
    <t>MUNDO DIGITAL SYSTEMS</t>
  </si>
  <si>
    <t>TV. 126B #134-33 BOGOTA COLOMBIA</t>
  </si>
  <si>
    <t>PAPELERIA EL GRAN EXITO</t>
  </si>
  <si>
    <t>CRA. 147A #142-62 BOGOTA COLOMBIA</t>
  </si>
  <si>
    <t>KR 14 NO 103 SUR - 82 PI 1</t>
  </si>
  <si>
    <t>EXPRESS PUERTO WILCHES CORREGIMIENTO VIJAGUAL</t>
  </si>
  <si>
    <t>CRR VIJAGUAL BRR LA VIRGEN DEL CARMEN</t>
  </si>
  <si>
    <t>ZAFIRO ACCESORIOS</t>
  </si>
  <si>
    <t>CL 57 A SUR # 89 88 BRR LA LIBERTAD</t>
  </si>
  <si>
    <t>SAI FONTIBON</t>
  </si>
  <si>
    <t>CL 18 # 99 54 BRR FONTIBON</t>
  </si>
  <si>
    <t>BILLAR.COM</t>
  </si>
  <si>
    <t>CL 24 # 13 A - 31 / AD BRR MARACOS</t>
  </si>
  <si>
    <t>ALABET.CELL</t>
  </si>
  <si>
    <t>CR 79 # 80 04 BRR PUEBLO NUEVO</t>
  </si>
  <si>
    <t>PUNTOSERVIS SANTA ROSA DEL SUR 02</t>
  </si>
  <si>
    <t>CL 4 # 2 22 BRR LOS CANELOS</t>
  </si>
  <si>
    <t>CLL 17 # 5 -02 AVENIDA LEQUERICA VELEZ</t>
  </si>
  <si>
    <t>EL BUHO INTERACTIVO</t>
  </si>
  <si>
    <t>CRA. 89 #22-89 BOGOT COLOMBIA</t>
  </si>
  <si>
    <t>CONEXCOL JF SAS</t>
  </si>
  <si>
    <t>CR 7 A # 4 26 BRR EL MEDIO</t>
  </si>
  <si>
    <t>DROGUERIA LA ALAMEDA</t>
  </si>
  <si>
    <t>CRA 78 CRA 73 B 88 SUR LC14</t>
  </si>
  <si>
    <t>GRANITO DE MOSTAZA</t>
  </si>
  <si>
    <t>CL 54 C SUR NO 86 B - 21 CA 3</t>
  </si>
  <si>
    <t>CR 18NO. 20 - 70 CL DEL COMERCIO</t>
  </si>
  <si>
    <t>DROGUERIA Y MISCELANEA NEVADA</t>
  </si>
  <si>
    <t>CALLE 3 # 1-21</t>
  </si>
  <si>
    <t>OROCUÉ</t>
  </si>
  <si>
    <t>CL 4 A # 18 67 BRR BELLO HORIZONTE</t>
  </si>
  <si>
    <t>NORMA SIDNEY MEDINA</t>
  </si>
  <si>
    <t>CL 27 # 8 G - 22 BRR CAMBULOS</t>
  </si>
  <si>
    <t>VARIEDADES JOHAN SATINGA</t>
  </si>
  <si>
    <t>CL. 18 #29-100 TULU VALLE DEL CAUCA COLOMBIA</t>
  </si>
  <si>
    <t>DROGUERIA CARVAJAL</t>
  </si>
  <si>
    <t>CL 20 21 12</t>
  </si>
  <si>
    <t>CL 15 NO. 10 - 38 CL 10 CASA 1</t>
  </si>
  <si>
    <t>CR 16 NO. 21 -76 CENTRO OVEJAS</t>
  </si>
  <si>
    <t>MAXI GRANOS 2</t>
  </si>
  <si>
    <t>CRA. 4G ESTE #93 SUR-36 BOGOT COLOMBIA</t>
  </si>
  <si>
    <t>TECHNOLOGY ADT</t>
  </si>
  <si>
    <t>CL 188 # 12 A 68 BRR VERBENAL</t>
  </si>
  <si>
    <t>FARMACYPLUS DROGUERIAS</t>
  </si>
  <si>
    <t>CRA 40 N 1 H 24</t>
  </si>
  <si>
    <t>PUNTO 25 VM</t>
  </si>
  <si>
    <t>KR 25 47 SUR 27 PI1</t>
  </si>
  <si>
    <t>FARMACIAS SU MEJOR REMEDIO</t>
  </si>
  <si>
    <t>CL. 23 #18-20 BOGOTï¿ COLOMBIA</t>
  </si>
  <si>
    <t xml:space="preserve">MISCELANEA Y PAPELERIA TECNOLOGY </t>
  </si>
  <si>
    <t>CL. 130 BIS #90-42 BOGOTA COLOMBIA</t>
  </si>
  <si>
    <t>MULTISERVICIOS Y PAGOS AJ SAS</t>
  </si>
  <si>
    <t>CL 20 # 32 A 37 BRR NUEVO</t>
  </si>
  <si>
    <t>TAMINANGO</t>
  </si>
  <si>
    <t>SURTIVARIEDADES HILDER</t>
  </si>
  <si>
    <t>CL 3 6 57 LOCAL 2 DE TAMINANGO</t>
  </si>
  <si>
    <t>DOGUERIA LA FAVORITA # 2</t>
  </si>
  <si>
    <t>CL 50 # 46 21 BRR PUEBLO NUEVO SAN PEDRO DE URABA</t>
  </si>
  <si>
    <t>LEGUMBRERIA BRISAS DEL CAMPO</t>
  </si>
  <si>
    <t>CRA. 15 #96-2 TURBO ANTIOQUIA COLOMBIA</t>
  </si>
  <si>
    <t>JN.NET</t>
  </si>
  <si>
    <t>CL 13 # 17 1 BRR LA CRUZ</t>
  </si>
  <si>
    <t>PAPELERIA Y CACHARRERIA LA 50</t>
  </si>
  <si>
    <t>CL 50 # 1 96 BRR LOS ANDES</t>
  </si>
  <si>
    <t>PAPELERIA Y MISCELANEA M Y S</t>
  </si>
  <si>
    <t>CR 31 A # 28 45 BRR MARIA MILENA</t>
  </si>
  <si>
    <t>PAPELERIA PICASSO</t>
  </si>
  <si>
    <t>CL. 9 #20-46 YOPAL CASANARE COLOMBIA</t>
  </si>
  <si>
    <t>PUNTOSERVIS VITERBO</t>
  </si>
  <si>
    <t>CL 17 # 9 45 BRR VITERBO</t>
  </si>
  <si>
    <t>PAPELERIA Y FOTOCOPIAS J.E.C</t>
  </si>
  <si>
    <t>CL 40 42 B-28 LC 1</t>
  </si>
  <si>
    <t>OXIFULL INT</t>
  </si>
  <si>
    <t>CL 30 # 7 45 BRR PARAISO</t>
  </si>
  <si>
    <t>ALO LLAMAME</t>
  </si>
  <si>
    <t>CL 18 A 14 05</t>
  </si>
  <si>
    <t xml:space="preserve">CELUNATICOS </t>
  </si>
  <si>
    <t>TV. 76 #83A-16 BOGOTï¿ COLOMBIA</t>
  </si>
  <si>
    <t xml:space="preserve">HELADERIA B.T.C. YAYLA1974 </t>
  </si>
  <si>
    <t>CL. 30 NTE. #2A NORTE-228 CALI VALLE DEL CAUCA COLOMBIA</t>
  </si>
  <si>
    <t>MULTISERVICIOS LA UNION DEL SINU</t>
  </si>
  <si>
    <t>CL. 90 #59-59 BOGOTA COLOMBIA</t>
  </si>
  <si>
    <t>MEGACOPIAS MELENDEZ</t>
  </si>
  <si>
    <t>CL. 4 #93-29 CALI VALLE DEL CAUCA COLOMBIA</t>
  </si>
  <si>
    <t>INTERNET LGB</t>
  </si>
  <si>
    <t>CARRERA 8N22-68SUR 20 DE JULIO</t>
  </si>
  <si>
    <t>LA PUERTA VIRTUAL</t>
  </si>
  <si>
    <t>CR 40 A # 20 E 03 BRR SANTA RITA</t>
  </si>
  <si>
    <t>COLPAGOS SAHAGUN 2</t>
  </si>
  <si>
    <t>CL 18 # 1 J 9 / AP 1 BRR SAN JOSE</t>
  </si>
  <si>
    <t>CENTRO DE COPIADO</t>
  </si>
  <si>
    <t>CL. 51 #4-40 PUERTO BERRIO ANTIOQUIA COLOMBIA</t>
  </si>
  <si>
    <t>ELECTROER</t>
  </si>
  <si>
    <t>TV 94 # 82 A 36 BRR QUIRIGUA</t>
  </si>
  <si>
    <t>MISCELANEA Y PAPELERIA SANTI</t>
  </si>
  <si>
    <t>CL 9 # 37 A 62 / LC 2009 CC 2000 BRR CENTRO SAN ANDRESITO CALLE 3</t>
  </si>
  <si>
    <t>PAPELERIA  MONCHIS</t>
  </si>
  <si>
    <t>CL. 2 #93D-56 BOGOTA COLOMBIA</t>
  </si>
  <si>
    <t>INTERNET Y PAPELERIA BRISA</t>
  </si>
  <si>
    <t>VDA BETHEL BRR SECTOR LA ESTRELLA</t>
  </si>
  <si>
    <t>ALMACEN TERRAMODA A Y M</t>
  </si>
  <si>
    <t>CR 13 # 10 21 BRR SECTOR CUATRO ESQUINAS</t>
  </si>
  <si>
    <t xml:space="preserve">DROGUERIA PROMISE OF GOD </t>
  </si>
  <si>
    <t>TV. 18N BIS A #69A SUR-96 BOGOTï¿ COLOMBIA</t>
  </si>
  <si>
    <t>COMERCIAL PAPELERA LA ESMERALDA</t>
  </si>
  <si>
    <t>CL. 58K SUR #78N-51 BOGOTA COLOMBIA</t>
  </si>
  <si>
    <t>EL ARKA SERVICIOS</t>
  </si>
  <si>
    <t>CL 182 8 14</t>
  </si>
  <si>
    <t>VARIEDADES CHIQUIPLIN</t>
  </si>
  <si>
    <t>CRA. 81 #42F SUR-10 BOGOTï¿ COLOMBIA</t>
  </si>
  <si>
    <t>RUBYCEL.COM</t>
  </si>
  <si>
    <t>CL 4 # 8 - 72 BRR LA CANDELARIA</t>
  </si>
  <si>
    <t>AUTOSERVICIO COMPRA MAS LA 97</t>
  </si>
  <si>
    <t>CL 96 # 95 19 BRR FUNDADORES</t>
  </si>
  <si>
    <t>THE BRTOHERS CAR WASH</t>
  </si>
  <si>
    <t>CRA. 76 #76-29 BOGOTA COLOMBIA</t>
  </si>
  <si>
    <t>SUPERMERCADO OASIS</t>
  </si>
  <si>
    <t>CR 134 A # 14 F 06 BRR CASANDRA</t>
  </si>
  <si>
    <t>VARIEDADES EL PAISA LIBORINA</t>
  </si>
  <si>
    <t>CRA 9 9 50</t>
  </si>
  <si>
    <t>PAPELERIA Y VARIEDADES LA LUZ DE LA VERDAD</t>
  </si>
  <si>
    <t>CL 89 CR 52-19</t>
  </si>
  <si>
    <t>SAN LUIS</t>
  </si>
  <si>
    <t>CELUMANIA Y VARIEDADES PASCUAL</t>
  </si>
  <si>
    <t>CL 19 A # 18 80 / IN 902 BRR PARQUE</t>
  </si>
  <si>
    <t>PAPELERIA Y VARIEDADES CORVUX</t>
  </si>
  <si>
    <t>CRA. 72 #24A-15 MEDELLIN BELEN MEDELLIN ANTIOQUIA COLOMBIA</t>
  </si>
  <si>
    <t>CÁCERES</t>
  </si>
  <si>
    <t>AUTO SERVICIO LA PRINCIPAL</t>
  </si>
  <si>
    <t>CL 49 CRA 51 ESQUINA</t>
  </si>
  <si>
    <t>CR 27 I # 71 G 32 - SUR BRR PARAISO</t>
  </si>
  <si>
    <t>ANGEL COMUNICACIONES  YOS</t>
  </si>
  <si>
    <t>CR 52 # 43 41 - SUR BRR BOGOTA</t>
  </si>
  <si>
    <t>MEGA FLUVER LA CUMBRE</t>
  </si>
  <si>
    <t>CR 8 # 4 15 BRR VILLA NUEVA</t>
  </si>
  <si>
    <t>ZONA 106</t>
  </si>
  <si>
    <t>CRA. 6 #10-36 SONSï¿“N ANTIOQUIA COLOMBIA</t>
  </si>
  <si>
    <t>INTERNET J 10 S</t>
  </si>
  <si>
    <t>CL 3 A # 8 V 10 BRR LOS SAUCES</t>
  </si>
  <si>
    <t>MULTISERVICIOS EL PRADO</t>
  </si>
  <si>
    <t>CL 11 # 12 21 BRR EL PRADO PUERTO LOPEZ META</t>
  </si>
  <si>
    <t>TRANSLOGISTICA KARSO SAS</t>
  </si>
  <si>
    <t>CRA. 17 #163-77 BOGOT COLOMBIA</t>
  </si>
  <si>
    <t>PAPELERIA Y VARIEDADES INTEGRALSERVI</t>
  </si>
  <si>
    <t>CRA. 13 ESTE #4 SUR-12 BOGOTA COLOMBIA</t>
  </si>
  <si>
    <t>MISCELANEA Y PAPELERA ANGELITA</t>
  </si>
  <si>
    <t>CRA. 82A #42C SUR-27 BOGOT COLOMBIA</t>
  </si>
  <si>
    <t>PLUS NUEVA GRANADA CENTRO</t>
  </si>
  <si>
    <t>CR 8 # 5 46 BRR CENTRO</t>
  </si>
  <si>
    <t>MINITIENDA LA PLAZA DE SAN PABLO</t>
  </si>
  <si>
    <t>CL 20 36-12 PASTO TEL. 7336900</t>
  </si>
  <si>
    <t>BOTICA SOTO</t>
  </si>
  <si>
    <t>CL. 30 #30-65 FRONTINO ANTIOQUIA COLOMBIA</t>
  </si>
  <si>
    <t>DISTRIPLAST</t>
  </si>
  <si>
    <t>CRA. 78I #55B SUR-41 BOGOTA COLOMBIA</t>
  </si>
  <si>
    <t>NARA STORE</t>
  </si>
  <si>
    <t>CRA. 17 #29-54 CALI VALLE DEL CAUCA COLOMBIA</t>
  </si>
  <si>
    <t>CL. 66 #5-17 CALI VALLE DEL CAUCA COLOMBIA</t>
  </si>
  <si>
    <t>MISCELANEA MAALDY. VARIEDADES</t>
  </si>
  <si>
    <t>CRA. 5C #48J SUR-1 BOGOTï¿ COLOMBIA</t>
  </si>
  <si>
    <t>DROGUERIA HIPERDESCUENTOS M</t>
  </si>
  <si>
    <t>CL 72 F NO 113 A-24Pli</t>
  </si>
  <si>
    <t>CLAUDIA DUCADO</t>
  </si>
  <si>
    <t>CL 68 # 59 36 BRR BRR PACHELLY BELLO</t>
  </si>
  <si>
    <t>TELECOMUNICACIONES PALENQUITO</t>
  </si>
  <si>
    <t>CL 3 # 15 24 BRR ABAJO PALENQUITO</t>
  </si>
  <si>
    <t>MA TECNOLOGY</t>
  </si>
  <si>
    <t>CALLE 27SUR #12H-18</t>
  </si>
  <si>
    <t>CL 10 # 19 30 BRR CENTRO</t>
  </si>
  <si>
    <t>DROGUERIA METRO-PROGRESO</t>
  </si>
  <si>
    <t>CL 20 B 75 03 LOCAL 101</t>
  </si>
  <si>
    <t>PAPELERIA BETHEL</t>
  </si>
  <si>
    <t>CR 78 K SUR # 57 H 02 BRR ROMA</t>
  </si>
  <si>
    <t>TU PUNTO AMIGO</t>
  </si>
  <si>
    <t>AK 15 # 118 75 / LC 107 BRR SANTA BARBARA OCCIDENTAL</t>
  </si>
  <si>
    <t>EL BHO AZUL</t>
  </si>
  <si>
    <t>CL. 69A #82-54 BOGOT COLOMBIA</t>
  </si>
  <si>
    <t>DROGUERIA LOS TEJARES 1</t>
  </si>
  <si>
    <t>CL 11 A 18 47 L 4</t>
  </si>
  <si>
    <t>PAPELERIA Y MISCELANEA THEO</t>
  </si>
  <si>
    <t>CRA. 2A #75-73 CALI PALMIRA VALLE DEL CAUCA COLOMBIA</t>
  </si>
  <si>
    <t>CL 24 18 11 LOCAL CENTRO</t>
  </si>
  <si>
    <t>PUNTO PHONE ACCESSORIES</t>
  </si>
  <si>
    <t>AK. 86 #52A-51 BOGOTï¿ COLOMBIA</t>
  </si>
  <si>
    <t>GMPROJECTS</t>
  </si>
  <si>
    <t>CL. 48Q BIS SUR #5-4 BOGOTA COLOMBIA</t>
  </si>
  <si>
    <t>DROGUERIA Y VARIEDADES VANESA</t>
  </si>
  <si>
    <t>CL 32 # 5 C 43 / CA BRR ARGELIA</t>
  </si>
  <si>
    <t>AG LORENA HINCAPIE</t>
  </si>
  <si>
    <t>TV 87 C # 58 D 04 BRR SUR</t>
  </si>
  <si>
    <t>INTERZE</t>
  </si>
  <si>
    <t>CARRERA 12 #5-1 EL CERRITO VALLE DEL CAUCA COLOMBIA</t>
  </si>
  <si>
    <t>PAPELERIA PAISAJE DE LAS FLORES 1</t>
  </si>
  <si>
    <t>CRA. 50 SUR #17A17 SAN INSIDRO JAMUNDI VALLE DEL CAUCA COLOMBIA</t>
  </si>
  <si>
    <t>PAPEL Y ESTILO</t>
  </si>
  <si>
    <t>GLORIA PATRICIA ESCOBAR ROBLEDO</t>
  </si>
  <si>
    <t>CL 3 # 5 50 BRR CENTRO</t>
  </si>
  <si>
    <t>DROGAS PACHIN</t>
  </si>
  <si>
    <t>CL LAS FLORES BRR LAS FLORES</t>
  </si>
  <si>
    <t>CARRERA 87 NO. 35 - 39</t>
  </si>
  <si>
    <t>KEY MASTER CHIPS</t>
  </si>
  <si>
    <t>TV. 60C #93B-48 BOGOT COLOMBIA</t>
  </si>
  <si>
    <t>PAPELERIA LA UNICA</t>
  </si>
  <si>
    <t>CALLE 16 NO. 37J79 BARRIO GUATIQUIA</t>
  </si>
  <si>
    <t>LINEAS MARKET</t>
  </si>
  <si>
    <t>CR 41 B # 1 12 BRR BELLAVISTA</t>
  </si>
  <si>
    <t>ICELL SOLUCIONES</t>
  </si>
  <si>
    <t>CL 63 # 9 A 87 / LC 1061 BRR CHAPINERO</t>
  </si>
  <si>
    <t>PALLET STORE</t>
  </si>
  <si>
    <t>CRA. 6 #8-25 ROLDANILLO VALLE DEL CAUCA COLOMBIA</t>
  </si>
  <si>
    <t>PUBLICIDAD Y PUNTO DE LAS COMUNICACIONES</t>
  </si>
  <si>
    <t>AV CL 68 59 06</t>
  </si>
  <si>
    <t>CR 13 # 33 01 BRR SAMPER</t>
  </si>
  <si>
    <t>DROGUERIA SAN JOSE DE PIEDRAHANCHA</t>
  </si>
  <si>
    <t>CL 2 N 3 - 33 BARRIO EL CENTRO</t>
  </si>
  <si>
    <t>RETIRO</t>
  </si>
  <si>
    <t>PHARMA  SHOP</t>
  </si>
  <si>
    <t>MALL PUERTO MADERO LOCAL 5 V DON DIEGO</t>
  </si>
  <si>
    <t>FLOWSTAR TECNOLOGIA Y SEGURIDAD</t>
  </si>
  <si>
    <t>CRA. 76 #89A-24 BOGOTA COLOMBIA</t>
  </si>
  <si>
    <t>CELU-COMPUTO LA FLORESTA</t>
  </si>
  <si>
    <t>TV. 79D #73F SUR-44 BOGOTA COLOMBIA</t>
  </si>
  <si>
    <t>CR 1 # 5 66 BRR CENTRO</t>
  </si>
  <si>
    <t>CROCALITAS MULTISERVICIO</t>
  </si>
  <si>
    <t>CALLE 41A # 24 - 135</t>
  </si>
  <si>
    <t>DMINE CAFE WEB</t>
  </si>
  <si>
    <t>CL. 90 #95F-79 BOGOT COLOMBIA</t>
  </si>
  <si>
    <t>SOLUCIONES TEGNOLOGIA CURSOR SELECT</t>
  </si>
  <si>
    <t>CR 49 A SUR # 91 A 15 BRR BOSA BRISAS TINTAL</t>
  </si>
  <si>
    <t>VARIEDADES YEYIN</t>
  </si>
  <si>
    <t>MZ 3 BL 1 CA 51 ET 4 BRR LA MADRID</t>
  </si>
  <si>
    <t>VARIEDADES ARIACNETH</t>
  </si>
  <si>
    <t>CL 5 # 7 07 BRR EL CENTRO</t>
  </si>
  <si>
    <t>EXPRESS VILLA DEL ROSARIO BRR CENTRO</t>
  </si>
  <si>
    <t>CL 6 # 8 85 BRR CENTRO</t>
  </si>
  <si>
    <t>GÓMEZ PLATA</t>
  </si>
  <si>
    <t>PAPELERIA LUDIVIA RUA</t>
  </si>
  <si>
    <t>CL 50 # 48 49 BRR CENTRO</t>
  </si>
  <si>
    <t>DROGUERIA JULIPART S Y M</t>
  </si>
  <si>
    <t>CR 14 # 32 A - 90 0 BRR SAN MATEO</t>
  </si>
  <si>
    <t>PAPELERIA MINNIE</t>
  </si>
  <si>
    <t>CL 13 # 18 20 BRR FUNZA</t>
  </si>
  <si>
    <t>CELULAR FASHION</t>
  </si>
  <si>
    <t>CR 43 81 59</t>
  </si>
  <si>
    <t>ZONA DIGITAL R  R</t>
  </si>
  <si>
    <t>CR 12 # 16 25 BRR MORICHAL</t>
  </si>
  <si>
    <t>CR 3 # 4 74 BRR COGUA</t>
  </si>
  <si>
    <t>COMERCIAL PAPELERA DEL NORTE</t>
  </si>
  <si>
    <t>CR 88 # 136 90 BRR ALTOS DE CHOZICA</t>
  </si>
  <si>
    <t>MULTSERVICIO JDP</t>
  </si>
  <si>
    <t>CRA. 12 #26A-10 TULUA VALLE DEL CAUCA COLOMBIA</t>
  </si>
  <si>
    <t>FARMA DOCE CAJ</t>
  </si>
  <si>
    <t>CL 98 A 80 39</t>
  </si>
  <si>
    <t>MI MERCATO</t>
  </si>
  <si>
    <t>CL. 130 #94C-46 BOGOTï¿ COLOMBIA</t>
  </si>
  <si>
    <t>JARDIN PLAZA</t>
  </si>
  <si>
    <t>CL 17 SUR NO 12 B - 18</t>
  </si>
  <si>
    <t>MISCELANEA Y TORNILLLERIA JP</t>
  </si>
  <si>
    <t>SUPERMERCADO NUEVO MILENIO #831 EL QUEREMAL DAGUA VALLE DEL CAUCA COLOMBIA</t>
  </si>
  <si>
    <t>PUNTOSERVIS PALMIRA</t>
  </si>
  <si>
    <t>CL 100 # 11 07 BRR CIUDAD DEL CAMPO</t>
  </si>
  <si>
    <t>DROGUERIA VISION SALUD</t>
  </si>
  <si>
    <t>CL 53 SUR 17 02</t>
  </si>
  <si>
    <t>SUPERMARKET ELLY</t>
  </si>
  <si>
    <t>CL. 42F SUR #93C-25 BOGOTA COLOMBIA</t>
  </si>
  <si>
    <t>ZAJO MULTISERVICIOS</t>
  </si>
  <si>
    <t>CL. 39B SUR #86D-92 BOGOTï¿ COLOMBIA</t>
  </si>
  <si>
    <t>ADICNET COMUNICACIONES CH</t>
  </si>
  <si>
    <t>CALLE 54 # 78 K 17</t>
  </si>
  <si>
    <t>SANDRA COMUNICACIONES</t>
  </si>
  <si>
    <t>CL 11 # 11 - 03 BRR VILLA NUEVA</t>
  </si>
  <si>
    <t>FERREONSTRUCIONES MJ</t>
  </si>
  <si>
    <t>CR 13 # 17 24 BRR CENTRO</t>
  </si>
  <si>
    <t>REPARARTE</t>
  </si>
  <si>
    <t>CR 51 # 46 42 / OF REPARARTE BRR SAN FRANCISCO</t>
  </si>
  <si>
    <t>PRISMA.NET</t>
  </si>
  <si>
    <t>CR 1 36-25 CENTRO ISLA B 1-13 PRISMA TORRE B</t>
  </si>
  <si>
    <t>COCO ROSE</t>
  </si>
  <si>
    <t>CL 11 # 18 22 BRR AMERICAS</t>
  </si>
  <si>
    <t>MINI BODEGA DEL CELULAR</t>
  </si>
  <si>
    <t>CR 99 # 97 13 BRR CENTRO</t>
  </si>
  <si>
    <t>GIROS Y MULTISERVICIOS J Y C</t>
  </si>
  <si>
    <t>CRA. 111 #64C-24 BOGOTï¿ COLOMBIA</t>
  </si>
  <si>
    <t>MONKEY SHOP TECNOLOGY</t>
  </si>
  <si>
    <t>CRA. 81 #71F SUR-1 BOGOTA COLOMBIA</t>
  </si>
  <si>
    <t>VARIEDADES YEILI Y ORIANA</t>
  </si>
  <si>
    <t>CL 21 # 14 20 / P 1 BRR LA VICTORIA</t>
  </si>
  <si>
    <t>LA VARIANTE</t>
  </si>
  <si>
    <t>CL. 10 #10-4 VALPARAISO ANTIOQUIA COLOMBIA</t>
  </si>
  <si>
    <t>TELCOMSERV</t>
  </si>
  <si>
    <t>CL. 22 #21 DORADAL PUERTO TRIUNFO ANTIOQUIA COLOMBIA</t>
  </si>
  <si>
    <t>TIENDA MISCELANEA CARMELITA</t>
  </si>
  <si>
    <t>CR 3 D ESTE # 47 B 23 - SUR BRR CANADA GUIURA</t>
  </si>
  <si>
    <t>INVERSIONES DHER</t>
  </si>
  <si>
    <t>CR 11 E # 1 A 74 BRR DORADO CENTRO ORIENTE</t>
  </si>
  <si>
    <t xml:space="preserve">AUTOLAVADO CAR WHAS DAYTONA </t>
  </si>
  <si>
    <t>CRA. 13A #51 SUR-96 BOGOTA COLOMBIA</t>
  </si>
  <si>
    <t>LABATECA</t>
  </si>
  <si>
    <t>AG LABATECA</t>
  </si>
  <si>
    <t>CL 3 # 1 A 11 BRR QUINTA REAL</t>
  </si>
  <si>
    <t>VARIEDADES ASTRID ROCIO</t>
  </si>
  <si>
    <t>CL. 117 #70C-52 BOGOT COLOMBIA</t>
  </si>
  <si>
    <t>DROGUERIA FARMAMEDICOS</t>
  </si>
  <si>
    <t>CL 64 F # 75 39 BRR LUJAN</t>
  </si>
  <si>
    <t>CABINA Y COMUNICACIONES VANESSA</t>
  </si>
  <si>
    <t>CL 128 BIS NO 53 C - 74</t>
  </si>
  <si>
    <t>COLPAGOS ALIADOS MENSAJERIA</t>
  </si>
  <si>
    <t>CL 39 # 39 14 BRR EL CENTRO</t>
  </si>
  <si>
    <t>SUPERMERCADOS MULTIGANGAS JM</t>
  </si>
  <si>
    <t>CL 25 65 E 37</t>
  </si>
  <si>
    <t>PAPELERIA QUINTAS DE SAN REMO</t>
  </si>
  <si>
    <t>CL 32 51 08</t>
  </si>
  <si>
    <t>CR 9 N 15 48</t>
  </si>
  <si>
    <t>DROGUERIA LA 4B</t>
  </si>
  <si>
    <t>CR 41 # 4 B 06 BRR PRIMAVERA</t>
  </si>
  <si>
    <t>PAPELERIA JUANJO DYP</t>
  </si>
  <si>
    <t>CALLE 57 SUR # 86F-53</t>
  </si>
  <si>
    <t>MOVING SOLUTIONS FARMA</t>
  </si>
  <si>
    <t>CL. 66A #57-16 BOGOTï¿ COLOMBIA</t>
  </si>
  <si>
    <t>GESTIONEMOS22</t>
  </si>
  <si>
    <t>CARRERA 10 #20-31 GUADALAJARA DE BUGA VALLE DEL CAUCA COLOMBIA</t>
  </si>
  <si>
    <t>LO DUCE DE UNUMA</t>
  </si>
  <si>
    <t>CR 112 A # 77 C 21 / P 1 BRR VILLAS DE GRANADA</t>
  </si>
  <si>
    <t>PORTAL STORE</t>
  </si>
  <si>
    <t>TV. 7I #18A-103 YUMBO ARROYO HONDO YUMBO VALLE DEL CAUCA COLOMBIA</t>
  </si>
  <si>
    <t xml:space="preserve">PUNTO PAGOS ONLINE </t>
  </si>
  <si>
    <t>CRA. 15 #16-66 GUADALAJARA DE BUGA VALLE DEL CAUCA COLOMBIA</t>
  </si>
  <si>
    <t>DROGUERIA Y PERFUMERIA LA REAL SOCIEDAD</t>
  </si>
  <si>
    <t>CL 59 B SUR# 43-18</t>
  </si>
  <si>
    <t>DROGUERIA C K D</t>
  </si>
  <si>
    <t>TV 72 F NO 42 C SUR 57</t>
  </si>
  <si>
    <t>MISCELNEA Y PAPELERA ANYELUZ</t>
  </si>
  <si>
    <t>CRA. 81A #57G SUR-23 BOGOT COLOMBIA</t>
  </si>
  <si>
    <t>ALVARO RAMON RIZO NORIEGA</t>
  </si>
  <si>
    <t>KDX K8-100 BRR EL LLANITO RIO DE ORO</t>
  </si>
  <si>
    <t>COMPUTER SERVICE YC</t>
  </si>
  <si>
    <t>TV 78P 50 SUR 0060 03</t>
  </si>
  <si>
    <t xml:space="preserve">TELECOMUNICACIONES FUSIï¿³N </t>
  </si>
  <si>
    <t>CRA. 15 #6-23 BOGOTï¿ COLOMBIA</t>
  </si>
  <si>
    <t>FARMA.ACUÑA</t>
  </si>
  <si>
    <t>DG. 28 BIS SUR #5A ESTE-76 BOGOTA COLOMBIA</t>
  </si>
  <si>
    <t>DROGUERIA GALERIAS</t>
  </si>
  <si>
    <t>CL. 57 #21-5 BOGOTA COLOMBIA</t>
  </si>
  <si>
    <t>PAPELERIA TENTACION</t>
  </si>
  <si>
    <t>CR 80 D 51 B 09 SUR</t>
  </si>
  <si>
    <t>PUNTOSERVIS ARACATACA</t>
  </si>
  <si>
    <t>CL 8 # 1 90 BRR CENTRO</t>
  </si>
  <si>
    <t>EXCLUSIVIDADES ELIZA</t>
  </si>
  <si>
    <t>CRA 5 15 00 LC 64</t>
  </si>
  <si>
    <t>PUNTO DE SERVICIOS Y AGENTE DE SEGUROS</t>
  </si>
  <si>
    <t>CL. 15 #12-16 CAUCASIA ANTIOQUIA COLOMBIA</t>
  </si>
  <si>
    <t>DROGUERIA GRACIELITA</t>
  </si>
  <si>
    <t>CL. 81 SUR #1D ESTE-8 BOGOT COLOMBIA</t>
  </si>
  <si>
    <t>LA CABINA TELECOMUNICACIONES</t>
  </si>
  <si>
    <t>CL. 17 #14-37 JAMUNDI VALLE DEL CAUCA COLOMBIA</t>
  </si>
  <si>
    <t>GLOBAL REPRESENTACIONES PUNTO NT3</t>
  </si>
  <si>
    <t>CL. 16I #103A-11 BOGOTA COLOMBIA</t>
  </si>
  <si>
    <t>LUDIVIA SANCHEZ</t>
  </si>
  <si>
    <t>CL 65 # 78 C 56 - SUR BRR BOSA LA AMISTAD</t>
  </si>
  <si>
    <t>MOTO LLANTAS SEVILLA</t>
  </si>
  <si>
    <t>CRA. 49 #64 SEVILLA VALLE DEL CAUCA COLOMBIA</t>
  </si>
  <si>
    <t>CARANY</t>
  </si>
  <si>
    <t>DG. 55A SUR #3A ESTE-45 BOGOTA COLOMBIA</t>
  </si>
  <si>
    <t>CYG MOBILE SERVICIO TECNICO</t>
  </si>
  <si>
    <t>CRA. 102A #131-43 BOGOTA COLOMBIA</t>
  </si>
  <si>
    <t>MILAGROS DE LA ORINOQUIA</t>
  </si>
  <si>
    <t>CR 23 # 19 21 BRR RETO AMARILLO</t>
  </si>
  <si>
    <t>RACING STREET</t>
  </si>
  <si>
    <t>CL 18 15 0002 LOC 00101</t>
  </si>
  <si>
    <t>AGENCIA MASTER SERVICIOS ONLINE</t>
  </si>
  <si>
    <t>AV LIBERTADORES # 1-53 BLOQUE 4 BRR URB PRADOS NORTE</t>
  </si>
  <si>
    <t>COLMILLOS PETSHOP</t>
  </si>
  <si>
    <t>CL. 17A #13-2 YUMBO ARROYO HONDO YUMBO VALLE DEL CAUCA COLOMBIA</t>
  </si>
  <si>
    <t>EL BAGRE</t>
  </si>
  <si>
    <t>MILUCHIS DROGUERIA</t>
  </si>
  <si>
    <t>CRA 48 46A 20</t>
  </si>
  <si>
    <t>PUNTO SERVIPAGOS</t>
  </si>
  <si>
    <t>CR 51 # 50 30 BRR CENTRO COPACABANA</t>
  </si>
  <si>
    <t>AUTOSERVICIO EL ECONOMISTA</t>
  </si>
  <si>
    <t>CL 3 3 ESTE 55 SAN ANTONIO DE PRADO</t>
  </si>
  <si>
    <t>THE KIOSKO</t>
  </si>
  <si>
    <t>CL. 39F SUR #68-75 BOGOTï¿ COLOMBIA</t>
  </si>
  <si>
    <t>PAGOEXPRESS COLOMBIA S.A</t>
  </si>
  <si>
    <t>CR 7 # 5 36 BRR CENTRO</t>
  </si>
  <si>
    <t>EL HABITAT DEL PERFUME</t>
  </si>
  <si>
    <t>Residencial</t>
  </si>
  <si>
    <t>SERVITODO RIVEL</t>
  </si>
  <si>
    <t>CR 42 ABIS 54 C-71</t>
  </si>
  <si>
    <t>SUPER TIENDA DON MANOLO</t>
  </si>
  <si>
    <t>CR 10 ESTE # 54 A 48 - SUR BRR LOS LIBERTADORES</t>
  </si>
  <si>
    <t>COMPUMAT</t>
  </si>
  <si>
    <t>CR 5 K # 49 32 - SUR BRR MARRUECOS</t>
  </si>
  <si>
    <t>DROGUERIA Y MISCELANEA DANNY.COM</t>
  </si>
  <si>
    <t>CL 13 # 10 B 1 BRR EL RECREO</t>
  </si>
  <si>
    <t>CL. 5B #45-47 BUENAVENTURA VALLE DEL CAUCA COLOMBIA</t>
  </si>
  <si>
    <t>FYC COMUNICACIONES 1</t>
  </si>
  <si>
    <t>CL 62 D SUR # 75 H 25 BRR MARIA CANO</t>
  </si>
  <si>
    <t xml:space="preserve">LA PAO  DISTRIBUIDORA </t>
  </si>
  <si>
    <t>CL. 160A #7F-97 BOGOTï¿ COLOMBIA</t>
  </si>
  <si>
    <t>MONOS PAPELERIA</t>
  </si>
  <si>
    <t>CR 12 B # 30 87 BRR EL RODEO</t>
  </si>
  <si>
    <t>BOCATOS.COM</t>
  </si>
  <si>
    <t>CR 19 # 7 02 BRR CENTRO</t>
  </si>
  <si>
    <t>PAGO FÃCIL 1</t>
  </si>
  <si>
    <t>CL 13 # 5 86 / CC EUROPA LC 110 BRR CENTRO</t>
  </si>
  <si>
    <t>CL 15 # 15 A 04 BRR MARACOS</t>
  </si>
  <si>
    <t>DROGUERIA TRINIDAD</t>
  </si>
  <si>
    <t>CL 22 9 68</t>
  </si>
  <si>
    <t>PRODUCCIONES LEON NO 1</t>
  </si>
  <si>
    <t>CRA 21 45 18</t>
  </si>
  <si>
    <t>LA ESTACION.COM</t>
  </si>
  <si>
    <t>CR 52 B # 40 05 - SUR BRR ALQUERIA</t>
  </si>
  <si>
    <t>LUCYï¾´S INTERNET EVERYDAY</t>
  </si>
  <si>
    <t>CL. 33C #25 BIS-13 CALI VALLE DEL CAUCA COLOMBIA</t>
  </si>
  <si>
    <t>SERVIVIAJES CAICETUR</t>
  </si>
  <si>
    <t>CL. 9 #17-25 CAICEDONIA VALLE DEL CAUCA COLOMBIA</t>
  </si>
  <si>
    <t>EL SOL</t>
  </si>
  <si>
    <t>CR 6 77 06 SUR BOGOTA D.C. /BOGOTA</t>
  </si>
  <si>
    <t>CLAUDIA ROBAYO</t>
  </si>
  <si>
    <t>CL 9 # 3 34 BRR LOS NARANJOS</t>
  </si>
  <si>
    <t>CR 16 # 31 - 11 BRR ESPERANZA</t>
  </si>
  <si>
    <t>DROGUERIA NUEVO CASANARE</t>
  </si>
  <si>
    <t>CR 7 # 46 05 BRR CIUDADELA SAN JORGE</t>
  </si>
  <si>
    <t>PAPELERIA Y VARIEDADES J Y Q</t>
  </si>
  <si>
    <t>CL 15A 15 96 LA</t>
  </si>
  <si>
    <t>MAS SALUD PARA TODOS 2</t>
  </si>
  <si>
    <t>CL. 1 #4-61 BOGOTA COLOMBIA</t>
  </si>
  <si>
    <t>DROGUERIA GLOSAR</t>
  </si>
  <si>
    <t>CL 132 D 156 A 11</t>
  </si>
  <si>
    <t>VARIEDADES NAO</t>
  </si>
  <si>
    <t>CRA. 26O #72U-17 CALI VALLE DEL CAUCA COLOMBIA</t>
  </si>
  <si>
    <t>PAPELERIA Y MISCELANEA CRIS</t>
  </si>
  <si>
    <t>CL. 37B SUR #2-68 BOGOTï¿ COLOMBIA</t>
  </si>
  <si>
    <t>PAPELERIA Y MISCELANEA LM</t>
  </si>
  <si>
    <t>TV 124 A BIS NO 130 F 66</t>
  </si>
  <si>
    <t>MU COMUNICACIONES</t>
  </si>
  <si>
    <t>CL 73 A Sur NO 18 B 14</t>
  </si>
  <si>
    <t>VARIEDADES LUZ GAEL</t>
  </si>
  <si>
    <t>CL 56G KR 48B - 53 PISO 01 UNI_RES LLANO VERDE</t>
  </si>
  <si>
    <t>TIENDAS PALMER COLOMBIA S.A.S.</t>
  </si>
  <si>
    <t>CRA. 35 #31-13 PALMIRA VALLE DEL CAUCA COLOMBIA</t>
  </si>
  <si>
    <t>SUPER DROGAS LA 38</t>
  </si>
  <si>
    <t>CRA 38 55 A 29</t>
  </si>
  <si>
    <t>MISCELANEA BELTRAN</t>
  </si>
  <si>
    <t>CL. 72A BIS #1A ESTE-74 BOGOTA COLOMBIA</t>
  </si>
  <si>
    <t>PAPELERIA PIPES</t>
  </si>
  <si>
    <t>CR 112 # 65 B 41 BRR MARANDU</t>
  </si>
  <si>
    <t>3JDMOTOS</t>
  </si>
  <si>
    <t>CRA. 102 #24-24 BOGOT COLOMBIA</t>
  </si>
  <si>
    <t>AG INTERNET MUNDO MÃGICO</t>
  </si>
  <si>
    <t>AV 7 ESTE # 7 2 / MZ 1 LOTE 3 BRR BELLAVISTA</t>
  </si>
  <si>
    <t>DIGINETCALI</t>
  </si>
  <si>
    <t>CL 22 # 49 B 12 BRR FARALLONES II</t>
  </si>
  <si>
    <t>CENTRO DE SERVICIOS SISOFT</t>
  </si>
  <si>
    <t>CRA. 45 #73-54 MEDELLIN MANRIQUE MEDELLIN ANTIOQUIA COLOMBIA</t>
  </si>
  <si>
    <t>PET SHOP Y PELUQUERIA CANINA QUIRON</t>
  </si>
  <si>
    <t>KR 12 NO 76 SUR 26</t>
  </si>
  <si>
    <t>COMERCIALIZADORA JERARD</t>
  </si>
  <si>
    <t>CRA. 104 #10 BOGOTA COLOMBIA</t>
  </si>
  <si>
    <t>OBSEQUIA COSMETICOS</t>
  </si>
  <si>
    <t>CRA. 74H #62B SUR-57 BOGOTA COLOMBIA</t>
  </si>
  <si>
    <t>PUERTO JORDAN COMERCIO</t>
  </si>
  <si>
    <t>CL 14 # 21 32 BRR PORVENIR</t>
  </si>
  <si>
    <t>ALDANA</t>
  </si>
  <si>
    <t>ATMOSFERA</t>
  </si>
  <si>
    <t>CR 6 # 6 19 BRR CENTRO</t>
  </si>
  <si>
    <t xml:space="preserve">BEER PARA CREER </t>
  </si>
  <si>
    <t>CALLE 20 NO.8A 30 CHILE</t>
  </si>
  <si>
    <t>RAPICOPIASOMAR</t>
  </si>
  <si>
    <t>CRA. 19A #50 SUR-99 BOGOT COLOMBIA</t>
  </si>
  <si>
    <t>PAPELERï¿­A Y DISTRIBUIDORA SANTI</t>
  </si>
  <si>
    <t>CALLE 33 #27 LA PINTADA ANTIOQUIA COLOMBIA</t>
  </si>
  <si>
    <t>PAPER GAMES</t>
  </si>
  <si>
    <t>CARRERA 14 # 79 28 LOCAL 206</t>
  </si>
  <si>
    <t>COMPUBRANDT</t>
  </si>
  <si>
    <t>DG. 56 BIS SUR #84A-40 BOGOTA COLOMBIA</t>
  </si>
  <si>
    <t>PUNTO PAY SAS</t>
  </si>
  <si>
    <t>CR 10 # 18 17 / ATR BRR LOS HEROES</t>
  </si>
  <si>
    <t>GRANERO LA GRAN VILLA</t>
  </si>
  <si>
    <t>CRA 43 N 63 - 53</t>
  </si>
  <si>
    <t>CENTRO DE SERVICIOS Y SUMINISTROS</t>
  </si>
  <si>
    <t>CL 21 # 27 35 BRR BICENTENARIO</t>
  </si>
  <si>
    <t>MULT</t>
  </si>
  <si>
    <t>CRA. 20 #72 DORADAL PUERTO TRIUNFO ANTIOQUIA COLOMBIA</t>
  </si>
  <si>
    <t>RECAUDOS TYC</t>
  </si>
  <si>
    <t>CRA. 94C #129A-31 BOGOTï¿ COLOMBIA</t>
  </si>
  <si>
    <t>DROGUERIA LA BENDICION DE BOSA</t>
  </si>
  <si>
    <t>DROGUERIA FARMA PLUS</t>
  </si>
  <si>
    <t>CARRRERA 42 SUR B 45A 20</t>
  </si>
  <si>
    <t>REFRI-LAVA</t>
  </si>
  <si>
    <t>CL 63 SUR 87A-0019 01 00002</t>
  </si>
  <si>
    <t>ALMACEN COMPRAVENTA EL PUENTE</t>
  </si>
  <si>
    <t>CR 8 76-108 COMPONENTES DEL COSTO</t>
  </si>
  <si>
    <t>DROGUERIA UN NUEVO AMANECER</t>
  </si>
  <si>
    <t>CR 4 # 2 96 / CA BRR VDA LA GULF</t>
  </si>
  <si>
    <t>HEIS DE COLOMBIA SAS</t>
  </si>
  <si>
    <t>CRA. 1 ESTE #4-13 EL CERRITO VALLE DEL CAUCA COLOMBIA</t>
  </si>
  <si>
    <t>PAGOS JN</t>
  </si>
  <si>
    <t>TV 78 D NO 71 C SUR - 10 PI 1</t>
  </si>
  <si>
    <t>MINIGRANERO LA PRIMAVERA</t>
  </si>
  <si>
    <t>CR 30 # 50 63 BRR LAS AMERICAS</t>
  </si>
  <si>
    <t>MENSAJERIA Y PAPELERIA BULEVAR 127</t>
  </si>
  <si>
    <t>CL 127 D # 58 - 78 LOCAL 2</t>
  </si>
  <si>
    <t>DISTRIBUIDORA DE BELLEZA ALERO</t>
  </si>
  <si>
    <t>CR 71 F # 12 35 BRR ALSACIA</t>
  </si>
  <si>
    <t>GAME STORE TECNOLOGY</t>
  </si>
  <si>
    <t>CRA. 124 #130A-3 BOGOTA COLOMBIA</t>
  </si>
  <si>
    <t>AG BOGOTÃ ADRIANA HENAO</t>
  </si>
  <si>
    <t>DG 83 # 75 27 BRR MINUTO DE DIOS</t>
  </si>
  <si>
    <t>DROGUERIA MERCANTIL JV</t>
  </si>
  <si>
    <t>CL 2 # 32 C 07 BRR LA ASUNCION</t>
  </si>
  <si>
    <t>PAPELERIA AK</t>
  </si>
  <si>
    <t>CR 17 # 11 A - 55 BRR TERMINAL</t>
  </si>
  <si>
    <t>MILENA MOSQUERA MEDINA</t>
  </si>
  <si>
    <t>CALLE 4 3 58</t>
  </si>
  <si>
    <t>MISCELANEALEOKE</t>
  </si>
  <si>
    <t>CL 44 SUR NO 73 C 35</t>
  </si>
  <si>
    <t>MERKATE CHEF</t>
  </si>
  <si>
    <t>CARRERA 56 #9-17 LOCAL 02 TORRE</t>
  </si>
  <si>
    <t>MERCADO VILLA REAL</t>
  </si>
  <si>
    <t>CL 36 # 20 02 / OF MERCADO VILLA REAL BRR CIUDADELA REAL</t>
  </si>
  <si>
    <t>TELECOSMO</t>
  </si>
  <si>
    <t>CL 5 # 50 103 / CC COSMOCENTRO LC 158 BRR CENTRO</t>
  </si>
  <si>
    <t>ALO MUNDO.COM.CO</t>
  </si>
  <si>
    <t>CRA 5 9 33 LC 1</t>
  </si>
  <si>
    <t>SALOON LICORES</t>
  </si>
  <si>
    <t>CL 10 NRO 15 - 20</t>
  </si>
  <si>
    <t>MERCAFRUVER MIYO</t>
  </si>
  <si>
    <t>CL. 72W #28D 4-12 CALI VALLE DEL CAUCA COLOMBIA</t>
  </si>
  <si>
    <t>INMOBILIARIA  SOLUCIONES</t>
  </si>
  <si>
    <t>CL 146 C BIS # 90 37 BRR SUBA CENTRO</t>
  </si>
  <si>
    <t>PAPELERIA COPYRED</t>
  </si>
  <si>
    <t>COLPAGOS KELLY</t>
  </si>
  <si>
    <t>CR 8 OESTE # 15 58 BRR BARRIO VALLEJO</t>
  </si>
  <si>
    <t>AGENCIA MASIVOS VILLA DEL ROSARIO</t>
  </si>
  <si>
    <t>CR 9 # 4 14 BRR CENTRO VILLA DEL ROSARIO</t>
  </si>
  <si>
    <t>COLPAGOS MULTIPAGOS LA 22</t>
  </si>
  <si>
    <t>CL 22 # 9 98 BRR LA VICTORIA</t>
  </si>
  <si>
    <t>COMUNICACIONES ALKILA2 JALG</t>
  </si>
  <si>
    <t>CRA. 3 #4-31 GUASCA SANTUARIO GUASCA CUNDINAMARCA COLOMBIA</t>
  </si>
  <si>
    <t>CR 14 NO. 6 29 AL LADO DE ELECTRICARIBE</t>
  </si>
  <si>
    <t>Carrera 56 #9-17 Local 02 Torre</t>
  </si>
  <si>
    <t>TELECOMUNICACIONES PLAY</t>
  </si>
  <si>
    <t>TV 79 D # 72 C 03 - SUR BRR EL RETAZO</t>
  </si>
  <si>
    <t>DROGUERIA CITYFARMA</t>
  </si>
  <si>
    <t>CRA. 107 #79A-23 BOGOTA COLOMBIA</t>
  </si>
  <si>
    <t>TATIANAVALENCIA</t>
  </si>
  <si>
    <t>CALLE 15 #9A-62</t>
  </si>
  <si>
    <t>AGENCIA PAMPLONA TIENDA LUZ</t>
  </si>
  <si>
    <t>CL 6 # 1 19 BRR EL CARMEN PAMPLONA</t>
  </si>
  <si>
    <t>PEÑOL</t>
  </si>
  <si>
    <t>PREVENSERVICIOS</t>
  </si>
  <si>
    <t>CR 19 # 2 21</t>
  </si>
  <si>
    <t>LA BODEGA DEL CELULAR</t>
  </si>
  <si>
    <t>CL 97 # 97 11 BRR FUNDADORES</t>
  </si>
  <si>
    <t>DENYS DANIELYS RUIZ CASTILLO</t>
  </si>
  <si>
    <t>CL 72 # 96 A 30 BRR ALAMOS NORTE</t>
  </si>
  <si>
    <t>ELECTROPHONE DE COLOMBIA</t>
  </si>
  <si>
    <t>CR 13 # 59 38 BRR CHAPINERO</t>
  </si>
  <si>
    <t>EXPRESS ARAUCA BRR CENTRO</t>
  </si>
  <si>
    <t>CR 15 # 15 47 BRR CENTRO</t>
  </si>
  <si>
    <t>BURBUJA DE LA BODEGA DEL CELULAR</t>
  </si>
  <si>
    <t>CC NUESTRA URABA LC 341 BRR ZONA FRANCA</t>
  </si>
  <si>
    <t>PAPELERIA MUISCAS</t>
  </si>
  <si>
    <t>DIAGONAL 67 # 4-20</t>
  </si>
  <si>
    <t>LITOSOCIAL</t>
  </si>
  <si>
    <t>CARRERA 29C N. 76-06</t>
  </si>
  <si>
    <t>SOLUCIONES EL PROFE</t>
  </si>
  <si>
    <t>CRA. 77V BIS A #49 SUR-56 BOGOTA COLOMBIA</t>
  </si>
  <si>
    <t>PRODUCTOS DE VELLESA ESMARKA</t>
  </si>
  <si>
    <t>CL 13 # 5 A 20 BRR SERREZUELITA</t>
  </si>
  <si>
    <t xml:space="preserve">FESTIPLASTIC </t>
  </si>
  <si>
    <t>KR 48A 176 0049 00522</t>
  </si>
  <si>
    <t>DROGUERÃAS MAXFHARMA</t>
  </si>
  <si>
    <t>CR 8 G # 161 B 09 / LC 3 BRR SAN CRISTÃ“BAL NORTE</t>
  </si>
  <si>
    <t>PUNTOSERVIS BOGOTA 29</t>
  </si>
  <si>
    <t>CR 78 K # 33 A 51 - SUR BRR KENNEDY</t>
  </si>
  <si>
    <t>ARNODIO ACUÑA</t>
  </si>
  <si>
    <t>CL 10 # 5 10 BRR MACONDO</t>
  </si>
  <si>
    <t xml:space="preserve">TIENDA DECOX </t>
  </si>
  <si>
    <t>BUGA-GINEBRA #912 COSTA RICA GINEBRA VALLE DEL CAUCA COLOMBIA</t>
  </si>
  <si>
    <t>MISCELANEA MIS 3D</t>
  </si>
  <si>
    <t>MZ 29 CA 27 BRR PUERTO ESPEJO</t>
  </si>
  <si>
    <t>PINGUINOS RYS</t>
  </si>
  <si>
    <t>DG. 69B SUR #78I-6 BOGOTA COLOMBIA</t>
  </si>
  <si>
    <t>AGROSUPER IDI SAS</t>
  </si>
  <si>
    <t>CRA 17 CL 13 29</t>
  </si>
  <si>
    <t>PAPELERA Y MISCELNEA ARCOIRIS 2</t>
  </si>
  <si>
    <t>CRA. 100 #16H-32 BOGOT COLOMBIA</t>
  </si>
  <si>
    <t>PAPELERIA DOA CLEMEN</t>
  </si>
  <si>
    <t>CL. 4D #39C-2 BOGOT COLOMBIA</t>
  </si>
  <si>
    <t>MULTISERVICIOS VALERI</t>
  </si>
  <si>
    <t>CR 9 # 18 A 31 BRR CAMPO NUNEZ</t>
  </si>
  <si>
    <t>AUTOSERVICIO SAVECO</t>
  </si>
  <si>
    <t>CR 88 I # 78 18 - SUR BRR SAN BERNARDINO XVIII</t>
  </si>
  <si>
    <t>FARMA-DESCUENTO # 1</t>
  </si>
  <si>
    <t>KR 80 J NO 73 C SUR 03 Pl 1</t>
  </si>
  <si>
    <t>CL. 139 #108-30 BOGOTA COLOMBIA</t>
  </si>
  <si>
    <t>MULTISERVICIOS ROBLES</t>
  </si>
  <si>
    <t>CR 8 A # 22 A 74 / LC 101 BRR OBRERO</t>
  </si>
  <si>
    <t>DROGUERIA KOLCAFAM</t>
  </si>
  <si>
    <t>TV. 138 #139-9 BOGOTA COLOMBIA</t>
  </si>
  <si>
    <t>MINIMERCADO SANTA INS</t>
  </si>
  <si>
    <t>CR 31 # 68 D 23 - SUR BRR VILLAS DE BOLIVAR</t>
  </si>
  <si>
    <t>COLPAGOS SAN PELAYO</t>
  </si>
  <si>
    <t>CR 8 CALLE 6 NO 6-53 BRR EL CENTRO</t>
  </si>
  <si>
    <t>EL TABLÓN DE GÓMEZ</t>
  </si>
  <si>
    <t>FOTONET COM EL TABLON DE GOMEZ</t>
  </si>
  <si>
    <t>CRA 4 3 A 11</t>
  </si>
  <si>
    <t>TECHSESORIOS</t>
  </si>
  <si>
    <t>NECOCLI-ZAPATA #57-29 NECOCLI ANTIOQUIA COLOMBIA</t>
  </si>
  <si>
    <t>DG 86 A # 103 D 29 BRR BOLIVIA</t>
  </si>
  <si>
    <t>SUPER PAGO SHERLY</t>
  </si>
  <si>
    <t>CL 22# 23-31</t>
  </si>
  <si>
    <t>KARICELL</t>
  </si>
  <si>
    <t>CR 14 # 5 20 BRR CENTRO</t>
  </si>
  <si>
    <t>TIENDA Y LEGUMBRERIA JUANITA</t>
  </si>
  <si>
    <t>CL 22 # 27 A 79 BRR MONTESOL</t>
  </si>
  <si>
    <t>CELUACCESORIOS.COM.H</t>
  </si>
  <si>
    <t>CALLE 139N147-22</t>
  </si>
  <si>
    <t>HIPERDROGUERIA ISABELLA</t>
  </si>
  <si>
    <t>CRA. 76 #146C-27 BOGOTï¿ COLOMBIA</t>
  </si>
  <si>
    <t>TITIRIBÍ</t>
  </si>
  <si>
    <t>AGROPECUARIA LA GRAN VIA</t>
  </si>
  <si>
    <t>CL 21 # 20 50 BRR BENITO DEL RIO TITIRITI</t>
  </si>
  <si>
    <t>TRANSPORTES LEI</t>
  </si>
  <si>
    <t>CR 14 # 75 87 / LC 104 BRR POLO CLUB</t>
  </si>
  <si>
    <t>TIENDA Y MISCELANEA TITO</t>
  </si>
  <si>
    <t>TV. 103 #26B 1-18 CALI VALLE DEL CAUCA COLOMBIA</t>
  </si>
  <si>
    <t>SERVICIOS MOVILES J&amp;M</t>
  </si>
  <si>
    <t>CRA. 88A #59C SUR-68 BOGOTï¿ COLOMBIA</t>
  </si>
  <si>
    <t>ACCESOWEB</t>
  </si>
  <si>
    <t>CR 24 # 36 41 - SUR BRR EL QUIROGA</t>
  </si>
  <si>
    <t>INTER PARAISO</t>
  </si>
  <si>
    <t>ZONA INTERACTIVA</t>
  </si>
  <si>
    <t>CL 31 # 44 24 BRR LA GABRIELA BELLO</t>
  </si>
  <si>
    <t>PAGO FACIL BOGOTA</t>
  </si>
  <si>
    <t>CR 62 # 97 50 BRR LOS ANDES</t>
  </si>
  <si>
    <t>VARIEDADES A  L</t>
  </si>
  <si>
    <t>CL. 9 OE. #50-57 CALI VALLE DEL CAUCA COLOMBIA</t>
  </si>
  <si>
    <t>MUNDO CHIC ACCESORIOS</t>
  </si>
  <si>
    <t>CRA. 91A #38D SUR-19 BOGOTA COLOMBIA</t>
  </si>
  <si>
    <t xml:space="preserve">FOTOCOPIADORA </t>
  </si>
  <si>
    <t>AV. ROOSEVELT #38A-16, CALI, VALLE DEL CAUCA, COLOMBIA</t>
  </si>
  <si>
    <t>DROGUERIA LOMBARDIA</t>
  </si>
  <si>
    <t>CRA 111 143 A 28</t>
  </si>
  <si>
    <t>CR 6 # 5 - 07 / PAR FARMAPLUS CRR FARMAPLUS BRR PARQUE PRINCIPAL</t>
  </si>
  <si>
    <t>EL SKPE.NET</t>
  </si>
  <si>
    <t>CR 2 No. 4 -13 BRR PORVENIR</t>
  </si>
  <si>
    <t>MINIEXPRESS AGUACHICA BRR CEIBA</t>
  </si>
  <si>
    <t>CR 16 # 10 12 BRR CEIBA</t>
  </si>
  <si>
    <t>MEGAPAGOS</t>
  </si>
  <si>
    <t>CARRERA 4 NO 4-29</t>
  </si>
  <si>
    <t>DYD TECNOLOGIA Y SERVICIOS</t>
  </si>
  <si>
    <t>CL 7 # 6 A 34 BRR CABECERA MUNICIPAL</t>
  </si>
  <si>
    <t>VARIEDADES FABI</t>
  </si>
  <si>
    <t>CRA. 70A #4-2 MEDELLIN BELEN MEDELLIN ANTIOQUIA COLOMBIA</t>
  </si>
  <si>
    <t>RECAUDO CARDENAS</t>
  </si>
  <si>
    <t>CL. 156 #8C-27 BOGOTA COLOMBIA</t>
  </si>
  <si>
    <t>FERIAS ESTACION CALLE 80</t>
  </si>
  <si>
    <t>TV. 69R #79A-2 BOGOTA COLOMBIA</t>
  </si>
  <si>
    <t>CAMALEN ART PAPELERA</t>
  </si>
  <si>
    <t>CL. 95 #67-12 BOGOT COLOMBIA</t>
  </si>
  <si>
    <t>TAMARA</t>
  </si>
  <si>
    <t>CARRERA 72H # 41A-26 SUR</t>
  </si>
  <si>
    <t>LAPIZ Y PAPEL</t>
  </si>
  <si>
    <t>CR 9 # 12 30 BRR CENTRO</t>
  </si>
  <si>
    <t>DROGUERIA SALUDFARMA</t>
  </si>
  <si>
    <t>CL 27 # 18 70 BRR SAN CAYETANO</t>
  </si>
  <si>
    <t>DROGUERIA D ANGEL</t>
  </si>
  <si>
    <t>CRA 74 B TV 2 A 01</t>
  </si>
  <si>
    <t>HIPERMERCADO DEL ASEO JM</t>
  </si>
  <si>
    <t>CL 72 SUR # 104 43 BRR BOSA EL RECREO</t>
  </si>
  <si>
    <t>YASIB MULTISERVICIOS</t>
  </si>
  <si>
    <t>CR 20 # 25 76 BRR PROVIVIENDA</t>
  </si>
  <si>
    <t>VARIEDADES HELLEN</t>
  </si>
  <si>
    <t>CL 21 C # 40 C 42 BRR SANTA RITA</t>
  </si>
  <si>
    <t>MINIEXPRESS AGUCHICA BRR CARRETERO</t>
  </si>
  <si>
    <t>CL 3 # 15 29 / LC 2 BRR CARRETERO</t>
  </si>
  <si>
    <t>FRUTY PLAZA</t>
  </si>
  <si>
    <t>CRA. 81 #68A SUR-38 BOGOTA COLOMBIA</t>
  </si>
  <si>
    <t>CRA. 54 #43 SUR-95 BOGOTA COLOMBIA</t>
  </si>
  <si>
    <t>DIEGO PEÑA</t>
  </si>
  <si>
    <t>CL 187 # 15 B 41 BRR VERBENAL</t>
  </si>
  <si>
    <t>MAYKAS EU</t>
  </si>
  <si>
    <t>TV 7 # 14 101 BRR EL REFUGIO</t>
  </si>
  <si>
    <t>DROGUERIA J A ROJAS</t>
  </si>
  <si>
    <t>CL 20 A # 14 08 BRR LA VICTORIA</t>
  </si>
  <si>
    <t>VENTAS Y TRAMITES</t>
  </si>
  <si>
    <t>CR 2 # 54 19 BRR CENTRO</t>
  </si>
  <si>
    <t>AMAYA TORO COMUNICACIONES</t>
  </si>
  <si>
    <t>TV DIGI PLUS</t>
  </si>
  <si>
    <t>PAPELERIA BIG BANG</t>
  </si>
  <si>
    <t>KR 52 A NO 39 SUR - 07</t>
  </si>
  <si>
    <t>LA SALINA</t>
  </si>
  <si>
    <t>FERRETERIA ARES</t>
  </si>
  <si>
    <t>CL 5 # 5 55 BRR CENTRO</t>
  </si>
  <si>
    <t>MINIEXPRESS RIOHACHA EDIFICIO JHOXY</t>
  </si>
  <si>
    <t>CR 7 # 10 40 BRR EDIFICIO JHOXY</t>
  </si>
  <si>
    <t>MEDICAMENTOS ECONOMICOS DROGUERIAS</t>
  </si>
  <si>
    <t>CRA 10 7 75</t>
  </si>
  <si>
    <t>MOVILES LA 30</t>
  </si>
  <si>
    <t>CRA 30 69 A 43</t>
  </si>
  <si>
    <t>VARIEDADES SAMSALO</t>
  </si>
  <si>
    <t>CRA. 122A BIS #69-21 BOGOT COLOMBIA</t>
  </si>
  <si>
    <t>PUNTO DE SERVICIOS ENGATIVA</t>
  </si>
  <si>
    <t>CRA. 119 #64-21 BOGOT COLOMBIA</t>
  </si>
  <si>
    <t>DROGAS DEL PAUTO M.Y SAN LUIS</t>
  </si>
  <si>
    <t>CL 3 # 4 A 24 BRR CENTRO</t>
  </si>
  <si>
    <t>TIENDA AJ EJIDO</t>
  </si>
  <si>
    <t>CALLE 4 A #301 POLICARPA NARIO COLOMBIA</t>
  </si>
  <si>
    <t>VALORAR N 1 SAS</t>
  </si>
  <si>
    <t>CL 18 19 B 10</t>
  </si>
  <si>
    <t>CIBER OFFICE CONCORDIA</t>
  </si>
  <si>
    <t>CL 18 # 19 47 / P 2 BRR EL PUENTE</t>
  </si>
  <si>
    <t>SECRET MAKEUP</t>
  </si>
  <si>
    <t>CRA. 100 #137B-22 BOGOTï¿ COLOMBIA</t>
  </si>
  <si>
    <t>DROGUERIA HIPERDESCUENTOS M4</t>
  </si>
  <si>
    <t>KR 111 A NO 76 76</t>
  </si>
  <si>
    <t>CSC SERVICIOS</t>
  </si>
  <si>
    <t>TV 18 # 13 74 BRR CENTRO</t>
  </si>
  <si>
    <t>WORLD BANKS</t>
  </si>
  <si>
    <t>CR 58 B # 14 05 - SUR BRR PORVENIR</t>
  </si>
  <si>
    <t>DROGUERIA SUPER SALUD PLAYA RICA</t>
  </si>
  <si>
    <t>CL. 45A #52A-49 ITAGï¿œI ANTIOQUIA COLOMBIA</t>
  </si>
  <si>
    <t>MARKET MEDIDAS</t>
  </si>
  <si>
    <t>CL 130 D BIS # 105 22 / AP 100 BRR AURES II</t>
  </si>
  <si>
    <t>JHON MEJIA</t>
  </si>
  <si>
    <t>CR 59 A # 44 B 45 BRR BELALCAZAR</t>
  </si>
  <si>
    <t>VARIEDADES KAREN</t>
  </si>
  <si>
    <t>CL 4 S # 12 A - 05 BRR UNIVERSITARIO</t>
  </si>
  <si>
    <t>OFICINA ALIADA CALI</t>
  </si>
  <si>
    <t>CL 40 # 3 C 05 BRR VIPASA</t>
  </si>
  <si>
    <t>CONSTRUCCIONES Y AGREGADOS SANJUAN</t>
  </si>
  <si>
    <t>CL 40 # 9 B 36 BRR LAGUITO</t>
  </si>
  <si>
    <t>TIENDA MIXTA SARAPA</t>
  </si>
  <si>
    <t>AV MARGINAL 4 16 CEN</t>
  </si>
  <si>
    <t>EL PAN DE CADA DIA</t>
  </si>
  <si>
    <t>VDA MORELIA BRR VIA BETULIA</t>
  </si>
  <si>
    <t>PAPELERIA Y MISCELANEA FITY</t>
  </si>
  <si>
    <t>CL. 63 SUR #72-46 BOGOTA COLOMBIA</t>
  </si>
  <si>
    <t>CR 7 #8-51</t>
  </si>
  <si>
    <t>DROGUERIA FARMA OFERTAS M</t>
  </si>
  <si>
    <t>CL 80 # 72 A 305 / BL 46 IN 101 BRR URA</t>
  </si>
  <si>
    <t>EL SHADDY</t>
  </si>
  <si>
    <t>CR 16 # 17 43 BRR CALLE PRINCIPAL JUAN ARIAS</t>
  </si>
  <si>
    <t>MUTISERVICIOS YULIETH</t>
  </si>
  <si>
    <t>FRENTE AL PARQUE PRICIPAL PARQUE PRINCIPA</t>
  </si>
  <si>
    <t>GLOBAL JESD</t>
  </si>
  <si>
    <t>CL 107 D # 27 B 32 BRR LA AVANZADA</t>
  </si>
  <si>
    <t>TIENDA DE REGALOS Y PAPELERIA ANTONELLA</t>
  </si>
  <si>
    <t>TV 73 A # 82 H 38 / IN 2 AP 9 BRR EL MINUTO DE DIOS</t>
  </si>
  <si>
    <t>VARIEDADES YOJAN</t>
  </si>
  <si>
    <t>CRA. 14B #109-31 BOGOTA COLOMBIA</t>
  </si>
  <si>
    <t>NICOPAPELERIA TIMIZA IV</t>
  </si>
  <si>
    <t>TV 74 A 43 61 SUR</t>
  </si>
  <si>
    <t>CERVICEL</t>
  </si>
  <si>
    <t>CL 4 # 1 B 86 / CRR BRR SAN ANTERITO</t>
  </si>
  <si>
    <t>ESTACION DE SERVICIO AUTOMOTRIZ EL HATO DJ</t>
  </si>
  <si>
    <t>VDA KM 17 VIA PUERTO OLAYA BRR PUERTA DEL SOL</t>
  </si>
  <si>
    <t>ANDROID STORE</t>
  </si>
  <si>
    <t>TV. 12B #22-109 PENOL ANTIOQUIA COLOMBIA</t>
  </si>
  <si>
    <t>DISTRIBUIDORA MATHIAS</t>
  </si>
  <si>
    <t>CALLE 128 D # 87-15</t>
  </si>
  <si>
    <t>CORPORATION TECNOEVOX EU</t>
  </si>
  <si>
    <t>DG 38 SUR # 82 07 BRR PATIO BONITO</t>
  </si>
  <si>
    <t>CASA BATTLO</t>
  </si>
  <si>
    <t>CL. 60 #33 CALI VALLE DEL CAUCA COLOMBIA</t>
  </si>
  <si>
    <t>KARENS PAPELERIA</t>
  </si>
  <si>
    <t>CRA. 4 #5-83 YOTOCO VALLE DEL CAUCA COLOMBIA</t>
  </si>
  <si>
    <t>VARIEDADES FERRUCHO</t>
  </si>
  <si>
    <t>KR 11 c BIS.ESTE NO 68 SUR-31</t>
  </si>
  <si>
    <t>INTERCOMUNICACIONES CORTES</t>
  </si>
  <si>
    <t>CRA. 13 #14-17 CALI VALLE DEL CAUCA COLOMBIA</t>
  </si>
  <si>
    <t>MERCAFRUVERS</t>
  </si>
  <si>
    <t>CRA. 13 #44-1 BOGOTA COLOMBIA</t>
  </si>
  <si>
    <t>MISCELANEA.NET</t>
  </si>
  <si>
    <t>CL 7 # 09 99 BRR CENTRO</t>
  </si>
  <si>
    <t>CIGARRERIA DLALOS</t>
  </si>
  <si>
    <t>DG 149 142 72 BL D INT 31 ETAPA 3</t>
  </si>
  <si>
    <t>LOXIAN TECHNOLOGY</t>
  </si>
  <si>
    <t>CR 21 # 6 - 46 BRR LA MESA CUNDINAMARCA</t>
  </si>
  <si>
    <t>SURTIHOUSE</t>
  </si>
  <si>
    <t>CL 5 # 10 - 22 BRR OLAYA HERRERA</t>
  </si>
  <si>
    <t>VARIEDADES ANDREY</t>
  </si>
  <si>
    <t>DG. 50 #5 OESTE-2 CALI VALLE DEL CAUCA COLOMBIA</t>
  </si>
  <si>
    <t>MULTISERVICIOS LA ACUARELA</t>
  </si>
  <si>
    <t>CR 43 A # 36 40 - SUR BRR CENTRO</t>
  </si>
  <si>
    <t xml:space="preserve">PAPELERIA JESHUA </t>
  </si>
  <si>
    <t>CL. 137A #125A-5 BOGOTï¿ COLOMBIA</t>
  </si>
  <si>
    <t>DRGUERIA Y VARIEDADES COSMOS</t>
  </si>
  <si>
    <t>CRA 65 LOCAL 3 BARRIO SAN PEDRO MARTIR</t>
  </si>
  <si>
    <t>ALO TIA!!! SOLUCIONES EN TU VIDA</t>
  </si>
  <si>
    <t>CL 84 22-100</t>
  </si>
  <si>
    <t xml:space="preserve">WONDERWODMAN VIDEOJUEGOS Y ACCESORIOS </t>
  </si>
  <si>
    <t>CL. 98 #102-30 APARTADO ANTIOQUIA COLOMBIA</t>
  </si>
  <si>
    <t>CADERED</t>
  </si>
  <si>
    <t>CR 55 A # 57 80 BRR MINORISTA</t>
  </si>
  <si>
    <t>TU ESTILO</t>
  </si>
  <si>
    <t>CARRERA 90 # 76A-35 LOCAL 2</t>
  </si>
  <si>
    <t>DIVERTRONIK-A</t>
  </si>
  <si>
    <t>CRA 64 C 11 10</t>
  </si>
  <si>
    <t>PAPELERIA PACESE</t>
  </si>
  <si>
    <t>CR 48 # 10 45 / IN 85 BRR CENTRO</t>
  </si>
  <si>
    <t>DROGUERï¿A MAOHEALTH</t>
  </si>
  <si>
    <t>CL. 130C #93B-20 BOGOTï¿ COLOMBIA</t>
  </si>
  <si>
    <t>CIGARRERIA TERRANOVA S.M</t>
  </si>
  <si>
    <t>CRA. 48 #168A-35 BOGOTï¿ COLOMBIA</t>
  </si>
  <si>
    <t>OZIOMANIA</t>
  </si>
  <si>
    <t>AV 10 # 2 N 48 BRR SAN MARTIN</t>
  </si>
  <si>
    <t>AUTOSERVICIO EL GANGAZO DE PASACABALLOS</t>
  </si>
  <si>
    <t>CL 17 # 9 05 BRR PASACABALLOS</t>
  </si>
  <si>
    <t>SERVICIOS CALLE 24</t>
  </si>
  <si>
    <t>CL 24 # 20 A 32 BRR PROVIVIENDA</t>
  </si>
  <si>
    <t>PAPELERA Y VARIEDADES LIZMA</t>
  </si>
  <si>
    <t>CL 27 # 35 67 BRR ALVERNIA</t>
  </si>
  <si>
    <t>EDS ELSURTIDOR</t>
  </si>
  <si>
    <t>CR 48 # 53 01 BRR FUNDADORES</t>
  </si>
  <si>
    <t>MGICOS DETALLES L Y L</t>
  </si>
  <si>
    <t>VDA CANDELILLAS BRR LAS FLORES</t>
  </si>
  <si>
    <t>TECNICOLORJD</t>
  </si>
  <si>
    <t>CL. 24 #7-79 CALI VALLE DEL CAUCA COLOMBIA</t>
  </si>
  <si>
    <t>MISCELANEA SANTY  ZEUS</t>
  </si>
  <si>
    <t>CL 158 # 101 B 20 BRR VILLA HERMOSA</t>
  </si>
  <si>
    <t>TV. 3C BIS ESTE #41A SUR-74 BOGOTï¿ COLOMBIA</t>
  </si>
  <si>
    <t>DROGUERIA FARMALAR</t>
  </si>
  <si>
    <t>CRA 98 A 130 D 12</t>
  </si>
  <si>
    <t>AG OCAÑA PRIMAVERA</t>
  </si>
  <si>
    <t>CL 7 # 29 117 BRR LA PRIMAVERA</t>
  </si>
  <si>
    <t>LOSADAS BARBERSHOP</t>
  </si>
  <si>
    <t>CL. 13 #26 GUADALAJARA DE BUGA VALLE DEL CAUCA COLOMBIA</t>
  </si>
  <si>
    <t>MAQUILLAJE Y PAPELERIA LIS</t>
  </si>
  <si>
    <t>CRA. 94B #130D-49 BOGOTA COLOMBIA</t>
  </si>
  <si>
    <t xml:space="preserve">DROGUERIA EXPRESION DE VIDA </t>
  </si>
  <si>
    <t>CRA. 17 #4-38 BOGOTA COLOMBIA</t>
  </si>
  <si>
    <t>PAPELERIA Y DETALLES</t>
  </si>
  <si>
    <t>CR 7 # 10 - 28 BRR CENTRO GUATEQUE</t>
  </si>
  <si>
    <t>DELI AREPAS LA CUMBRE</t>
  </si>
  <si>
    <t>KR 20 CL 22 73 PISO 02</t>
  </si>
  <si>
    <t>PAPELERIA MERCADEO INTEGRAL</t>
  </si>
  <si>
    <t>CL 95 45A 29</t>
  </si>
  <si>
    <t>INVERSIONES SAN BERNARDO SAS</t>
  </si>
  <si>
    <t>DG 4 A # 17 A 26 BRR EL PROGRESO</t>
  </si>
  <si>
    <t>PAPELERIA COLECCIONES JOSEPH</t>
  </si>
  <si>
    <t>DG 46 SUR # 13 J 29 BRR MARCO FIDEL SUAREZ</t>
  </si>
  <si>
    <t>CL 12 # 12 12 BRR CENTRO</t>
  </si>
  <si>
    <t>COMUNICACIONES N2Y</t>
  </si>
  <si>
    <t>CRA. 23 #8-84, BOGOTï¿¡, COLOMBIA</t>
  </si>
  <si>
    <t>PAPELERIA Y CENTRO DE PAGOS  LA WED</t>
  </si>
  <si>
    <t>CL 138 # 151 C 23 BRR SANTA RITA DE SUBA</t>
  </si>
  <si>
    <t>PUROLLANO</t>
  </si>
  <si>
    <t>CRA 1A 3 143 PUENTE ARIMENA</t>
  </si>
  <si>
    <t>AGENCIA CYBER CAFÃ‰ BUENOS AIRES</t>
  </si>
  <si>
    <t>CL 9 # 35 147 / LC 2 BRR BUENOS AIRES</t>
  </si>
  <si>
    <t>DROGUERIA Y VARIEDADES MUNDOFARMA</t>
  </si>
  <si>
    <t>CRA 41 39 85</t>
  </si>
  <si>
    <t>CUASPÚD</t>
  </si>
  <si>
    <t>PUNTO YOLANDA</t>
  </si>
  <si>
    <t>CR 2 # 5 40 BRR TOMAS CIPRIANO</t>
  </si>
  <si>
    <t>INTERLINE COMPANY</t>
  </si>
  <si>
    <t>CR 103 # 72 05 BRR ALAMOS NORTE</t>
  </si>
  <si>
    <t>DROGAS LA CRISTALINA</t>
  </si>
  <si>
    <t>AC 147 7 C 69 LC 001</t>
  </si>
  <si>
    <t>CIGARRERIA SUPER BRUSELAS 93 B</t>
  </si>
  <si>
    <t>CL 93 B 16 66</t>
  </si>
  <si>
    <t>CL 62 F SUR NO 72C - 28 AP 202</t>
  </si>
  <si>
    <t>SUPERMERCADO EL DIVINO NIÑO</t>
  </si>
  <si>
    <t>CR 22 # 5 A 03 BRR PAYUCO</t>
  </si>
  <si>
    <t>LA TIENDA DE LUZ AIDA</t>
  </si>
  <si>
    <t>AV 31 60 35 INT 1211</t>
  </si>
  <si>
    <t>DE TODITO DONDE JOHN</t>
  </si>
  <si>
    <t>KR 29 66C SUR 10</t>
  </si>
  <si>
    <t>CIGARRERIA Y PAPELERIA DTODITO</t>
  </si>
  <si>
    <t>CL. 69B SUR #78-31 BOGOT COLOMBIA</t>
  </si>
  <si>
    <t>CRA. 10 #1 SUR-21 EL CERRITO VALLE DEL CAUCA COLOMBIA</t>
  </si>
  <si>
    <t>INC CALIMA</t>
  </si>
  <si>
    <t>CR 6 # 9 12 BRR CENTRO</t>
  </si>
  <si>
    <t>DEVENIR A LA MODE</t>
  </si>
  <si>
    <t>KR 24 G NO 19 SUR - 35 LC 2</t>
  </si>
  <si>
    <t>CIGARRERIA PIPE CASTELLANOS</t>
  </si>
  <si>
    <t>CR 25 # 48 B 29 BRR EL CARMEN</t>
  </si>
  <si>
    <t>SERVISTORE</t>
  </si>
  <si>
    <t>CR 114 # 147 A 15 BRR LA FONTANA</t>
  </si>
  <si>
    <t>HIPERDROGUERIA LA ECONIMIAURES</t>
  </si>
  <si>
    <t>CRA 106 131 57</t>
  </si>
  <si>
    <t>CL 3 # 4 - 20 BRR MARIPI</t>
  </si>
  <si>
    <t>J.SEBAS GAME</t>
  </si>
  <si>
    <t>CARRERA 14 # 3-55</t>
  </si>
  <si>
    <t>AG CLARET FREDDY MORA</t>
  </si>
  <si>
    <t>MZ 22 LT 12 BRR CLARET</t>
  </si>
  <si>
    <t xml:space="preserve">PAPELERIA PAPER &amp; PEN </t>
  </si>
  <si>
    <t>CL. 4 #4-96 GUASCA SANTUARIO GUASCA CUNDINAMARCA COLOMBIA</t>
  </si>
  <si>
    <t>MISCELANEA LA FORTALEZA</t>
  </si>
  <si>
    <t>CL. 71C SUR #1-4 BOGOTA COLOMBIA</t>
  </si>
  <si>
    <t>VARIEDADES MARCELA MPCB</t>
  </si>
  <si>
    <t>CR 10 # 1 BIS 21 BRR CABECERA</t>
  </si>
  <si>
    <t xml:space="preserve">MOTO LAVADO FULL WASH </t>
  </si>
  <si>
    <t>CL. 19 SUR #26-32 BOGOTA COLOMBIA</t>
  </si>
  <si>
    <t>PUNTOSERVIS SOACHA 4</t>
  </si>
  <si>
    <t>CL 15 # 7 63 BRR CENTRO</t>
  </si>
  <si>
    <t>MULTISERVICIOS SDI</t>
  </si>
  <si>
    <t>CL 71 SUR # 81 22 BRR BOSA PALESTINA</t>
  </si>
  <si>
    <t>DISTRIBUIDORA DE ABARROTES TOTENCOPR</t>
  </si>
  <si>
    <t>CRA. 19F #63 SUR-42 BOGOTï¿ COLOMBIA</t>
  </si>
  <si>
    <t xml:space="preserve">INTERRAPIDISMO Y PAGOS CALANDAIMA </t>
  </si>
  <si>
    <t>CRA. 90A #33 SUR-13 BOGOTï¿ COLOMBIA</t>
  </si>
  <si>
    <t>TIENDA NATURISTA LA GLORIA C.D</t>
  </si>
  <si>
    <t>CR 62 # 21 B 10 BRR MARUCHENGA</t>
  </si>
  <si>
    <t>MISCELï¿¡NEA Y PAPELERï¿­A AMERICAN EXPRESS D&amp;Y&amp;</t>
  </si>
  <si>
    <t>CARRERA12 B # 73 -28 SUR</t>
  </si>
  <si>
    <t>PAPELERIA EL TREBOL DE PARQUES</t>
  </si>
  <si>
    <t>CL 83 SUR # 91 70 BRR BOSA</t>
  </si>
  <si>
    <t>AG ZULIA AYALA</t>
  </si>
  <si>
    <t>AV 11 # 1 83 BRR LA AYALA</t>
  </si>
  <si>
    <t>MOVITEL COMUNICACIONES</t>
  </si>
  <si>
    <t>CARRERA 13 NO 6-50</t>
  </si>
  <si>
    <t>WORLD TECHNOLOGY VF</t>
  </si>
  <si>
    <t>CL 72 U # 26 H 09 BRR LOS LAGOS</t>
  </si>
  <si>
    <t>EL ÁGUILA</t>
  </si>
  <si>
    <t>DANICELL COMUNICACIONES EL AGUILA</t>
  </si>
  <si>
    <t>CRA 2 7 18</t>
  </si>
  <si>
    <t>AV LA JUVENTUD</t>
  </si>
  <si>
    <t>TIENDA NATURISTA LA GLORIA SALUD Y BELLEZA</t>
  </si>
  <si>
    <t>CRA. 40A #20E-81 BELLO ANTIOQUIA COLOMBIA</t>
  </si>
  <si>
    <t>CR 5 # 2 A 53 BRR LAS COLINAS</t>
  </si>
  <si>
    <t>CRA. 54B #119-2 BOGOTï¿ COLOMBIA</t>
  </si>
  <si>
    <t>FARMATEL</t>
  </si>
  <si>
    <t>CRA. 67 #108-92 BOGOTï¿ COLOMBIA</t>
  </si>
  <si>
    <t>KAREN ALEJANDRA PINTO SANDOVAL</t>
  </si>
  <si>
    <t>CR 75 # 57 R 25 - SUR / TO 11 AP 101 BRR CIUDAD BOLIVAR</t>
  </si>
  <si>
    <t>PANALERA ANGELITO PIPE</t>
  </si>
  <si>
    <t>KR 2 A NO 37 A SUR : 30 AP 300</t>
  </si>
  <si>
    <t>PAPELERIA Y MISCELANEA NOVATEL</t>
  </si>
  <si>
    <t>CL. 70 SUR #88G-6, BOGOTï¿¡, COLOMBIA</t>
  </si>
  <si>
    <t>CENTAUROS SEGURIDAD INDUSTRIAL</t>
  </si>
  <si>
    <t>CL. 11 #26-21 BOGOT COLOMBIA</t>
  </si>
  <si>
    <t>PAPELERIA ALIANZA</t>
  </si>
  <si>
    <t>AC 1 # 3 49 BRR LAS BRISAS</t>
  </si>
  <si>
    <t>HABLATEL COMUNICACIONES CAMILA</t>
  </si>
  <si>
    <t>CR 114 A # 147 A 54 BRR TIBABUYES</t>
  </si>
  <si>
    <t xml:space="preserve">PLASTICO Y EMPAQUES EL PORVENIR </t>
  </si>
  <si>
    <t>CL. 11 #6A-82 JAMUNDI VALLE DEL CAUCA COLOMBIA</t>
  </si>
  <si>
    <t>CREATICS MARKET SAS</t>
  </si>
  <si>
    <t>CR 100 # 18 59 / CC FIESTA FONTIBON LC 049 BRR CENTRO</t>
  </si>
  <si>
    <t>CR 8 # 3 27 BRR LA ORIGINAL</t>
  </si>
  <si>
    <t>MAONET CYBERCOM</t>
  </si>
  <si>
    <t>CL 85 # 46 19 BRR CAMPO VALDES</t>
  </si>
  <si>
    <t>DROGUERIA LA FORTUNA</t>
  </si>
  <si>
    <t>CL 98 51 94</t>
  </si>
  <si>
    <t xml:space="preserve">MINIMARKET GUADALUPE </t>
  </si>
  <si>
    <t>CL. 185 #16-20 BOGOTA COLOMBIA</t>
  </si>
  <si>
    <t>VARIEDADES Y DETALLES VICTORIA</t>
  </si>
  <si>
    <t>CR 12 # 16 32 BRR ANTONIO RICAUTE</t>
  </si>
  <si>
    <t>ORO VERDE MODA Y CAFE</t>
  </si>
  <si>
    <t>CL. 49 #52-25 HISPANIA ANTIOQUIA COLOMBIA</t>
  </si>
  <si>
    <t>CL. 18A #7-9 PASTO NARIï¿‘O COLOMBIA</t>
  </si>
  <si>
    <t>NETCOMPANY SAS</t>
  </si>
  <si>
    <t>CL. 7 #14-70 GUADALAJARA DE BUGA VALLE DEL CAUCA COLOMBIA</t>
  </si>
  <si>
    <t>CACTUS</t>
  </si>
  <si>
    <t>CL 4 D # 58 15 BRR GALAN</t>
  </si>
  <si>
    <t>HERNANMTR</t>
  </si>
  <si>
    <t>CLL 5 # 2-81</t>
  </si>
  <si>
    <t>PAPELERIA PAPERMANIA</t>
  </si>
  <si>
    <t>CL. 22 #1508 LA UNION VALLE DEL CAUCA COLOMBIA</t>
  </si>
  <si>
    <t>DIMARY PERFUMERIA Y ACCESORIOS</t>
  </si>
  <si>
    <t>CR 6 # 3 89 BRR LA ESTRELLA</t>
  </si>
  <si>
    <t>CL 12 52 CL EL PANTEON</t>
  </si>
  <si>
    <t>MEGACOPIAS SERVICIOS A TU ALCANCE</t>
  </si>
  <si>
    <t>CL 10 # 13 45 BRR SAN AGUSTIN</t>
  </si>
  <si>
    <t xml:space="preserve">PAPELERIA CONTACTO GLOBAL NET VALDIVIA </t>
  </si>
  <si>
    <t>LA PLAZA N. 9-30 CONTACTO GLOBAL</t>
  </si>
  <si>
    <t>DROGUERIA SUPERDESCUENTOS I N 2</t>
  </si>
  <si>
    <t>CL 11 CRA 13 ESQUINA</t>
  </si>
  <si>
    <t>SONIA MERCEDES GONZALEZ CARRILL0</t>
  </si>
  <si>
    <t>CR 5 # 2 47 BRR LAS CRUCES</t>
  </si>
  <si>
    <t>INTERRAPIDISIMO JM</t>
  </si>
  <si>
    <t>CRA. 24 #33 SUR-88 BOGOTA COLOMBIA</t>
  </si>
  <si>
    <t>INTERRAPIDISIMO PONTEVEDRA</t>
  </si>
  <si>
    <t>AV CALLE 116#70D-06</t>
  </si>
  <si>
    <t>INTERNET RECREO</t>
  </si>
  <si>
    <t>CALLE 31 B # 9 A 31</t>
  </si>
  <si>
    <t>CL 1 # 1 1 BRR LOMA FRESCA</t>
  </si>
  <si>
    <t>GARZON COMUNICACIONES</t>
  </si>
  <si>
    <t>CALLE 91 SUR 6-21 ESTE</t>
  </si>
  <si>
    <t>DISTRI ASEO LA MANO DE DIOS</t>
  </si>
  <si>
    <t>CL 9 # 3 51 BRR EL PORVENIR  FUNZA</t>
  </si>
  <si>
    <t>VARIEDADES DJUAN CALI</t>
  </si>
  <si>
    <t>CL 72 # 3 B 71 BRR LARES DE COMFENALCO</t>
  </si>
  <si>
    <t>DARA</t>
  </si>
  <si>
    <t>ANILLO VIAL VERGANZO #9-15 TOCANCIPA CUNDINAMARCA COLOMBIA</t>
  </si>
  <si>
    <t>SERVICIOS PATIKO</t>
  </si>
  <si>
    <t>CR 3 # 16 21 BRR CENTRO</t>
  </si>
  <si>
    <t>DROGUERIA SUPER DESCUENTOS</t>
  </si>
  <si>
    <t>CRA 1 16 34</t>
  </si>
  <si>
    <t>AMAGÁ</t>
  </si>
  <si>
    <t>LA DE PAKITA</t>
  </si>
  <si>
    <t>CR 49 50 58</t>
  </si>
  <si>
    <t>CL. 92 #101-32 APARTADO ANTIOQUIA COLOMBIA</t>
  </si>
  <si>
    <t>SERVICER</t>
  </si>
  <si>
    <t>CR 21 # 19 10 BRR EL PRADO</t>
  </si>
  <si>
    <t>TRAZOS Y PAPEL</t>
  </si>
  <si>
    <t>CR 24 # 29 A 74 BRR QUIROGA</t>
  </si>
  <si>
    <t>CORRESPONSAL AL INSTANTE SAS</t>
  </si>
  <si>
    <t>CR 8 # 39 B 16 / LC BRR SAN MATEO</t>
  </si>
  <si>
    <t>CRA 44A #46-3 CALI VALLE DEL CAUCA COLOMBIA</t>
  </si>
  <si>
    <t>SAN JERÓNIMO</t>
  </si>
  <si>
    <t xml:space="preserve">SERVI MOVIL SAN JERONIMO </t>
  </si>
  <si>
    <t>CRA. 10 #1705 SAN JERONIMO ANTIOQUIA COLOMBIA</t>
  </si>
  <si>
    <t>DROGUERIA MURANO FUNZA</t>
  </si>
  <si>
    <t>CRA 12 8 - 73 LC 101</t>
  </si>
  <si>
    <t>ALIADO PLUS ALIRIO MORA</t>
  </si>
  <si>
    <t>CL 76 # 26 B 18 BRR ALIRIO MORA</t>
  </si>
  <si>
    <t>SAKURA TIENDA DE MAQUILLAJE</t>
  </si>
  <si>
    <t>CR 51 # 49 24 / LC HERBALIFE BRR CENTRO</t>
  </si>
  <si>
    <t>SALSAMENTARIA Y DESECHABLS DE COLOMBIA</t>
  </si>
  <si>
    <t>CR 102 38A-83P APTO 2 SAN JOSE DE LOS CAMPANOS</t>
  </si>
  <si>
    <t>TU CASA</t>
  </si>
  <si>
    <t>CALLE 44 20 04 SUR</t>
  </si>
  <si>
    <t>MISCELANEA  PROSA STUDIO</t>
  </si>
  <si>
    <t>CL 21 KR 38 OESTE MZ 23 CASA 59 P1 BRR ARBOLEDA CAMPESTRE</t>
  </si>
  <si>
    <t>CTEL RIO</t>
  </si>
  <si>
    <t>CL 10 # 7 - 63 BRR CENTRO</t>
  </si>
  <si>
    <t>MISCELANEA MONTERROSA</t>
  </si>
  <si>
    <t>CR 3 #6-57 BRR LA POLA</t>
  </si>
  <si>
    <t>PARIS NUMERO 37</t>
  </si>
  <si>
    <t>CR 14 48 A MAKRO</t>
  </si>
  <si>
    <t>CR 5 # 9 18 CEN BRR SERREZUELITA</t>
  </si>
  <si>
    <t>CL 5 # 5 56 P 1 BRR SENTENARIO</t>
  </si>
  <si>
    <t>COLPAGOS SEIS DE MARZO</t>
  </si>
  <si>
    <t>CL 11 # 15 27 BRR SEIS DE MARZO</t>
  </si>
  <si>
    <t>PAPELERA ESTACIN</t>
  </si>
  <si>
    <t>CL 6 # 78 47 BRR MANDALAY</t>
  </si>
  <si>
    <t xml:space="preserve">CENTRO DE PAGOS Y RECAUDOS </t>
  </si>
  <si>
    <t>AC 19 NO 25 04 CD 4 ARM2 LC 81872A</t>
  </si>
  <si>
    <t>MEGA TIENDA LEO</t>
  </si>
  <si>
    <t>CR 13 # 36 115 BRR BOSQUES DE ABAJAN</t>
  </si>
  <si>
    <t>CIGARRERIA MILLS 1</t>
  </si>
  <si>
    <t>CRA. 6 #50 SUR-3 BOGOT COLOMBIA</t>
  </si>
  <si>
    <t>LINEA 89</t>
  </si>
  <si>
    <t>CRA. 5 #11-20 PUERTO BOYACA BOYACA COLOMBIA</t>
  </si>
  <si>
    <t>SERVIPAGOS CIUDAD DEL SUR</t>
  </si>
  <si>
    <t>25 #11389 PUERTO TEJADA CAUCA COLOMBIA</t>
  </si>
  <si>
    <t>PAPELERIA Y CORRESPONSALIA JS</t>
  </si>
  <si>
    <t>CL. 26 SUR #72C-38 BOGOTA COLOMBIA</t>
  </si>
  <si>
    <t>VARIEDADES KARITOCOM</t>
  </si>
  <si>
    <t>CL. 3A ##8B-22 ZIPAQUIRA CUNDINAMARCA COLOMBIA</t>
  </si>
  <si>
    <t>THE WORLD OF GAMES AND TECHNOLOGY</t>
  </si>
  <si>
    <t>CRA. 8 #9-16 UBATE VILLA DE SAN DIEGO DE UBATE CUNDINAMARCA COLOMBIA</t>
  </si>
  <si>
    <t>PAPELERIA DONDE WILLY 53</t>
  </si>
  <si>
    <t>CL. 181C #11-72 BOGOTA COLOMBIA</t>
  </si>
  <si>
    <t>MISCELANEA JAYLING</t>
  </si>
  <si>
    <t>CRA. 4 #7-56 AGUACHICA CESAR COLOMBIA</t>
  </si>
  <si>
    <t>PAPELERIA LA PLUMA Y LA ESPADA</t>
  </si>
  <si>
    <t>CR 1 # 41 10 BRR LA ESMERALDA</t>
  </si>
  <si>
    <t>COPER</t>
  </si>
  <si>
    <t>CFENET DCLASS</t>
  </si>
  <si>
    <t>VIA COPER - BUENAVISTA #2 COPER BOYACA COLOMBIA</t>
  </si>
  <si>
    <t>HIPERVARIEDADES BG</t>
  </si>
  <si>
    <t>KR 7 C NO 02 SUR 85 CA 91</t>
  </si>
  <si>
    <t>GÁMEZA</t>
  </si>
  <si>
    <t>MISELANEA LA PESQUERA</t>
  </si>
  <si>
    <t>CR 3 A # 4 72 BRR EL PARQUE</t>
  </si>
  <si>
    <t>CELUFANATICOS</t>
  </si>
  <si>
    <t>CL. 6 #7 SUAITA SANTANDER COLOMBIA</t>
  </si>
  <si>
    <t xml:space="preserve">PAPELERIA LA MOCHILA </t>
  </si>
  <si>
    <t>VIA A PENSILVANIA #7-59 PENSILVANIA CALDAS COLOMBIA</t>
  </si>
  <si>
    <t>MISCELANEA LA ESQUINERA</t>
  </si>
  <si>
    <t>CL. 72A SUR #87J-3 BOGOTA COLOMBIA</t>
  </si>
  <si>
    <t>DONDE PACO RL</t>
  </si>
  <si>
    <t>CRA. 14 #10-70 SANTA ROSA DEL SUR LA PILADORA SANTA ROSA DEL SUR BOLIVAR COLOMBIA</t>
  </si>
  <si>
    <t>INTERNETOSCARYLEO</t>
  </si>
  <si>
    <t>CL. 65F SUR #78H-64 BOGOTA COLOMBIA</t>
  </si>
  <si>
    <t>PAPELGAB</t>
  </si>
  <si>
    <t>VARIEDADES Y PINATERIA SHALOM</t>
  </si>
  <si>
    <t>DG 3 CL 3-192 LOC 03</t>
  </si>
  <si>
    <t>CLUB DEPORTIVO DNDE SIEMPRE</t>
  </si>
  <si>
    <t>CL. 30 #1-233 SOACHA CUNDINAMARCA COLOMBIA</t>
  </si>
  <si>
    <t>CASA CASTILLO  TORRES</t>
  </si>
  <si>
    <t>DALVAREZ</t>
  </si>
  <si>
    <t>CRA. 19 #4 GIRN SANTANDER COLOMBIA</t>
  </si>
  <si>
    <t xml:space="preserve">ELECTRO CONCRETOS DEL CASANARE </t>
  </si>
  <si>
    <t>CL. 23 #11 MONTERREY CASANARE COLOMBIA</t>
  </si>
  <si>
    <t>EC TRAMITES</t>
  </si>
  <si>
    <t>CRA. 30 #20-50 EL CARMEN DE VIBORAL ANTIOQUIA COLOMBIA</t>
  </si>
  <si>
    <t>CL. 32B SUR #6 ESTE-38 BOGOT COLOMBIA</t>
  </si>
  <si>
    <t>DROGUERIA EL ATRIO</t>
  </si>
  <si>
    <t>CRA. 11 #3-9 PIEDECUESTA SANTANDER COLOMBIA</t>
  </si>
  <si>
    <t>MISCELNEA EL ENCANTO 5</t>
  </si>
  <si>
    <t xml:space="preserve">LILYROZ </t>
  </si>
  <si>
    <t>CRA. 16 #5-1 ZIPAQUIRA CUNDINAMARCA COLOMBIA</t>
  </si>
  <si>
    <t>MEGABASTOS DEL LLANO</t>
  </si>
  <si>
    <t>CRA. 14 #25B-33 YOPAL CASANARE COLOMBIA</t>
  </si>
  <si>
    <t>VARIEDADES BRACA</t>
  </si>
  <si>
    <t>AV. 15 #13-17 CUCUTA NORTE DE SANTANDER COLOMBIA</t>
  </si>
  <si>
    <t>SEGUROS Y ASESORIAS RODRIGUEZ</t>
  </si>
  <si>
    <t>CL. 18 #9-57 CAMPO ALEGRE CAMPOALEGRE HUILA COLOMBIA</t>
  </si>
  <si>
    <t>CENTRO DE SOLUCIONES JIREHT</t>
  </si>
  <si>
    <t>TV. 78J #41D SUR-21 BOGOTA COLOMBIA</t>
  </si>
  <si>
    <t>CIBER JEZREEL</t>
  </si>
  <si>
    <t>CRA. 33B #17A-46 VALLEDUPAR CESAR COLOMBIA</t>
  </si>
  <si>
    <t>CL. 151 #96A-32 BOGOTA COLOMBIA</t>
  </si>
  <si>
    <t>MISCELANEA DAYO</t>
  </si>
  <si>
    <t>CL. 67 #8-29 BUCARAMANGA SANTANDER COLOMBIA</t>
  </si>
  <si>
    <t>MULTISERVICIOS JUANSE</t>
  </si>
  <si>
    <t>CRA. 87D #42G SUR-11 BOGOTA COLOMBIA</t>
  </si>
  <si>
    <t>LA FORTUNA DROGUERIA Y MISCELANEA</t>
  </si>
  <si>
    <t>CL. 31 #27-29 SABANALARGA ATLANTICO COLOMBIA</t>
  </si>
  <si>
    <t>COMPUMOVIL</t>
  </si>
  <si>
    <t>CRA. 4 #48-6 FLORIDABLANCA SANTANDER COLOMBIA</t>
  </si>
  <si>
    <t>SHELCYN STORE</t>
  </si>
  <si>
    <t>GUAMAL-CASTILLA LA NUEVA #16-37 GUAMAL META COLOMBIA</t>
  </si>
  <si>
    <t>TECNO CYBER</t>
  </si>
  <si>
    <t xml:space="preserve">BAR EL TRIUNFO </t>
  </si>
  <si>
    <t>CRA. 27K #71K SUR-39 BOGOTA COLOMBIA</t>
  </si>
  <si>
    <t>JEG ONLINE</t>
  </si>
  <si>
    <t>CR 26 # 75 73 - SUR BRR LOS ALPES SUR</t>
  </si>
  <si>
    <t>MULTISOLUCIONES ONLINE</t>
  </si>
  <si>
    <t>CL. 6 #1222 PLATO MAGDALENA COLOMBIA</t>
  </si>
  <si>
    <t>KS COMUNICACIONES RINCON</t>
  </si>
  <si>
    <t>AV 4 # 29 33 BRR PATIO CENTRO</t>
  </si>
  <si>
    <t>LICORES LA OFICINA</t>
  </si>
  <si>
    <t>CRA. 10 #34B SUR-11 BOGOTA COLOMBIA</t>
  </si>
  <si>
    <t>PC CARTAGENA</t>
  </si>
  <si>
    <t>CA MEDELLIN RES</t>
  </si>
  <si>
    <t>PAPELERIA Y MISCELANEA CHARALENA</t>
  </si>
  <si>
    <t>CRA. 14A #2322 CHARALA SANTANDER COLOMBIA</t>
  </si>
  <si>
    <t>CENTRO DE PAGOS FUERTES COMO UN ROBLE</t>
  </si>
  <si>
    <t>CL 11 17-12 LA LAGUNA</t>
  </si>
  <si>
    <t>ANGELES SERVI TIENDA</t>
  </si>
  <si>
    <t>CL. 24 #20-24 ARBOLETES ANTIOQUIA COLOMBIA</t>
  </si>
  <si>
    <t>TIENDA MIXTAS LAS MOROCHAS</t>
  </si>
  <si>
    <t>CUCUTA #13 CUCUTA NORTE DE SANTANDER COLOMBIA</t>
  </si>
  <si>
    <t>RAPIPLATA</t>
  </si>
  <si>
    <t>TV 78 D NO 73 D SUR - 54</t>
  </si>
  <si>
    <t>PAPELERIA Y VARIEDADES VANT</t>
  </si>
  <si>
    <t>CR 73 D # 1 B 04 BRR PRADOS DEL SUR</t>
  </si>
  <si>
    <t>FRUTAS Y VERDURAS DE PUERTO RICO LOMAS</t>
  </si>
  <si>
    <t>CR 9 F # 40 08 BRR PUERTO RICO</t>
  </si>
  <si>
    <t>DORGUERIA FAMILY HEALTH</t>
  </si>
  <si>
    <t>SUSACON-TIPACOQUE #819 SOATA BOYACA COLOMBIA</t>
  </si>
  <si>
    <t>JHONUNAZ PAPELERIA</t>
  </si>
  <si>
    <t>DG. 19 #9-72 YUMBO ARROYO HONDO YUMBO VALLE DEL CAUCA COLOMBIA</t>
  </si>
  <si>
    <t>CRA. 31B #8-138 VALLEDUPAR CESAR COLOMBIA</t>
  </si>
  <si>
    <t>PAPELERIA Y MISCELANEA CRISANG</t>
  </si>
  <si>
    <t>CL. 2N #763 PIEDECUESTA SANTANDER COLOMBIA</t>
  </si>
  <si>
    <t>CIBERNET Y VARIEDADES BRYTHAI</t>
  </si>
  <si>
    <t>CR 18 # 63 56 BRR SOLEDAD</t>
  </si>
  <si>
    <t>EL BUEN VECINO</t>
  </si>
  <si>
    <t>CL. 23B #116B-22 BOGOTA COLOMBIA</t>
  </si>
  <si>
    <t>DISTRIBUCIONES D Y S TODO EN UTILES DE ASEO PARA EL HOGAR</t>
  </si>
  <si>
    <t>CRA. 14 #16-29 DUITAMA BOYACA COLOMBIA</t>
  </si>
  <si>
    <t>MONIEXPREES</t>
  </si>
  <si>
    <t>CRA. 60 #45A-25 BARRANCABERMEJA SANTANDER COLOMBIA</t>
  </si>
  <si>
    <t>FARMASERVICIOSABC</t>
  </si>
  <si>
    <t>CL. 14 #17A-1 VALLEDUPAR CESAR COLOMBIA</t>
  </si>
  <si>
    <t>CL. 31A #33-68 BUCARAMANGA SANTANDER COLOMBIA</t>
  </si>
  <si>
    <t>SORPRESAS JUANDORI</t>
  </si>
  <si>
    <t>CL 129 D # 104 B 34 BRR SUBA AURES II</t>
  </si>
  <si>
    <t>TECNO DIVISAS GP</t>
  </si>
  <si>
    <t>CL 30 KR 42 D 209 CELMERCADA MAGOLA LCAJHON NSEO</t>
  </si>
  <si>
    <t>DIMGO</t>
  </si>
  <si>
    <t>CRA. 47 #50-47 CASABE YONDO ANTIOQUIA COLOMBIA</t>
  </si>
  <si>
    <t>FUENTE DE SODA MILENA</t>
  </si>
  <si>
    <t>CL PRINCIPAL KM 1 - 211 BRR LA YE</t>
  </si>
  <si>
    <t>DROGUERIA MEGADROGAS LA TERMINAL</t>
  </si>
  <si>
    <t>CL 12 # 12 36 BRR EL TERMINAL</t>
  </si>
  <si>
    <t>ZONA ZERO</t>
  </si>
  <si>
    <t>CL. 63 #77A-57 BOGOTA COLOMBIA</t>
  </si>
  <si>
    <t>GIROS Y VARIEDADES</t>
  </si>
  <si>
    <t>KR 112 NO 17A-14P12</t>
  </si>
  <si>
    <t>PAPELERIA NIKY</t>
  </si>
  <si>
    <t>CRA. 80I #73B SUR-33 BOGOTA COLOMBIA</t>
  </si>
  <si>
    <t>SPIRIT MINIMARKET</t>
  </si>
  <si>
    <t>CL. 48 #23-22 SANTA MARTA MAGDALENA COLOMBIA</t>
  </si>
  <si>
    <t>EL MANA DE HOY</t>
  </si>
  <si>
    <t>CRA. 5 ESTE #2-78 FUSAGASUGA LA SERENA FUSAGASUGA CUNDINAMARCA COLOMBIA</t>
  </si>
  <si>
    <t>FRANCISCO DE PAULA SANTANDER</t>
  </si>
  <si>
    <t>CRA. 11 #955 IBAGUE TOLIMA COLOMBIA</t>
  </si>
  <si>
    <t>DISTRIVAL</t>
  </si>
  <si>
    <t>CRA. 8 #4 CHITAGA CHITAGA NORTE DE SANTANDER COLOMBIA</t>
  </si>
  <si>
    <t>ORNAMENTACIONES DE ARIELQUIN</t>
  </si>
  <si>
    <t>CRA. 4 #12 MANZANARES CALDAS COLOMBIA</t>
  </si>
  <si>
    <t>TINTAS Y PAPIROS</t>
  </si>
  <si>
    <t>KR 2 NO 12A-21</t>
  </si>
  <si>
    <t>GRANERO PUNTO CENTRAL</t>
  </si>
  <si>
    <t>CL. 11 #20-106 SANTA MARTA MAGDALENA COLOMBIA</t>
  </si>
  <si>
    <t>DROGIERIA EL GRAN DANES</t>
  </si>
  <si>
    <t>CRA. 6 #4 DINAMARCA ACACIAS META COLOMBIA</t>
  </si>
  <si>
    <t xml:space="preserve">PAPELERIA LOS ANGELES </t>
  </si>
  <si>
    <t>CL 16 NO 11 -93 LC 3 -</t>
  </si>
  <si>
    <t xml:space="preserve">SEGUROS PATY </t>
  </si>
  <si>
    <t>CL. 5 #6-57 PAMPLONA NORTE DE SANTANDER COLOMBIA</t>
  </si>
  <si>
    <t>MULTIVARIEDADES LIA</t>
  </si>
  <si>
    <t>CRA. 4 #4-94 CHOACHI CUNDINAMARCA COLOMBIA</t>
  </si>
  <si>
    <t>MAGOS</t>
  </si>
  <si>
    <t>CRA. 8 #10 SUR-47 BOGOTA COLOMBIA</t>
  </si>
  <si>
    <t>TUSTAREASCOM</t>
  </si>
  <si>
    <t>CL 17 # 6 10 BRR JUAN VARGAS</t>
  </si>
  <si>
    <t>CRA 3N 1417 NTE LA ESMERALDA</t>
  </si>
  <si>
    <t>LA GRAN COMISION 777</t>
  </si>
  <si>
    <t>CR 18 P # 63 C 39 BRR GIBRALTAR SUR</t>
  </si>
  <si>
    <t>ISACOM PAPELERIA</t>
  </si>
  <si>
    <t>CL 3 A # 30 41 BRR BELLAVISTA</t>
  </si>
  <si>
    <t>DASHURI SHOP</t>
  </si>
  <si>
    <t>CL 3 D # 14 97 BRR HACARITAMA II</t>
  </si>
  <si>
    <t>FERRELECTRICOS CHAMPE</t>
  </si>
  <si>
    <t>CL 64 SUR # 72 32 BRR ISMAEL PERDOMO</t>
  </si>
  <si>
    <t>LA HERRADURA LA GOLOSINA</t>
  </si>
  <si>
    <t>CR 77 C # 62 I 32 - SUR BRR ESTANCIA</t>
  </si>
  <si>
    <t>FENEY FERRRETERIA</t>
  </si>
  <si>
    <t>CR 4 # 5 38 BRR FLANDES</t>
  </si>
  <si>
    <t>PAPELERIA VILLA RUBI</t>
  </si>
  <si>
    <t>CRA. 64B #55A SUR-86 BOGOTA COLOMBIA</t>
  </si>
  <si>
    <t>CHIFAI LAY</t>
  </si>
  <si>
    <t>CL. 13B #6 ESTE-28 SOACHA CUNDINAMARCA COLOMBIA</t>
  </si>
  <si>
    <t>CRA. 89B #48 SUR-35 BOGOTA COLOMBIA</t>
  </si>
  <si>
    <t>WORLD MOVIL</t>
  </si>
  <si>
    <t>C 5 6 40 LO3 CENTRO</t>
  </si>
  <si>
    <t>SERVIAUTOS HM</t>
  </si>
  <si>
    <t>CL. 5 #9 LA TEBAIDA EL EDEN LA TEBAIDA QUINDIO COLOMBIA</t>
  </si>
  <si>
    <t>CRA. 3 #1-48 PUPIALES NARINO COLOMBIA</t>
  </si>
  <si>
    <t>MINIMARKET CITY</t>
  </si>
  <si>
    <t>CL. 94 #57-30 BOGOTA COLOMBIA</t>
  </si>
  <si>
    <t>INTERRRAPIDISIMO LA GLORIA</t>
  </si>
  <si>
    <t>CRA. 7 ESTE #4421 BOGOTA COLOMBIA</t>
  </si>
  <si>
    <t>VARIEDADES JHOSEPH</t>
  </si>
  <si>
    <t>CL. 139 #145B-12 BOGOTA COLOMBIA</t>
  </si>
  <si>
    <t xml:space="preserve">ALMACEN PICCOLIN </t>
  </si>
  <si>
    <t>CL. 1F #27-17 BOGOTA COLOMBIA</t>
  </si>
  <si>
    <t>COFFEE OFFICE MULTISERVICIOS</t>
  </si>
  <si>
    <t>CRA. 7 #6-23 PUERTO LOPEZ META COLOMBIA</t>
  </si>
  <si>
    <t xml:space="preserve">DROGUERIA ALMENDRA </t>
  </si>
  <si>
    <t>AV. 23 #2835 CUCUTA NORTE DE SANTANDER COLOMBIA</t>
  </si>
  <si>
    <t>LA CASA DEL REPUESTO MADRID</t>
  </si>
  <si>
    <t>CRA. 14 #6A-11 MADRID CUNDINAMARCA COLOMBIA</t>
  </si>
  <si>
    <t>PAPELERIA Y MISCELANEA BL</t>
  </si>
  <si>
    <t>CL 43 SUR # 12 F 16 BRR SAN JORGE SUR</t>
  </si>
  <si>
    <t>DIGITALCELL</t>
  </si>
  <si>
    <t>CL 6 CR 3 - 46 PISO 2</t>
  </si>
  <si>
    <t>CIBEREXPRES NET</t>
  </si>
  <si>
    <t>DG. 136 BIS SUR #3-82 BOGOTA COLOMBIA</t>
  </si>
  <si>
    <t>COMUNICATE EXPRES</t>
  </si>
  <si>
    <t>CL 93 SUR NO 4 C 46 PI3</t>
  </si>
  <si>
    <t>ITUANGO</t>
  </si>
  <si>
    <t>AGROMAZOS SAS</t>
  </si>
  <si>
    <t>CRA. 17 #20-33 ITUANGO ANTIOQUIA COLOMBIA</t>
  </si>
  <si>
    <t>CASS RACING</t>
  </si>
  <si>
    <t>CL. 4 #2-63 CHOACHI CUNDINAMARCA COLOMBIA</t>
  </si>
  <si>
    <t>CAFETERIA Y FRUTERIA SALPICON</t>
  </si>
  <si>
    <t>MERCADOS LA DESPENSA</t>
  </si>
  <si>
    <t>BARBOSA-PUERTO BERRIO #20-26 CISNEROS ANTIOQUIA COLOMBIA</t>
  </si>
  <si>
    <t>RANCING BIKERS</t>
  </si>
  <si>
    <t>CR 29 C # 26 61 - SUR BRR SANTANDER</t>
  </si>
  <si>
    <t>VIVE DIGITAL AYC</t>
  </si>
  <si>
    <t>TV. 76 #81I-39 BOGOTA COLOMBIA</t>
  </si>
  <si>
    <t>PREMIER ALLIANCE SAS</t>
  </si>
  <si>
    <t>CL. 77 #16A-47 BOGOTA COLOMBIA</t>
  </si>
  <si>
    <t>VARIEDADES SHEYLA</t>
  </si>
  <si>
    <t>CRA. 7 #21-40 PLANETA RICA CORDOBA COLOMBIA</t>
  </si>
  <si>
    <t xml:space="preserve">MISCELANEA PENA NEGRA </t>
  </si>
  <si>
    <t>ANOLAIMA-QUIPILE #2 LA MESA CUNDINAMARCA COLOMBIA</t>
  </si>
  <si>
    <t>MINIMERCADO EL PUNTO SIAM</t>
  </si>
  <si>
    <t>CL 1A NORTE #14A-43 FUSAGASUGA LA SERENA FUSAGASUGA CUNDINAMARCA COLOMBIA</t>
  </si>
  <si>
    <t>LOS MELLOS</t>
  </si>
  <si>
    <t>VIA PRINCIPAL CAMBAO #143 CAMBAO SAN JUAN DE RIO SECO CUNDINAMARCA COLOMBIA</t>
  </si>
  <si>
    <t>DROGUERIA Y MISCELANEA AD</t>
  </si>
  <si>
    <t>JEFFERSON EXNEIDER MEZA CARDENAS</t>
  </si>
  <si>
    <t>CL 16 A # 8 A 31 BRR BALCONES DE KENNEDY</t>
  </si>
  <si>
    <t>STAY MAGICAL</t>
  </si>
  <si>
    <t>CR 84 # 73 A 18 BRR BOSA ISLANDA</t>
  </si>
  <si>
    <t>STARTBE SAS</t>
  </si>
  <si>
    <t>CR 82 A # 27 A 35 OF 411 BRR BELEN LA PALMA</t>
  </si>
  <si>
    <t>PAPELERIA CALLE 5</t>
  </si>
  <si>
    <t>CL. 5 #5-72 PALMAR DE VARELA ATLANTICO COLOMBIA</t>
  </si>
  <si>
    <t>TECPHONE ANOLAIMA</t>
  </si>
  <si>
    <t>CR 4 N 231 CR BRR CENTRO</t>
  </si>
  <si>
    <t>ESTACION DE SERVICIO NUEVO SANTANDER SAS</t>
  </si>
  <si>
    <t>CL 14 # 11 16 BRR SANTANDER</t>
  </si>
  <si>
    <t>CL 55 A SUR # 99 C 06 CA BRR BOSA PORTAL</t>
  </si>
  <si>
    <t>TECPHONEVILLETA</t>
  </si>
  <si>
    <t>TIENDA LA SARKA</t>
  </si>
  <si>
    <t>CR 44 # 87 06 MZ 3 TO 3 AP 101 BRR URBANIZACION SANTA CLARA</t>
  </si>
  <si>
    <t>CIBERSPACIOCOM</t>
  </si>
  <si>
    <t>CR 2 D # 22 25 BRR SANTA BARBARA</t>
  </si>
  <si>
    <t>CIBER X GAMES</t>
  </si>
  <si>
    <t>CR 2 # 30 C 06 BRR BELLO HORIZONTE</t>
  </si>
  <si>
    <t>HELENA</t>
  </si>
  <si>
    <t>CL 37 # 10 07 LC 2 BRR GAITAN</t>
  </si>
  <si>
    <t>RICKYPAGOS EN LINEA SC</t>
  </si>
  <si>
    <t>CL 14 # 9 - 7 CL RICKYPAGOS EN LINEA BRR CENTRO</t>
  </si>
  <si>
    <t>GLOBALNET POPAYAN</t>
  </si>
  <si>
    <t>CL 6 A # 38 04 BRR CORSOCIAL</t>
  </si>
  <si>
    <t>SUPRISE VARIEDADES</t>
  </si>
  <si>
    <t>CL 25 A # 5 B - 44 BRR SANTA RITA</t>
  </si>
  <si>
    <t>DRIGUERIA MAPIMEDIC</t>
  </si>
  <si>
    <t>CR 31 # 13 - 44 BRR EMBUDO</t>
  </si>
  <si>
    <t>SUPERTIENDA DE LA 162</t>
  </si>
  <si>
    <t>AV 7 # 162 27 BRR SAN CRISTOBAL NORTE</t>
  </si>
  <si>
    <t>PANEDERIA STILOS  YUKA</t>
  </si>
  <si>
    <t>CL 139 # 136 A - 22 BRR TIBABUYES</t>
  </si>
  <si>
    <t>DROGUERIA FAMISSALUD</t>
  </si>
  <si>
    <t>DG 26 A # 5 16 BRR DORADO</t>
  </si>
  <si>
    <t>DISTRI ASEO 2R</t>
  </si>
  <si>
    <t>CL 62 B # 1 A - 9 BRR CHIMINANGO 2</t>
  </si>
  <si>
    <t>EFECTY POBLADO 1</t>
  </si>
  <si>
    <t>CR 29 D # 43 A - 64 BRR POBLADO</t>
  </si>
  <si>
    <t>STORE MOVIL</t>
  </si>
  <si>
    <t>CL 5 # 20 42 CR BRR LA MESA</t>
  </si>
  <si>
    <t>INNOVAR</t>
  </si>
  <si>
    <t>CL 152 B # 114 A - 11 BRR ALMENDROS SUBA</t>
  </si>
  <si>
    <t>MINIMARKERT LA 18</t>
  </si>
  <si>
    <t>CL 18 NORTE # 5 N - 25 BRR VERSALLES</t>
  </si>
  <si>
    <t>MAFALDA FUNZA</t>
  </si>
  <si>
    <t>CR 6 # 13 24 BRR BARRIO SERREZUELA</t>
  </si>
  <si>
    <t>SOLUCIONES COLOMBIA CUCUTA</t>
  </si>
  <si>
    <t>AV 17 # 5 A - 23 LC 2 BRR URB TORCOROMA SIGLO XXI</t>
  </si>
  <si>
    <t>EDILBERTO MARTINEZ</t>
  </si>
  <si>
    <t>AV 5 # 2 4 VDA CAMALA BRR VDA CAMALA</t>
  </si>
  <si>
    <t>CYBERZONE</t>
  </si>
  <si>
    <t>CL 4 # 5 17 BRR CENTRO VENTAQUEMADA</t>
  </si>
  <si>
    <t>CABINAS FER</t>
  </si>
  <si>
    <t>CL 15 # 0 74 - ESTE BRR SAN UMERTO SOACHA</t>
  </si>
  <si>
    <t>MERCAFACIL</t>
  </si>
  <si>
    <t>CL 5 # 2 23 BRR BRR LOS LIBERTADORES CURUBA BOYACA</t>
  </si>
  <si>
    <t>MISCELANEA TERMINAL CIUDAD 2009</t>
  </si>
  <si>
    <t>CL 78 # 26 E - 25 BRR LOS NARANJOS</t>
  </si>
  <si>
    <t>TIENDA MIXTA LICORES EL PONDAJE</t>
  </si>
  <si>
    <t>CL 70 E # 27 - 25 BRR EL PONDAJE</t>
  </si>
  <si>
    <t>MISCELANEA Y VARIEDADES ISALIAH</t>
  </si>
  <si>
    <t>CL 132 # 131 - 21 BRR NOGALES</t>
  </si>
  <si>
    <t>PAPELERIA Y VARIEDADES LA J</t>
  </si>
  <si>
    <t>CR 38 A # 10 23 C BRR MAHATES</t>
  </si>
  <si>
    <t>PAPELERIA Y VARIEDADES LA PROVINCIA</t>
  </si>
  <si>
    <t>CR 60 E # 31 - 15 MZ 15 CASA 2 BRR LA RELIQUIA</t>
  </si>
  <si>
    <t>CL 7 # 6 33 BRR ACROPOLIS</t>
  </si>
  <si>
    <t>MEGA EXITO</t>
  </si>
  <si>
    <t>CRR BILBAO BRR CENTRO POBLADO</t>
  </si>
  <si>
    <t>VICTOR ALFONSO OSORIO GIRALDO</t>
  </si>
  <si>
    <t>DG 42 A # 81 C 05 - SUR BRR VILLA EMILIA</t>
  </si>
  <si>
    <t>DIGITAL PLANET LBZ</t>
  </si>
  <si>
    <t>CL 10 # 20 BIS 8 BRR VILLA DIANA</t>
  </si>
  <si>
    <t>ECO  PHARMACY</t>
  </si>
  <si>
    <t>CL 14 # 17 A - 33 CL BRR SAN VICENTE</t>
  </si>
  <si>
    <t>PRECIOS DE LOCURA</t>
  </si>
  <si>
    <t>CR 10 A # 5 15 CA BRR CENTRO</t>
  </si>
  <si>
    <t>PAPELERIA SAMANTA</t>
  </si>
  <si>
    <t>CL 48 # 03 04 BRR LA PRIMAVERA</t>
  </si>
  <si>
    <t>CAPMOVIL SELL SERVICE  SUPPORT SAS</t>
  </si>
  <si>
    <t>CR 49 # 98 A 47 BRR RIONEGRO</t>
  </si>
  <si>
    <t>MARIA ANGELICA</t>
  </si>
  <si>
    <t>CL 10 B # 23 A 04 BRR VILLAS DE SAN JUAN</t>
  </si>
  <si>
    <t>FRUTAS Y VERDURAS KAREN</t>
  </si>
  <si>
    <t>CR 66 A # 9 A - 92 BRR SALAZAR GOMEZ</t>
  </si>
  <si>
    <t>ARBOLEDA PAPELERIA  GIFT SHOP</t>
  </si>
  <si>
    <t>CL 24 # 20 A 13 BRR PROVIVIENDA</t>
  </si>
  <si>
    <t>MINIMARKET LA CAMELIA</t>
  </si>
  <si>
    <t>CR 23 B # 70 A - 71 LC 2 ED SERRAT BRR PALERMO</t>
  </si>
  <si>
    <t>TIENDA GALICIA</t>
  </si>
  <si>
    <t>CL 48 D # 19 - 05 LC 2 D BRR SAN JORGE</t>
  </si>
  <si>
    <t>CIBER PLAY COMUNICACIONES</t>
  </si>
  <si>
    <t>CR 77 A # 72 36 BRR TABORA</t>
  </si>
  <si>
    <t>MULTISERVICIOS BELEN</t>
  </si>
  <si>
    <t>CR 24 A # 14 L 24 AP 2 BRR EL PORTAL DE CONFAMILIAR</t>
  </si>
  <si>
    <t>CL 3 # 2 - 55 BRR URBANIZACION LAS MERCEDES</t>
  </si>
  <si>
    <t>SALSAMENTARIA NAPOLES</t>
  </si>
  <si>
    <t>CL 2 C # 2 62 BRR MUNICIPIO DE GACHANCIPA CUNDINAMARCA</t>
  </si>
  <si>
    <t>COMUNICACIONES MAURO</t>
  </si>
  <si>
    <t>CR 54 A # 45 A - 32 SUR BRR VENECIA</t>
  </si>
  <si>
    <t>PAPELERIA Y MISCELANEA JUANJO</t>
  </si>
  <si>
    <t>CR 6 # 11 59 BRR SAMAN</t>
  </si>
  <si>
    <t>VARIEDADES FLORESTA JR</t>
  </si>
  <si>
    <t>CR 27 A # 49 N 64 BRR LA FLORESTA</t>
  </si>
  <si>
    <t>PAPELERIA LOS MUCHACHOS</t>
  </si>
  <si>
    <t>CL 15 # 1 A 53 - ESTE BRR SAN HUMBERTO</t>
  </si>
  <si>
    <t>THIAGUIN</t>
  </si>
  <si>
    <t>CR 88 I # 54 - 09 SUR BRR BOSA BRASIL</t>
  </si>
  <si>
    <t>SUPERMERCADO MERKPRAGA</t>
  </si>
  <si>
    <t>CR 88 # 52 - 08 SUR BRR BOSA BRASILIA</t>
  </si>
  <si>
    <t>MUNDO MOVIL</t>
  </si>
  <si>
    <t>CR 25 # 37 - 40 BRR CENTRO</t>
  </si>
  <si>
    <t>LAVANDERIA Y PAPELERIA BACATA EXPRESS</t>
  </si>
  <si>
    <t>CR 74 # 163 74 LC 2 BRR PORTALES NORTE</t>
  </si>
  <si>
    <t>PHARMA PLUS YA</t>
  </si>
  <si>
    <t>CR 71 # 33 9 BRR ONCE DE NOVIEMBRE</t>
  </si>
  <si>
    <t>DROGUERIA DE LOS LLANOS</t>
  </si>
  <si>
    <t>CL 32 A # 16 A - 87 BRR LA CEIBA</t>
  </si>
  <si>
    <t>BRIGGYTTE AGUDELO</t>
  </si>
  <si>
    <t>CR 57 W # 44 64 BRR RESERVA LA INMACULADA II</t>
  </si>
  <si>
    <t>HESHE</t>
  </si>
  <si>
    <t>CL 1 D # 4 - 105 BRR VILLA FANY</t>
  </si>
  <si>
    <t>PANALERA Y MISCELANEA LA COLMENA</t>
  </si>
  <si>
    <t>CL 16 SUR # 16 - 60 BRR INTERIOR 1 LOCAL 2</t>
  </si>
  <si>
    <t>FARMAKIDS</t>
  </si>
  <si>
    <t>CL 8 # 2 - 79 83 LC 2 BRR EL CENTRO</t>
  </si>
  <si>
    <t>CYBERDIANA</t>
  </si>
  <si>
    <t>CL 224 # 4 - 67 BRR PIEDECUESTA</t>
  </si>
  <si>
    <t>CR 91 A # 38 D 20 - SUR BRR PATIO BONITO</t>
  </si>
  <si>
    <t>CL 10 # 8 59 BRR CENTRO</t>
  </si>
  <si>
    <t>SERVIPAGOS Y VARIEDADES MAEL Z</t>
  </si>
  <si>
    <t>CR 9 # 15 09 BRR CENTRO</t>
  </si>
  <si>
    <t>TELECOMUNICACIONESCOM EL MUNDO</t>
  </si>
  <si>
    <t>AV 2 B NORTE # 73 C - 25 BRR BRISAS DE LOS ALAMOS</t>
  </si>
  <si>
    <t>MINIMARKET GABYSA</t>
  </si>
  <si>
    <t>CL 3 # 3 A - 87 BRR GACHANCIPA</t>
  </si>
  <si>
    <t>MISCELANEA Y PAPELERIA CONEX</t>
  </si>
  <si>
    <t>CL 22 # 08 - 80 BRR LAS NIEVES</t>
  </si>
  <si>
    <t>RODELNET</t>
  </si>
  <si>
    <t>CL 39 I SUR # 72 F - 23 BRR TIMIZA</t>
  </si>
  <si>
    <t>MOTOSQUASH</t>
  </si>
  <si>
    <t>CR 10 # 8 - 18 LC 4 BRR CENTRO</t>
  </si>
  <si>
    <t>CL 40 SUR # 94 A - 26 BRR BELLAVISTA</t>
  </si>
  <si>
    <t>DROGUERIA SANTA MARIA TUNJA</t>
  </si>
  <si>
    <t>CR 3 # 08 05 MZ M CA 12 BRR SAN ANTONIO</t>
  </si>
  <si>
    <t>PAPELERIA DULCE LUNA</t>
  </si>
  <si>
    <t>CL 16 A # 8 A - 45 BRR OSORIO</t>
  </si>
  <si>
    <t>CR 124 # 131 A - 07 BRR TIBABUYES</t>
  </si>
  <si>
    <t>LA TOLIMA</t>
  </si>
  <si>
    <t>DG 72 SUR # 77 H 23 BRR BOSA</t>
  </si>
  <si>
    <t>NAVARA</t>
  </si>
  <si>
    <t>CR 3 # 3 - 32 BRR LA MAGDALENA</t>
  </si>
  <si>
    <t>DON PAGO LEON XIII PRIMER SECTOR</t>
  </si>
  <si>
    <t>CR 9 # 46 28 BRR LEON XIII</t>
  </si>
  <si>
    <t>CENTRO DE SERVICIOS Y TRAMITES GM</t>
  </si>
  <si>
    <t>CR 3 # 8 22 BRR CENTRO</t>
  </si>
  <si>
    <t>CIUDAD MOVIL</t>
  </si>
  <si>
    <t>CONRED MULTIPAGOS</t>
  </si>
  <si>
    <t>CL 40 SUR # 78 J - 17 BRR KENEDY CENTRAL</t>
  </si>
  <si>
    <t>TIENDA Y TAQUERIA FERCHO</t>
  </si>
  <si>
    <t>MZ 5 CA 11 BRR LA DIVISA</t>
  </si>
  <si>
    <t>DROGUERIA ROSSY</t>
  </si>
  <si>
    <t>CR 15 # 107 B - 17 BRR DANGOND</t>
  </si>
  <si>
    <t>OVALNET</t>
  </si>
  <si>
    <t>CL 57 D SUR # 78 K - 30 BRR ROMA KENNEDY</t>
  </si>
  <si>
    <t>MISCELANEA SALOME</t>
  </si>
  <si>
    <t>CL 3 # 5 - 4 BRR SANTO DOMINGO</t>
  </si>
  <si>
    <t>CL 7 # 6 35 BRR JOSE ANTONIO GALAN</t>
  </si>
  <si>
    <t>FERTEL COMUNICACIONES</t>
  </si>
  <si>
    <t>CR 4 # 4 89 BRR CENTRO</t>
  </si>
  <si>
    <t>PAPELERIA INBACHI</t>
  </si>
  <si>
    <t>CL 6 # 6 - 48 BRR PANAMERICANO</t>
  </si>
  <si>
    <t>MODAS Y ESTILOS J  M</t>
  </si>
  <si>
    <t>DG 9 # 10 06 BRR OIBA</t>
  </si>
  <si>
    <t>CARNICERIA Y MINI ABASTOS EL TESORO</t>
  </si>
  <si>
    <t>CL 3 A # 17 A 119 MZ F LT 19 AP 2 BRR EL TESORO</t>
  </si>
  <si>
    <t>AGREPECUARIA IDEL CAMPO</t>
  </si>
  <si>
    <t>CR 4 N # 4 - 23 BRR ALTO DE TUNJA</t>
  </si>
  <si>
    <t>MASIVOS E INVERSIONES J</t>
  </si>
  <si>
    <t>CL 54 F SUR # 91 B - 21 BRR BOSA EL CORZO</t>
  </si>
  <si>
    <t>CL 75 # 44 - 70 BG 3 LC 6 BRR HACIENDA CUBA</t>
  </si>
  <si>
    <t>MODAS SANTIAGO ALARCON</t>
  </si>
  <si>
    <t>CL 9 #7 - 16</t>
  </si>
  <si>
    <t>PAPELERIA Y VARIEDADES OP</t>
  </si>
  <si>
    <t>CL 2 B BIS # 53 - 10 BRR GALAN</t>
  </si>
  <si>
    <t>JY B COMUNICACIONES DELL</t>
  </si>
  <si>
    <t>CR 3 # 8 - 84 BRR LAS MERCEDES</t>
  </si>
  <si>
    <t>CORRESPONSAL MALEJA</t>
  </si>
  <si>
    <t>CR 49 # 68 C - 04 SUR BRR VERONA</t>
  </si>
  <si>
    <t>TV 10 # 7 A - 10 BRR LOS OLIVOS</t>
  </si>
  <si>
    <t>PAPELERIA THOMAS</t>
  </si>
  <si>
    <t>AC 80 # 85 - 32 ALM BRR LA ESPANOLA</t>
  </si>
  <si>
    <t>MICELANEA Y PAPELERIA DYLAN</t>
  </si>
  <si>
    <t>CR 3 # 3 - 20 BRR UBALA</t>
  </si>
  <si>
    <t>TECNORED TUNAL</t>
  </si>
  <si>
    <t>CR 23 C # 48 - 66 BRR TUNAL</t>
  </si>
  <si>
    <t>PRODUCTOS DE ASEO SALISSA</t>
  </si>
  <si>
    <t>CL 18 # 111 - 25 BRR FLANDES</t>
  </si>
  <si>
    <t>DON PAGO CALLE 32 SM</t>
  </si>
  <si>
    <t>CR 7 A ESTE # 32 04 BRR SAN MATEO</t>
  </si>
  <si>
    <t>CL 9 # 6 55 BRR CENTRO</t>
  </si>
  <si>
    <t>CIGARRERIA MIS ANGELITOS</t>
  </si>
  <si>
    <t>CL 48 R SUR # 03 D - 11 BRR DIANA TURBAY</t>
  </si>
  <si>
    <t>VARIEDADES KFG</t>
  </si>
  <si>
    <t>CL 6 # 7 - 16 BRR EL PRADO</t>
  </si>
  <si>
    <t>TIENDA YUDI</t>
  </si>
  <si>
    <t>CL 12 # 13 53 BRR JESUS ANGEL</t>
  </si>
  <si>
    <t>SALA DE INTERNET JOHANACOM</t>
  </si>
  <si>
    <t>CL 2 # 9 11 BRR PATICO</t>
  </si>
  <si>
    <t>TRAMITES PP</t>
  </si>
  <si>
    <t>CR 24 # 24 - 12 BRR LA FUENTE</t>
  </si>
  <si>
    <t>MULTISERVICIOS PIEDEMONTE</t>
  </si>
  <si>
    <t>KM 2 VIA PT NARINO BRR BATALLON</t>
  </si>
  <si>
    <t>ANDRES RV PUNTOCOM</t>
  </si>
  <si>
    <t>DG 60 LC 33</t>
  </si>
  <si>
    <t>SUPER EXITO DROGUERIA</t>
  </si>
  <si>
    <t>CL 64 B # 106 C - 16 BRR LETERAMA</t>
  </si>
  <si>
    <t>DISTRINVERSIONES NS  BQ</t>
  </si>
  <si>
    <t>CL 46 # 20 141 BRR SAN JOSE</t>
  </si>
  <si>
    <t>THOUR MI DULCE TENTACION</t>
  </si>
  <si>
    <t>CR 7 # 457 01 BRR MORICHAL</t>
  </si>
  <si>
    <t>VARIEDADES LOS GIRASOLES</t>
  </si>
  <si>
    <t>CR 64 # 21 - 03 BRR LOS GIRASOLES</t>
  </si>
  <si>
    <t>LUZ ADRIANA ALVAREZ SANCHEZ</t>
  </si>
  <si>
    <t>CL 4 # 5 - 20 BRR VILLA DEL ROSARIO</t>
  </si>
  <si>
    <t>MARACHOSNET</t>
  </si>
  <si>
    <t>CL 5 # 9 6 SA 08 10 BRR CHINQUINQUIRA</t>
  </si>
  <si>
    <t>DIMONEX LA ESTRELLA</t>
  </si>
  <si>
    <t>DG 11 # 11 27 BRR LA ESTRELLA</t>
  </si>
  <si>
    <t>DON PAGO EDUARDO SANTOS</t>
  </si>
  <si>
    <t>DG 4 A # 18 C 17 BRR EDUARDO SANTOS</t>
  </si>
  <si>
    <t>CORRESPONSAL OP BOSA RECREO</t>
  </si>
  <si>
    <t>CL 71 SUR # 92 - 46 BL 1 IN 4 BRR BOSA RECREO</t>
  </si>
  <si>
    <t>CIGARRERIA EL DORADO</t>
  </si>
  <si>
    <t>DG 3 C ESTE # 8 - 63 ESTE BRR LOS LACHES</t>
  </si>
  <si>
    <t>CENTRAL DE IMPRESIONES Y COPIAS EMANUEL</t>
  </si>
  <si>
    <t>CR 30 # 23 A 87 BRR HIPODROMO</t>
  </si>
  <si>
    <t>VARIEDADES PROFE</t>
  </si>
  <si>
    <t>CL 68 A # 48 D - 06 BRR BERONA</t>
  </si>
  <si>
    <t>CL 22 B # 3 - 19 BRR CENTRO</t>
  </si>
  <si>
    <t>PAPELERIA SANTA ANA</t>
  </si>
  <si>
    <t>CL 5 N # 25 - 29 MZ 5 LT 16 BRR PRIMERA ETAPA DE ATALAYA</t>
  </si>
  <si>
    <t>ALISMOR PIJAMAS</t>
  </si>
  <si>
    <t>CR 45 B # 29 C - 23 SUR BRR ALAMOS SUR</t>
  </si>
  <si>
    <t>EMPRESA MAYLIN</t>
  </si>
  <si>
    <t>CL 7 A # 27 - 02 BRR SANTA ELENA</t>
  </si>
  <si>
    <t>PUNTO PAGO PUNTO CREATIVO</t>
  </si>
  <si>
    <t>CR 14 A # 33 - 71 AP 1 BRR LOS OLIVOS</t>
  </si>
  <si>
    <t>COMUNICACIONES PEÑALILINET</t>
  </si>
  <si>
    <t>FYJCOMUNICACIONES</t>
  </si>
  <si>
    <t>CL 65 SUR # 81 A - 23 BRR CLASS ROMA</t>
  </si>
  <si>
    <t>CENTRO DE SERVICIOS KATY</t>
  </si>
  <si>
    <t>CR 7 # 14 59 BRR MERCAO VIEJO</t>
  </si>
  <si>
    <t>VARIEDADES ISAACMANUEL</t>
  </si>
  <si>
    <t>CR 78 A # 70 55 BRR SANTA HELENITA</t>
  </si>
  <si>
    <t>MERKCENTRO</t>
  </si>
  <si>
    <t>CL 4 # 2 08 BRR CENTRO</t>
  </si>
  <si>
    <t>CLUB AMIGOS EN RED GJ</t>
  </si>
  <si>
    <t>CL 5 # 3 92 BRR LA PLAZA</t>
  </si>
  <si>
    <t>MI SALUD</t>
  </si>
  <si>
    <t>DG 49 # 87 - 09 SUR BRR BETANIA</t>
  </si>
  <si>
    <t>VARIEDADES NATALY</t>
  </si>
  <si>
    <t>CL 7 SUR # 21 98 BRR SANTA ISABEL</t>
  </si>
  <si>
    <t>MASCOTAS</t>
  </si>
  <si>
    <t>CL 12 # 3 B 05 BRR CONSTRUCTORES</t>
  </si>
  <si>
    <t>SARI</t>
  </si>
  <si>
    <t>CL 68 SUR # 11 D 09 - ESTE BRR JUAN REY LA PAZ</t>
  </si>
  <si>
    <t>PEPELERIA</t>
  </si>
  <si>
    <t>MZ F CASA 11 BRR LA ESPERANZA</t>
  </si>
  <si>
    <t>PAPELERIA MANDALAS</t>
  </si>
  <si>
    <t>CR 48 G # 59 A 39 BRR LA CORUNA</t>
  </si>
  <si>
    <t>PAPELERIA SAMAJO</t>
  </si>
  <si>
    <t>CR 12 B # 32 C - 20 BRR SAN LUIS</t>
  </si>
  <si>
    <t>VARIEDADES Y PAPELERIA DE JACOBO</t>
  </si>
  <si>
    <t>CL 20 # 41 J - 16 SUR BRR TERRANOVA</t>
  </si>
  <si>
    <t>MISCELANEA BARATILLO</t>
  </si>
  <si>
    <t>CL 19 # 20 - 39 BRR CENTRO</t>
  </si>
  <si>
    <t>TZUR PAPELERIA Y SERVICIOS</t>
  </si>
  <si>
    <t>CL 11 # 1 - 30 BRR LOS MARTIRES</t>
  </si>
  <si>
    <t>SERVICIOS INTEGRADOS EN SISTEMAS Y COMPUTADORES</t>
  </si>
  <si>
    <t>CL 20 SUR # 35 - 10 BRR TIMANCO</t>
  </si>
  <si>
    <t>CUCUTA PLUS</t>
  </si>
  <si>
    <t>CL 17 # 2 - 102 BRR GARCIA HERREROS</t>
  </si>
  <si>
    <t>MULTISERVICIOS JANDY</t>
  </si>
  <si>
    <t>CL 21 # 5 - 117 CL BRR SAN JORGE</t>
  </si>
  <si>
    <t>CL 84 C BIS SUR # 80 K 17 P 1 BRR BOSA JARDIN</t>
  </si>
  <si>
    <t>LAVASECO SOFI</t>
  </si>
  <si>
    <t>CR 12 J # 33 A - 59 BRR SAN PABLO</t>
  </si>
  <si>
    <t>VARIEDADES Y ACCESORIOS JL</t>
  </si>
  <si>
    <t>MZ 35 CA 10 BRR MODELIA</t>
  </si>
  <si>
    <t>VARIEDADES PAEZ</t>
  </si>
  <si>
    <t>MZ L 2 CASA 17 BRR URBANIZACION CHARRASCAL</t>
  </si>
  <si>
    <t>MARIA PAULA COMUNICACIONES</t>
  </si>
  <si>
    <t>CL 10 # 11 - 26 BRR CENTRO</t>
  </si>
  <si>
    <t>PRINCESAROSACOM</t>
  </si>
  <si>
    <t>CR 4 # 188 A 30 BRR ESTRELLITA NORTE CODITO</t>
  </si>
  <si>
    <t>PAPELERIA Y DETALLES NIKO</t>
  </si>
  <si>
    <t>CR 55 # 76 - 07 BRR GAITAN</t>
  </si>
  <si>
    <t>RESTAURANTE PAQUITA</t>
  </si>
  <si>
    <t>CR 100 # 26 74 BRR BOGOTANO FONTIBON</t>
  </si>
  <si>
    <t>PAPELERIA SARA JD</t>
  </si>
  <si>
    <t>CL 129 # 91 A - 05 BRR SUBA RINCON</t>
  </si>
  <si>
    <t>FREEMARKET CYD</t>
  </si>
  <si>
    <t>CR 113 B # 63 F - 23 BRR SABANAS DEL DORADO</t>
  </si>
  <si>
    <t>CR 14 SUR # 13 - 00 BRR JIMENEZ</t>
  </si>
  <si>
    <t>EXPRESS MALAGA BRR CENTRO</t>
  </si>
  <si>
    <t>CR 8 # 11 33 LC BRR CENTRO</t>
  </si>
  <si>
    <t>TU DOCUMENTOCOM</t>
  </si>
  <si>
    <t>CL 14 # 13 - 03 BRR JUAN MELLAO</t>
  </si>
  <si>
    <t>PAGATODO LOPEZ</t>
  </si>
  <si>
    <t>CR 27 B # 71 B - 56 SUR BRR PARAISO</t>
  </si>
  <si>
    <t>PAPELERIA FULL COLOR J J</t>
  </si>
  <si>
    <t>TV 113 B # 66 - 41 BRR ENGATIVA</t>
  </si>
  <si>
    <t>IMPRESIONES Y COPIAS EL PROFE</t>
  </si>
  <si>
    <t>CL 41 # 3 - 15 BRR SANTA HELENA</t>
  </si>
  <si>
    <t>IMPULSO CREATIVO MUZO</t>
  </si>
  <si>
    <t>CAS VILLA CASETA 5 BRR MUZO</t>
  </si>
  <si>
    <t>CELU GALVEZ</t>
  </si>
  <si>
    <t>CR 3 # 1 - 06 BRR CORREGIMIENTO LA MATA</t>
  </si>
  <si>
    <t>CASALI</t>
  </si>
  <si>
    <t>TV 17 # 0 N - 91 BRR PUEBLO NUEVO</t>
  </si>
  <si>
    <t>COLPAGOS LA 34</t>
  </si>
  <si>
    <t>CL 33 # 5 84 BRR LA CEIBA</t>
  </si>
  <si>
    <t>SERVICIOS ZANJAR 1</t>
  </si>
  <si>
    <t>CL 13 # 5 08 BRR CENTRO CUCUTA</t>
  </si>
  <si>
    <t>CD CORRESPONSAL</t>
  </si>
  <si>
    <t>MZ 2 LOTE 11 BRR VDA BRISAS DEL RIO</t>
  </si>
  <si>
    <t>SERVICIOS ZANJAR 3</t>
  </si>
  <si>
    <t>AV 6 # 10 - 76 BRR CENTRO</t>
  </si>
  <si>
    <t>SERVICIOS ZANJAR 4</t>
  </si>
  <si>
    <t>AV 6 # 8 76 BRR CENTRO</t>
  </si>
  <si>
    <t>VARIEDADES JUAN</t>
  </si>
  <si>
    <t>CL 16 SUR # 23 - 26 BRR TIMANCO</t>
  </si>
  <si>
    <t>MINIMARKET Y CHARCUTERIA DAMIFER</t>
  </si>
  <si>
    <t>AV 5 # 23 - 52 BRR OSPINA PEREZ</t>
  </si>
  <si>
    <t>MILLOSTEL PCGAME</t>
  </si>
  <si>
    <t>CL 75 # 111 - 13 CA BRR EL MORTINO</t>
  </si>
  <si>
    <t>MARIANO CACERES LEON</t>
  </si>
  <si>
    <t>PAPELERIA BA</t>
  </si>
  <si>
    <t>CR 24 D # 3 - 18 SUR CA BRR LA FRAGUITA</t>
  </si>
  <si>
    <t>GILCO INVERCIONES</t>
  </si>
  <si>
    <t>AV 49 # 11 - 31 BRR ANTONIA SANTOS</t>
  </si>
  <si>
    <t>DONDE MELY</t>
  </si>
  <si>
    <t>CR 105 C # 132 D - 03 BRR ALCAPARROS</t>
  </si>
  <si>
    <t>CL 22 C # 22 - 27 CA LC 1 BRR SAMPER MENDOZA</t>
  </si>
  <si>
    <t>VEHICULARES EU</t>
  </si>
  <si>
    <t>DG 28 # 2 10 BRR NV TUNJA</t>
  </si>
  <si>
    <t>MOTO REPUESTOS LOZANO</t>
  </si>
  <si>
    <t>CL 7 # 9 38 BRR PAILITAS</t>
  </si>
  <si>
    <t>COPY MANIA</t>
  </si>
  <si>
    <t>CR 4 # 14 - 13 BRR CENTRO</t>
  </si>
  <si>
    <t>MARTHA GARZON</t>
  </si>
  <si>
    <t>CR 8 # 6 - 12 BRR CENTRO</t>
  </si>
  <si>
    <t>CNC SPORT</t>
  </si>
  <si>
    <t>CL 11 # 5 - 24 BRR CENTENARIO</t>
  </si>
  <si>
    <t>MULTISERVICIOS JT</t>
  </si>
  <si>
    <t>CR 103 B # 152 C 5 LC 2 BRR TURINGIA</t>
  </si>
  <si>
    <t>MOBILE ZONE VILLAMARIA</t>
  </si>
  <si>
    <t>CR 4 # 9 - 41 BRR CENTRO</t>
  </si>
  <si>
    <t>GLORIANA 1</t>
  </si>
  <si>
    <t>CL 4 # 15 - 21 BRR LA PRADERA</t>
  </si>
  <si>
    <t>PAPELERIA LA JUVENTUD</t>
  </si>
  <si>
    <t>CL 1 # 17 D 13 BRR LA JUVENTUD</t>
  </si>
  <si>
    <t>TIENDA EL RINCONCITO DEL NALA</t>
  </si>
  <si>
    <t>CL 45 # 13 - 23 BRR LOS CRISTALES</t>
  </si>
  <si>
    <t>INTERNET MICELANEA EL PROVEEDOR 1</t>
  </si>
  <si>
    <t>DG 48 J # 5 B - 19 SUR LC 1 BRR BOCHICA SUR</t>
  </si>
  <si>
    <t>DYD PAPELERIA CENTRO DE SOLUCIONES</t>
  </si>
  <si>
    <t>CL 11 # 6 - 23 BRR CENTRO</t>
  </si>
  <si>
    <t>DROGUERIA FARMALEY</t>
  </si>
  <si>
    <t>CR 14 # 4 9 BRR SAN ANTONIO</t>
  </si>
  <si>
    <t>DROGUERIA MARIA PAZ</t>
  </si>
  <si>
    <t>CL 5 A SUR # 83 11 BRR MARIA PAZ</t>
  </si>
  <si>
    <t>COMERCIALIZADORA ZOVA</t>
  </si>
  <si>
    <t>CL 6 # 7 - 08 BRR CALLE DEL COMERCIO</t>
  </si>
  <si>
    <t>POWER OFFICE</t>
  </si>
  <si>
    <t>CL 10 # 7-18 BRRLA GRANJA</t>
  </si>
  <si>
    <t>CONFEMOVIL LA ESMERALDA</t>
  </si>
  <si>
    <t>CL 44 # 53 94 LC 6 BRR BOGOTA LA ESMERALDA</t>
  </si>
  <si>
    <t>ESTACION DE SERVICIO SAMORE</t>
  </si>
  <si>
    <t>CR 31 # 38 A 51 - SUR BRR INGLES</t>
  </si>
  <si>
    <t>INTERNET DULCE KATTY</t>
  </si>
  <si>
    <t>CL 39 J # 42 - 12 ESTE BRR BELLA VISTA</t>
  </si>
  <si>
    <t>DON PAGO COSTA AZUL</t>
  </si>
  <si>
    <t>CL 135 A # 103 F 65 BRR SUBA COSTA AZUL</t>
  </si>
  <si>
    <t>VARIEDADES ADAEL</t>
  </si>
  <si>
    <t>CL 35 A # 18 01 BRR SAN JOSE ETAPA II</t>
  </si>
  <si>
    <t>MOMA INVERSIONES SAS</t>
  </si>
  <si>
    <t>CL 11 OESTE # 36 D 86 LC A 16 BRR CIRCUNVALAR LC A16</t>
  </si>
  <si>
    <t>MAXISERVICIOS JC TIENDA NUEVA</t>
  </si>
  <si>
    <t>CR 9 # 8 - 76 BRR COGITO</t>
  </si>
  <si>
    <t>MISCELANEA LOS ANGELES</t>
  </si>
  <si>
    <t>CR 5 # 8 41 BRR PABLO VI</t>
  </si>
  <si>
    <t>DROGUERIA XIOFARMA JD</t>
  </si>
  <si>
    <t>CL 8 C # 82 - 09 BRR VALLADOLID</t>
  </si>
  <si>
    <t>PROMOTORA DE LA SUERTE</t>
  </si>
  <si>
    <t>CR 10 # 12 37 LC 103 BRR CENTRO</t>
  </si>
  <si>
    <t>FERRETERA 10 CON 10</t>
  </si>
  <si>
    <t>CL 10 # 10 05 BRR SAN ANTONIO</t>
  </si>
  <si>
    <t>SERVILINEA</t>
  </si>
  <si>
    <t>CL 19 # 3 A - 303 ESTE BRR PRODESA</t>
  </si>
  <si>
    <t>SYC SERVICIOS</t>
  </si>
  <si>
    <t>CL 1 # 6 A - 15 BRR QUINTAS DE LA LAGINA</t>
  </si>
  <si>
    <t>CIGARRERIA TIFHANY</t>
  </si>
  <si>
    <t>CR 11 # 3 - 55 SUR BRR POLICARPA</t>
  </si>
  <si>
    <t>MULTISERVICIOS ELJ</t>
  </si>
  <si>
    <t>CL 4 # 9 26 BRR CENTRO</t>
  </si>
  <si>
    <t>CESAR AGLEIDER ARCINIEGAS SUAREZ</t>
  </si>
  <si>
    <t>CR 72 BIS # 25 B - 50 BRR GAITAN</t>
  </si>
  <si>
    <t>MILETH FLOREZ ORTEGA</t>
  </si>
  <si>
    <t>CL 3 S # 8 55 BRR BETANIA</t>
  </si>
  <si>
    <t>INTERMAG</t>
  </si>
  <si>
    <t>CL 14 # 9 - 09 BRR CENTRO</t>
  </si>
  <si>
    <t>EFECTY CRA 27</t>
  </si>
  <si>
    <t>CR 27 # 45 20 LC 2 BRR SAN ISIDRO</t>
  </si>
  <si>
    <t>PUNTO DE SERVICIO VILLA LUZ</t>
  </si>
  <si>
    <t>CR 77 A # 64 F - 18 BRR VILLA LUZ</t>
  </si>
  <si>
    <t>TIENDA DARWIN</t>
  </si>
  <si>
    <t>SERVITECNO</t>
  </si>
  <si>
    <t>CL 23 # 16 A 27 LC 1 BRR SANTAFE</t>
  </si>
  <si>
    <t>TW EVOLUCION</t>
  </si>
  <si>
    <t>CR 12 # 20 - 72 BRR SUCRE</t>
  </si>
  <si>
    <t>MISCELANEA LAPICES Y COLORES</t>
  </si>
  <si>
    <t>CR 88 I # 54 D 13 - SUR BRR BRASIL 2</t>
  </si>
  <si>
    <t>INTERNET JOHANA</t>
  </si>
  <si>
    <t>CALLE 4#715 CENTRO</t>
  </si>
  <si>
    <t>MULTISERVICIOS MUNDO CABINAS</t>
  </si>
  <si>
    <t>CL 3 # 4 - 59 BRR CENTRO</t>
  </si>
  <si>
    <t>GIROS Y ENVIOS AL INSTANTE</t>
  </si>
  <si>
    <t>CL 78 SUR # 78 A - 42 SUR BRR BOSA SAN JOSE</t>
  </si>
  <si>
    <t>PAGOS Y GIROS SANDRA</t>
  </si>
  <si>
    <t>CR 100 # 16 D - 27 BRR LA GUNA FOMTIBON</t>
  </si>
  <si>
    <t>VARIEDADES JOHA G</t>
  </si>
  <si>
    <t>TV 9 # 8 B 5 L 1 BRR VILLANUEVA</t>
  </si>
  <si>
    <t>PELUQUERIA SAYROZ</t>
  </si>
  <si>
    <t>MZ 171 CASA 26 BRR DON ALBERTO</t>
  </si>
  <si>
    <t>CL 44 # 46 - 09 BRR 12 DE OCTUBRE</t>
  </si>
  <si>
    <t>TIENDA JUAN JOMAO</t>
  </si>
  <si>
    <t>CR 20 # 35 A - 02 BRR PARAISO JORDAN</t>
  </si>
  <si>
    <t>CALZADO Y ACCESORIOS EXOTIC SHOES CA</t>
  </si>
  <si>
    <t>CR 9 A # 4 - 17 BRR ALTICO</t>
  </si>
  <si>
    <t>FANTASIA Y VARIEDADES</t>
  </si>
  <si>
    <t>CL 8 # 4 7 BRR LA PLAZA</t>
  </si>
  <si>
    <t>TRINPUM</t>
  </si>
  <si>
    <t>CR 3 # 11 - 22 BRR LAS FERIAS</t>
  </si>
  <si>
    <t>CIGARRERIA 47KD</t>
  </si>
  <si>
    <t>CL 48 B SUR # 26 94 BRR CARMEN</t>
  </si>
  <si>
    <t>LA PAZ CR 28</t>
  </si>
  <si>
    <t>CR 28 A # 67 - 64 BRR 7 DE AGOSTO</t>
  </si>
  <si>
    <t>VARIEDADES GREYMI</t>
  </si>
  <si>
    <t>CL 36 # 68 A 82 - SUR BRR ALQUERIA LA FRAGUA</t>
  </si>
  <si>
    <t>PAPELERA Y MISCELANEA SARITA</t>
  </si>
  <si>
    <t>CL 4 # 4 59 BRR CHIQUINQUIRA</t>
  </si>
  <si>
    <t>PAGOS LILI</t>
  </si>
  <si>
    <t>CL 6 # 24 127 BRR NUEVA ESPERANZA</t>
  </si>
  <si>
    <t>CONFEMOVIL SAS PORTOALEGRE</t>
  </si>
  <si>
    <t>CR 58 # 137 B 01 ZN COMUN 137 BRR CENTRO COMERCIAL PORTOALEGRE</t>
  </si>
  <si>
    <t>CAFE INTERNET MARTINET</t>
  </si>
  <si>
    <t>CR 10 B ESTE # 24 A 16 - SUR BRR SAN BLAS</t>
  </si>
  <si>
    <t>CL PRINCIPAL 3 13 BRR SAN JAVIER</t>
  </si>
  <si>
    <t>SERVICIOS ZANJAR 2</t>
  </si>
  <si>
    <t>CL 10 # 5 - 26 BRR CENTRO</t>
  </si>
  <si>
    <t>NALVAR TECNOLOGIA Y VARIEDAD</t>
  </si>
  <si>
    <t>CL 12 # 17 7 BRR CERVELLA</t>
  </si>
  <si>
    <t>DROGUERIA SMARTH FARMA</t>
  </si>
  <si>
    <t>CR 14 # 14 A 15 LC 101 BRR PUERTO MADERO</t>
  </si>
  <si>
    <t>CAFE Y ASESORIAS JURIDICAS</t>
  </si>
  <si>
    <t>CR 73 # 59 12 - SUR LC 120 BRR BARLOVENTO</t>
  </si>
  <si>
    <t>EXPRESS DIBULLA EL PERU</t>
  </si>
  <si>
    <t>CL 6 # 7 43 BRR EL PERU</t>
  </si>
  <si>
    <t>KYK VIDEOJUEGOS Y VARIEDADES</t>
  </si>
  <si>
    <t>CR 107 A # 142 02 BRR SUBA</t>
  </si>
  <si>
    <t>DG 9 # 11 18 BRR EL MIRADOR</t>
  </si>
  <si>
    <t>PAPELERIA JA LA  ECONOMIA PIEDECUESTA</t>
  </si>
  <si>
    <t>CL 17 # 1 W - 39 BRR PIEDECUESTA</t>
  </si>
  <si>
    <t>TEQUILAZO</t>
  </si>
  <si>
    <t>CL. 9 #7-15 VITERBO CALDAS COLOMBIA</t>
  </si>
  <si>
    <t>VARIEDADES PJ PAOLA</t>
  </si>
  <si>
    <t>CL. 117 #44A SUR-2 IBAGUE TOLIMA COLOMBIA</t>
  </si>
  <si>
    <t>DILIGENCIAS Y TRAMITES LCV</t>
  </si>
  <si>
    <t>CL 40 42 8-28 LC 1</t>
  </si>
  <si>
    <t>RIMA</t>
  </si>
  <si>
    <t>CL 42 KR 67 16</t>
  </si>
  <si>
    <t xml:space="preserve">AUTOLAVADO EL PAISANO </t>
  </si>
  <si>
    <t>KR 2B 30</t>
  </si>
  <si>
    <t>EL RINCON MAGICO</t>
  </si>
  <si>
    <t>K 29A 2H 32 AMERICAS</t>
  </si>
  <si>
    <t>PUBLIARTE PUBLICIDAD Y MEDIO GRAFICOS</t>
  </si>
  <si>
    <t>CL N 25 03</t>
  </si>
  <si>
    <t>NATYNET ACCESORIOS</t>
  </si>
  <si>
    <t>CLL 21 56 13</t>
  </si>
  <si>
    <t>DROGUERIA BELLA VIDA</t>
  </si>
  <si>
    <t>CRA. 1 #22 PASTO NARINO COLOMBIA</t>
  </si>
  <si>
    <t>CL. 9 #7-2 FLANDES TOLIMA COLOMBIA</t>
  </si>
  <si>
    <t>CLARO TOSCANA</t>
  </si>
  <si>
    <t>CL. 132D #134-3 BOGOTA COLOMBIA</t>
  </si>
  <si>
    <t>JORMEN</t>
  </si>
  <si>
    <t>CRA. 17 #59A-67 SOLEDAD ATLANTICO COLOMBIA</t>
  </si>
  <si>
    <t>ELECTRO  COMPUTO AK</t>
  </si>
  <si>
    <t>CARRERA 80 D # 49 B 26 SUR</t>
  </si>
  <si>
    <t>DROGUERIA Y MINIMARKET DONDE DAVID</t>
  </si>
  <si>
    <t>CL. 64 SUR #70G-31 BOGOTA COLOMBIA</t>
  </si>
  <si>
    <t>JORGE NIETO</t>
  </si>
  <si>
    <t>AV. 4 #1-73 CUCUTA NORTE DE SANTANDER COLOMBIA</t>
  </si>
  <si>
    <t>EXPRESS KENNEDY BRR CASTILLA</t>
  </si>
  <si>
    <t>CR 78 # 9 17 BRR CASTILLA</t>
  </si>
  <si>
    <t>GORILLAZ JB3R GYM</t>
  </si>
  <si>
    <t>CL 6 # 3 - 56 BRR SAN ANTONIO</t>
  </si>
  <si>
    <t>PUNTO MI</t>
  </si>
  <si>
    <t>CLL 7 # 29 - 183 AV. FCO. FERNNDEZ DE CONTRERAS</t>
  </si>
  <si>
    <t>CRA. 24D #54-9 SOLEDAD ATLANTICO COLOMBIA</t>
  </si>
  <si>
    <t>BONGOTEC BOGOTA</t>
  </si>
  <si>
    <t>CR 106 A # 64 - 05 BRR VILLAS DEL DORADO</t>
  </si>
  <si>
    <t>PAPELERIA DAHE</t>
  </si>
  <si>
    <t>KR 56 NO. 9 17 LOCAL 2 ED. TORRE AMRICAS</t>
  </si>
  <si>
    <t>PAPELERIA Y VARIEDADES CONTROL</t>
  </si>
  <si>
    <t>KR 9 NO 57 69</t>
  </si>
  <si>
    <t>COSITAS  VAINITAS</t>
  </si>
  <si>
    <t>CL. 12 #1911 LA UNION VALLE DEL CAUCA COLOMBIA</t>
  </si>
  <si>
    <t>PAPELERIA ACUARELA</t>
  </si>
  <si>
    <t>CRA. 32 #5A-30 VILLAVICENCIO META COLOMBIA</t>
  </si>
  <si>
    <t>CR 2 # 3-32</t>
  </si>
  <si>
    <t>SERVICIO TECNICO DJ</t>
  </si>
  <si>
    <t>CL. 131B #106-6 BOGOTA COLOMBIA</t>
  </si>
  <si>
    <t>MATISA</t>
  </si>
  <si>
    <t>CL 4 CR 10-83</t>
  </si>
  <si>
    <t>PAPELERIA MAGO DE OZ</t>
  </si>
  <si>
    <t>CL 143B 151A 0029 00001</t>
  </si>
  <si>
    <t>DIGITAL SHOOOW 2</t>
  </si>
  <si>
    <t>CR 7 CL 13-57</t>
  </si>
  <si>
    <t>ALL PHONE</t>
  </si>
  <si>
    <t>KR 7 C NO 02 SUR - 85 CA 91</t>
  </si>
  <si>
    <t>MARKET JUANA SOFIA</t>
  </si>
  <si>
    <t>CL. 14D #6-47 PUERTO LOPEZ META COLOMBIA</t>
  </si>
  <si>
    <t>LA RED SERVICIOS</t>
  </si>
  <si>
    <t>CL 8 #6-4 CALI VALLE DEL CAUCA COLOMBIA</t>
  </si>
  <si>
    <t>CRA. 49D #91-45 BOGOTA COLOMBIA</t>
  </si>
  <si>
    <t>PUNTO 93 TECHNOLOGI</t>
  </si>
  <si>
    <t>CRA. 58 #93A-42 BOGOTA COLOMBIA</t>
  </si>
  <si>
    <t>PAPELERIA VARIEDADES ALKA</t>
  </si>
  <si>
    <t>CL 19 # 36 B 41 BRR EL POBLADO CAMPESTRE</t>
  </si>
  <si>
    <t>ADRIANA PADILLA</t>
  </si>
  <si>
    <t>CRA 3 5 42</t>
  </si>
  <si>
    <t>CELUANDROID</t>
  </si>
  <si>
    <t>CL 4 # 5-66</t>
  </si>
  <si>
    <t>ESTANCO BAR PIPE</t>
  </si>
  <si>
    <t>VDA LA ULLOA</t>
  </si>
  <si>
    <t xml:space="preserve">MINI MARKET SEVEN ELEVEN </t>
  </si>
  <si>
    <t>CLL 91 2274LOC 01 EDF MORIAT DIAMANTE II</t>
  </si>
  <si>
    <t>SAPE GESTORA E INVERSIONES</t>
  </si>
  <si>
    <t>CARRERA 19 16A 16LC2</t>
  </si>
  <si>
    <t>COPINET LA VEGA</t>
  </si>
  <si>
    <t>CL 5 # 9 - 52 BRR SAN JOSE</t>
  </si>
  <si>
    <t>DROGUERIA MINIMARKET BOYACA SLG</t>
  </si>
  <si>
    <t>CL. 7 #449 SAN LUIS DE GACENO SAN LUIS DE GACENO BOYACA COLOMBIA</t>
  </si>
  <si>
    <t>FERREVARIEDADESMYM</t>
  </si>
  <si>
    <t>CL 3 # 23 - 25 BRR LA MESA CUNDINAMARCA</t>
  </si>
  <si>
    <t>PAPELERIAPYJT</t>
  </si>
  <si>
    <t>DG. 2B #80A-2 BOGOTA COLOMBIA</t>
  </si>
  <si>
    <t>PEPELERIA MULTIACCES</t>
  </si>
  <si>
    <t>CL 57 # 16 A 30 BRR CHAPINERO</t>
  </si>
  <si>
    <t>EXIPHARMA LINCOLN</t>
  </si>
  <si>
    <t>KR 7 NO 15 - 99</t>
  </si>
  <si>
    <t>PANALERA SEQUITOS NO 3</t>
  </si>
  <si>
    <t>K21 19-44</t>
  </si>
  <si>
    <t>DROGUERIA GPHARMA</t>
  </si>
  <si>
    <t>CL. 49C SUR #87D-89 BOGOTA COLOMBIA</t>
  </si>
  <si>
    <t>CYBER CENTER VARIEDADES</t>
  </si>
  <si>
    <t>CR 5 6 70 CORR EL CARMEN</t>
  </si>
  <si>
    <t>PAPELERIA GLORI</t>
  </si>
  <si>
    <t>CRA. 1C #1673 NEIVA HUILA COLOMBIA</t>
  </si>
  <si>
    <t>COMPRA VENTA DE CAFE PERGAMINO</t>
  </si>
  <si>
    <t>CL. 21 #17-28 SAN ROQUE ANTIOQUIA COLOMBIA</t>
  </si>
  <si>
    <t>CL. 22 #9-108 SABANALARGA ATLANTICO COLOMBIA</t>
  </si>
  <si>
    <t>DR SMART</t>
  </si>
  <si>
    <t>CL 74 C SUR # 13 F - 29 ESTE BRR JUAN REY SUR</t>
  </si>
  <si>
    <t>COMERCIALIZADORA Y DISTRIBUIDORA SUROCCIDENTE DEL CAUCA</t>
  </si>
  <si>
    <t>CRA. 2 #7A-7 POPAYAN CAUCA COLOMBIA</t>
  </si>
  <si>
    <t>TV 3 B # 59 07 - SUR AP 200 BRR LA FISCALA NORTE</t>
  </si>
  <si>
    <t>SUPERMERCADO MERCACHAROL</t>
  </si>
  <si>
    <t>AV. 68 #23-106 CUCUTA NORTE DE SANTANDER COLOMBIA</t>
  </si>
  <si>
    <t>BELLEZA Y ESTILO DELIUS</t>
  </si>
  <si>
    <t>CL. 57 D #85E-7 MEDELLIN SAN JAVIER MEDELLIN ANTIOQUIA COLOMBIA</t>
  </si>
  <si>
    <t>DIEGO SOAT LA UNION</t>
  </si>
  <si>
    <t>CARRERA 13 NO. 14 59 ANDILUM S.A</t>
  </si>
  <si>
    <t>TIENDA MISCELANEA LAS GRANJAS</t>
  </si>
  <si>
    <t>TV. 113B #66-64 BOGOTA COLOMBIA</t>
  </si>
  <si>
    <t>COFFIALG</t>
  </si>
  <si>
    <t>TV. 1 #1-85 MOSQUERA CUNDINAMARCA COLOMBIA</t>
  </si>
  <si>
    <t>SUMINISTRO KARINA PEREZ</t>
  </si>
  <si>
    <t>CR 24 N 18 16</t>
  </si>
  <si>
    <t xml:space="preserve">FULLCOLOR SUMINISTROS </t>
  </si>
  <si>
    <t>AV. POPORO QUIMBAYA #73C-33 BOGOTA COLOMBIA</t>
  </si>
  <si>
    <t>SUPER REPUESTOS EL CENTRO</t>
  </si>
  <si>
    <t>CL. 10 #12-80 SAN VICENTE DE CHUCURI SANTANDER COLOMBIA</t>
  </si>
  <si>
    <t>AGROINSUMOS VANEGAS GARCIA</t>
  </si>
  <si>
    <t>CL 310125</t>
  </si>
  <si>
    <t>KRIST GRAPHICS</t>
  </si>
  <si>
    <t>CL 19D MZ23-1 P 3 APTO</t>
  </si>
  <si>
    <t>JB VARIEDADES  SENDEROS</t>
  </si>
  <si>
    <t>CR 72 B CL 78 B -85 (INTERIOR 933)</t>
  </si>
  <si>
    <t>VARIEDADES SANTA CATALINA</t>
  </si>
  <si>
    <t>CRA 2 N. 3-23 B ORIENTAL</t>
  </si>
  <si>
    <t>MISCELANEA Y PAPELERIA KAJUMA</t>
  </si>
  <si>
    <t>CL 163 A # 1 A 45 CA BRR SANTA CECILIA ALTA</t>
  </si>
  <si>
    <t>MULTISERVICIOS LA CONSOLATA</t>
  </si>
  <si>
    <t>CR 14 # 20 - 50 BRR LA CONSOLATA</t>
  </si>
  <si>
    <t>FUMIACACIAS</t>
  </si>
  <si>
    <t>CR 16 14 41 CENTRO</t>
  </si>
  <si>
    <t>LA VILA MINIMARKET        PAPELERIA</t>
  </si>
  <si>
    <t>CRA. 10 NTE. #5-4 POPAYAN CAUCA COLOMBIA</t>
  </si>
  <si>
    <t>CENTRO DE COMUNICACIONES JCL</t>
  </si>
  <si>
    <t>CL 37 SUR NO 4 ESTE - 12 PL 1</t>
  </si>
  <si>
    <t xml:space="preserve">DROGUERIA  SALUDD CRISTALES </t>
  </si>
  <si>
    <t>CL PRINCIPAL CRISTALES</t>
  </si>
  <si>
    <t>ESSENCIAL3AT</t>
  </si>
  <si>
    <t>CL. 14 #15-113 FONSECA LA GUAJIRA COLOMBIA</t>
  </si>
  <si>
    <t>ROBINCELL</t>
  </si>
  <si>
    <t>CL 4A # 5-09</t>
  </si>
  <si>
    <t>DROGUERIA FARMA ROJAS  2</t>
  </si>
  <si>
    <t>DG 7 5-37 APTO 01</t>
  </si>
  <si>
    <t>SURTIPOLLO DE PIVIJAY</t>
  </si>
  <si>
    <t>CL 12 # 11 DPL DN3488</t>
  </si>
  <si>
    <t>JUANJOSSPAPELERIA</t>
  </si>
  <si>
    <t>CL 2 B # 4 29 BRR JORGE ELIECER GAITAN</t>
  </si>
  <si>
    <t>DUGERLINE</t>
  </si>
  <si>
    <t>CR 26 46 10</t>
  </si>
  <si>
    <t>JUANESNET</t>
  </si>
  <si>
    <t>CL. 11 #4-67 CHOCONTA CUNDINAMARCA COLOMBIA</t>
  </si>
  <si>
    <t>SALA DE BELLEZA Y VARIEDADES ELIANA</t>
  </si>
  <si>
    <t>CR 27 B 123-01 LC 101</t>
  </si>
  <si>
    <t>JIRLESA MARIA SAA MAYA</t>
  </si>
  <si>
    <t>CRA. 24 #11-99 PASTO NARINO COLOMBIA</t>
  </si>
  <si>
    <t>CORRESPONSAL ILESS</t>
  </si>
  <si>
    <t>CRA. 5C #49 SUR-82 BOGOTA COLOMBIA</t>
  </si>
  <si>
    <t>GRANERO Y PANADERIA LAS DELICIAS</t>
  </si>
  <si>
    <t>CRA. 2 #4-113 EL CHARCO NARINO COLOMBIA</t>
  </si>
  <si>
    <t>PAPELERIA Y VARIEDADES SANTORINI</t>
  </si>
  <si>
    <t>CRA 23D CL 9-72</t>
  </si>
  <si>
    <t>MULTISERVICIOS MYV</t>
  </si>
  <si>
    <t>DG 65 B SUR NO 18 Q . 64</t>
  </si>
  <si>
    <t>DROGUERIA SALUD Y AHORRO</t>
  </si>
  <si>
    <t>CLL 27 CS 17 LOC 102 LA GRANJA</t>
  </si>
  <si>
    <t>BELLE BOUTIQUE</t>
  </si>
  <si>
    <t>DG. 70C SUR #78A-10 BOGOTA COLOMBIA</t>
  </si>
  <si>
    <t>TV. 15 #4-85 LA JAGUA DE IBIRICO LA JAGUA DE IBIRICO CESAR COLOMBIA</t>
  </si>
  <si>
    <t>SIVALUNET</t>
  </si>
  <si>
    <t>CR 2 1B 55 BR SAN NICOLAS</t>
  </si>
  <si>
    <t>SERVIENTREGA SAN CARLOS</t>
  </si>
  <si>
    <t>DROGUERIA MEDILIFFE</t>
  </si>
  <si>
    <t>KR 8 190 52 LC 1</t>
  </si>
  <si>
    <t xml:space="preserve">SERVIENTREGA </t>
  </si>
  <si>
    <t>CL 58 C NO 86 F SUR</t>
  </si>
  <si>
    <t>TU FERRETERO</t>
  </si>
  <si>
    <t>CR 88 CL 40-27</t>
  </si>
  <si>
    <t>COMUNICACIONES MAYRA</t>
  </si>
  <si>
    <t>CR 13 # 136 - 26 SUR BRR USME CENTRO</t>
  </si>
  <si>
    <t>QG COMUNICACIONES</t>
  </si>
  <si>
    <t>CL 98 NO 68 F-23</t>
  </si>
  <si>
    <t>CARHUMGA INVERSIONES</t>
  </si>
  <si>
    <t>CRA 22 # 111-26 LOCAL</t>
  </si>
  <si>
    <t xml:space="preserve">COFFEE HOUSE </t>
  </si>
  <si>
    <t>CL. 10 #10-5 TUNJA BOYACA COLOMBIA</t>
  </si>
  <si>
    <t xml:space="preserve">MULTIVIDRIOS VIP </t>
  </si>
  <si>
    <t>CL. 18 #9-90 FLORENCIA CAQUETA COLOMBIA</t>
  </si>
  <si>
    <t>LANEROS TECNOLOGIA</t>
  </si>
  <si>
    <t>CL 4281 C 42</t>
  </si>
  <si>
    <t>TRAMITESEL IMPERIO DE ADRI</t>
  </si>
  <si>
    <t>SANTO REMEDIO</t>
  </si>
  <si>
    <t>K 5 # 13-71 AP</t>
  </si>
  <si>
    <t>PAPELRIA MESSI</t>
  </si>
  <si>
    <t>AK 19 NO 136 A 06 BL 5 AP 230</t>
  </si>
  <si>
    <t>INNOVARTE</t>
  </si>
  <si>
    <t>CRA 3 N4-27</t>
  </si>
  <si>
    <t>CELUGAMA LABORATORIO TECNICO</t>
  </si>
  <si>
    <t>CL 16 NORTE AV 6-26 LC 06</t>
  </si>
  <si>
    <t>MACARENA</t>
  </si>
  <si>
    <t>CRA. 32 #31A-76 CALI VALLE DEL CAUCA COLOMBIA</t>
  </si>
  <si>
    <t>PARQUEADERO SAMJUAN</t>
  </si>
  <si>
    <t>CL 7 # 1 - 44 BRR CENTRO</t>
  </si>
  <si>
    <t xml:space="preserve">EL POLEN </t>
  </si>
  <si>
    <t>KR 31 NO 55 SUR - 23</t>
  </si>
  <si>
    <t>ANA PUERTO PELUQUERIA</t>
  </si>
  <si>
    <t>CRA. 33A #54A SUR-11 BOGOTA COLOMBIA</t>
  </si>
  <si>
    <t>LA ALIANZA</t>
  </si>
  <si>
    <t>AV. 4 #413 RAGONVALIA NORTE DE SANTANDER COLOMBIA</t>
  </si>
  <si>
    <t>DUCK BEER</t>
  </si>
  <si>
    <t>CL. 63D SUR #18C-18 BOGOTA COLOMBIA</t>
  </si>
  <si>
    <t>TEXTILES CASA VERDE</t>
  </si>
  <si>
    <t>CAJICA-TABIO #65 CAJICA CUNDINAMARCA COLOMBIA</t>
  </si>
  <si>
    <t xml:space="preserve">MILAGRO DE DIOS </t>
  </si>
  <si>
    <t>CRA. 49 #3179 BUCARAMANGA SANTANDER COLOMBIA</t>
  </si>
  <si>
    <t>TIENDA SARITA</t>
  </si>
  <si>
    <t>CL. 10A #142 SOACHA CUNDINAMARCA COLOMBIA</t>
  </si>
  <si>
    <t>SERVIREPUESTOS LA 14</t>
  </si>
  <si>
    <t>EL CARMEN DE CHUCURI - SAN VICENTE DE CHUCURI #11A-161 SAN VICENTE DE CHUCURI SANTANDER COLOMBIA</t>
  </si>
  <si>
    <t xml:space="preserve">EDGAR SUAREZ </t>
  </si>
  <si>
    <t>CL. 4 #5-33 FRESNO TOLIMA COLOMBIA</t>
  </si>
  <si>
    <t>VV SEGUROS</t>
  </si>
  <si>
    <t>CARRERA 22 NO. 14-75</t>
  </si>
  <si>
    <t>SUMINISTROS FERRETEROS PIPE</t>
  </si>
  <si>
    <t>CR 18 CL 24-21</t>
  </si>
  <si>
    <t>TECNOTIENDA SIBUNDOY</t>
  </si>
  <si>
    <t>CRA 13 NRO 16-25</t>
  </si>
  <si>
    <t>EXPRESIONES ROMY</t>
  </si>
  <si>
    <t>CR 98 # 55 S - 23 P 2 BRR EL CORZO</t>
  </si>
  <si>
    <t>PAPELERIA JJGG</t>
  </si>
  <si>
    <t>CRA. 95 #68A-36 BOGOTA COLOMBIA</t>
  </si>
  <si>
    <t>CL. 92 #5647 BUCARAMANGA SANTANDER COLOMBIA</t>
  </si>
  <si>
    <t>MISCELANEA Y PAPELERIA LA 75</t>
  </si>
  <si>
    <t>CRA. 53 #74-87 BOGOTA COLOMBIA</t>
  </si>
  <si>
    <t>ADONICETT ELI</t>
  </si>
  <si>
    <t>CL 19 # 3 A - 8 BRR BARRANQUILLA</t>
  </si>
  <si>
    <t>CONEXIONESCCU</t>
  </si>
  <si>
    <t>C -</t>
  </si>
  <si>
    <t>FRUVER Y AUTOSERVICIO LA ECONOMIA</t>
  </si>
  <si>
    <t>CL. 35 #8 VILLAVICENCIO META COLOMBIA</t>
  </si>
  <si>
    <t>TIENDABAR DE LA AMPARO</t>
  </si>
  <si>
    <t>KR 70A 62 SUR 23</t>
  </si>
  <si>
    <t>LA VILLA DEL CELULAR</t>
  </si>
  <si>
    <t>AGUA PURA FRESCURA</t>
  </si>
  <si>
    <t>CL 7 19B-24</t>
  </si>
  <si>
    <t>TEAM MOVIL CENTER</t>
  </si>
  <si>
    <t>CLL 35 16 - 20 LOC 13 (PASAJE SANTANDER)</t>
  </si>
  <si>
    <t>MULTISERVICIOS MYC</t>
  </si>
  <si>
    <t>CL 22 SUR # 5 A - 18 BRR SAN CRISTOBAL PRIMERO DE MAYO</t>
  </si>
  <si>
    <t>MULTISERVICIOS MYC2</t>
  </si>
  <si>
    <t>CL 5 A # 27 - 16 SUR LC 2 BRR SURAMERICA</t>
  </si>
  <si>
    <t>MULTISERVICIOS GT</t>
  </si>
  <si>
    <t>CR 5 A # 30 C - 21 BRR 20 JULIO</t>
  </si>
  <si>
    <t>PAPELERIA LA 15</t>
  </si>
  <si>
    <t>CARRERA 19 16A 16 LC 2</t>
  </si>
  <si>
    <t>PAPELERIA Y MISCELANEA EL PUNTO UTIL</t>
  </si>
  <si>
    <t>CL. 71 BIS SUR #77G-26 SOACHA CUNDINAMARCA COLOMBIA</t>
  </si>
  <si>
    <t>VARIEDADES Y MULTISERVICIOS EL SHADDAI</t>
  </si>
  <si>
    <t>CRA. 20 #10-72 EL CERRITO VALLE DEL CAUCA COLOMBIA</t>
  </si>
  <si>
    <t>DROGUERIAS SALUD GOLD</t>
  </si>
  <si>
    <t>CRA. 1E #22 PIEDECUESTA SANTANDER COLOMBIA</t>
  </si>
  <si>
    <t>DROGUERIA DROGAS LA IDEAL</t>
  </si>
  <si>
    <t>CAFE INTERNET CP</t>
  </si>
  <si>
    <t>COTA - CHIA #5 CHIA CUNDINAMARCA COLOMBIA</t>
  </si>
  <si>
    <t>DROGUERIA HOMEOPATICA QUIROPRAXIA</t>
  </si>
  <si>
    <t>TV 106 A # 75 B - 26 BRR GARCES NAVAS</t>
  </si>
  <si>
    <t>LAS DELICIAS DEL SUR Y SARITA STORE</t>
  </si>
  <si>
    <t>CL 16 SUR # 17 - 22 BRR SAN FRANCISCO DE ASIS</t>
  </si>
  <si>
    <t xml:space="preserve">DROGUERIA MEDIMARKET PLUS </t>
  </si>
  <si>
    <t>CRA 21 # 18-75 LOCAL 3</t>
  </si>
  <si>
    <t>VILLA RED MULTISERVICIOS</t>
  </si>
  <si>
    <t>CL 6 C NO 33 04</t>
  </si>
  <si>
    <t>SEGUROS RYG</t>
  </si>
  <si>
    <t>CL 10 15-14</t>
  </si>
  <si>
    <t>SERVICIOS VIVINET</t>
  </si>
  <si>
    <t>CL 57 E CR 85 E-65</t>
  </si>
  <si>
    <t>VARIEDADES ANHYYA</t>
  </si>
  <si>
    <t>CARRERA 3B CALLE 21B 37 DIV 1 SANTA</t>
  </si>
  <si>
    <t>SHALOMCOMCO</t>
  </si>
  <si>
    <t>CARRERA 9 NO.9-7 B. LAS CAMIAS</t>
  </si>
  <si>
    <t xml:space="preserve"> </t>
  </si>
  <si>
    <t>CL. 151 #111A-46 BOGOTA COLOMBIA</t>
  </si>
  <si>
    <t>CRA. 42 #6C-33 DUITAMA BOYACA COLOMBIA</t>
  </si>
  <si>
    <t>CEMAT TECNOLOGY</t>
  </si>
  <si>
    <t>CR 11 # 8 11 BRR CENTRO</t>
  </si>
  <si>
    <t>TECNOLUJO</t>
  </si>
  <si>
    <t>CL 3 OESTE 72-50</t>
  </si>
  <si>
    <t>MULTISERVICIOS JASC</t>
  </si>
  <si>
    <t>CLL 5 12 -03B TORRES DEL CASTILLO</t>
  </si>
  <si>
    <t>DG 71 P SUR NO 27 T - 53</t>
  </si>
  <si>
    <t>VARIEDADES SAMADI</t>
  </si>
  <si>
    <t>CRA 26 BRR RECREO NRC-1869-0</t>
  </si>
  <si>
    <t xml:space="preserve">INGENIERIA GAS NATURAL </t>
  </si>
  <si>
    <t>CL. 7 #69C-41 BOGOTA COLOMBIA</t>
  </si>
  <si>
    <t>SEGUROS MOVILES</t>
  </si>
  <si>
    <t>CLL 67-28</t>
  </si>
  <si>
    <t>CAFE ALCAPONE</t>
  </si>
  <si>
    <t>CL 8 15A20LC1</t>
  </si>
  <si>
    <t>ZONA MOVIL LA CUMBRE</t>
  </si>
  <si>
    <t>CL 28 # 5 E - 06 BRR LA CUMBRE</t>
  </si>
  <si>
    <t>PRINTER BLUE</t>
  </si>
  <si>
    <t>CRA. 10 #45-23 BARRANQUILLA ATLANTICO COLOMBIA</t>
  </si>
  <si>
    <t>VARIEDADES FAMILIA JS</t>
  </si>
  <si>
    <t>CR 32 # 64 - 40 SUR BRR CANDELARIA LA NUEVA</t>
  </si>
  <si>
    <t>TECNOCENTER</t>
  </si>
  <si>
    <t>CRA 14 #10 BOGOTA COLOMBIA</t>
  </si>
  <si>
    <t>NG MULTISERVICIOS</t>
  </si>
  <si>
    <t>CL 2 # 12 - 24 BRR QUEBRADITAS</t>
  </si>
  <si>
    <t>MERKATIENDA LA PRIMAVERA</t>
  </si>
  <si>
    <t>CL. 8A #20B-46 VILLAVICENCIO META COLOMBIA</t>
  </si>
  <si>
    <t xml:space="preserve">QUE HAY PA COMER </t>
  </si>
  <si>
    <t>TV. 2 #2269 DUITAMA BOYACA COLOMBIA</t>
  </si>
  <si>
    <t>KATHERIN RINCON</t>
  </si>
  <si>
    <t>CL 74 # 56 26 BRR EDIFICIO APOLO</t>
  </si>
  <si>
    <t>RUTH</t>
  </si>
  <si>
    <t>CR 10 B # 9 - 21 BRR LA CITA CENTRO</t>
  </si>
  <si>
    <t>TIENDA DONDE CHUCHO LA 16</t>
  </si>
  <si>
    <t>CL 3 # 14 72 P 1 BRR DUITAMA</t>
  </si>
  <si>
    <t>DROGUERIA JOSE MARIA CORDOBA</t>
  </si>
  <si>
    <t>CONCENTRADOS PARA MASCOTAS JM</t>
  </si>
  <si>
    <t>KR 19 D NO 66 SUR - 15 LC 1</t>
  </si>
  <si>
    <t>PAUL PETS</t>
  </si>
  <si>
    <t>C 18 N 8-46 P1</t>
  </si>
  <si>
    <t>PAPELERIA SAN EDUARDO</t>
  </si>
  <si>
    <t>CL 70A NTE. #26 POPAYAN CAUCA COLOMBIA</t>
  </si>
  <si>
    <t>LA ESENCIAL</t>
  </si>
  <si>
    <t>CL14B 116-70 BL20 CASA30</t>
  </si>
  <si>
    <t xml:space="preserve">FABRICA DE TAPETES Y FORROS NICO </t>
  </si>
  <si>
    <t>CRA. 18 #4A-41 BOGOTA COLOMBIA</t>
  </si>
  <si>
    <t>MULTISERVICON LA  FRONTERA</t>
  </si>
  <si>
    <t>KR 24 45F 68 PI 1</t>
  </si>
  <si>
    <t>MISCELANIA MAFELORENA</t>
  </si>
  <si>
    <t>CRA. 3 ESTE #4-2 SOACHA CUNDINAMARCA COLOMBIA</t>
  </si>
  <si>
    <t>CR 14 CL 17A-9</t>
  </si>
  <si>
    <t>POMPESTY</t>
  </si>
  <si>
    <t>CRA. 10A #57-63 CALI VALLE DEL CAUCA COLOMBIA</t>
  </si>
  <si>
    <t xml:space="preserve">MOTOREPUESTOS AYAPEL </t>
  </si>
  <si>
    <t>CL. 22B #246 MONITOS CORDOBA COLOMBIA</t>
  </si>
  <si>
    <t>SEGUROS DEL CAFE</t>
  </si>
  <si>
    <t>CR 9 # 10 - 59 LC BRR CENTRO</t>
  </si>
  <si>
    <t>VARIEDADES LOS PEQUE</t>
  </si>
  <si>
    <t>TRANSVERSALES 18F #2B-6 SOACHA CUNDINAMARCA COLOMBIA</t>
  </si>
  <si>
    <t>PAPELERIA MAHANAIM</t>
  </si>
  <si>
    <t>CL 27 # 15 62 BRR CENTRO</t>
  </si>
  <si>
    <t>PAPELERIA Y MISCELANEA CR</t>
  </si>
  <si>
    <t>DG 13 KR 16A-69</t>
  </si>
  <si>
    <t>CL. 60 BIS #13 OESTE-36 BUCARAMANGA SANTANDER COLOMBIA</t>
  </si>
  <si>
    <t>MARKET ALDI</t>
  </si>
  <si>
    <t>CR 1 F NORTE 77-81</t>
  </si>
  <si>
    <t>MAGENTA SV STORE</t>
  </si>
  <si>
    <t>CRA. 13 #12-57 PEREIRA RISARALDA COLOMBIA</t>
  </si>
  <si>
    <t>INTERNET LA ECONOMIA</t>
  </si>
  <si>
    <t>CRA 8 #8-31 STA BARBARA F.HOSP</t>
  </si>
  <si>
    <t>PUNTO T</t>
  </si>
  <si>
    <t>CRA. 33 #86-44 BUCARAMANGA SANTANDER COLOMBIA</t>
  </si>
  <si>
    <t>TIENDA MIXTA EL PATRON</t>
  </si>
  <si>
    <t>CL. 9 #1033 SAN CAYETANO NORTE DE SANTANDER COLOMBIA</t>
  </si>
  <si>
    <t>PAPELERIA DONA LUZ</t>
  </si>
  <si>
    <t>CL. 34 #19-75 BUCARAMANGA SANTANDER COLOMBIA</t>
  </si>
  <si>
    <t>ASSEGURAR DE COLOMBIA</t>
  </si>
  <si>
    <t>CL 4 # 18 - 02 BRR GUADALAJARA BUGA</t>
  </si>
  <si>
    <t xml:space="preserve">LAVASECO EXTRA MODERNO </t>
  </si>
  <si>
    <t>CRA. 12B #19 SUR-7 BOGOTA COLOMBIA</t>
  </si>
  <si>
    <t>GESTION Y ASESORIA EN SEGURIDAD Y SALUD EN EL TRABAJO Y CALIDAD GEASTRRAC</t>
  </si>
  <si>
    <t>KR 36A 12 71 LC 36A</t>
  </si>
  <si>
    <t xml:space="preserve">DROGUERIA MAS ECONOMICA </t>
  </si>
  <si>
    <t>CRA. 10 #14-20 MAICAO LA GUAJIRA COLOMBIA</t>
  </si>
  <si>
    <t>DON PAGO RICAURTE</t>
  </si>
  <si>
    <t>CR 28 # 10 71 LC 213 BRR RICAURTE</t>
  </si>
  <si>
    <t>AUTO MAS</t>
  </si>
  <si>
    <t>CL. 54 #41-63 BARRANQUILLA ATLANTICO COLOMBIA</t>
  </si>
  <si>
    <t>DISTRIBUIDORA MARIA R</t>
  </si>
  <si>
    <t>CL 35C 51 BRR EL</t>
  </si>
  <si>
    <t>LUNARIE</t>
  </si>
  <si>
    <t>CRA 14 10 41</t>
  </si>
  <si>
    <t>SUPER MERCADO MARY ACC</t>
  </si>
  <si>
    <t>CL 33 A # 39 65 - ESTE BRR CIUDADELA SUCRE</t>
  </si>
  <si>
    <t>PAYBET</t>
  </si>
  <si>
    <t>CRA. 7A #21-51 NEIVA HUILA COLOMBIA</t>
  </si>
  <si>
    <t>SION SOCCER</t>
  </si>
  <si>
    <t>CRA. 3 ESTE #5-29 FUSAGASUGA LA SERENA FUSAGASUGA CUNDINAMARCA COLOMBIA</t>
  </si>
  <si>
    <t>RECAUDO DE SERVICIOS 2</t>
  </si>
  <si>
    <t>CL 26 SUR # 93 43 BRR KENNEDY</t>
  </si>
  <si>
    <t>PAPELERIA Y MISCELANEA DECORACIONES LA 6</t>
  </si>
  <si>
    <t>CRA. 6 #14-58 SOACHA CUNDINAMARCA COLOMBIA</t>
  </si>
  <si>
    <t>DROGUERIA MEDIPRECIOS</t>
  </si>
  <si>
    <t>CRA. 5 #2-92 LA PLATA HUILA COLOMBIA</t>
  </si>
  <si>
    <t>PAISAJE GRAFICO</t>
  </si>
  <si>
    <t>CARRERA 13A NO. 93 - 66</t>
  </si>
  <si>
    <t>VARIEDADES AGUIRRE</t>
  </si>
  <si>
    <t>CR 3 # 2 - 13 BRR PLAZA</t>
  </si>
  <si>
    <t xml:space="preserve">RYMELL BEAUTY MARKET </t>
  </si>
  <si>
    <t>KR 96 C NO 17 B 28 LC 101</t>
  </si>
  <si>
    <t>HOTEL ESTACION CAMPESTRE MARKET LAS PALMAS</t>
  </si>
  <si>
    <t>VDA CENTRO</t>
  </si>
  <si>
    <t>TECNOSERVICIOS SIGIMALL</t>
  </si>
  <si>
    <t>CRA. 1A 10 #73A-94 CALI PALMIRA VALLE DEL CAUCA COLOMBIA</t>
  </si>
  <si>
    <t>PROVISIONES ALBA</t>
  </si>
  <si>
    <t>CL 13 # CR 17 52 DPL DY757</t>
  </si>
  <si>
    <t>LA OFICINA</t>
  </si>
  <si>
    <t>CR 18 # 14 35 BRR AGUAZUL</t>
  </si>
  <si>
    <t>PUNTO DE GIROS SARA VALENTINA</t>
  </si>
  <si>
    <t>CL 66 # 13 - 65 BRR CHAPINERO LOCAL 8</t>
  </si>
  <si>
    <t>RESTAURANTE PATICO</t>
  </si>
  <si>
    <t>CRA 88D #40B SUR-10 BOGOTA COLOMBIA</t>
  </si>
  <si>
    <t>KR 42 NO 72 SUR - 17</t>
  </si>
  <si>
    <t>DROGUERIA MONTENEGRO LA 111</t>
  </si>
  <si>
    <t>CL 75 # 111 03 BRR EL MORTIO</t>
  </si>
  <si>
    <t>MISCELANEA SHAKISS</t>
  </si>
  <si>
    <t>CRA. 87D BIS #52 SUR-1 BOGOTA COLOMBIA</t>
  </si>
  <si>
    <t>DULCERIA Y PAPELERIA JP</t>
  </si>
  <si>
    <t>CR 109 A # 64 - 57 BRR VILLAS DEL DORADO</t>
  </si>
  <si>
    <t>PAPELERIA CDA</t>
  </si>
  <si>
    <t>CL 36 D SUR # 2 - 06 ESTE BRR ATENAS SUR</t>
  </si>
  <si>
    <t>VARIEDADES Y BELLEZA ARNOLD</t>
  </si>
  <si>
    <t>C 17 2A 19E LO 102</t>
  </si>
  <si>
    <t>DROGUERIA FARVITAL</t>
  </si>
  <si>
    <t>CRA. 63B #71-7 BELLO ANTIOQUIA COLOMBIA</t>
  </si>
  <si>
    <t>TRAMITES Y SEGUROS</t>
  </si>
  <si>
    <t>CR 12 11 7 EL CENTRO RESTREPO VALLE DEL CAUCA</t>
  </si>
  <si>
    <t>TECNORED MG</t>
  </si>
  <si>
    <t>KR 19 D NO 65 SUR - 40 PI 1</t>
  </si>
  <si>
    <t>SERVITETH JC HOBO</t>
  </si>
  <si>
    <t>CL 5 # 1E-99</t>
  </si>
  <si>
    <t xml:space="preserve">TIENDA SOFIA </t>
  </si>
  <si>
    <t>KR 17 NO B A - 66</t>
  </si>
  <si>
    <t>DROGUERIA LLERAS</t>
  </si>
  <si>
    <t>CL 11A KR 12 44</t>
  </si>
  <si>
    <t>MARKET GOLD</t>
  </si>
  <si>
    <t>CRA. 61D #52A SUR-58 BOGOTA COLOMBIA</t>
  </si>
  <si>
    <t xml:space="preserve">TORTA Y POSTRES ROCIO </t>
  </si>
  <si>
    <t>CRA. 3A #10A-26 LA JAGUA DE IBIRICO LA JAGUA DE IBIRICO CESAR COLOMBIA</t>
  </si>
  <si>
    <t>COPIFAMILY MENQUI</t>
  </si>
  <si>
    <t>CL 14A KR 63-10</t>
  </si>
  <si>
    <t>SURTIPLASTICOS ELITE</t>
  </si>
  <si>
    <t>CL 63 F # 23 10 BRR SIENTE DE AGOSTO</t>
  </si>
  <si>
    <t>ICE CREMOSITOS</t>
  </si>
  <si>
    <t>CL 7 # 5-22 CENTRO</t>
  </si>
  <si>
    <t>VITRU HOTEL</t>
  </si>
  <si>
    <t>AV 0, CE OCAA, CE PAMPLONA. MQUINAS DE</t>
  </si>
  <si>
    <t>DROGUERIA FRANKOS</t>
  </si>
  <si>
    <t>CRA 25 67 144 LOC 2 PALERMO</t>
  </si>
  <si>
    <t>PINATERIA UP</t>
  </si>
  <si>
    <t>CL. 181A #7-38 BOGOTA COLOMBIA</t>
  </si>
  <si>
    <t>STORE LA AURORA</t>
  </si>
  <si>
    <t>CRA. 28 #30-46 BUCARAMANGA SANTANDER COLOMBIA</t>
  </si>
  <si>
    <t>JC COMPUTADORES</t>
  </si>
  <si>
    <t>TV $14.25</t>
  </si>
  <si>
    <t>INTERGALAN</t>
  </si>
  <si>
    <t>CL. 4D #62-7 BOGOTA COLOMBIA</t>
  </si>
  <si>
    <t>HERMAN</t>
  </si>
  <si>
    <t>CRA. 11 #393 EL CABUYAL CANDELARIA VALLE DEL CAUCA COLOMBIA</t>
  </si>
  <si>
    <t>CIGARRERIA SPACE VENTANILLA</t>
  </si>
  <si>
    <t>CR 25 # 42 - 03 BRR CENTRO</t>
  </si>
  <si>
    <t>DROGUERIA GALVIS 2</t>
  </si>
  <si>
    <t>CL 38 C SUR # 83 A - 52 BRR LLANITO</t>
  </si>
  <si>
    <t>MOTOPARTIS</t>
  </si>
  <si>
    <t>CL. 12 #3-9 UBALA CUNDINAMARCA COLOMBIA</t>
  </si>
  <si>
    <t>CDA MIRAMAR</t>
  </si>
  <si>
    <t>CL. 110 #42-1729 BARRANQUILLA ATLANTICO COLOMBIA</t>
  </si>
  <si>
    <t>VARIEDADES LA PRINCIPAL</t>
  </si>
  <si>
    <t>CRA. 52 #45-79 CACERES ANTIOQUIA COLOMBIA</t>
  </si>
  <si>
    <t>PAPELERIA Y CACHARRERIA SAN ANDRESITO</t>
  </si>
  <si>
    <t>CL 72 F # 113 A - 84 BRR VILLAS DE GRANADA</t>
  </si>
  <si>
    <t>PUNTO CAFE EL CRUCE</t>
  </si>
  <si>
    <t>EL ROSAL-FACATATIVA #18B-249 FACATATIVA CUNDINAMARCA COLOMBIA</t>
  </si>
  <si>
    <t>PAPELERIA Y VARIEDADES WILI</t>
  </si>
  <si>
    <t>CRA 1 SUR AFTO $02 N (2A $5 ALTOS DE SANTA HE</t>
  </si>
  <si>
    <t>PAPELERIA Y VARIEDADES ALIZ SOFI</t>
  </si>
  <si>
    <t>KR 27ACL 10 24</t>
  </si>
  <si>
    <t>STMNUELCOM</t>
  </si>
  <si>
    <t>KR 3 2 195</t>
  </si>
  <si>
    <t>GM COMUNICACIONES</t>
  </si>
  <si>
    <t>CL. 35 SUR #24A-41 BOGOTA COLOMBIA</t>
  </si>
  <si>
    <t>DROGUERIA ESPANOLA</t>
  </si>
  <si>
    <t>AV. 5 #12-82 CUCUTA NORTE DE SANTANDER COLOMBIA</t>
  </si>
  <si>
    <t>MODA MANIA SAM</t>
  </si>
  <si>
    <t>CR 3 A 3 20 SEGUNDO PISO</t>
  </si>
  <si>
    <t>DROGUERIA FARMA CITY</t>
  </si>
  <si>
    <t>CR 11 13-55 LOC 02</t>
  </si>
  <si>
    <t>DIVER JUEGOS</t>
  </si>
  <si>
    <t>CARRERA 22 NO. 22-46</t>
  </si>
  <si>
    <t>PAPELERIA Y MASCELANEA SANTA BARBARA</t>
  </si>
  <si>
    <t>CL CLASE</t>
  </si>
  <si>
    <t>SURTI GRANOS LA GRANJA</t>
  </si>
  <si>
    <t>CL. 2 #6-12 SIACHOQUE BOYACA COLOMBIA</t>
  </si>
  <si>
    <t>SUPER BOL</t>
  </si>
  <si>
    <t>CL 8 13 0018 01 00002</t>
  </si>
  <si>
    <t>PAPELERIA LIEL</t>
  </si>
  <si>
    <t>CR 73 D # 36 - 19 SUR BRR KENEDY</t>
  </si>
  <si>
    <t>PAPELERIA Y VARIEDADES CELL STORE MOVIL</t>
  </si>
  <si>
    <t>CARRERA 7 NO. 7 17</t>
  </si>
  <si>
    <t>BROKEX COMPRA Y VENTA DE DIVISAS</t>
  </si>
  <si>
    <t>CL 31 44 239 (VIA</t>
  </si>
  <si>
    <t xml:space="preserve">TIENDA DE REGALOS BY ARCANGEL </t>
  </si>
  <si>
    <t>CRA. 5 #20 CHINACOTA NORTE DE SANTANDER COLOMBIA</t>
  </si>
  <si>
    <t>LA TIENDA DE MADE</t>
  </si>
  <si>
    <t>CRA 12 #1S-408 GUADUAS CUNDINAMARCA COLOMBIA</t>
  </si>
  <si>
    <t>VARIEDADES JERO TS</t>
  </si>
  <si>
    <t>MZ E CASA 75 BRR VILLA MARINA</t>
  </si>
  <si>
    <t>SOL COMUNICACIONES</t>
  </si>
  <si>
    <t>DG. 65 #31-102 PALMIRA VALLE DEL CAUCA COLOMBIA</t>
  </si>
  <si>
    <t>VARIEDADES JS</t>
  </si>
  <si>
    <t>CRA. 24D #42A-102 CALI VALLE DEL CAUCA COLOMBIA</t>
  </si>
  <si>
    <t xml:space="preserve">SHADDAY JD </t>
  </si>
  <si>
    <t>CRA. 18I #64 SUR-14 BOGOTA COLOMBIA</t>
  </si>
  <si>
    <t>CURIOSIDADES DANNA</t>
  </si>
  <si>
    <t>CLL 37 NO.4C-20 B.MAGISTERO</t>
  </si>
  <si>
    <t>VARIEDADES Y PAPELERIA FARID</t>
  </si>
  <si>
    <t>CRA. 11 #7-10 ESPINAL EL ESPINAL TOLIMA COLOMBIA</t>
  </si>
  <si>
    <t>TU MUNDO SMARTPHONE 10</t>
  </si>
  <si>
    <t>TAURAMENA #8-76 TAURAMENA CASANARE COLOMBIA</t>
  </si>
  <si>
    <t xml:space="preserve">DROGUERIA JOMA </t>
  </si>
  <si>
    <t>CL 34 NO 41 31 MZB IN 1 LC 1</t>
  </si>
  <si>
    <t>YENNY MARTINEZ</t>
  </si>
  <si>
    <t>CL. 156B #98-2 BOGOTA COLOMBIA</t>
  </si>
  <si>
    <t>CRA. 48 #60-10 EL BAGRE ANTIOQUIA COLOMBIA</t>
  </si>
  <si>
    <t>FERRELECTRICOS CD</t>
  </si>
  <si>
    <t>CRA. 3 #2-22 SASAIMA CUNDINAMARCA COLOMBIA</t>
  </si>
  <si>
    <t>CELULAR PRADOS NORTE</t>
  </si>
  <si>
    <t>TV 17 # 1 - 35 BRR CARORA</t>
  </si>
  <si>
    <t xml:space="preserve">TODO BELLEZA </t>
  </si>
  <si>
    <t>DROGUERIA UNION SALUD</t>
  </si>
  <si>
    <t>CARRERA 19 100-45 PISO 3</t>
  </si>
  <si>
    <t>AGENCIA DE VIIAJES SAMYTOUR</t>
  </si>
  <si>
    <t>EXPRESS CUCUTA BRR CALLEJON</t>
  </si>
  <si>
    <t>CL 2 # 8 92 BRR CALLEJON</t>
  </si>
  <si>
    <t>PUNTOSERVIS LETICIA 3 3</t>
  </si>
  <si>
    <t>CL 7 # 8 12 LC 14 BRR CENTRO COMERCIAL AQUARIOS</t>
  </si>
  <si>
    <t>PAPELERIA Y VARIEDADES FRAY</t>
  </si>
  <si>
    <t>CARRERA 19 NO.24- 56</t>
  </si>
  <si>
    <t>NAVEGANDO LA 29</t>
  </si>
  <si>
    <t>CL 3 # 13 - 02 BRR POBLADO 1</t>
  </si>
  <si>
    <t>CL 46 # 29 - 13 BRR BRETANA</t>
  </si>
  <si>
    <t>TUTA</t>
  </si>
  <si>
    <t>ALMACEN DE REPUESTOS PARA MOTOCICLETAS</t>
  </si>
  <si>
    <t>CRA. 8 #8-71 TUTA BOYACA COLOMBIA</t>
  </si>
  <si>
    <t>KING BAR HOUSE</t>
  </si>
  <si>
    <t>AV 2 # 9 4 BRR AEROPUERTO</t>
  </si>
  <si>
    <t xml:space="preserve">LA ZONA </t>
  </si>
  <si>
    <t>CL. 197 #25-211 FLORIDABLANCA SANTANDER COLOMBIA</t>
  </si>
  <si>
    <t>COPYROMA</t>
  </si>
  <si>
    <t>AV 12 E # 2 28 BRR QUINTA ORIENTAL</t>
  </si>
  <si>
    <t>PAGOS Y RECAUDOS MYM</t>
  </si>
  <si>
    <t>CR 8 # 39 26 BRR NARINO</t>
  </si>
  <si>
    <t>DROGUERIA MAXILARES LS</t>
  </si>
  <si>
    <t>CL 5 A NO 53 D - 44 -</t>
  </si>
  <si>
    <t xml:space="preserve">YEFF FRAGANCIA A TU ESTULO </t>
  </si>
  <si>
    <t>CRA. 40B #20A SUR-1 VILLAVICENCIO META COLOMBIA</t>
  </si>
  <si>
    <t>VARIEDADES SMITH</t>
  </si>
  <si>
    <t>CL 149 70 BRR GALAN</t>
  </si>
  <si>
    <t>DYM INTERCOMUNICACIONES</t>
  </si>
  <si>
    <t>CR 40 B 26 E-43</t>
  </si>
  <si>
    <t>AK 72 # 63 A 40 BL 6 LC 3 BRR LA CABANA</t>
  </si>
  <si>
    <t>LAS RICURAS DEL SUR</t>
  </si>
  <si>
    <t>CL. 59 SUR #47-3 BOGOTA COLOMBIA</t>
  </si>
  <si>
    <t>SAMIB</t>
  </si>
  <si>
    <t>CL 12 # 1 - 50 BRR COMUNEROS</t>
  </si>
  <si>
    <t>DIEGO ROMERO</t>
  </si>
  <si>
    <t>CL 47 # 8 - 07 BRR LEON XIII</t>
  </si>
  <si>
    <t>TECNOLOGIA ISA</t>
  </si>
  <si>
    <t>CL. 73 SUR #45-15 BOGOTA COLOMBIA</t>
  </si>
  <si>
    <t>COLPAGOS LOS ROBLES</t>
  </si>
  <si>
    <t>CR 24 A MZ Q-27 BRR LOS ROBLES</t>
  </si>
  <si>
    <t>DROGUERIA TOTAL ESPECIALIDADES</t>
  </si>
  <si>
    <t>CL 16 # 38 - 48 SANANDRES</t>
  </si>
  <si>
    <t>NAVEGANET COMCEL</t>
  </si>
  <si>
    <t>CR 5 # 6 05 BRR CENTRO</t>
  </si>
  <si>
    <t>VARIEDADES OLGUITA</t>
  </si>
  <si>
    <t>CR 90 C # 6 A - 31 CA 204 BRR PRADOS DE CASTILLA 5</t>
  </si>
  <si>
    <t>SUPER MERCADO MAXI DESPENSA LA 21</t>
  </si>
  <si>
    <t xml:space="preserve">DROGUERIA MEDIFARMA </t>
  </si>
  <si>
    <t>CL. 4 #3-32 TOGUI BOYACA COLOMBIA</t>
  </si>
  <si>
    <t>JL ITS THE PLACE</t>
  </si>
  <si>
    <t>CL. 132C #107-11 BOGOTA COLOMBIA</t>
  </si>
  <si>
    <t>CL. 78 SUR #87J-13 BOGOTA COLOMBIA</t>
  </si>
  <si>
    <t>AUTOSERVICIO SHADDAY</t>
  </si>
  <si>
    <t>CL. 4 #3-58 NARINO CUNDINAMARCA COLOMBIA</t>
  </si>
  <si>
    <t>VARIEDADES LUCIANA MOLIRICO</t>
  </si>
  <si>
    <t>CL. 4 #60A-1 BUENAVENTURA VALLE DEL CAUCA COLOMBIA</t>
  </si>
  <si>
    <t xml:space="preserve">EDNA KARINA BERNAL RUEDA </t>
  </si>
  <si>
    <t>CRA. 7 #5-15 VILLAVICENCIO META COLOMBIA</t>
  </si>
  <si>
    <t>KELAIA PAPELERIA</t>
  </si>
  <si>
    <t>CL. 93 SUR #1C ESTE-1 BOGOTA COLOMBIA</t>
  </si>
  <si>
    <t>PAGOS CAD</t>
  </si>
  <si>
    <t>CRA. 4 #327 CATAMBUCO PASTO NARINO COLOMBIA</t>
  </si>
  <si>
    <t>COMUNITEC</t>
  </si>
  <si>
    <t>VDA LA JULIA</t>
  </si>
  <si>
    <t>DROGUERIA LA CATEDRAL</t>
  </si>
  <si>
    <t xml:space="preserve">JR STORE MULTISERVICIOS </t>
  </si>
  <si>
    <t>CRA. 91 #28 BOGOTA COLOMBIA</t>
  </si>
  <si>
    <t>MATICES PAPELERIA CREATIVA</t>
  </si>
  <si>
    <t>CRA 31A #32 ACACIAS META COLOMBIA</t>
  </si>
  <si>
    <t>COMUNICACIONES Y VARIEDADES SANDY</t>
  </si>
  <si>
    <t>CR 22 H # 59 A - 04 SUR BRR PROTECHO</t>
  </si>
  <si>
    <t>PAPELERIA Y MISCELANEA SAR NET</t>
  </si>
  <si>
    <t>CL 12 # 8 13 BRR POPULAR - VISTA HERMOSA</t>
  </si>
  <si>
    <t xml:space="preserve">COPYMASS </t>
  </si>
  <si>
    <t>CL. 14 #49-35 CALI VALLE DEL CAUCA COLOMBIA</t>
  </si>
  <si>
    <t>PAPELERIA PIPE Y SOFI 2428</t>
  </si>
  <si>
    <t>CR 45 # 73 B - 40 SUR BRR LAS BRISAS</t>
  </si>
  <si>
    <t>FERREMETALICAS STOCK</t>
  </si>
  <si>
    <t>CRA 8 #7-3 PELAYA CESAR COLOMBIA</t>
  </si>
  <si>
    <t>CORRESPONSAL OP BOSA LA LIBERTAD</t>
  </si>
  <si>
    <t>CR 87 # 59 C - 32 SUR BRR CHICO SUR</t>
  </si>
  <si>
    <t>CIBER SPACE KAREN</t>
  </si>
  <si>
    <t>CRA 3 # 3-59 FOR TALECILLAS</t>
  </si>
  <si>
    <t>MISCELANEA MIS DETALLES Y ALGO MAS</t>
  </si>
  <si>
    <t>CLL 51 33 28 ISABELA</t>
  </si>
  <si>
    <t>CORRESPONSAL BOSA LA PAZ OP</t>
  </si>
  <si>
    <t>CR 82 F # 62 - 09 SUR BRR LA PAZ BOSA</t>
  </si>
  <si>
    <t xml:space="preserve">AROMAS COLOMBIA </t>
  </si>
  <si>
    <t>CL. 12 #45-2 VILLAVICENCIO META COLOMBIA</t>
  </si>
  <si>
    <t>INTER XBOX PAPELERIA</t>
  </si>
  <si>
    <t>CL 64 F # 74 8 P 3 BRR EL REAL</t>
  </si>
  <si>
    <t>DROGUERIA Y MINIMARKET MEGAFARMA</t>
  </si>
  <si>
    <t>CL. 1 #1654 LORICA CORDOBA COLOMBIA</t>
  </si>
  <si>
    <t>DISTRIBUIDORA UNIVERSAL DE SUMINISTROS</t>
  </si>
  <si>
    <t>CRA. 72B #9-42 BOGOTA COLOMBIA</t>
  </si>
  <si>
    <t>LOS GARCIA</t>
  </si>
  <si>
    <t>CL. 105 #19-2 BUCARAMANGA SANTANDER COLOMBIA</t>
  </si>
  <si>
    <t>TELECONTACTOS</t>
  </si>
  <si>
    <t>KR 92 NO 90 - 27 BL 2 AP 1008</t>
  </si>
  <si>
    <t>SERVICIOS Y VARIEDADES SANTI</t>
  </si>
  <si>
    <t>CL. 96 #20-59 IBAGUE TOLIMA COLOMBIA</t>
  </si>
  <si>
    <t>MULTISERVICIOS NATURA</t>
  </si>
  <si>
    <t>AV. 5 #10-90 CUCUTA NORTE DE SANTANDER COLOMBIA</t>
  </si>
  <si>
    <t>PUNTO BCMO</t>
  </si>
  <si>
    <t>CRA. 24 #7-32 BOGOTA COLOMBIA</t>
  </si>
  <si>
    <t>INTERNET CONEXION JR</t>
  </si>
  <si>
    <t>KR 77Y 47A SUR 05</t>
  </si>
  <si>
    <t>DG. 82 SUR #6B ESTE-43 BOGOTA COLOMBIA</t>
  </si>
  <si>
    <t>VARIEDADES Y BISUTERIA ROSITA</t>
  </si>
  <si>
    <t>CL 40 BIS 2 # 48 A 20 BRR MINAS DEL PARAISO</t>
  </si>
  <si>
    <t>MISCELANEA NISSI</t>
  </si>
  <si>
    <t>CR 85 B # 48 A - 77 BRR AGUABLANCA</t>
  </si>
  <si>
    <t>AGROFEED</t>
  </si>
  <si>
    <t>CRA. 15 #13-62 PONEDERA ATLANTICO COLOMBIA</t>
  </si>
  <si>
    <t>TALLER DE MOTOS ARIAS</t>
  </si>
  <si>
    <t>CLL 9 CRA 5</t>
  </si>
  <si>
    <t>SERVIENTREGA Y EFECTY TEMATIKAS COMPANY</t>
  </si>
  <si>
    <t>CL 2 # 91 10 LC 28 BRR PRIMAVERA</t>
  </si>
  <si>
    <t>DROGUERIA SERVI PHARMA</t>
  </si>
  <si>
    <t>CL 40 # CR 33A 7 DPL AG5374</t>
  </si>
  <si>
    <t>PERFUMERIA FLOWER ESSENCE</t>
  </si>
  <si>
    <t>CL 56 A # 7 21 BRR CIUDADELA</t>
  </si>
  <si>
    <t>GUILLERMO AUGUSTO RODRIGUEZ MASS</t>
  </si>
  <si>
    <t>CL. 116 #91 BARRANQUILLA ATLANTICO COLOMBIA</t>
  </si>
  <si>
    <t>PUNTO DE SERVICIO SAN FERNANDO</t>
  </si>
  <si>
    <t>CL 68 # 59 - 12 BRR SAN FERNANDO</t>
  </si>
  <si>
    <t>AA MOVILTECH</t>
  </si>
  <si>
    <t>CRA 6 14 75 P 0 ENTR 0</t>
  </si>
  <si>
    <t>CR 26 PS 67-67 COMPONENTES DEL COSTO</t>
  </si>
  <si>
    <t>PAPELERIA SOFIS</t>
  </si>
  <si>
    <t>CL. 78 #28B-56 BOGOTA COLOMBIA</t>
  </si>
  <si>
    <t>RECAUDOS LAS 60</t>
  </si>
  <si>
    <t>DG 60 # 43 - 25 BRR LAS GRANJAS</t>
  </si>
  <si>
    <t>DROGUERIA PHARMA VALLE PLS</t>
  </si>
  <si>
    <t>CRA. 30 #18F-24 VALLEDUPAR CESAR COLOMBIA</t>
  </si>
  <si>
    <t>VARIEDADES DCARO</t>
  </si>
  <si>
    <t>CL 17 25-05</t>
  </si>
  <si>
    <t>MOTO PARQUEADERO LA 4</t>
  </si>
  <si>
    <t>AV. 4 #8A-31 CUCUTA NORTE DE SANTANDER COLOMBIA</t>
  </si>
  <si>
    <t>PAPELERIA  Y SENTIMIENTO SHALIAK</t>
  </si>
  <si>
    <t>TV 15 8 23 A 54 101 S11 12116 LOCAL ESPERANZA</t>
  </si>
  <si>
    <t>CELUREPARO</t>
  </si>
  <si>
    <t>CLL 6 1123 LA ESPERANZA</t>
  </si>
  <si>
    <t>VARIEDADES AMPARIN</t>
  </si>
  <si>
    <t>CL 11 # 4 - 25 BRR CORR DE CASACARA</t>
  </si>
  <si>
    <t>TENDENCIAS UNE</t>
  </si>
  <si>
    <t>CRA. 4 #2-44 UNE CUNDINAMARCA COLOMBIA</t>
  </si>
  <si>
    <t>GLOBAL INTER COPIAS</t>
  </si>
  <si>
    <t>CL 13 A NO 31-71AP100</t>
  </si>
  <si>
    <t>MICELANEA UP</t>
  </si>
  <si>
    <t>DG 45 A SUR # 25 B - 30 BRR CLARET</t>
  </si>
  <si>
    <t>DROGUERIA NIZA GUAVIARE FARMACENTER</t>
  </si>
  <si>
    <t>CR 20 12-29</t>
  </si>
  <si>
    <t>TIENDA IDEAS CREATIVAS Y MOVILES JS</t>
  </si>
  <si>
    <t>CR 13 # 27 - 32 BRR CENTRO</t>
  </si>
  <si>
    <t>VYN COLORSS</t>
  </si>
  <si>
    <t>CL. 133A #103F-20 BOGOTA COLOMBIA</t>
  </si>
  <si>
    <t>DON PAGO ALCALA</t>
  </si>
  <si>
    <t>CL 33 SUR # 51 G 93 BRR ACALA</t>
  </si>
  <si>
    <t>ORIGAMMIA</t>
  </si>
  <si>
    <t>CR 5 # 12 10 LC 101 BRR CENTRO</t>
  </si>
  <si>
    <t>CANDYBUFETT</t>
  </si>
  <si>
    <t>CL. 8 #3-82 MIRANDA CAUCA COLOMBIA</t>
  </si>
  <si>
    <t xml:space="preserve">SMART POWER </t>
  </si>
  <si>
    <t>TV 113 F NO 64A12LC5</t>
  </si>
  <si>
    <t>DROGUERIA FARMACENTER</t>
  </si>
  <si>
    <t>CL 64 B NO 105 G - 03</t>
  </si>
  <si>
    <t>EDMOVIL LLAME</t>
  </si>
  <si>
    <t>CARRERA 1 NO. 15 . 20 PITALITO H.</t>
  </si>
  <si>
    <t>SAN JOSE AVENIDA 1 DE MAYO</t>
  </si>
  <si>
    <t>AC 22 SUR # 12 H - 25 BRR SAN JOSE</t>
  </si>
  <si>
    <t>CRA. 24 #12-3 GALAPA ATLANTICO COLOMBIA</t>
  </si>
  <si>
    <t>CL. 162 #61-21 BOGOTA COLOMBIA</t>
  </si>
  <si>
    <t>CR 107 # 17 B - 66 BRR BELEN FONTIBON</t>
  </si>
  <si>
    <t>VARIEDADES YEIMY</t>
  </si>
  <si>
    <t>CR 17 Z3A 34 BRR</t>
  </si>
  <si>
    <t>MUEBLES FORTALEZA</t>
  </si>
  <si>
    <t>CL. 3 SUR #3-42 SOPO SOPO CUNDINAMARCA COLOMBIA</t>
  </si>
  <si>
    <t>FERRERIA Y PRODUCTOS DE ASEO SM</t>
  </si>
  <si>
    <t>DG. 62 SUR #19D-20 BOGOTA COLOMBIA</t>
  </si>
  <si>
    <t>MISCELANEA YASICA</t>
  </si>
  <si>
    <t>CL 4 B # 20 - 26 BRR JARDINES DE ARENALES</t>
  </si>
  <si>
    <t>INTERNET ROTNET</t>
  </si>
  <si>
    <t>CL 74 B SUR # 88 C - 33 BRR SAN BERNARDINO POTRERITOS</t>
  </si>
  <si>
    <t>ECOMUNICACIONES</t>
  </si>
  <si>
    <t>CL 55 SUR # 18 B - 15 BRR SAN CARLOS</t>
  </si>
  <si>
    <t>DEKORA CENTER</t>
  </si>
  <si>
    <t>CRA 8 N 16 -52 7 DE AGOSTO</t>
  </si>
  <si>
    <t>CRA. 17B #66A SUR-33 BOGOTA COLOMBIA</t>
  </si>
  <si>
    <t xml:space="preserve">PANALERA SUENOS DE ANGEL </t>
  </si>
  <si>
    <t>CRA. 78 #8D-17 BOGOTA COLOMBIA</t>
  </si>
  <si>
    <t>TODO COMPUTADORES</t>
  </si>
  <si>
    <t>CRA. 12 #69 NORTE-77 POPAYAN CAUCA COLOMBIA</t>
  </si>
  <si>
    <t>CAR FRENOS GARAGE</t>
  </si>
  <si>
    <t>CRA. 42B #30C-73 MEDELLIN LA CANDELARIA MEDELLIN ANTIOQUIA COLOMBIA</t>
  </si>
  <si>
    <t>HOVEN</t>
  </si>
  <si>
    <t>CL. 3 #4-28 CUNDAY TOLIMA COLOMBIA</t>
  </si>
  <si>
    <t>LA ROCACOM</t>
  </si>
  <si>
    <t>MZ 7 CA 7 URB BRR SANTA ANA</t>
  </si>
  <si>
    <t>COMERCIALIZADORA DINAVE</t>
  </si>
  <si>
    <t>CR 359 CL 100- 116 PIS01 LOC 01 DT1525</t>
  </si>
  <si>
    <t>DISTRIBUIDORA PUNTO ROJO VILLA JAVIER</t>
  </si>
  <si>
    <t>KR 3A 10A SUR 0054 01</t>
  </si>
  <si>
    <t>LA DULCERIA DE NICO</t>
  </si>
  <si>
    <t>CL. 42A SUR #88-27 BOGOTA COLOMBIA</t>
  </si>
  <si>
    <t>DIGILTELL  COMUNICACIONES</t>
  </si>
  <si>
    <t>CA BOTANILLA 63 DIV 1 BRR CATAMBUCO</t>
  </si>
  <si>
    <t>SULEYCOMUNICACIONEES</t>
  </si>
  <si>
    <t>TV 72 B # 44 F - 09 SUR LC 100 BRR NUEVO DELICIAS</t>
  </si>
  <si>
    <t xml:space="preserve">FERRETERIA AMAYA </t>
  </si>
  <si>
    <t>CL 22 # 16 - 19 - 1</t>
  </si>
  <si>
    <t>GIROS RIVERA</t>
  </si>
  <si>
    <t>CALLE 1-N-3- EL CENTRO</t>
  </si>
  <si>
    <t>MARCAS DE MEDELLIN AJ</t>
  </si>
  <si>
    <t>CL 6 # 7 - 60 BRR CENTRO</t>
  </si>
  <si>
    <t>MENSAJERIA MONICCA</t>
  </si>
  <si>
    <t>CL 53 # 85 C - 04 BRR LOS MONJES</t>
  </si>
  <si>
    <t>TRESSIA STORE</t>
  </si>
  <si>
    <t>CR 54</t>
  </si>
  <si>
    <t>DROGUERIA VILLA ESTRELLA CLC</t>
  </si>
  <si>
    <t>CRA. 9 #36-14 CARTAGENA DE INDIAS PROVINCIA DE CARTAGENA BOLIVAR COLOMBIA</t>
  </si>
  <si>
    <t>VARIEDADES MEYORKY</t>
  </si>
  <si>
    <t>CL 11 # 6 - 08 BRR SAN JOSE</t>
  </si>
  <si>
    <t>CIGARRERIA LA JUNGLA</t>
  </si>
  <si>
    <t>KR 113 NO 74 B 07</t>
  </si>
  <si>
    <t>PAPELERIA EL SALITRE</t>
  </si>
  <si>
    <t>CL. 15 #6-16 AGUAZUL CASANARE COLOMBIA</t>
  </si>
  <si>
    <t>PINZONALI</t>
  </si>
  <si>
    <t>CL. 13 #42A-77 BOGOTA COLOMBIA</t>
  </si>
  <si>
    <t>SERVICIOS Y SOLUCIONES LA ESTRELLA</t>
  </si>
  <si>
    <t>KR 18C 70B SUR 37</t>
  </si>
  <si>
    <t>MINI MERCADO CRIS</t>
  </si>
  <si>
    <t>C 6 10 E 42</t>
  </si>
  <si>
    <t>MARIA STEFANY</t>
  </si>
  <si>
    <t>CR 4 # 5 48 BRR CENTRO</t>
  </si>
  <si>
    <t>MISCELANEA MEJIA HERNANDEZ</t>
  </si>
  <si>
    <t>CR 3 # 5 13 BRR CENTRO</t>
  </si>
  <si>
    <t>CENTRO DE SERVICIOS CONTABLES JYREH</t>
  </si>
  <si>
    <t>CR 30A 39 25 BRR CENTRO</t>
  </si>
  <si>
    <t>CORRESPONSAL BANCARIO GIRO</t>
  </si>
  <si>
    <t>AK 103 D NO 139 - 17 PI 3</t>
  </si>
  <si>
    <t>PUNTO DE ATENCION REMANSOS DE CONFANDI</t>
  </si>
  <si>
    <t>CR 26 G # 122 - 88 BRR LIDERES</t>
  </si>
  <si>
    <t>VARIEDADES NAVELIS</t>
  </si>
  <si>
    <t>CR 5 CL 10 - 45 BRR CENTRO BECERRIL</t>
  </si>
  <si>
    <t>CLINICELL CENTRO</t>
  </si>
  <si>
    <t>CR 7 8-43</t>
  </si>
  <si>
    <t>TECNICAS GIRALDO</t>
  </si>
  <si>
    <t>CL. 5 #1-2 GUATAVITA CUNDINAMARCA COLOMBIA</t>
  </si>
  <si>
    <t>EL PALACIO DEL HOGAR Y  S</t>
  </si>
  <si>
    <t>CL 12 # 9 21 BRR MERCADO</t>
  </si>
  <si>
    <t>PAPELERIA Y MISELANEA LOS ANDES</t>
  </si>
  <si>
    <t>CLL 46A 1 03 APT 101 ANDES - LOS ANDES</t>
  </si>
  <si>
    <t>MAKRO GLOBAL SERVICIOS</t>
  </si>
  <si>
    <t>CRA. 7 #12-67 MEDINA CUNDINAMARCA COLOMBIA</t>
  </si>
  <si>
    <t>BETEL OUTLET</t>
  </si>
  <si>
    <t>CL. 65 #6-71 MONTERIA CORDOBA COLOMBIA</t>
  </si>
  <si>
    <t>DROGUERIA Y MISCELANEA JIMENEZ</t>
  </si>
  <si>
    <t>K 11C N 59 - 16 L</t>
  </si>
  <si>
    <t>COSITAS KAF</t>
  </si>
  <si>
    <t>CR 15 # 05 109 BRR OLAYA HERRERA</t>
  </si>
  <si>
    <t>CIGARRERIA LICORERA ANGEL</t>
  </si>
  <si>
    <t>CL. 27A SUR #1 ESTE-24 BOGOTA COLOMBIA</t>
  </si>
  <si>
    <t>LA PAPELERIA DE CIELITO</t>
  </si>
  <si>
    <t>CR 49 CL 90-3</t>
  </si>
  <si>
    <t>MULTISERVICIOS TOPS</t>
  </si>
  <si>
    <t>CR 52 # 36 H - 02 BRR CHICO</t>
  </si>
  <si>
    <t>ACCESORIOS MAJU</t>
  </si>
  <si>
    <t>MZ 7 CA 7 P 1 BRR JESUS MARIA OCAMPO</t>
  </si>
  <si>
    <t>PUNTO 24 JYN</t>
  </si>
  <si>
    <t>CL. 67 #25-34 BOGOTA COLOMBIA</t>
  </si>
  <si>
    <t>PAGOS Y VARIEDADES SANLIN</t>
  </si>
  <si>
    <t>CR 13 # 30 - 10 BRR CENTRO</t>
  </si>
  <si>
    <t>CRA. 6 #8-30 RESTREPO META COLOMBIA</t>
  </si>
  <si>
    <t>EXTIMBU</t>
  </si>
  <si>
    <t>VDA CARRIZAL FCA MI REFUGI</t>
  </si>
  <si>
    <t>PUNTOCEL PIVIJAY</t>
  </si>
  <si>
    <t>CL 11 # 9 - 33 DPL DN3452</t>
  </si>
  <si>
    <t>MERCADOS FELIPE</t>
  </si>
  <si>
    <t>CR 9 CL 51 -36</t>
  </si>
  <si>
    <t>SPORTSLINE</t>
  </si>
  <si>
    <t>CRA. 7 #25 SUR-43 BOGOTA COLOMBIA</t>
  </si>
  <si>
    <t>TIENDA MEKATOS</t>
  </si>
  <si>
    <t>CR 4 # 11 - 09 BRR CENTRO</t>
  </si>
  <si>
    <t>INNOVART</t>
  </si>
  <si>
    <t>CL 152 B # 114 A 11 BRR ALMENDROS</t>
  </si>
  <si>
    <t>KAIROS SERVICES 99</t>
  </si>
  <si>
    <t>CL 58 34 C 40 BRR PRIMERO DE MAYO</t>
  </si>
  <si>
    <t>SALA DE INTERNET Y VARIEDADES JP</t>
  </si>
  <si>
    <t>CR 11 B # 22 - 13 BRR OBRERO</t>
  </si>
  <si>
    <t>SERVICIOS MK</t>
  </si>
  <si>
    <t>CRA. 50 #53-16 CASABE YONDO ANTIOQUIA COLOMBIA</t>
  </si>
  <si>
    <t>FERRETERIA DDEYMAR</t>
  </si>
  <si>
    <t>AV. 3 #14-23 CUCUTA NORTE DE SANTANDER COLOMBIA</t>
  </si>
  <si>
    <t>CL 26 SUR # 4 2 BRR BOGOTA COLOMBIA</t>
  </si>
  <si>
    <t>MASIVOS EXPRESS SOACHA</t>
  </si>
  <si>
    <t>CL 6 # 3 A 25 - ESTE BRR LA CRISTALINA</t>
  </si>
  <si>
    <t>RAPPIFARMA VIRTUAL</t>
  </si>
  <si>
    <t>CR 58 CL 27 A -36</t>
  </si>
  <si>
    <t>CIGARRERIA EL GARAJE</t>
  </si>
  <si>
    <t>CRA. 81 #72A SUR-4 BOGOTA COLOMBIA</t>
  </si>
  <si>
    <t>COMPUIMPRESIONESJYF</t>
  </si>
  <si>
    <t>CRA. 10 #13-4 PUERTO GAITAN META COLOMBIA</t>
  </si>
  <si>
    <t>PS MOTOS</t>
  </si>
  <si>
    <t>KR 78 H NO 65 SUR - 48</t>
  </si>
  <si>
    <t>VARIEDADES ISA GM</t>
  </si>
  <si>
    <t>CL. 80 #28B-50 PEREIRA RISARALDA COLOMBIA</t>
  </si>
  <si>
    <t>PANADERIA PUNTO BLANCO Y MAS</t>
  </si>
  <si>
    <t>KR 21 CL 11 - 4 LOCAL 1</t>
  </si>
  <si>
    <t xml:space="preserve">SC SOLUCIONES TRAVEL </t>
  </si>
  <si>
    <t>CRA. 3 #7-69 PUPIALES NARINO COLOMBIA</t>
  </si>
  <si>
    <t>CRA 10 N 660</t>
  </si>
  <si>
    <t xml:space="preserve">VIVE FACIL </t>
  </si>
  <si>
    <t>KR 5 A ESTE NO 18 16 LC 8</t>
  </si>
  <si>
    <t xml:space="preserve">RICO PAN LM </t>
  </si>
  <si>
    <t>CARRERA 6 N 3-40 COGUA</t>
  </si>
  <si>
    <t>CASA FULLER</t>
  </si>
  <si>
    <t>TV. 48A #29-2 CARTAGENA DE INDIAS PROVINCIA DE CARTAGENA BOLIVAR COLOMBIA</t>
  </si>
  <si>
    <t>CIGARRERIA SMAY</t>
  </si>
  <si>
    <t>CR 69 # 26 12 - SUR BRR CARVAJAL KENNEDY</t>
  </si>
  <si>
    <t>CIUDADELACOM</t>
  </si>
  <si>
    <t>CL. 73 #34B-43 BARRANCABERMEJA SANTANDER COLOMBIA</t>
  </si>
  <si>
    <t>TRAMIPAPEL</t>
  </si>
  <si>
    <t>CRA. 5 #0-47 CAJICA EL TEJAR CAJICA CUNDINAMARCA COLOMBIA</t>
  </si>
  <si>
    <t>COMPRAVENTA REFRINACA</t>
  </si>
  <si>
    <t>CL 8 # 21 - 69 BRR CENTRO LA MESA</t>
  </si>
  <si>
    <t>JADRY</t>
  </si>
  <si>
    <t>DG. 3 #2-28 TIBACUY CUNDINAMARCA COLOMBIA</t>
  </si>
  <si>
    <t>CR 8 N. 5 27</t>
  </si>
  <si>
    <t>TIENDA AMERKAR</t>
  </si>
  <si>
    <t>CL 82 CR 57 - 78 LOC 103 CK4120</t>
  </si>
  <si>
    <t>PINATERIA Y VARIEDADES</t>
  </si>
  <si>
    <t>CL. 163A #8F-26 BOGOTA COLOMBIA</t>
  </si>
  <si>
    <t>SUPERMERCADO ARISMENDI</t>
  </si>
  <si>
    <t>KR 3 A NO 15 - 5054</t>
  </si>
  <si>
    <t>NAYCEEL</t>
  </si>
  <si>
    <t>CR 22 37-7 P 1APTO 4</t>
  </si>
  <si>
    <t>DROGUERIAS EL GRAN YO SOY</t>
  </si>
  <si>
    <t>KR 72N 38B 34 SUR AP 101</t>
  </si>
  <si>
    <t>EFECTY JUAN XXIII</t>
  </si>
  <si>
    <t>CR 12 # 9 05 BRR JUAN XXIII</t>
  </si>
  <si>
    <t>GUACA</t>
  </si>
  <si>
    <t>MULTISERVICIOS GUACA</t>
  </si>
  <si>
    <t>CL 4 # 4 12 BRR CENTRO</t>
  </si>
  <si>
    <t>ZIPPICOM</t>
  </si>
  <si>
    <t>FOTOCEL</t>
  </si>
  <si>
    <t>CR 11 N 12102</t>
  </si>
  <si>
    <t>PINK STYLE</t>
  </si>
  <si>
    <t>AV. CRA 19 #148-56 BOGOTA COLOMBIA</t>
  </si>
  <si>
    <t>DROGUERIA TAVERA TORRES</t>
  </si>
  <si>
    <t>CL. 6 #5-90 ESPINAL EL ESPINAL TOLIMA COLOMBIA</t>
  </si>
  <si>
    <t xml:space="preserve">DROGUERIA SERVI  FARMA VIP </t>
  </si>
  <si>
    <t>CL. 11 #5-13 PURIFICACION TOLIMA COLOMBIA</t>
  </si>
  <si>
    <t>SERVIENTREXPRESS</t>
  </si>
  <si>
    <t>CR 11 # 28 34 BRR LA GRANJA</t>
  </si>
  <si>
    <t>CR 5 # 5 29 BRR EL CENTRO</t>
  </si>
  <si>
    <t>MOROCHOS TE CONECTA</t>
  </si>
  <si>
    <t>CRA 20 NRO 11 77</t>
  </si>
  <si>
    <t>ERSAN</t>
  </si>
  <si>
    <t>CRA 27 #3 FUSAGASUGA LA SERENA FUSAGASUGA CUNDINAMARCA COLOMBIA</t>
  </si>
  <si>
    <t xml:space="preserve">TULIP VARIEDADES </t>
  </si>
  <si>
    <t>CRA. 47A #18-154 CALI VALLE DEL CAUCA COLOMBIA</t>
  </si>
  <si>
    <t>CRA. 4 SUR #47-35 BARRANQUILLA ATLANTICO COLOMBIA</t>
  </si>
  <si>
    <t>DROGUERIA PHARMA UNIR 3</t>
  </si>
  <si>
    <t>CL 26 SUR # 93 03 BRR PATIO BONITO</t>
  </si>
  <si>
    <t>TORNICAP</t>
  </si>
  <si>
    <t>CRA. 116C #65-8 BOGOTA COLOMBIA</t>
  </si>
  <si>
    <t>PAPELERIA ROMERO</t>
  </si>
  <si>
    <t>CR 2 19 59 ESTE</t>
  </si>
  <si>
    <t>DEMOLICIONES BELLO</t>
  </si>
  <si>
    <t>AV. CARABOBO #120-102 MEDELLIN SANTA CRUZ MEDELLIN ANTIOQUIA COLOMBIA</t>
  </si>
  <si>
    <t>DROGUERIA EXPRESS</t>
  </si>
  <si>
    <t>CL 7 A # 74 35 IN 9 PI 1 BRR LAS DOS AVENIDAS</t>
  </si>
  <si>
    <t>DROGUERIA NEO CHAPARRAL GE</t>
  </si>
  <si>
    <t>BRR LA LOMA</t>
  </si>
  <si>
    <t>SERVICOM</t>
  </si>
  <si>
    <t>CL 9 # 3-52</t>
  </si>
  <si>
    <t xml:space="preserve">DROGUERIA LOS ANGELES </t>
  </si>
  <si>
    <t>CRA. 74 #100-1 MEDELLIN DOCE DE OCTUBRE MEDELLIN ANTIOQUIA COLOMBIA</t>
  </si>
  <si>
    <t>TV CABLE</t>
  </si>
  <si>
    <t>C ICL</t>
  </si>
  <si>
    <t>MISCELANEA LAURA</t>
  </si>
  <si>
    <t>KR 88J 79 SUR 0021 02 00202</t>
  </si>
  <si>
    <t>CRA. 11 #11 PUEBLO NUEVO CORDOBA COLOMBIA</t>
  </si>
  <si>
    <t>DROGUERIA Y VARIEDADES NICO</t>
  </si>
  <si>
    <t>CL 7 80H-31</t>
  </si>
  <si>
    <t>MULTISERVI LA Y</t>
  </si>
  <si>
    <t>CARRERA 9 17 145</t>
  </si>
  <si>
    <t>JOSE CHAPARRO</t>
  </si>
  <si>
    <t>DG 82 G # 79 B - 42 BRR MINUTO DE DIOS LOCAL 1</t>
  </si>
  <si>
    <t>MASTER SERVICE EN</t>
  </si>
  <si>
    <t>CL 821 57</t>
  </si>
  <si>
    <t xml:space="preserve">FAMILY CARS  DETAILING COLOMBIA </t>
  </si>
  <si>
    <t>DG. 46 SUR #43-4 BOGOTA COLOMBIA</t>
  </si>
  <si>
    <t>SOLUCIONES TECNOLOGICAS MIGAN</t>
  </si>
  <si>
    <t>CL 45 SUR 72N 0052 00101</t>
  </si>
  <si>
    <t>MORITCOM</t>
  </si>
  <si>
    <t>CR 27 # 49 - 48 BRR CENTRO</t>
  </si>
  <si>
    <t>FYCE  2</t>
  </si>
  <si>
    <t>CR 47 # 59 B - 21 BRR LA CORUNA</t>
  </si>
  <si>
    <t>DON PAGO TOCANCIPA EL EXITON</t>
  </si>
  <si>
    <t>CR 6 # 7 71 BRR SECTOR LA DIANA</t>
  </si>
  <si>
    <t>PRAVICOL</t>
  </si>
  <si>
    <t>CR 23 # 2 18 - SUR BRR SOCIEGO</t>
  </si>
  <si>
    <t>DON PAGO ANNIE CAMILA</t>
  </si>
  <si>
    <t>CR 84 # 73 A 18 - SUR BRR BOSA ISLANDIA</t>
  </si>
  <si>
    <t>CL 16 S # 17 22 BRR TIMANCO IV ETAPA</t>
  </si>
  <si>
    <t>DON PAGO GARCIA</t>
  </si>
  <si>
    <t>CR 77 # 63 A 05 BRR TRES REYES</t>
  </si>
  <si>
    <t>EL PUNTO DE LA MODA IBAGUE</t>
  </si>
  <si>
    <t>MZ 61 CA 1 ET 8 BRR JORDAN</t>
  </si>
  <si>
    <t>DON PAGO CAMELIA 1</t>
  </si>
  <si>
    <t>CL 37 # 37 37 BRR CIUDAD VERDE</t>
  </si>
  <si>
    <t>CL 10 A # 19 A 142 BRR HOGARES SOACHA</t>
  </si>
  <si>
    <t>GOLOMAX</t>
  </si>
  <si>
    <t>CRA. 9 #7-15 FLORIDABLANCA SANTANDER COLOMBIA</t>
  </si>
  <si>
    <t>UNITEL</t>
  </si>
  <si>
    <t>CL. 19 #6-19 PEREIRA RISARALDA COLOMBIA</t>
  </si>
  <si>
    <t>SAFE OUTSOURCING SAS</t>
  </si>
  <si>
    <t>CRA. 103A #17A-95 BOGOT COLOMBIA</t>
  </si>
  <si>
    <t>DROGUERIA SERVIECONOMIA CRA 27</t>
  </si>
  <si>
    <t>CL 5 A # 27 05 BRR VERAGUAS</t>
  </si>
  <si>
    <t>VALERYCOM</t>
  </si>
  <si>
    <t>CL 55 SUR,NO 103 49 BQ 4 CA 37</t>
  </si>
  <si>
    <t>ALAMCEN ALVAREZ</t>
  </si>
  <si>
    <t>KR 87C 70 SUR 0011</t>
  </si>
  <si>
    <t>PAYWA</t>
  </si>
  <si>
    <t>CL 15 # 16 107 AP 1 BRR EL CARMEN</t>
  </si>
  <si>
    <t>PAGOS MARIA</t>
  </si>
  <si>
    <t>DG 42 # 12 - 14 SUR BRR SOACHA LEON 13</t>
  </si>
  <si>
    <t>WILSON EDUARDO MARIN ZAMUDIO</t>
  </si>
  <si>
    <t>CL 56 SUR # 14 C 16 - ESTE BRR LOS LIBERTADORES</t>
  </si>
  <si>
    <t>BOSQUES DE MARIANA</t>
  </si>
  <si>
    <t>CL 70 C # 107 C - 07 BRR BOSQUES DE MARIANA</t>
  </si>
  <si>
    <t>EL RETÉN</t>
  </si>
  <si>
    <t>ISAZA</t>
  </si>
  <si>
    <t>CL 8 # 8 - 48 BRR SAN ISIDRO</t>
  </si>
  <si>
    <t>MULTISERVICIOS MYM</t>
  </si>
  <si>
    <t>CL 24 # 6 B 24 BRR LAS NIEVES</t>
  </si>
  <si>
    <t>MULTISERVICIOS CMCNET</t>
  </si>
  <si>
    <t>CR 14 # 18 37 BRR ROJAS PINILLA</t>
  </si>
  <si>
    <t>LA ABUNDANCIA</t>
  </si>
  <si>
    <t>CL. 45 SUR #72R-8 BOGOTA COLOMBIA</t>
  </si>
  <si>
    <t>INTERNET MULTISERVICIOS MIRADOR</t>
  </si>
  <si>
    <t>URB MIRADOR DE SANJUAN MZ M CA 6 BRR MIRADOR DE SAN JUAN</t>
  </si>
  <si>
    <t>TELECOMUNICACIONES INET</t>
  </si>
  <si>
    <t>C R 3 N 930</t>
  </si>
  <si>
    <t>PUNTO DE PAGO FERLES</t>
  </si>
  <si>
    <t>CR 3 # 2 09 BRR CENTRO</t>
  </si>
  <si>
    <t>MINIMARKET ATARDECERES</t>
  </si>
  <si>
    <t>CL 12 N 35 OESTE 100 BRR CIUDAD DEL VALLE</t>
  </si>
  <si>
    <t>MISCELANIA Y PAPELERIA  JK</t>
  </si>
  <si>
    <t>CR 98 B SUR # 73 85 CA 174 BRR VILLAS DE VIZCAYA</t>
  </si>
  <si>
    <t>MAGICOS DETALLES SANTA ROSA</t>
  </si>
  <si>
    <t>CL 16 # 7 - 38 BRR MONSERRATE</t>
  </si>
  <si>
    <t>CONSENTRADOS DOCKY</t>
  </si>
  <si>
    <t>CL 77 SUR # 16 I - 20 SUR BRR BARRIO ACAPULCO</t>
  </si>
  <si>
    <t>JC</t>
  </si>
  <si>
    <t>CR 9 # 21 - 33 SUR BRR LAS NIEVES</t>
  </si>
  <si>
    <t>CR 8 # 50 17 LC 169 FASE II CPC BRR SECTOR COMERCIAL</t>
  </si>
  <si>
    <t>TODO SOLUCUIONES</t>
  </si>
  <si>
    <t>CR 1 H # 4 57 BRR SAN PEDRO</t>
  </si>
  <si>
    <t>MISCELANEA Y VARIEDADES SHARON DAYANA</t>
  </si>
  <si>
    <t>CR 23 # 23 - 31 BRR SAN JOSE</t>
  </si>
  <si>
    <t>ELMISMOSITIOCOM</t>
  </si>
  <si>
    <t>CR 95 # 42 A 12 - SUR BRR LA RIVERA KENNEDY</t>
  </si>
  <si>
    <t>CL 26 B # 25 B - 72 BRR AGUABLANCA</t>
  </si>
  <si>
    <t>DISTRIBUIDORA DORADO NORTE</t>
  </si>
  <si>
    <t>CL 132 D # 126 - 30 BRR LA GAITANA</t>
  </si>
  <si>
    <t>TRANSMILENIO TINTAL</t>
  </si>
  <si>
    <t>CL 2 # 86 12 BRR TINTAL</t>
  </si>
  <si>
    <t>FRANCISCO LOZADA</t>
  </si>
  <si>
    <t>CL 11 A # 79 A - 28 TO 2 AP 203 CON PARQUES DE CASTILLA 6 BRR CASTILLA</t>
  </si>
  <si>
    <t>DELICIAS DE LA COSTA CARIBE</t>
  </si>
  <si>
    <t>CA PALMITA PALMITA PALMITA PALMITA DIV 1 PALMITA DIV 1 BRR PALMITA</t>
  </si>
  <si>
    <t>PAPELERIA  ARCOIRIS</t>
  </si>
  <si>
    <t>CR 4 # 03 - 01 BRR SAN JOSE</t>
  </si>
  <si>
    <t>OMITELNET</t>
  </si>
  <si>
    <t>CR 22 G # 59 A 38 - SUR CA 3 BRR CASA LINDA</t>
  </si>
  <si>
    <t>CACTUS STORE</t>
  </si>
  <si>
    <t>CL 15 # 3 A 40 BRR PATRIOTAS</t>
  </si>
  <si>
    <t>DROGUERIA Y PERFUMERIA SURTISALUD</t>
  </si>
  <si>
    <t>CR 6 # 4 - 46 BRR CENTRO</t>
  </si>
  <si>
    <t>EXPRESS TIBU LA PERLA</t>
  </si>
  <si>
    <t>CR 10 # 3 53 LC 2 BRR LA PERLA</t>
  </si>
  <si>
    <t>MEGAPIXEL</t>
  </si>
  <si>
    <t>CR 7 C # 69 - 69 BRR ALFOSO LOPEZ ETAPA 1</t>
  </si>
  <si>
    <t>ILUMINACION  AUTOMOTRIZ KDV</t>
  </si>
  <si>
    <t>CL 19 A # 14 5 CA 36A P1 BRR CANDELARIA VALLE DEL CAUCA</t>
  </si>
  <si>
    <t>PAPELERIA PAPERINCON</t>
  </si>
  <si>
    <t>CR 95 A # 127 C 18 BRR SAN CAYETANO SUBA</t>
  </si>
  <si>
    <t>NATUFARMA MINI MARKET</t>
  </si>
  <si>
    <t>CL 16 # 11 - 72 BRR BUENOS AIRES</t>
  </si>
  <si>
    <t>PAPELERIA  DIANA PAOLA</t>
  </si>
  <si>
    <t>CR 10 # 31 15 LC 1 BRR MALDONADO</t>
  </si>
  <si>
    <t>PIPE COMCAMBAO</t>
  </si>
  <si>
    <t>CR 2 E # 2 - 24 BRR EL PROGRESO</t>
  </si>
  <si>
    <t>LAURA MILENA PAEZ TORRES</t>
  </si>
  <si>
    <t>CL 71 # 75 16 BRR BOYACA REAL</t>
  </si>
  <si>
    <t>TELECOMUNICACIONES SANTI DAVID</t>
  </si>
  <si>
    <t>CR 5 # 64 H - 21 SUR BRR LA FISCALA</t>
  </si>
  <si>
    <t>YULY VEGA</t>
  </si>
  <si>
    <t>CR 114 A # 77 31 BRR GRAN GANADA</t>
  </si>
  <si>
    <t>DON PAGO SAN CRISTOBAN O</t>
  </si>
  <si>
    <t>CR 8 B BIS # 163 17 BRR SAN CRISTOBAL</t>
  </si>
  <si>
    <t>FERREAGRO SAN DANIEL</t>
  </si>
  <si>
    <t>CA 46 BRR SAN DANIEL</t>
  </si>
  <si>
    <t>PAPELERIA OMEGA</t>
  </si>
  <si>
    <t>CL 12 # 4 48 BRR JUAN JOSE DE NEIRA</t>
  </si>
  <si>
    <t>HAPPY STORE</t>
  </si>
  <si>
    <t>CL 5 # 9 - 73 BRR TENZA</t>
  </si>
  <si>
    <t>CR 11 ESTE # 5 - 28 BRR GRANJITAS</t>
  </si>
  <si>
    <t>VARIEDADES ELIZA</t>
  </si>
  <si>
    <t>CL 22 B # 4 - 05 BRR CENTRO</t>
  </si>
  <si>
    <t>FARMACARE</t>
  </si>
  <si>
    <t>CR 13 # 32 B - 12 BRR CENTRO</t>
  </si>
  <si>
    <t>TODO HOGAR</t>
  </si>
  <si>
    <t>CL 2 # 2 - 25 BRR CENTRO</t>
  </si>
  <si>
    <t>PANADERIA Y PASTELERIA EBENEZER</t>
  </si>
  <si>
    <t>CA 2 JUNIN BRR LA QUIEBRA</t>
  </si>
  <si>
    <t>COMUNICACIONES EL PONDAJE</t>
  </si>
  <si>
    <t>CL 70 B # 28 - 83 BRR EL PONDAJE</t>
  </si>
  <si>
    <t>PAPELERIA MI CARITO BOGOTA</t>
  </si>
  <si>
    <t>CR 111 # 64 C - 23 BRR SAN ANTONIO NORTE</t>
  </si>
  <si>
    <t>VARIEDADES ROQUE</t>
  </si>
  <si>
    <t>DG 46 A # 51 D 95 LC 02 BRR VENECIA</t>
  </si>
  <si>
    <t>TIENDA LA VECI SARITA</t>
  </si>
  <si>
    <t>CR 8 # 20 N 15 BRR TEJAR UNO NORTE</t>
  </si>
  <si>
    <t>TIENDA JC PASTO</t>
  </si>
  <si>
    <t>CR 5 # 14 - 72 BRR EMILIO BOTERO</t>
  </si>
  <si>
    <t>CR 1 B ESTE # 17 - 04 BRR SOACHA SANTA MARIA</t>
  </si>
  <si>
    <t>TODO SERVICIOS 14 DE OCTUBRE PUNTO SERVIENTREGA EFECTY</t>
  </si>
  <si>
    <t>CL 50 # 29 - 47 BRR 14 DE OCTUBRE</t>
  </si>
  <si>
    <t>CENTRO DE SERVICIOS MAYFER</t>
  </si>
  <si>
    <t>CL 38 SUR # 72 P - 54 SUR BRR PROVIVIENDA OCCIDENTAL</t>
  </si>
  <si>
    <t>ACCESORIOS KINOMOTORS VALENTINA</t>
  </si>
  <si>
    <t>TV 4.NO 51A-25</t>
  </si>
  <si>
    <t>MISCELANEA Y PAPELERIA CRISTAL</t>
  </si>
  <si>
    <t>CL. 51 SUR #91-2 BOGOTA COLOMBIA</t>
  </si>
  <si>
    <t>MELO CARAMELO JH</t>
  </si>
  <si>
    <t>CRA. 46 #2104 FUSAGASUGA LA SERENA FUSAGASUGA CUNDINAMARCA COLOMBIA</t>
  </si>
  <si>
    <t>PAPELERIA VARIEDADES SAMY</t>
  </si>
  <si>
    <t>CL 11A #. 23-30</t>
  </si>
  <si>
    <t>OFICINA DE SEGUROS LM</t>
  </si>
  <si>
    <t>C 15 N 17 - 70 0F 212</t>
  </si>
  <si>
    <t>SPA Y PELUQUERIA NUEVA FIGURA</t>
  </si>
  <si>
    <t>CR 1 A 5 E CL 70 A 28 BRR FONAVIEMCALI</t>
  </si>
  <si>
    <t>EL MAYORISTA RANCHO OCAMPO SAS</t>
  </si>
  <si>
    <t>CRA. 5 #6-47 ICONONZO TOLIMA COLOMBIA</t>
  </si>
  <si>
    <t>PUNTOSERVIS BOGOTA 42</t>
  </si>
  <si>
    <t>CR 88 A # 70 48 - SUR BRR SAN ANTONIO</t>
  </si>
  <si>
    <t>INTERRAPIDISIMO JYL</t>
  </si>
  <si>
    <t>CL 90 # 86 - 41 BRR LOS CEREZOS</t>
  </si>
  <si>
    <t xml:space="preserve">COMPRA VENTA LA HORA </t>
  </si>
  <si>
    <t>K 4 30 P BR CENTRO APART 101</t>
  </si>
  <si>
    <t>ELECTRONIC SERVER</t>
  </si>
  <si>
    <t>DG 71 B # 18 J 5 - SUR BRR VISTA HERMOSA</t>
  </si>
  <si>
    <t>ALMACEN NATALIA</t>
  </si>
  <si>
    <t>CR 24 # 22 A - 88 BRR SAMPER MENDOZA</t>
  </si>
  <si>
    <t>MISCELANEA DONDE JUANCHO</t>
  </si>
  <si>
    <t>CR 106 A # 69 B 11 BRR SAN ANTONIO</t>
  </si>
  <si>
    <t>JESITH PAPELERIA</t>
  </si>
  <si>
    <t>CR 10 # 15 - 4 BRR LA PLAYA</t>
  </si>
  <si>
    <t>SURTIPAPELERIA ANGELITOS</t>
  </si>
  <si>
    <t>KR 12 15 60 AP 702</t>
  </si>
  <si>
    <t>PUNTORED</t>
  </si>
  <si>
    <t>CRA. 7 #18A-32 VALLEDUPAR CESAR COLOMBIA</t>
  </si>
  <si>
    <t>MERCADO DOBLEMENTE COLOMBIANO</t>
  </si>
  <si>
    <t>CLL 50 # 18A-05 APTO 201 ALAMOS</t>
  </si>
  <si>
    <t>COMUNICACIONES LEIDY</t>
  </si>
  <si>
    <t>KR 17F 69B SUR 17</t>
  </si>
  <si>
    <t xml:space="preserve">EL TREBOL </t>
  </si>
  <si>
    <t>CL. 33 #18-26 YOPAL CASANARE COLOMBIA</t>
  </si>
  <si>
    <t>AMASCOTAS PET STORE</t>
  </si>
  <si>
    <t>CRA. 8 #8-2 FUNZA CUNDINAMARCA COLOMBIA</t>
  </si>
  <si>
    <t>VARIEDADES AYW</t>
  </si>
  <si>
    <t>CL 35 A # 31 - 03 BRR CIUDADELA SIGLO XXI</t>
  </si>
  <si>
    <t>HACIENDAELI</t>
  </si>
  <si>
    <t>CL 85 # 55 - 18 BRR HACIENDA SAN JOSE</t>
  </si>
  <si>
    <t>PUNTO SERVI SOLUTIONS</t>
  </si>
  <si>
    <t>CR 10 # 14 09 BRR CENTRO</t>
  </si>
  <si>
    <t>DROGUERIA FARMAOFERTAS</t>
  </si>
  <si>
    <t>CR 19 # 42 H - 80 BRR EL PROGRESO</t>
  </si>
  <si>
    <t>DULCES LA CUCHARITA</t>
  </si>
  <si>
    <t>CR 9 # 9 - 48 BRR BOYACA BAJO</t>
  </si>
  <si>
    <t>MAXIRED IBAGUE 01</t>
  </si>
  <si>
    <t>MZ 24 C 24 BRR JORDAN SEGUNDA ETAPA</t>
  </si>
  <si>
    <t>PIEL CANELA</t>
  </si>
  <si>
    <t>CR 9 # 6 - 11 BRR CENTRO</t>
  </si>
  <si>
    <t>4.8115659</t>
  </si>
  <si>
    <t>-75.6835881</t>
  </si>
  <si>
    <t>LAPIZYBURBUJAS</t>
  </si>
  <si>
    <t>C 26 N 12 38</t>
  </si>
  <si>
    <t>PAPELERIA Y VARIEDADES DONDE LEIDY</t>
  </si>
  <si>
    <t>7.833199</t>
  </si>
  <si>
    <t>-72.504392</t>
  </si>
  <si>
    <t xml:space="preserve">JM LAVANDERIA </t>
  </si>
  <si>
    <t>CRA. 5 #13-30 QUIMBAYA QUINDIO COLOMBIA</t>
  </si>
  <si>
    <t>4.6220921</t>
  </si>
  <si>
    <t>-75.76178689999999</t>
  </si>
  <si>
    <t xml:space="preserve">CENTRO CAPITALINO DE LAVADO </t>
  </si>
  <si>
    <t>CL. 160 #60-10 BOGOTA COLOMBIA</t>
  </si>
  <si>
    <t>4.7437235</t>
  </si>
  <si>
    <t>-74.063165</t>
  </si>
  <si>
    <t xml:space="preserve">PAPELERIA Y DETALLES </t>
  </si>
  <si>
    <t>CL 47 SUR NO 5 ESTE 37 PI3</t>
  </si>
  <si>
    <t>4.542180399999999</t>
  </si>
  <si>
    <t>-74.0938578</t>
  </si>
  <si>
    <t>DER SOLUTIONS</t>
  </si>
  <si>
    <t>CR 151 C # 138 D 27 BRR SANTA RITA</t>
  </si>
  <si>
    <t>4.7469986</t>
  </si>
  <si>
    <t>-74.1238304</t>
  </si>
  <si>
    <t>INTERNET SAN AGUSTIN</t>
  </si>
  <si>
    <t>CL 49 BIS SUR 5B 56</t>
  </si>
  <si>
    <t>4.5482119</t>
  </si>
  <si>
    <t>-74.11251519999999</t>
  </si>
  <si>
    <t>MISCELANEA SAN ANTONIO DE PADUA</t>
  </si>
  <si>
    <t>AC. 24 #52 BOGOTA COLOMBIA</t>
  </si>
  <si>
    <t>4.6394196</t>
  </si>
  <si>
    <t>-74.098869</t>
  </si>
  <si>
    <t>ASESORIAS R Y R LOS PATIOS</t>
  </si>
  <si>
    <t>AV 10 29-14</t>
  </si>
  <si>
    <t>7.8386169</t>
  </si>
  <si>
    <t>-72.50841369999999</t>
  </si>
  <si>
    <t xml:space="preserve">EXOTICOS </t>
  </si>
  <si>
    <t>CL 71 A SUR NO 78C-18</t>
  </si>
  <si>
    <t>4.6039692</t>
  </si>
  <si>
    <t>-74.19510240000001</t>
  </si>
  <si>
    <t>SISTEMAS GAMA SAS</t>
  </si>
  <si>
    <t>CR 5 # 18 E 03 LC 103 BRR LAS ACACIAS</t>
  </si>
  <si>
    <t>SUPERMERCADO JM PLUS</t>
  </si>
  <si>
    <t>55 #14-61 LOS PATIOS NORTE DE SANTANDER COLOMBIA</t>
  </si>
  <si>
    <t>7.8330395</t>
  </si>
  <si>
    <t>-72.5102858</t>
  </si>
  <si>
    <t>YENNY FAIZURY</t>
  </si>
  <si>
    <t>CRA 5 # 5 16</t>
  </si>
  <si>
    <t>4.21655</t>
  </si>
  <si>
    <t>-73.8165503</t>
  </si>
  <si>
    <t xml:space="preserve">ALAMEDA EXPRES </t>
  </si>
  <si>
    <t>CRA. 17A #175-99 BOGOTA COLOMBIA</t>
  </si>
  <si>
    <t>4.7561849</t>
  </si>
  <si>
    <t>-74.03841469999999</t>
  </si>
  <si>
    <t>DROGUERIA SANELI</t>
  </si>
  <si>
    <t>C 2B 28B 69 LOC 2</t>
  </si>
  <si>
    <t>DISTRIBUCIONES DAIOL</t>
  </si>
  <si>
    <t>CRA 6 # 8-20</t>
  </si>
  <si>
    <t>2.9150225</t>
  </si>
  <si>
    <t>-75.2889276</t>
  </si>
  <si>
    <t>INTERNET JUANK</t>
  </si>
  <si>
    <t>CL 138 NO 152-03</t>
  </si>
  <si>
    <t>4.7452249</t>
  </si>
  <si>
    <t>-74.1237396</t>
  </si>
  <si>
    <t>JAVISMSNET</t>
  </si>
  <si>
    <t>CRA. 1B #38-140 SOACHA CUNDINAMARCA COLOMBIA</t>
  </si>
  <si>
    <t>4.587447699999999</t>
  </si>
  <si>
    <t>-74.19496769999999</t>
  </si>
  <si>
    <t>SARAMO LP CAPITALS  BARBEROS DE MARCA</t>
  </si>
  <si>
    <t>DG. 45F SUR #16-82 BOGOTA COLOMBIA</t>
  </si>
  <si>
    <t>4.569156899999999</t>
  </si>
  <si>
    <t>-74.12016729999999</t>
  </si>
  <si>
    <t>CIELO PERFUMERIA Y COSMETICA</t>
  </si>
  <si>
    <t>CL. 7 #15-1 PACHO CUNDINAMARCA COLOMBIA</t>
  </si>
  <si>
    <t>5.1285037</t>
  </si>
  <si>
    <t>-74.1584675</t>
  </si>
  <si>
    <t>MULTIDAGUA</t>
  </si>
  <si>
    <t>CL. 10 #10-67 DAGUA VALLE DEL CAUCA COLOMBIA</t>
  </si>
  <si>
    <t>3.5775487</t>
  </si>
  <si>
    <t>-76.49218379999999</t>
  </si>
  <si>
    <t>MULTISER PESCAITO</t>
  </si>
  <si>
    <t>CL 6 # CR 10 47 APTO 1 AS7394</t>
  </si>
  <si>
    <t>11.2509811</t>
  </si>
  <si>
    <t>-74.2049609</t>
  </si>
  <si>
    <t>YGS COMUNICACIONES</t>
  </si>
  <si>
    <t>CR 22 # 21 40 BRR LAS DELICIAS</t>
  </si>
  <si>
    <t>SIMIL TECH S A S</t>
  </si>
  <si>
    <t>CRA. 15A #124-50 BOGOTA COLOMBIA</t>
  </si>
  <si>
    <t>4.7027972</t>
  </si>
  <si>
    <t>-74.04349859999999</t>
  </si>
  <si>
    <t>PORTAL BYTE</t>
  </si>
  <si>
    <t>DG 46 SUR # 53 37 BRR VENECIA</t>
  </si>
  <si>
    <t>4.5937714</t>
  </si>
  <si>
    <t>-74.13849809999999</t>
  </si>
  <si>
    <t>VARIEDADES JULIETA AZUERO III</t>
  </si>
  <si>
    <t>CL. 10 #49-37 CALI VALLE DEL CAUCA COLOMBIA</t>
  </si>
  <si>
    <t>3.4113989</t>
  </si>
  <si>
    <t>-76.5379684</t>
  </si>
  <si>
    <t>FRIDA BELLEZA PARA TODS</t>
  </si>
  <si>
    <t>DG. 77B #120A-40 BOGOTA COLOMBIA</t>
  </si>
  <si>
    <t>4.722895299999999</t>
  </si>
  <si>
    <t>-74.1330569</t>
  </si>
  <si>
    <t>MISCELANEA M  V</t>
  </si>
  <si>
    <t>CRA. 39 #39-39 CALI VALLE DEL CAUCA COLOMBIA</t>
  </si>
  <si>
    <t>3.4177648</t>
  </si>
  <si>
    <t>-76.5062014</t>
  </si>
  <si>
    <t>TIENDA SAUCE</t>
  </si>
  <si>
    <t>CL 34 A # 38 - 237 TO 6 AP 101 BRR CIUDAD VERDE</t>
  </si>
  <si>
    <t>4.6076765</t>
  </si>
  <si>
    <t>-74.2208673</t>
  </si>
  <si>
    <t>LA ISLA  1</t>
  </si>
  <si>
    <t>SOLEDAD DE TRANSPORTE CL. 59B #13-225 SOLEDAD ATLANTICO COLOMBIA</t>
  </si>
  <si>
    <t>10.9091107</t>
  </si>
  <si>
    <t>-74.79350869999999</t>
  </si>
  <si>
    <t>EXPRESS ARACATA BRR CENTRO</t>
  </si>
  <si>
    <t>CR 5 # 6 56 BRR CENTRO</t>
  </si>
  <si>
    <t>11.2511059</t>
  </si>
  <si>
    <t>-74.2097987</t>
  </si>
  <si>
    <t>FERRETERIA</t>
  </si>
  <si>
    <t>CL. 32A BIS SUR #14D-29 BOGOTA COLOMBIA</t>
  </si>
  <si>
    <t>4.5729599</t>
  </si>
  <si>
    <t>-74.1104476</t>
  </si>
  <si>
    <t>VARIEDADES EMMANUEL ALEJANDRO</t>
  </si>
  <si>
    <t>LA GLORIA #3 LA MATA LA GLORIA CESAR COLOMBIA</t>
  </si>
  <si>
    <t>8.6180139</t>
  </si>
  <si>
    <t>-73.80227719999999</t>
  </si>
  <si>
    <t>ESTACION DE SERVICIO OLIVARES SAS</t>
  </si>
  <si>
    <t>CRA. 6 #16-29 AGUADAS CALDAS COLOMBIA</t>
  </si>
  <si>
    <t xml:space="preserve">LOREAN MODA Y ACCESORIOS </t>
  </si>
  <si>
    <t>CL. 9K #57-37 SANTA MARTA MAGDALENA COLOMBIA</t>
  </si>
  <si>
    <t>11.2459924</t>
  </si>
  <si>
    <t>-74.1672454</t>
  </si>
  <si>
    <t>ROANET TELECOMUNICACIONES</t>
  </si>
  <si>
    <t>CL. 49 SUR #77P-51 BOGOTA COLOMBIA</t>
  </si>
  <si>
    <t>4.608007</t>
  </si>
  <si>
    <t>-74.1662807</t>
  </si>
  <si>
    <t>KR 72 N NO 39 SUR - 65 IN 3 AP 209</t>
  </si>
  <si>
    <t>4.6179831</t>
  </si>
  <si>
    <t>-74.1437917</t>
  </si>
  <si>
    <t>CRA. 72N #39 SUR-62 BOGOTA COLOMBIA</t>
  </si>
  <si>
    <t>SUMINISTROS VENEPAN</t>
  </si>
  <si>
    <t>7.8437879</t>
  </si>
  <si>
    <t>-72.46968970000002</t>
  </si>
  <si>
    <t>TIENDA BRYAN</t>
  </si>
  <si>
    <t>CL. 10 #3 MERCADERES CAUCA COLOMBIA</t>
  </si>
  <si>
    <t>ATOMUSPORT BORDADOS Y ESTAMPADOS</t>
  </si>
  <si>
    <t>CL 86 94Q 16 AP 112</t>
  </si>
  <si>
    <t>4.711945</t>
  </si>
  <si>
    <t>-74.10312420000001</t>
  </si>
  <si>
    <t>BELLISSIMA</t>
  </si>
  <si>
    <t>CARRERA 56 #017 LOCAL C TORRE</t>
  </si>
  <si>
    <t>4.618777199999999</t>
  </si>
  <si>
    <t>-74.1204983</t>
  </si>
  <si>
    <t>VARIEDADES MI SOL</t>
  </si>
  <si>
    <t>CL. 64 #3A-20 IBAGUE TOLIMA COLOMBIA</t>
  </si>
  <si>
    <t>CONECTARRAPIDISIMO</t>
  </si>
  <si>
    <t>DG 51 A SUR NO 60 F - 02 PI 1</t>
  </si>
  <si>
    <t>4.5892544</t>
  </si>
  <si>
    <t>-74.1473913</t>
  </si>
  <si>
    <t>FERRARO HUMAN FARM</t>
  </si>
  <si>
    <t>LOTE 7 MANZANA ABRRCENTRO</t>
  </si>
  <si>
    <t>MINIMARKET DROGUERIA LATINA JCR</t>
  </si>
  <si>
    <t>CR 7 # 4-65 BRRSANTA CRUZ</t>
  </si>
  <si>
    <t>DROGUERIA EXTRAFARMA N4</t>
  </si>
  <si>
    <t>CL 3 # 15-37 BRRLA PALMA</t>
  </si>
  <si>
    <t>DROGUERIA FARMA LIKE</t>
  </si>
  <si>
    <t>AV. CR 99 # 153 41BRRTUNA BAJA</t>
  </si>
  <si>
    <t>SERVICIO DE MENSAJERIA Y DOMICILIOS RAPIDO EFECTIVO Y SEGURO</t>
  </si>
  <si>
    <t>AVENIDA 1 # 1-52 BRRPUEBLO NUEVO</t>
  </si>
  <si>
    <t>MINIMARKET LA FORTUNA</t>
  </si>
  <si>
    <t>CL 31# 18-09 LOCAL 1BRRCENTRO</t>
  </si>
  <si>
    <t>KATOVA EL UNIVERSO DEL PAPEL</t>
  </si>
  <si>
    <t>CL 147 # 7-70BRRCEDRITOS</t>
  </si>
  <si>
    <t>PAPELERIA SUMINISTROS FOTOCOPIADORA TRAMITES Y RECARGAS</t>
  </si>
  <si>
    <t>CR 9 # 17-51 BRRCENTRO</t>
  </si>
  <si>
    <t>PAPELERIA GUEPA</t>
  </si>
  <si>
    <t>CL 13 # 5 A 20 BRRSERREZUELITA</t>
  </si>
  <si>
    <t>PAPELERIA AMERICA</t>
  </si>
  <si>
    <t>CL 6 # 2 62BRRCAJICA CENTRO</t>
  </si>
  <si>
    <t>CIGARRERIA LA 53</t>
  </si>
  <si>
    <t>CR 53 # 74 98BRRCEDRITOS</t>
  </si>
  <si>
    <t>TYTMASCOTAS</t>
  </si>
  <si>
    <t>AV. CR 102 C # 139 37BRRTIBABUYES</t>
  </si>
  <si>
    <t>LA PAPELERIANET</t>
  </si>
  <si>
    <t>CL 1 # 2-17 BRR LA BALSA</t>
  </si>
  <si>
    <t>SOLUCIONES TECNOLOGICAS R Y R</t>
  </si>
  <si>
    <t>CR 2 # 2-04 BRR CENTRO</t>
  </si>
  <si>
    <t>LIBRERIA Y PAPELERIA POMBO</t>
  </si>
  <si>
    <t>CR 10 # 8A-44 BRR CENTRO</t>
  </si>
  <si>
    <t>PANADERIA KAROL</t>
  </si>
  <si>
    <t>CR 1 B # 163-97 BRR SANTA CECILIA ALTA</t>
  </si>
  <si>
    <t>MUNDO REPUESTOS PARA TELEFONIA MOVIL JJ</t>
  </si>
  <si>
    <t>CL 40 # 15-10 BRR CIUDADELA DEL CARMEN</t>
  </si>
  <si>
    <t>DROGUERIA DC LUNA</t>
  </si>
  <si>
    <t>CR 3 # 2C-02 BRR CENTRO</t>
  </si>
  <si>
    <t>CENTRO DE SOLUCIONES 473</t>
  </si>
  <si>
    <t>CL 5 # 3-47 BRR CENTRO</t>
  </si>
  <si>
    <t>RAPI TIENDA ELEVEN</t>
  </si>
  <si>
    <t>CR 38B # 21A-10 BRR LOS GUADUALES</t>
  </si>
  <si>
    <t>ZONA WIFI</t>
  </si>
  <si>
    <t>CR 7 22A-70</t>
  </si>
  <si>
    <t>SOLO BOLSOS DE LA VILLA</t>
  </si>
  <si>
    <t>CRA. 4 #10-32 VILLAMARIA CALDAS COLOMBIA</t>
  </si>
  <si>
    <t>MULTICOLOR PAPELERIA Y ESTAMPADOS</t>
  </si>
  <si>
    <t>CLL 57 F 11 04 - LA CAROLA</t>
  </si>
  <si>
    <t>HR TECHNOLOGY</t>
  </si>
  <si>
    <t>CL. 16 #4-52 LA DORADA CALDAS COLOMBIA</t>
  </si>
  <si>
    <t>PLANETCOM</t>
  </si>
  <si>
    <t>CP 28 O 72 R-32 APTO 201</t>
  </si>
  <si>
    <t>SURTITODO DANNITA</t>
  </si>
  <si>
    <t>DIAGONAL 4 # 4-24 BRR BARRIO SAN CARLOS</t>
  </si>
  <si>
    <t>TIMBIQUÍ</t>
  </si>
  <si>
    <t>TIENDA SURTITODO ESTRELLA</t>
  </si>
  <si>
    <t>VEREDA PUEBLO VIEJO BRR VEREDA PUEBLO VIEJO</t>
  </si>
  <si>
    <t>HORIZONTE CREATIVO</t>
  </si>
  <si>
    <t>CL 6 # 6-60 BRR ESTUDIANTIL</t>
  </si>
  <si>
    <t>CR 2E # 26A-15 BRR EL DORADO</t>
  </si>
  <si>
    <t>COMPUTECH NB</t>
  </si>
  <si>
    <t>CR 5 # 9-08 BRR TOCANCIPA CENTRO</t>
  </si>
  <si>
    <t>COMERCIALIZADORA SERVIDIGITAL</t>
  </si>
  <si>
    <t>CR 3 # 25-64 BRR ALAMEDA REYES</t>
  </si>
  <si>
    <t xml:space="preserve">PYH MARKETING </t>
  </si>
  <si>
    <t>CRA. 5 #5-69 NATAGAIMA TOLIMA COLOMBIA</t>
  </si>
  <si>
    <t>VARIEDADES Y ACCESORIOS LG</t>
  </si>
  <si>
    <t>CL 33 F 20-04 APTO 001</t>
  </si>
  <si>
    <t>VARIEDADES BALCONES</t>
  </si>
  <si>
    <t>CL 27N # 9-33</t>
  </si>
  <si>
    <t>TECCOMNET</t>
  </si>
  <si>
    <t>CRA 915-9182020</t>
  </si>
  <si>
    <t>ANGELS DISENOS Y CREACIONES</t>
  </si>
  <si>
    <t>CLL 30 22 258 AV COLON - CALARCA</t>
  </si>
  <si>
    <t>PAPELERIA LYS</t>
  </si>
  <si>
    <t>C 20 13 47 P</t>
  </si>
  <si>
    <t>VARIEDADES JUANMO</t>
  </si>
  <si>
    <t>MULTISERVICIOS LA UNION 2</t>
  </si>
  <si>
    <t>CR 42 A1 46-03</t>
  </si>
  <si>
    <t>DISTRIBUCIONES Y MANUFACTURAS GIRALDO</t>
  </si>
  <si>
    <t>TV. 103 #78B-15 CALI VALLE DEL CAUCA COLOMBIA</t>
  </si>
  <si>
    <t>SERVIEXPRESS DOMICILIOS</t>
  </si>
  <si>
    <t>CARRERA 16 NO. 17-79</t>
  </si>
  <si>
    <t>INTERNET ONLINE COM</t>
  </si>
  <si>
    <t>TV NURERC CLIENTEES</t>
  </si>
  <si>
    <t>TERRACOTA OIBA</t>
  </si>
  <si>
    <t>CRA 6 NO 9-52</t>
  </si>
  <si>
    <t>PAPELERIA COLOR MS</t>
  </si>
  <si>
    <t>CELLTRON</t>
  </si>
  <si>
    <t>CR 11 11 55 LC 25</t>
  </si>
  <si>
    <t>VARIEDADES JOLIS</t>
  </si>
  <si>
    <t>CL 83 NORTE 2 BIS-18 NORTE</t>
  </si>
  <si>
    <t>GAME OVERCOM</t>
  </si>
  <si>
    <t>CRA 3 5 79 L1 ALMACEN</t>
  </si>
  <si>
    <t>LINA MERCEDES PARRA TRIANA</t>
  </si>
  <si>
    <t>CL 12 # 3B ESTE-05</t>
  </si>
  <si>
    <t>EFECTY PUERRES</t>
  </si>
  <si>
    <t>CL. 11 #3-82 PUERRES NARINO COLOMBIA</t>
  </si>
  <si>
    <t>RAPIMERCAR EXPRESS</t>
  </si>
  <si>
    <t>CRA 30 48 10 LOC 3 CRISTIAN - COLOMBIA</t>
  </si>
  <si>
    <t>EXOTIC SHOES CA</t>
  </si>
  <si>
    <t>CARRERA 9 NO. 9-31 TELS. 878 3920-8783788</t>
  </si>
  <si>
    <t>CL 43 # 12 A 112 BRR CHAPINERO BAJO</t>
  </si>
  <si>
    <t>STILOS YUKA</t>
  </si>
  <si>
    <t>CL 139 136A 0022</t>
  </si>
  <si>
    <t>KR 12 NO 08 02 AP 102</t>
  </si>
  <si>
    <t>AUTOSERVICIO RED</t>
  </si>
  <si>
    <t>CL. 3B #38-13 BOGOTA COLOMBIA</t>
  </si>
  <si>
    <t>ALMACEN UNIMARCAS</t>
  </si>
  <si>
    <t>ZONA URBANA LAPALMA CASCOURBANO</t>
  </si>
  <si>
    <t>KAMYEXPRES N2</t>
  </si>
  <si>
    <t>AV. 20 DE JULIO #5-2 SAN ANDRES SAN ANDRES Y PROVIDENCIA COLOMBIA</t>
  </si>
  <si>
    <t>PAGOS CESAR</t>
  </si>
  <si>
    <t>CR CL29D-14P 1 APTO 02</t>
  </si>
  <si>
    <t>DROGUERIA FARMADANN</t>
  </si>
  <si>
    <t>CR 11 #12 -78</t>
  </si>
  <si>
    <t>CRA 9 # 7-19</t>
  </si>
  <si>
    <t>TIENDA NATURISTA FITGOOD</t>
  </si>
  <si>
    <t>CL. 4 #4-56 SUPATA SUPATA CUNDINAMARCA COLOMBIA</t>
  </si>
  <si>
    <t>PAPELERIA VARIEDADES</t>
  </si>
  <si>
    <t>CL 19 # 36 B 41 BRR CANDELARIA VALLE DEL CAUCA</t>
  </si>
  <si>
    <t>CIBERXBOXAR</t>
  </si>
  <si>
    <t>KR 7 NO 104 SUR 25 PI 2</t>
  </si>
  <si>
    <t>CRA 13 N 12-57 SATENA CENTRO</t>
  </si>
  <si>
    <t>WTELENET</t>
  </si>
  <si>
    <t>CL 42 NO 24 ESTE 17 PL1</t>
  </si>
  <si>
    <t>PAPELERIA DVISA</t>
  </si>
  <si>
    <t>CL 27 25 34</t>
  </si>
  <si>
    <t>CRA 7 15 30 CENTRO</t>
  </si>
  <si>
    <t>PAPELERIA Y PANADERIA JOHANS</t>
  </si>
  <si>
    <t>AV 26 # 6 15 BRR LAS GRANJAS</t>
  </si>
  <si>
    <t>TIENDA SAMU</t>
  </si>
  <si>
    <t>K 35A 33 - 63 L 1 CIUDADELA SIG XXI</t>
  </si>
  <si>
    <t>PAGOS KATTA</t>
  </si>
  <si>
    <t>CL 41 SUR # 37 - 176 CA 37D BRR CIUDADELA MESOPOTAMIA</t>
  </si>
  <si>
    <t>VARIEDADES KARHEZ</t>
  </si>
  <si>
    <t>CL 19 # 1 C 08 BRR EL TEJAR</t>
  </si>
  <si>
    <t>CL 12 # 4 84 BRR JUAN JOSE NEIRA</t>
  </si>
  <si>
    <t>DROGUERIA BIOFARMA YOPAL</t>
  </si>
  <si>
    <t>CL 45 # 6 A 36 BRR MONTECARLO</t>
  </si>
  <si>
    <t>PANADERIA LAS DELICIAS</t>
  </si>
  <si>
    <t>CL 2 # 41 16 BRR EL CARMEN</t>
  </si>
  <si>
    <t>AC 159 # 19 35 BRR VILLA MAGDALA</t>
  </si>
  <si>
    <t>CL 158 # 101 01 BRR VILLA HERMOSA</t>
  </si>
  <si>
    <t>DROGUERIA FAMI  SALUD</t>
  </si>
  <si>
    <t>AK 12 # 18 C - 07 BRR SOACHA</t>
  </si>
  <si>
    <t xml:space="preserve">REPARACIONES ELECTRONICAS  TT </t>
  </si>
  <si>
    <t>CL 18 03 PI2</t>
  </si>
  <si>
    <t>RUIZ MONROY MARTHA LORENA</t>
  </si>
  <si>
    <t>CRA 20 #17 MNZ C CASA 9 LA ESPERANZA</t>
  </si>
  <si>
    <t>MISCELANEA SHADDAY</t>
  </si>
  <si>
    <t>MZ B CA 5 ET 9 BRR JORDAN</t>
  </si>
  <si>
    <t>EL HADA Y EL MAGO VARIEDADES</t>
  </si>
  <si>
    <t>CR 33 # 41 20 BRR CABECERA DEL LLANO</t>
  </si>
  <si>
    <t>DROGUERIA ECONO FAR PLUS</t>
  </si>
  <si>
    <t>AC 88 # 110 C 22 BRR CIUDADELA DEL COLSUBICIDIO</t>
  </si>
  <si>
    <t>CL 11 # 29 (KDX 11- 29) BRR URB BASTIDAS</t>
  </si>
  <si>
    <t>CYBRPLACE</t>
  </si>
  <si>
    <t>CALLE 10 NO 8-114</t>
  </si>
  <si>
    <t>ORITO</t>
  </si>
  <si>
    <t>CASITA DE LAS TAREAS PTROFESORA ROCIO</t>
  </si>
  <si>
    <t>CARRERA 9 24 458 VILLA DEL NORTE</t>
  </si>
  <si>
    <t>ACEROS Y PERFILES DEL CASANARE</t>
  </si>
  <si>
    <t>CL 30 KR 2385 EL RECUERDO YOPAL</t>
  </si>
  <si>
    <t>DROGUERIA SAN LUIS</t>
  </si>
  <si>
    <t>KR 16 32 0089 00601</t>
  </si>
  <si>
    <t>PAPELERIA PRISSMA</t>
  </si>
  <si>
    <t>CL 8 21 188 ISLA 3</t>
  </si>
  <si>
    <t>MISCELANEA MT</t>
  </si>
  <si>
    <t>CL. 17 #9-36 QUIMBAYA QUINDIO COLOMBIA</t>
  </si>
  <si>
    <t>TIENDA VILLA SARA</t>
  </si>
  <si>
    <t>VDA PAQUILO 2 BRR VILLA LIGIA</t>
  </si>
  <si>
    <t xml:space="preserve">VARIEDADES FENIX  NET </t>
  </si>
  <si>
    <t>CL 54 C SUR NO 102 25 MZ 76 IN A CA 4</t>
  </si>
  <si>
    <t>MULTIPAGOS GB</t>
  </si>
  <si>
    <t>AC 116 # 45 - 03 NORTE BRR PEPE SIERRA</t>
  </si>
  <si>
    <t>PAPELERIA VALERETH MADRID</t>
  </si>
  <si>
    <t>CR 6 # 13 78 BRR SANTA MATILDE</t>
  </si>
  <si>
    <t>TELECOMUNICACIONES LA CENTRAL</t>
  </si>
  <si>
    <t>CL 18 # CR 1 48 APT02 DW2081</t>
  </si>
  <si>
    <t>PAPELERIA LOS PROFESIONALES CM</t>
  </si>
  <si>
    <t>KR 99 NO 69 A 81 TO 1 LC 3</t>
  </si>
  <si>
    <t xml:space="preserve">V NASHEL FASHION </t>
  </si>
  <si>
    <t>CR 14C # CL 70A 25 TORR T3 APTO 101 AI4721</t>
  </si>
  <si>
    <t>MISCELANEA Y PAPELERIA HYF</t>
  </si>
  <si>
    <t>CL 42 B SUR NO 81J 03</t>
  </si>
  <si>
    <t>BC DROGUERIA</t>
  </si>
  <si>
    <t>VDA PUENTE DE PIEDRA BRR VENTAQUEMADA</t>
  </si>
  <si>
    <t>CL 13 A NO 19 A - 40 TO10 AP 503</t>
  </si>
  <si>
    <t>VIVIANA SANCHEZ</t>
  </si>
  <si>
    <t>CR 7 12 85 1A CANDELARI</t>
  </si>
  <si>
    <t>AUTOSERVICIO EL PAIDA</t>
  </si>
  <si>
    <t>CL 16 # 9 41 LC 2 BRR EL CENTRO</t>
  </si>
  <si>
    <t>FARMASALUDCOM</t>
  </si>
  <si>
    <t>CR 17 # 10 02 BRR LAS AMERICAS</t>
  </si>
  <si>
    <t>SPERIKCOM</t>
  </si>
  <si>
    <t>CL 4 # 3 91 BRR EL TEJAR</t>
  </si>
  <si>
    <t>VARIEDADES PILARICA</t>
  </si>
  <si>
    <t>AC 1 D BIS # 30 E BIS 22 BRR PANORAMA</t>
  </si>
  <si>
    <t>MARIA ISABEL MORENO VASQUEZ</t>
  </si>
  <si>
    <t>CR 17 A # 71 22 BRR SOTAVENTO</t>
  </si>
  <si>
    <t>CR 30 # 18 49 BRR LAS CUADRAS</t>
  </si>
  <si>
    <t>LOS TILOS</t>
  </si>
  <si>
    <t>CL 9 A # 11 49 BRR LOS TILOS</t>
  </si>
  <si>
    <t>MISCELANEA PILY</t>
  </si>
  <si>
    <t>CL 24 # 26-18</t>
  </si>
  <si>
    <t>CUKU DETALLES Y DECORACIONES</t>
  </si>
  <si>
    <t>CRA 35 # 34-61 LOCAL 1</t>
  </si>
  <si>
    <t>LA ORIGINAL</t>
  </si>
  <si>
    <t>CRA 21B 24 10 VILLA CAMPESTRE</t>
  </si>
  <si>
    <t>MARIA FERNANDA GARNICA</t>
  </si>
  <si>
    <t>CLL 141 126 PIS 1 ALTOS DE LA FLORESTA</t>
  </si>
  <si>
    <t>COPIAS E IMPRESIONES ANGELA</t>
  </si>
  <si>
    <t>CL 50 40 C-16</t>
  </si>
  <si>
    <t>CAMALY COMUNICACIONES</t>
  </si>
  <si>
    <t>URB MZ A CS 5 LOCAL BRR URBANIZACION HAMBURGO</t>
  </si>
  <si>
    <t>EL DESVARE</t>
  </si>
  <si>
    <t>CL 8 SUR 15A 111 CA 54</t>
  </si>
  <si>
    <t>SERVINET GY</t>
  </si>
  <si>
    <t>CL 10 # 8 50 BRR CALLE REAL - NEIRA</t>
  </si>
  <si>
    <t>CR 17 8 A 68 BRR LA VEGUITA</t>
  </si>
  <si>
    <t>DETALLES DARYRINCON</t>
  </si>
  <si>
    <t>VARIEDADES LALISCOM</t>
  </si>
  <si>
    <t>CRA 4 # 9-03</t>
  </si>
  <si>
    <t>PAPELERIA Y MISCELANEA FLOREZ</t>
  </si>
  <si>
    <t>CL 49 SUR NO 92 A 1 77</t>
  </si>
  <si>
    <t>YOLANDA DELGADO TARAZONA</t>
  </si>
  <si>
    <t>CL 7 5</t>
  </si>
  <si>
    <t>DROGUERIA NICOLAS</t>
  </si>
  <si>
    <t>CL 82 27 D-139 C 101</t>
  </si>
  <si>
    <t>VARIEDADES  JANETH</t>
  </si>
  <si>
    <t>CLL 1212 CASETA 9 VILLABEL</t>
  </si>
  <si>
    <t>MIS ANGELITOS</t>
  </si>
  <si>
    <t>KR 22 C ESTE NO 50 - 104</t>
  </si>
  <si>
    <t>PAPELERIA Y VARIEDADES JUANFE</t>
  </si>
  <si>
    <t>ZONA SUR-ORIENTAL</t>
  </si>
  <si>
    <t>EL PUNTOCLICK DWTY</t>
  </si>
  <si>
    <t>COMUNICACIONES AYM</t>
  </si>
  <si>
    <t>CL 54 SUR 12B 11</t>
  </si>
  <si>
    <t>OMITEL</t>
  </si>
  <si>
    <t>CL. 2A #1A-66 TIBASOSA BOYACA COLOMBIA</t>
  </si>
  <si>
    <t>PINTUCOLOR SAN CARLOS</t>
  </si>
  <si>
    <t>DG 51 B SUR.NO 18A - 12</t>
  </si>
  <si>
    <t>INFOCENTER</t>
  </si>
  <si>
    <t>CL 73 B SUR # 45 B 03 BRR LA PRADERA</t>
  </si>
  <si>
    <t>PAPELERIA NUEVA NACION</t>
  </si>
  <si>
    <t>KR 17 NO 52 SUR - 75</t>
  </si>
  <si>
    <t>CL 57 SUR 14 32</t>
  </si>
  <si>
    <t>CORRESPONSAL PAPELERIA LINEVOZ</t>
  </si>
  <si>
    <t>DG 51 B SUR NO 18 85 AP 100</t>
  </si>
  <si>
    <t>SHAMELY</t>
  </si>
  <si>
    <t>KR 18 B NO 71 SUR. 09</t>
  </si>
  <si>
    <t>CENTRO DE PAGOS OXFORD</t>
  </si>
  <si>
    <t>DG 150NO 141 A - 85</t>
  </si>
  <si>
    <t>MJ COMUNICACIONESCOM</t>
  </si>
  <si>
    <t>CL 16 F NO 103 C - 02</t>
  </si>
  <si>
    <t>FORENCIAS ROPA INTERIOR Y ACCESORIOS</t>
  </si>
  <si>
    <t>CR 51 CL 47 -21</t>
  </si>
  <si>
    <t>URBAN 360 GRADOS</t>
  </si>
  <si>
    <t>CL 87 N 98-45</t>
  </si>
  <si>
    <t>TIENDA OCTAVA SUR</t>
  </si>
  <si>
    <t>BR EL PENCIL TIEND</t>
  </si>
  <si>
    <t>MEGAPAGOSACCESORIOS</t>
  </si>
  <si>
    <t>CLL 7 N. 14 05</t>
  </si>
  <si>
    <t>VARIEDADES MANHATTAN KD</t>
  </si>
  <si>
    <t>CALLE 52 #11A - 15 SUR</t>
  </si>
  <si>
    <t>PAPELERIA PRINT CENTER</t>
  </si>
  <si>
    <t>CL 73 # 1 A - 21 BRR COEDUCADORES</t>
  </si>
  <si>
    <t>FERRETERIA GUADALUPE</t>
  </si>
  <si>
    <t>CR 12 # 8 33 BRR MOMIL</t>
  </si>
  <si>
    <t>COLPAGOS SURICENTRO 2</t>
  </si>
  <si>
    <t>CR 3 NO 7-1 LOCAL K124 BRR LA COQUERA</t>
  </si>
  <si>
    <t>EFECTY  MIGUEL</t>
  </si>
  <si>
    <t>CR 4 # 190 A 47 BRR HORIZONTES</t>
  </si>
  <si>
    <t>DROGUERIA VICTORIA CYC SAN LAZARO</t>
  </si>
  <si>
    <t>CR 1 D # 10 4 MZ F LOTE 13 BRR BRISAS DEL LLANO</t>
  </si>
  <si>
    <t>KAROLINAS SHOP</t>
  </si>
  <si>
    <t>CR 18 A # 78 - 37 SUR BRR CEDRITOS DEL SUR</t>
  </si>
  <si>
    <t>COFEE PAPEL GIO</t>
  </si>
  <si>
    <t>CL 23 # 24 A - 95 BRR CATATUMBO</t>
  </si>
  <si>
    <t>NANCY ROCIO RIVERA BAUTISTA</t>
  </si>
  <si>
    <t>CR 1 # 18 75 BRR LA GRUTA</t>
  </si>
  <si>
    <t>CATALINA OJEDA</t>
  </si>
  <si>
    <t>CL 11 # 6 - 32 BRR PORVENIR</t>
  </si>
  <si>
    <t>CENTRO DE PAGOS CHACON</t>
  </si>
  <si>
    <t>AV 7 # 9 N - 63 BRR EL BOSQUE</t>
  </si>
  <si>
    <t>VARIEDADES JAC</t>
  </si>
  <si>
    <t>CR 43 # 1 14 LC 4 BRR BELLAVISTA BUENAVENTURA</t>
  </si>
  <si>
    <t>MISCELANEA DANIEL</t>
  </si>
  <si>
    <t>CR 20 B # 64 - 10 BRR ACACIAS</t>
  </si>
  <si>
    <t>COMPUTEH</t>
  </si>
  <si>
    <t>CL 73 D SUR # 82 G 26 P 1 BRR GRAN COLOMBIANO</t>
  </si>
  <si>
    <t>CABINAS Y MISCELANEA PUNTO VERDE</t>
  </si>
  <si>
    <t>CL 128 C # 95 B 59 LC 102 BRR SAN CAYETANO</t>
  </si>
  <si>
    <t>JUGOS Y HELADOS CREMOSITOS</t>
  </si>
  <si>
    <t>CL 10 # 15 C - 02 BRR CENTRO</t>
  </si>
  <si>
    <t>PAPALERIAS LUXEXPO</t>
  </si>
  <si>
    <t>CR 11 ESTE # 1 B - 18 BRR EL CONSUELO</t>
  </si>
  <si>
    <t>MUNDO INFORMATIVO</t>
  </si>
  <si>
    <t>CL 29 SUR # 11 D - 08 BRR COMPARTIR - SOACHA</t>
  </si>
  <si>
    <t>CL 130 C # 94 4 BRR EL RINCON DEL NORTE</t>
  </si>
  <si>
    <t>VIRREY INTERNACIONAL</t>
  </si>
  <si>
    <t>CL 93 SUR NO 7 B - 07 PI1</t>
  </si>
  <si>
    <t>CL 1 B SUR # 25 B - 27 ESTE BRR CARTAGENITA</t>
  </si>
  <si>
    <t>MULTISERVICIOS MYE</t>
  </si>
  <si>
    <t>CR 131 # 142 3 - NORTE BRR SUBA</t>
  </si>
  <si>
    <t>MISCELANEA JS</t>
  </si>
  <si>
    <t>AC 60 G SUR # 17 A - 81 BRR MEISSEN</t>
  </si>
  <si>
    <t>DISTRIASEO  DOSERRE</t>
  </si>
  <si>
    <t>CR 27 T # 103 - 38 BRR CENTRO</t>
  </si>
  <si>
    <t>YARUES</t>
  </si>
  <si>
    <t>CL 11 B # 1 B - 20 BL 3 LOCAL 7 BRR ZAFIRO</t>
  </si>
  <si>
    <t>MUNDO ACCESORIOS HEME AQUI</t>
  </si>
  <si>
    <t>CL 16 # 10 A - 40 BRR MARIA AUXILIADORA</t>
  </si>
  <si>
    <t>EXPRESS VALLEDUPAR SABANAS DEL VALLE</t>
  </si>
  <si>
    <t>DG 18 A TV 30 55 BRR SABANAS DEL VALLE</t>
  </si>
  <si>
    <t>INTERNET LOS CABALLOS</t>
  </si>
  <si>
    <t>K 18 N 25 33</t>
  </si>
  <si>
    <t>COMUNICACIONES G Y Y</t>
  </si>
  <si>
    <t>CL 52A SUR 82B 20</t>
  </si>
  <si>
    <t>PICAPASTOS Y MOLINOS VILAR</t>
  </si>
  <si>
    <t>KR 9 NO 24 A - 75 MZ 0 IN 0 CA 1</t>
  </si>
  <si>
    <t>MENSAJERIA LA FLORIDA EXPRES</t>
  </si>
  <si>
    <t>CRA 25 29 - 57 LOC-012 TC-3 CANAVERAL</t>
  </si>
  <si>
    <t>BRYAN PAEZ PARRA</t>
  </si>
  <si>
    <t>CLL 20 24 - - 01 LOCAL 2 SAN FRANCISCO</t>
  </si>
  <si>
    <t>DOLLAR CHIKY</t>
  </si>
  <si>
    <t>CL. 7 #18-165 PACHO CUNDINAMARCA COLOMBIA</t>
  </si>
  <si>
    <t>IPM LOS POZOS</t>
  </si>
  <si>
    <t>CRA 20 N 20-03 CON CLLE 26</t>
  </si>
  <si>
    <t>SUPERMERCADO ALEGRIA</t>
  </si>
  <si>
    <t>YOPAL-PAZ DE ARIPORO #65 YOPAL CASANARE COLOMBIA</t>
  </si>
  <si>
    <t>DROGUERIA ECOFARMA JG</t>
  </si>
  <si>
    <t>K 42 33 03 MZ 6 CS 1</t>
  </si>
  <si>
    <t>CL 69 A BIS A SUR NO 77 J 73 AP LOCAL 3</t>
  </si>
  <si>
    <t>A3 SOLUCIONES MOVILES</t>
  </si>
  <si>
    <t>CLL 87-45 - INT 1</t>
  </si>
  <si>
    <t>PAPELERIA GABYNET</t>
  </si>
  <si>
    <t>CRA 3432-36ALDEAALTA</t>
  </si>
  <si>
    <t>CORRESPONSAL NMEDINA</t>
  </si>
  <si>
    <t>KM VIANEIVA PALERMO</t>
  </si>
  <si>
    <t>LA PROMESA</t>
  </si>
  <si>
    <t>CA 4 NORTE 62-135 COMPONENTES DEL COSTO</t>
  </si>
  <si>
    <t>SERVIPAGOSMAS</t>
  </si>
  <si>
    <t>CL 38A SUR 72H 0090 01</t>
  </si>
  <si>
    <t>ZODA MISCELANEA</t>
  </si>
  <si>
    <t>CLL 7 4 65 PABLO SEXTO</t>
  </si>
  <si>
    <t>ACCESORIOS SAMMI</t>
  </si>
  <si>
    <t>K 9 N 9 - 27 P 1</t>
  </si>
  <si>
    <t>ZULAY DELGADO</t>
  </si>
  <si>
    <t>CARMEN ELISA DUARTE</t>
  </si>
  <si>
    <t>CRR EL CENTRO VEREDA LA CIRA BRR CENTRO</t>
  </si>
  <si>
    <t>COMUNICACIONES Y VARIEDADES DE LA 45</t>
  </si>
  <si>
    <t>TV 13 M NO 45 G SUR-31</t>
  </si>
  <si>
    <t>PAPELERIA FENIX</t>
  </si>
  <si>
    <t>CL 13 NO 1 - 04</t>
  </si>
  <si>
    <t>VARIEDADES JACO</t>
  </si>
  <si>
    <t>CRA 33A 26 83 NEVADO NEVADO</t>
  </si>
  <si>
    <t>C 57A N 10-09 STA RITA</t>
  </si>
  <si>
    <t>AQUA SPA</t>
  </si>
  <si>
    <t>KR 58 A NO 167 . 58 LC 21</t>
  </si>
  <si>
    <t>PARRACOM</t>
  </si>
  <si>
    <t>CL 4A 6 04 SEGUNDO PISO</t>
  </si>
  <si>
    <t>PAPELERIA NEMO</t>
  </si>
  <si>
    <t>CL 52 CR 50-2</t>
  </si>
  <si>
    <t>PAPELERIA ESMART</t>
  </si>
  <si>
    <t>KR 100 NO 137 B-18</t>
  </si>
  <si>
    <t>AGROVETERINARIA PA LA FINCA</t>
  </si>
  <si>
    <t>CL. 4 #3-4 CAPARRAPI CUNDINAMARCA COLOMBIA</t>
  </si>
  <si>
    <t>VARIEDADES LIZETH DAYANA</t>
  </si>
  <si>
    <t>MZ 1 CS 2 ANGELES</t>
  </si>
  <si>
    <t>TELECOMUNICACIONES DEL MAGDALENA MEDIO</t>
  </si>
  <si>
    <t>CRA 2 CLL 14 Y 15 - CENTRO</t>
  </si>
  <si>
    <t xml:space="preserve">JOSE ORLANDO FLOREZ </t>
  </si>
  <si>
    <t>CLL 610-31 LOC B.CENTRO</t>
  </si>
  <si>
    <t>PANALERA KOALA KIDS</t>
  </si>
  <si>
    <t>CLL 25 # 6-87 EL CARMEN</t>
  </si>
  <si>
    <t>MUNDO CLIP</t>
  </si>
  <si>
    <t>CL 6 10 25 LOC AUTOSERVICIO EL PASAJE</t>
  </si>
  <si>
    <t>ANGEL SHOP</t>
  </si>
  <si>
    <t>CL 8 NO 12 23 PACHO</t>
  </si>
  <si>
    <t>PHONE TECH STORE</t>
  </si>
  <si>
    <t>CRA. 3 #7-20 TRINIDAD CASANARE COLOMBIA</t>
  </si>
  <si>
    <t>SILVIA JULIANA DULCEY</t>
  </si>
  <si>
    <t>CL 5 # 16 41 AP 102 BRR SAN CRISTOBAL</t>
  </si>
  <si>
    <t>AVE 19 7B 31 LOC 103</t>
  </si>
  <si>
    <t>PINACEL</t>
  </si>
  <si>
    <t>CRA 11 17 - 16 00016000</t>
  </si>
  <si>
    <t>KR 69B 4 32 LC 3</t>
  </si>
  <si>
    <t>DROGUERIA M  JP</t>
  </si>
  <si>
    <t>CL 10 #13-31 PIEDECUESTA SANTANDER COLOMBIA</t>
  </si>
  <si>
    <t>CENTRO MOTOS</t>
  </si>
  <si>
    <t>CRA 24 20 33 PSO 1 - CENTRO</t>
  </si>
  <si>
    <t>EFECTY LA 11</t>
  </si>
  <si>
    <t>CRA 11 N 15-63 AL CENTRO</t>
  </si>
  <si>
    <t>AUTOSERVICIO MERKA HOGAR 1A</t>
  </si>
  <si>
    <t>CL 16 # 10 03 BRR BELLO HORIZONTE</t>
  </si>
  <si>
    <t>PAPELERIA Y VARIEDADES MIL COSITAS</t>
  </si>
  <si>
    <t>CL 17C NO 1B-3-33 BRR SAHAGUN CORDOBA</t>
  </si>
  <si>
    <t>REPUESTOS DE BICICLETAS Y PAPELERIA BICI JL</t>
  </si>
  <si>
    <t>CL 1 C # 30 F 57 BRR PANORAMA</t>
  </si>
  <si>
    <t>AUTOSERVICIOLA AMISTAD NO1</t>
  </si>
  <si>
    <t>CL 9 D # 15 B 03 BRR EL POBLADO MOSQUERA</t>
  </si>
  <si>
    <t>MISCELANEA ABRIL DEL MAR</t>
  </si>
  <si>
    <t>CL 5 # 2 30 BRR CENTRO</t>
  </si>
  <si>
    <t>INTERACTIVA TIENDA TECNOLOGICA</t>
  </si>
  <si>
    <t>CR 30 A # 10 22 BRR LA AURORA</t>
  </si>
  <si>
    <t>COMUNICACIONES VANESCELL</t>
  </si>
  <si>
    <t>CL 12 # 11 A 44 BRR LA ESPERANZA</t>
  </si>
  <si>
    <t>ALEGRIA</t>
  </si>
  <si>
    <t>CR 8 # 11 08 BRR ROMERO</t>
  </si>
  <si>
    <t>FASHION KIDS</t>
  </si>
  <si>
    <t>CR 1 # 2 164 BRR VILLAS DEL ROSARIO</t>
  </si>
  <si>
    <t>PAPELERIA EL ROSAL</t>
  </si>
  <si>
    <t>CL 16 # 17 102 BRR SAN LUIS</t>
  </si>
  <si>
    <t>CACHARRERIA SANTO DOMINGO SAMY</t>
  </si>
  <si>
    <t>CA 2 POBLADO SANTO DOMINGO - ZONA RURAL DE VISTAHERMOSA BRR META</t>
  </si>
  <si>
    <t>JAVPAOSER</t>
  </si>
  <si>
    <t>CR 3 # 2 64 BRR FLORIDA</t>
  </si>
  <si>
    <t>EL PAPA DE LAS PROMOCIONES</t>
  </si>
  <si>
    <t>AC 2 # 04 02 BRR CENTRO</t>
  </si>
  <si>
    <t>PAPELERIA GOMEZ  ABRIAQUI</t>
  </si>
  <si>
    <t>CR 10 # 10 06 BRR PARQUE PRINCIPAL</t>
  </si>
  <si>
    <t>RAPITIENDA LA OCTAVA</t>
  </si>
  <si>
    <t>CR 8 # 7 79 BRR SAN JOSE</t>
  </si>
  <si>
    <t>AGRORODRIGUEZ</t>
  </si>
  <si>
    <t>CR 4 # 5 86 BRR BARANDILLAS</t>
  </si>
  <si>
    <t>AK 3 # 7 61 BRR CENTRO</t>
  </si>
  <si>
    <t>TIENDA OMI</t>
  </si>
  <si>
    <t>CR 79 C # 41 B 98 BRR KENNEDY - BOMBEROS ESTADOS UNIDOS</t>
  </si>
  <si>
    <t>C  J INTERNET</t>
  </si>
  <si>
    <t>CR 9 # 9 70 BRR CENTRO</t>
  </si>
  <si>
    <t>PAPELERIA JUANSE</t>
  </si>
  <si>
    <t>CARRERA 6 NO. 2-3 BARRIO LA</t>
  </si>
  <si>
    <t>BLANCA NUBIA GRISALES NIETO</t>
  </si>
  <si>
    <t>KR 6 NO 183-45LC5</t>
  </si>
  <si>
    <t>CENTRO DE SERVICIOS CORTIJO</t>
  </si>
  <si>
    <t>KR 116 A NO 81 21</t>
  </si>
  <si>
    <t>QUIZ TENDENCIA UNIVERSITARIA</t>
  </si>
  <si>
    <t>CRA 18C SUR #44 LOS TUNJOS</t>
  </si>
  <si>
    <t>PAPIROS DC</t>
  </si>
  <si>
    <t>CRA. 20 #5-43 LA MESA CUNDINAMARCA COLOMBIA</t>
  </si>
  <si>
    <t>SALSAMENTARIA JOHNATAN LP</t>
  </si>
  <si>
    <t>CL 19 CR 11 - 3 PISO 1 APTO 1 EU3678</t>
  </si>
  <si>
    <t>CREDITOS Y VARIEDADES ROMERO SANCHEZ</t>
  </si>
  <si>
    <t>CL 6A ESTE 4 0003 00001</t>
  </si>
  <si>
    <t xml:space="preserve">SION COMUNICACIONES </t>
  </si>
  <si>
    <t>TV 93 NO 129 - 22 AP 200</t>
  </si>
  <si>
    <t>ALMACEN OHANA</t>
  </si>
  <si>
    <t>CRA 23C NO 64-32 MANIZALES</t>
  </si>
  <si>
    <t>MULTISERVICIOS AREVALO LA 61</t>
  </si>
  <si>
    <t>CRA. 19 #24-53 BUCARAMANGA SANTANDER COLOMBIA</t>
  </si>
  <si>
    <t>MARTHA EULALIA CHAPARRO MARTINEZ</t>
  </si>
  <si>
    <t>CRA. 8D BIS #159B-55 BOGOTA COLOMBIA</t>
  </si>
  <si>
    <t>OSCAR JAVIER OLARTE MOLANO</t>
  </si>
  <si>
    <t>CL. 57 BIS SUR #72C-74 BOGOTA COLOMBIA</t>
  </si>
  <si>
    <t>MARIA ESTHELLA CONTRERAS PERAZA</t>
  </si>
  <si>
    <t>CRA 8 N 10-23</t>
  </si>
  <si>
    <t>INFOTEC</t>
  </si>
  <si>
    <t>CLL 3 N 5-85</t>
  </si>
  <si>
    <t xml:space="preserve">MISCELANEA </t>
  </si>
  <si>
    <t>CL. 71 SUR #88-31 BOGOTA COLOMBIA</t>
  </si>
  <si>
    <t>CL 6 #34-60</t>
  </si>
  <si>
    <t>VARIEDADES TROLLS</t>
  </si>
  <si>
    <t>CL 45 SUR 72N 0064 001 02</t>
  </si>
  <si>
    <t>COMUNICACIONES LUDYCOM</t>
  </si>
  <si>
    <t>CLL 4 # 21-39 LOCAL 1</t>
  </si>
  <si>
    <t>VARIEDADES EL BUHO</t>
  </si>
  <si>
    <t>K 6N7 05</t>
  </si>
  <si>
    <t>ERIKA RIANO</t>
  </si>
  <si>
    <t>CL 56 SUR 14C 16 ESTE</t>
  </si>
  <si>
    <t>LIDA RODRIGUEZ</t>
  </si>
  <si>
    <t>CRA 5 #7-20 PISO 1 FREENTE ALA PLAZA</t>
  </si>
  <si>
    <t>MIGUEL MESA</t>
  </si>
  <si>
    <t>CARRERA 11 76 PISO 4</t>
  </si>
  <si>
    <t>NANCY ARISTIZABAL</t>
  </si>
  <si>
    <t>VDA SANTA ELENA</t>
  </si>
  <si>
    <t>MISCELANEA SANDRA</t>
  </si>
  <si>
    <t>CL 80 BIS A SUR 16T 43</t>
  </si>
  <si>
    <t>VARIEDADESCOM</t>
  </si>
  <si>
    <t>KR 78 A NO65G SUA -45 -</t>
  </si>
  <si>
    <t>DROGUERIA LA REBAJA IDEAL</t>
  </si>
  <si>
    <t>CL 1 KR 22-07 TERCEROBARRIO SAN ISIDRO CARTAGENA</t>
  </si>
  <si>
    <t>COMUNICACIONES CONTRERAS CJ</t>
  </si>
  <si>
    <t>KR 45A CL 18 12</t>
  </si>
  <si>
    <t>PAPELERIA ELISABETH</t>
  </si>
  <si>
    <t>CL 2NO484</t>
  </si>
  <si>
    <t>CESAR AUGUSTO RICO CERINZA</t>
  </si>
  <si>
    <t xml:space="preserve">SALUD VIDA NUEVA </t>
  </si>
  <si>
    <t>K 32 376466</t>
  </si>
  <si>
    <t>MILTISERVICIOS SALI</t>
  </si>
  <si>
    <t>CL. 8A #2-39 JAMUNDI VALLE DEL CAUCA COLOMBIA</t>
  </si>
  <si>
    <t>DON PAGO MODELIA</t>
  </si>
  <si>
    <t>CRA. 86 #22F-5 BOGOTA COLOMBIA</t>
  </si>
  <si>
    <t>SUPERTIENDA ROJAS</t>
  </si>
  <si>
    <t>CL. 81 BIS SUR #1F ESTE-60 BOGOTA COLOMBIA</t>
  </si>
  <si>
    <t>TIENDA SURTIDORA JYM</t>
  </si>
  <si>
    <t>CL. 26 #24-7 PUERTO TEJADA CAUCA COLOMBIA</t>
  </si>
  <si>
    <t>VARIEDADES DARWIN ANDREY</t>
  </si>
  <si>
    <t>KR 92NO 69 SUR - 34</t>
  </si>
  <si>
    <t>PAPELERIA MISCELANEA VAINILLA DETAILS</t>
  </si>
  <si>
    <t>KR 106 A NO 64 - 02</t>
  </si>
  <si>
    <t>PAPELERIA VILLACOLOMBIA</t>
  </si>
  <si>
    <t>CL 51 11-05</t>
  </si>
  <si>
    <t>MULTISERVICIOS PUNTO ESPECIAL</t>
  </si>
  <si>
    <t>CL 13 CR 13A-58</t>
  </si>
  <si>
    <t>MISCELANEA 420</t>
  </si>
  <si>
    <t>KR 124 NO 130 D-13 LC 2</t>
  </si>
  <si>
    <t>INVERSIONES Y ELECTRODOMESTICOS LA CONFIANZA</t>
  </si>
  <si>
    <t>C COSTO DE COMERCIALIZACIN</t>
  </si>
  <si>
    <t>MULTISERVICIOS ALMIS</t>
  </si>
  <si>
    <t>CARRERA 11 NO.82-76 PISO 4</t>
  </si>
  <si>
    <t>VULCANIZADORA Y BICICLETERIA CHIQUI</t>
  </si>
  <si>
    <t>CL 47 2 A-34</t>
  </si>
  <si>
    <t>EASY MONEY</t>
  </si>
  <si>
    <t>CR 69 # 32 61 AP 201 BRR MEDELLIN</t>
  </si>
  <si>
    <t>ALCIBIADES HOYOS PAVA</t>
  </si>
  <si>
    <t>CR 75B-60</t>
  </si>
  <si>
    <t>JOSE DANIEL CALDERON MENDEZ</t>
  </si>
  <si>
    <t>CR 46 # 176 31 BRR NUEVA ZELANDA</t>
  </si>
  <si>
    <t>TELECOMUNICACIONES ALEJANDRA AE</t>
  </si>
  <si>
    <t>K 4 N AV PAZ 22</t>
  </si>
  <si>
    <t>VARIEDADES MARANLEY</t>
  </si>
  <si>
    <t>KR 25 478 SUR 41</t>
  </si>
  <si>
    <t>SERVICELL COMPUTER</t>
  </si>
  <si>
    <t>CR4451BRR SAN FRANCISCO</t>
  </si>
  <si>
    <t>JOSE JAIR MONTANA MEDINA</t>
  </si>
  <si>
    <t>CRA. 19 #24-1487 GIRARDOT CUNDINAMARCA COLOMBIA</t>
  </si>
  <si>
    <t>MISCELANEA Y PAPELERIA KATTERIN</t>
  </si>
  <si>
    <t>CL 77 C NO 112 F-48</t>
  </si>
  <si>
    <t>GLOBAL XPRESSION</t>
  </si>
  <si>
    <t>CLL 97 86 INTERNET</t>
  </si>
  <si>
    <t>CYS COMUNICACIONES</t>
  </si>
  <si>
    <t>CLL 3 3-18 CENTRO</t>
  </si>
  <si>
    <t>PAGO EXITOSO</t>
  </si>
  <si>
    <t>C 316 890 0003</t>
  </si>
  <si>
    <t>PAPELERIA SUN AND MOON</t>
  </si>
  <si>
    <t>CL 36 SUR NO 16H -</t>
  </si>
  <si>
    <t>MISCELANEA JHOSELIZ</t>
  </si>
  <si>
    <t>CLL 28 30 66 *</t>
  </si>
  <si>
    <t>JEISSON FABIAN AMAYA</t>
  </si>
  <si>
    <t>CL 19 10 A 05 BRR LAS AMERICAS</t>
  </si>
  <si>
    <t>SAN RAFAEL</t>
  </si>
  <si>
    <t>PAGA FACIL Y RAPIDO</t>
  </si>
  <si>
    <t>CL 21 CR 22-38 SANTA BAR</t>
  </si>
  <si>
    <t>SALON LILIANA VELANDIA</t>
  </si>
  <si>
    <t>KR 34 A ESTE NO 33 A-09</t>
  </si>
  <si>
    <t xml:space="preserve">MARIA YANETH ALVARADO VEGA </t>
  </si>
  <si>
    <t>CRA. 4 #5-17 LA PALMA CUNDINAMARCA COLOMBIA</t>
  </si>
  <si>
    <t>MISELANEA CHISPITAS</t>
  </si>
  <si>
    <t>CL. 8 #2-12 NOCAIMA CUNDINAMARCA COLOMBIA</t>
  </si>
  <si>
    <t xml:space="preserve">VITALFIT CUCUTA </t>
  </si>
  <si>
    <t>MULTISERVICIOS RANDE</t>
  </si>
  <si>
    <t>KR 1A4-CL-48C-14</t>
  </si>
  <si>
    <t>CYBER GAMES JD</t>
  </si>
  <si>
    <t>CL 5 # 4 79 BRR MEDELLIN DEL ARIARI</t>
  </si>
  <si>
    <t>MAGDA JOHANNA GOMEZ ROA</t>
  </si>
  <si>
    <t>CALLE 92 B SUR # 3D 18</t>
  </si>
  <si>
    <t>INZÁ</t>
  </si>
  <si>
    <t>VARIEDADES TAYFRED</t>
  </si>
  <si>
    <t>CR 5 # 5 A 20 BRR SANTANDER</t>
  </si>
  <si>
    <t>CL 7 # 2 13 E BRR ARBOLADA</t>
  </si>
  <si>
    <t>PAPELERIA CLAUB</t>
  </si>
  <si>
    <t>CRR JUNIN FRENTE AL POLIDEPORTIVO BRR IBAGUE</t>
  </si>
  <si>
    <t>JAJ SOLUCIONES INTEGRALES</t>
  </si>
  <si>
    <t>CR 83 B # 42 60 BRR CANEY</t>
  </si>
  <si>
    <t>MARICELA CASAS RODRIGUEZ</t>
  </si>
  <si>
    <t>CR 14 # 101 55 - SUR BRR BRAZUELOS USME</t>
  </si>
  <si>
    <t>JOSE ALEJANDRO  BONILLA GARCA</t>
  </si>
  <si>
    <t>CL 131 # 8 D 96 BRR SALADO MONTECARLOS</t>
  </si>
  <si>
    <t>VARIEDADES ZARAY</t>
  </si>
  <si>
    <t>MZ 8 CA 11 BRR TOPACIO</t>
  </si>
  <si>
    <t>VECINONET</t>
  </si>
  <si>
    <t>CL 64 G # 97 B 27 BRR ALAMOS ENGATIVA</t>
  </si>
  <si>
    <t>ADRIANA VANESSA  DEVIA GOMEZ</t>
  </si>
  <si>
    <t>MZ C CASA 18 BRR NUEVO ARMERO</t>
  </si>
  <si>
    <t>DIANA ALISSON ALARCON CETINA</t>
  </si>
  <si>
    <t>CR 10 A # 120 22 BRR LA FLORESTA</t>
  </si>
  <si>
    <t>MIA MISCELANEA</t>
  </si>
  <si>
    <t>CR 6 B # 05 28 - SUR BRR VILLA REAL</t>
  </si>
  <si>
    <t>VARIEDADES MONIK</t>
  </si>
  <si>
    <t>MZ G CA 51 BRR ALTOS DE CARACOLI</t>
  </si>
  <si>
    <t>VDA CARRIZAL FCA LAGUNETA BRR VEREDA CARRIZAL</t>
  </si>
  <si>
    <t>MONICA VIVIANA  CUERVO DUARTE</t>
  </si>
  <si>
    <t>VDA FONQUETA BRR SECTOR EL JARDIN</t>
  </si>
  <si>
    <t>OSNEIDER JOSE GUTIERREZ BOLANO</t>
  </si>
  <si>
    <t>CORREGIMIENTO DE VIJAGUAL BRR LA VIRGEN DEL CARMEN</t>
  </si>
  <si>
    <t>MINIVARIEDADES JUANDA</t>
  </si>
  <si>
    <t>CL 68 N # 30 15 BRR LOS ANGELES</t>
  </si>
  <si>
    <t>PAPELERIA OFI COPIAS</t>
  </si>
  <si>
    <t>CL 16 # 19 07 BRR CASTELVI</t>
  </si>
  <si>
    <t>DIANA MARCELA RIVERA PORTELA</t>
  </si>
  <si>
    <t>CRA 1 N 8-02</t>
  </si>
  <si>
    <t>MISCELANIA WEWIN</t>
  </si>
  <si>
    <t>AV GUABINAL # 45 - 53 BRR CALARCA</t>
  </si>
  <si>
    <t>PAPELERIA Y CAFE INTERNET</t>
  </si>
  <si>
    <t>MZ 2 SUPER MANZANA 5 CASA 9 BRR LOS TUNJOS 2</t>
  </si>
  <si>
    <t>JEHOVA JIREH LAFFONT</t>
  </si>
  <si>
    <t>CL 72 U # 26 H 15 BRR CALI</t>
  </si>
  <si>
    <t>PAPEL CLAP JK</t>
  </si>
  <si>
    <t>CR 6 # 2 16 BRR TRINIDAD</t>
  </si>
  <si>
    <t>INTERNET ALEXACOM</t>
  </si>
  <si>
    <t>CL 6 # 10 01 BRR SANTA ROSALIA</t>
  </si>
  <si>
    <t>MISCELANEA Y PAPELERIA CALIDAD LASER</t>
  </si>
  <si>
    <t>CL 9 # 9 A 28 BRR SAN RAFAEL</t>
  </si>
  <si>
    <t>COPYEXPRESS</t>
  </si>
  <si>
    <t>CL 1 # 1 112 BRR LA POLA</t>
  </si>
  <si>
    <t>CL 2 # 4 54 BRR LA CUMBRE</t>
  </si>
  <si>
    <t>INVERSIONES TIERRADENTRO  J</t>
  </si>
  <si>
    <t>CR 6 # 2 63 BRR CENTRO</t>
  </si>
  <si>
    <t>MELLIS PAPELERIA</t>
  </si>
  <si>
    <t>CL 10 C SUR # 1 01 BRR POSTAL DE JAMUNDI</t>
  </si>
  <si>
    <t>LOCOS X EL FUTBOL BALBOA</t>
  </si>
  <si>
    <t>CR 4 # 6 36 BRR LAS PALMAS</t>
  </si>
  <si>
    <t>JOHN FREDY  ORTEGA CICUA</t>
  </si>
  <si>
    <t>CALLE 3 N 4 - 29</t>
  </si>
  <si>
    <t>FOTOKOPII VARIEDADES Y PAPELERIA</t>
  </si>
  <si>
    <t>CALLE 23 #4B-46EL CARMEN</t>
  </si>
  <si>
    <t>BANCO UNIN SA</t>
  </si>
  <si>
    <t>LDANIELAHCGMAILCOM</t>
  </si>
  <si>
    <t>CR 4 # 31-15 BRR TERMINAL DE TRANSPORTES LOCAL 125</t>
  </si>
  <si>
    <t>SMART ZONE SERVICE</t>
  </si>
  <si>
    <t>MZ L CASA 9</t>
  </si>
  <si>
    <t>DROGUERIA BOSQUES DEL RECREO</t>
  </si>
  <si>
    <t>CR 98 B # 71 49 BRR BOSA RECREO</t>
  </si>
  <si>
    <t>PAPELERIA Y VARIEDADES SANTIAGO</t>
  </si>
  <si>
    <t>CRR MATITUY BRR SECTOR INMACULADA</t>
  </si>
  <si>
    <t>VARIEDADES SYM2 PENSILVANIA</t>
  </si>
  <si>
    <t>CRR BRR MONTEBONITO</t>
  </si>
  <si>
    <t>CL 69 # 31 D 16 BRR FATIMA</t>
  </si>
  <si>
    <t>JY PAPELERIA Y COMERCIALIZADORA</t>
  </si>
  <si>
    <t>CL 11 # 22 51 BRR LIBERTADORES</t>
  </si>
  <si>
    <t>CL 75 SUR # 42 87 BRR CIUDAD PORFIA</t>
  </si>
  <si>
    <t>PAPELERIA HEILYN</t>
  </si>
  <si>
    <t>DG 63 A # 51 24 BRR BOSTON SECTOR LAS TORRES</t>
  </si>
  <si>
    <t>MULTISERVICIOS JLQ</t>
  </si>
  <si>
    <t>CR 2 D # 19 A 63 BRR ANDALUCIA</t>
  </si>
  <si>
    <t>PAGOS Y SERVICIOS MV</t>
  </si>
  <si>
    <t>CR 21 # 11 50 BRR EL CENTRO</t>
  </si>
  <si>
    <t>TIENDA CORME</t>
  </si>
  <si>
    <t>CR 86 # 88 41 BRR LOS CEREZOS</t>
  </si>
  <si>
    <t>MULTISERVICIOS JL</t>
  </si>
  <si>
    <t>CR 14 # 6 70 BRR CENTRO</t>
  </si>
  <si>
    <t>PAPELERIA LADY MOON</t>
  </si>
  <si>
    <t>CLL 8 10 25</t>
  </si>
  <si>
    <t>YEFERSON JULIAN LOSADA MENDEZ</t>
  </si>
  <si>
    <t>REGALOSPATI</t>
  </si>
  <si>
    <t>CL 22 CR 16-07</t>
  </si>
  <si>
    <t>MOTICAS</t>
  </si>
  <si>
    <t>CLL 6440 APT 101</t>
  </si>
  <si>
    <t>MINISUPER DONDE JOSE</t>
  </si>
  <si>
    <t>CR 13B 31A-47</t>
  </si>
  <si>
    <t>DSTEVENCOM</t>
  </si>
  <si>
    <t>ISTORE</t>
  </si>
  <si>
    <t>CRA 23 16 24 PSO 1 SAN ANTONIO</t>
  </si>
  <si>
    <t>KELLY JOHANA  MUNOZ SILVA</t>
  </si>
  <si>
    <t>CRA 2B 7 70</t>
  </si>
  <si>
    <t>RAPITIENDA LA SEXTA</t>
  </si>
  <si>
    <t>CLL 67 17 PSO 1</t>
  </si>
  <si>
    <t>DROGUERIA VIZCAYA</t>
  </si>
  <si>
    <t>CLL 67 23B 75 PALERMO</t>
  </si>
  <si>
    <t>DETALLES JUANIK</t>
  </si>
  <si>
    <t>CYC SOLUCIONES</t>
  </si>
  <si>
    <t>CL 132 D NO 145 B-08 PI 1</t>
  </si>
  <si>
    <t>DESIGN MECHANICAL AC</t>
  </si>
  <si>
    <t>CR 5 NORTE 62-107</t>
  </si>
  <si>
    <t>MUNDO ACCESORIOS LA PALMA</t>
  </si>
  <si>
    <t>TV 3 NO 07 50</t>
  </si>
  <si>
    <t>PUNTO MODA GJCR2</t>
  </si>
  <si>
    <t>CR 2#5-02</t>
  </si>
  <si>
    <t>MCD SOLUCINES</t>
  </si>
  <si>
    <t>K 12N8-11LOCAL 3</t>
  </si>
  <si>
    <t>FERREJOAN</t>
  </si>
  <si>
    <t>CR 5 N 5A 06</t>
  </si>
  <si>
    <t>CENTENARY COPIAS</t>
  </si>
  <si>
    <t>CLL 9 #20-160</t>
  </si>
  <si>
    <t>BRILLAMAR</t>
  </si>
  <si>
    <t>CL. 4 #5-16 SUPATA SUPATA CUNDINAMARCA COLOMBIA</t>
  </si>
  <si>
    <t>MULTISERVICIOS NICOSAN</t>
  </si>
  <si>
    <t>CR 39 26 A-49</t>
  </si>
  <si>
    <t>EL ARCA DE NOE</t>
  </si>
  <si>
    <t>CL 59B SUR 38 0062 01</t>
  </si>
  <si>
    <t>MOVIL REVOLUTION</t>
  </si>
  <si>
    <t>KR 21 NO06341C108</t>
  </si>
  <si>
    <t>DROGUERIA MEDILIFE</t>
  </si>
  <si>
    <t>CRA 11 51 B 04 APT 1 - VILLAHERMOSA</t>
  </si>
  <si>
    <t>COMPURED MANIZALES</t>
  </si>
  <si>
    <t>CR 22 # 20 47 BRR CENTRO</t>
  </si>
  <si>
    <t>JACKYS DROGUERIA</t>
  </si>
  <si>
    <t>CL 11 SUR # 8 76 LC 3 BRR NARIO SUR</t>
  </si>
  <si>
    <t>DROGUERIA PHARMA COUNTRY QUIROGA</t>
  </si>
  <si>
    <t>CR 10 D # 30 D 05 BRR COUNTRY SUR</t>
  </si>
  <si>
    <t>PAPELERIA VAJU</t>
  </si>
  <si>
    <t>CL 5 SUR # 25 4 MZ 3 CS 12 LC 1 BRR REMANSOS DE ROSA BLANCA</t>
  </si>
  <si>
    <t>COMUNICACIONES RAYO</t>
  </si>
  <si>
    <t>CL 5 # 40 6 L BRR CENTRO</t>
  </si>
  <si>
    <t>CORRESPONSAL MORANTES</t>
  </si>
  <si>
    <t>CR 2 # 4 - 13 BRR SAN MATEO</t>
  </si>
  <si>
    <t>DONDE JUAN STEBAN</t>
  </si>
  <si>
    <t>CR 3 # 48 Y 51 BRR DIANA TURBAY</t>
  </si>
  <si>
    <t>DONDE JUAN STEBAN2</t>
  </si>
  <si>
    <t>CR 11 ESTE # 63 - 37 SUR BRR LA BELLEZA</t>
  </si>
  <si>
    <t>AUTOSERVICIO  RED</t>
  </si>
  <si>
    <t>CL 38 # 3 A 35 BRR B MARTIRES - IBAGUE</t>
  </si>
  <si>
    <t>MUNDIAL DE PAPELES CON AMOR</t>
  </si>
  <si>
    <t>CL 18 # 14 - 05 BRR CENTRO</t>
  </si>
  <si>
    <t>SURTI YOE</t>
  </si>
  <si>
    <t>CL 11 # 29 - 29 BRR PAZ Y PROGRESO</t>
  </si>
  <si>
    <t>ICELL ESPINAL</t>
  </si>
  <si>
    <t>CL 10 # 4 44 L 1 BRR ESPINAL</t>
  </si>
  <si>
    <t>COMUNIKAREN</t>
  </si>
  <si>
    <t>CR 7 # 4 48 BRR QUINTANARES</t>
  </si>
  <si>
    <t>SOLUCIONES CABINETCOM</t>
  </si>
  <si>
    <t>CR 69 P # 70 5 BRR LA ESTRADA</t>
  </si>
  <si>
    <t>CATALINA CIRO CIRO</t>
  </si>
  <si>
    <t>CL 76 # 20 - 18 BRR JUAN XIII</t>
  </si>
  <si>
    <t>SERVIDORAS CENTAUROS</t>
  </si>
  <si>
    <t>CR 26 # 25 A 95 BRR CENTAUROS VILLAVICENCIO</t>
  </si>
  <si>
    <t>CR 45 A CL 18 12 BRR YUCA ASA</t>
  </si>
  <si>
    <t>ELKIN FABIAN SAAVEDRA GALINDO</t>
  </si>
  <si>
    <t>AV LA PAZ 6 45 BRR LA PAZ</t>
  </si>
  <si>
    <t>LCABINAS</t>
  </si>
  <si>
    <t>CR 12 D # 27 64 - SUR BRR GUSTAVO RESTREPO</t>
  </si>
  <si>
    <t>SUPER EFECTIVO</t>
  </si>
  <si>
    <t>CR 64 C # 8 41 BRR LA INDEPENDENCIA</t>
  </si>
  <si>
    <t>INTERNET YIYOLAY</t>
  </si>
  <si>
    <t>CR 88 B # 51 - 11 SUR BRR BOSA BRASILIA</t>
  </si>
  <si>
    <t>CARLOS ALBERTO DUQUE LOPEZ</t>
  </si>
  <si>
    <t>CR 11 # 19 77 BRR SUCRE</t>
  </si>
  <si>
    <t>PAPELERIA GUSMAR</t>
  </si>
  <si>
    <t>CR 5 # 15 54 BRR ALTO DE LA CRUZ</t>
  </si>
  <si>
    <t>DONDE FRANK</t>
  </si>
  <si>
    <t>CR 29 # 48 28 P 2 APTO 2 BRR LA POPA - EL CARMEN DE BOLIVRA</t>
  </si>
  <si>
    <t>DIANA MARCELA HERRERA VELEZ</t>
  </si>
  <si>
    <t>CL 36 # 3 72 BRR JUAN XXIII</t>
  </si>
  <si>
    <t>CL 18 #5-9 PISO 1 LOCAL 2 BRR LOS ABETOS</t>
  </si>
  <si>
    <t>CR 10 10 -41</t>
  </si>
  <si>
    <t>COLPAGOS VALENCIA</t>
  </si>
  <si>
    <t>CR 18 CALLE 12-10 BRR CENTRO</t>
  </si>
  <si>
    <t>PAPELERIA SCRIB</t>
  </si>
  <si>
    <t>CL 5 #700 MONTEBONITO MARULANDA</t>
  </si>
  <si>
    <t>GRUPO EMPRESARIAL GES SAS</t>
  </si>
  <si>
    <t>CL 53 # 49 88 BRR MARACAIBO</t>
  </si>
  <si>
    <t>EFECTY BOULEVAR DE LA SEIVA</t>
  </si>
  <si>
    <t>CL 18 # 39 11 LC 2 BRR EL TRIUNFO</t>
  </si>
  <si>
    <t>TALLER DE CUPIDO</t>
  </si>
  <si>
    <t>CARRERA 56 # 9-17 LOCAL 02 TORRE</t>
  </si>
  <si>
    <t>CR 27 # 47 A 14 - SUR BRR EL CARMEN</t>
  </si>
  <si>
    <t>DROGUERIA FUNSALUD</t>
  </si>
  <si>
    <t>CR 12 # 16 92 BRR SERENAS</t>
  </si>
  <si>
    <t>COPIAS DE LA 20</t>
  </si>
  <si>
    <t>CL 20 # 8 17 BRR LAS NIEVES - SANTA FE</t>
  </si>
  <si>
    <t>TE FAJASTE</t>
  </si>
  <si>
    <t>CL 13 # 19 - 71 BRR SABANA</t>
  </si>
  <si>
    <t>PAPELERIAS GRAJAS Y VIVIENDAS</t>
  </si>
  <si>
    <t>CL 69 # 32 49 BRR FATIMA</t>
  </si>
  <si>
    <t>CL 52 A # 77 - 17 SUR BRR CATALINA 2</t>
  </si>
  <si>
    <t>MINI MARKET Y CENTRO DE SOLUCIONES BARZAL</t>
  </si>
  <si>
    <t>CL 33 # 36 - 55 BRR BARZAL SUR</t>
  </si>
  <si>
    <t>LIBRERIA CRISTIANA</t>
  </si>
  <si>
    <t>CR 19 # 15 79 BRR PUERTO TEJADA</t>
  </si>
  <si>
    <t>CR 4 # 46 33 BRR LOS LAURELES II</t>
  </si>
  <si>
    <t>BLANCA NIVIA ANDRADE LEIVA</t>
  </si>
  <si>
    <t>CL 9 # 8 32 BRR CENTRO</t>
  </si>
  <si>
    <t>MISCELANEA VARIEDADES L  T</t>
  </si>
  <si>
    <t>CL 76 # 3 W 90 BRR CALAMARI</t>
  </si>
  <si>
    <t>COLPAGOS CAMPO ALEGRE 2</t>
  </si>
  <si>
    <t>CL 31 # 1 W 11 AP 03 BRR CAMPO ALEGRE</t>
  </si>
  <si>
    <t>COMERCIALIZADORA CITY PARTS SAS</t>
  </si>
  <si>
    <t>CL 138 # 156 A - 14 BRR SUBA SANTA RITA</t>
  </si>
  <si>
    <t>COMERCIALIZADORA CITY PARTS SAS DIMON SANTA RITA 3</t>
  </si>
  <si>
    <t>CL 138 # 152 - 07 BRR SUBA SANTA RITA</t>
  </si>
  <si>
    <t>DISTRIBUIDORA SHARA NIKOLL</t>
  </si>
  <si>
    <t>CL 6 A SUR # 12 64 BRR DUCALES</t>
  </si>
  <si>
    <t>COMERCIALIZADORA CITY PARTS CCIAL  NUESTRO BOGOTA</t>
  </si>
  <si>
    <t>CR 86 # 55 A - 75 LC 2 BRR CCIAL NUESTRO BOGOTA</t>
  </si>
  <si>
    <t>TELECOMUNICACIONES KAYSAN</t>
  </si>
  <si>
    <t>CR 13 # 84 - 202 BRR LA ESMERALDA</t>
  </si>
  <si>
    <t>CHÍQUIZA</t>
  </si>
  <si>
    <t>SUPERMERCADO CHIQUIZA</t>
  </si>
  <si>
    <t>CEN CHIQUIZA BRR CHIQUIZA</t>
  </si>
  <si>
    <t>CR 16 # 21 - 38 BRR SANTA FE</t>
  </si>
  <si>
    <t>ACCESORIOS CR 95</t>
  </si>
  <si>
    <t>CL 12 # 7 - 42 LC 2 BRR FUNDADORES</t>
  </si>
  <si>
    <t>BRAYAN SANTAMARIA</t>
  </si>
  <si>
    <t>CR 5 # 3 - 32 BRR ARCABUCO</t>
  </si>
  <si>
    <t>COMERCIALIZADORA CITY PARTS SAS SAN PEDRO</t>
  </si>
  <si>
    <t>CL 138 # 151 - 08 BRR SUBA SAN PEDRO DE TIBABUYES</t>
  </si>
  <si>
    <t>CENTRO DE ENSENANZA AUTOMOVILISTICA CONDUCIMOS VILLAMARIA</t>
  </si>
  <si>
    <t>CR 4 # 13 - 05 BRR CENTRO</t>
  </si>
  <si>
    <t>ALMACEN QUINDIMOTOS MC</t>
  </si>
  <si>
    <t>CL 15 # 20 - 55 BRR CENTRO</t>
  </si>
  <si>
    <t>TIENDA MADI CUMBITARA</t>
  </si>
  <si>
    <t>CRR DAMASCO DIV 25 BRR COMERCIO</t>
  </si>
  <si>
    <t>CAFE INTERNET LIAM</t>
  </si>
  <si>
    <t>CR 75 # 57 R - 27 SUR BRR LA ESTANCIA</t>
  </si>
  <si>
    <t>TIENDA LA PEREIRA</t>
  </si>
  <si>
    <t>CR 7 # 92 - 30 MZ 2 BRR URBANIZACION PEREIRA</t>
  </si>
  <si>
    <t>PAGOS ELIAS</t>
  </si>
  <si>
    <t>CR 12 D BIS # 22 B 29 - SUR BRR RESTREPO</t>
  </si>
  <si>
    <t>ICELL UNICO BARRANQUILLA</t>
  </si>
  <si>
    <t>CL 94 A # 11 A 27 BRR CHICO</t>
  </si>
  <si>
    <t>VARIEDADES DEL DANUBIO</t>
  </si>
  <si>
    <t>CL 56 SUR # 4 H 17 BRR DANUBIO</t>
  </si>
  <si>
    <t>TIENDA MANDELEY</t>
  </si>
  <si>
    <t>MZ G CA 17 BRR HORMAZA</t>
  </si>
  <si>
    <t>PAPELERIA Y MISCELANEA QUIMBERLY</t>
  </si>
  <si>
    <t>TIENDA ROSAURA A</t>
  </si>
  <si>
    <t>CL 9 # 25 - 55 AV TIENDA ROSAURA BRR LA PERLA</t>
  </si>
  <si>
    <t>JLC COMUNICACIONES</t>
  </si>
  <si>
    <t>CR 5 # 13 77 LC 17 E BRR FACATATIVA</t>
  </si>
  <si>
    <t>EFECTY LOPEZ</t>
  </si>
  <si>
    <t>CL 40 # 42 B - 28 BRR LOPEZ</t>
  </si>
  <si>
    <t>PAPELERIA MUNDO CREATIVO</t>
  </si>
  <si>
    <t>CR 1 A # 81 - 45 BRR CONFENALCO</t>
  </si>
  <si>
    <t>SURTIDEL</t>
  </si>
  <si>
    <t>CR 33 # 21 - 47 49 BRR SAN BENITO</t>
  </si>
  <si>
    <t>CABINASCARRERA13</t>
  </si>
  <si>
    <t>CR 13 # 23 - 84 BRR LA ALAMEDA</t>
  </si>
  <si>
    <t>TECNISERVICIOS</t>
  </si>
  <si>
    <t>TISTA COM</t>
  </si>
  <si>
    <t>CL 5 # 4 64 P 12 BRR CENTRO</t>
  </si>
  <si>
    <t>YEMA ROJA</t>
  </si>
  <si>
    <t>CR 18 P # 63 - 28 SUR BRR GIBRALTAR 2 SECTOR</t>
  </si>
  <si>
    <t>180 GRADOS DESING</t>
  </si>
  <si>
    <t>CR 69 C # 6 C - 22 BRR MARCELLA</t>
  </si>
  <si>
    <t>CR 8 # 8 10 LC 1 BRR PROVIVIENDA</t>
  </si>
  <si>
    <t>PUNTO CELULAR LA AVENIDA</t>
  </si>
  <si>
    <t>CR 1 # 3 - 13 BRR CENTRO GUAYABETAL</t>
  </si>
  <si>
    <t>MI CABANA</t>
  </si>
  <si>
    <t>CL 121 # 26 E - 5 BRR CIUDADELA DEL RIO</t>
  </si>
  <si>
    <t>TIENDA SKALA 4722</t>
  </si>
  <si>
    <t>CL 80 # 8 N - 96 BRR FLORALIA</t>
  </si>
  <si>
    <t>ECONOMEDIC PLUS</t>
  </si>
  <si>
    <t>CR 89 C # 38 D 19 - SUR AP 101 BRR PATIO BONITO</t>
  </si>
  <si>
    <t>MUNDO PAPEL JP</t>
  </si>
  <si>
    <t>CR 36 # 9 - 90 BRR LA INDEPENDENCIA</t>
  </si>
  <si>
    <t>JC LLUVIA DE AMOR</t>
  </si>
  <si>
    <t>CR 14 # 09 - 48 LC 2071 BRR CENTRO</t>
  </si>
  <si>
    <t>VARIEDADES FERCHO RUA</t>
  </si>
  <si>
    <t>AV 8 # 9 - 185 BRR PRAD DEL ESTE</t>
  </si>
  <si>
    <t>OR COMUNICACIONES</t>
  </si>
  <si>
    <t>CR 80 P # 75 - 67 SUR BRR LOS LAURELES</t>
  </si>
  <si>
    <t>PRODUCTOS Y SERVICIOS BLAKY</t>
  </si>
  <si>
    <t>CR 81 J 56 A SUR 08 BRR NUSTRA SEORA DE LA PAZ</t>
  </si>
  <si>
    <t>SERVIELECTRICOS D  D SAS</t>
  </si>
  <si>
    <t>CL 16 # 10 - 92 BRR CENTRO</t>
  </si>
  <si>
    <t>SERVIELECTRICOS PLAZA REAL</t>
  </si>
  <si>
    <t>CR 14 # 20 - 14 BRR POPULAR</t>
  </si>
  <si>
    <t>RESTAURANTE EL CASTILLO</t>
  </si>
  <si>
    <t>CR 12 # 6 - 05 BRR COROCITO</t>
  </si>
  <si>
    <t>PAPELERIA Y MULTISERVICIOS KENOA</t>
  </si>
  <si>
    <t>CR 9 # 9 - 14 BRR LA ESPERANZA</t>
  </si>
  <si>
    <t>EXPRESS KENNEDY BRR CARIMAGUA</t>
  </si>
  <si>
    <t>CL 38 B BIS # 72 J 3 - SUR BRR CARIMAGUA</t>
  </si>
  <si>
    <t>FERRETERIA ORTIZ</t>
  </si>
  <si>
    <t>CR 4 # 9 - 14 BRR CENTRO</t>
  </si>
  <si>
    <t>COGARRERIA DOBLE AA</t>
  </si>
  <si>
    <t>CL 69 SUR NO 11 C ESTE 87 BRR JUAN REY</t>
  </si>
  <si>
    <t>PAPELERIA Y TELECOMUNICACIONES ROCHI</t>
  </si>
  <si>
    <t>CL 25 B # 40 25 LC 1 BRR EL RECUERDO</t>
  </si>
  <si>
    <t>VENTAS Y SERVICIOS DIGITALES WILSON</t>
  </si>
  <si>
    <t>MZ 41 CA 13 BRR ALTO MIRADOR</t>
  </si>
  <si>
    <t>FERREDEPOSITO EL HORIZONTE KR</t>
  </si>
  <si>
    <t>CL 41 SUR # 91 - 22 BRR DINDALITO</t>
  </si>
  <si>
    <t>VETERINARIA CENTRAL VILLA CARO</t>
  </si>
  <si>
    <t>KDX 56 1 BRR LAS DELICIAS</t>
  </si>
  <si>
    <t>PAPELERIA NEMO COM</t>
  </si>
  <si>
    <t>CR 2 # 4 - 89 BRR CENTRO</t>
  </si>
  <si>
    <t>PAPELERIA SANTAMARIA</t>
  </si>
  <si>
    <t>CR 95 A # 26 49 - SUR LC 3 MZ 4 - 2 TIERRA BUENA BRR GALAN</t>
  </si>
  <si>
    <t>ANGELSOFIA PAPELERIA</t>
  </si>
  <si>
    <t>CR 7 # 7 31 BRR MONSERRATE</t>
  </si>
  <si>
    <t>DONDE SEBAS JS</t>
  </si>
  <si>
    <t>AV PRINCIPAL # 27 90 A BRR AGUAS CLARAS</t>
  </si>
  <si>
    <t>EDUCELL FLORENCIA</t>
  </si>
  <si>
    <t>CL 23 # 13 - 15 BRR TORASSO PARTE BAJA</t>
  </si>
  <si>
    <t>PAPELERIA EL SOCORRO</t>
  </si>
  <si>
    <t>CR 13 BIS # 50 B - 73 SUR BRR EL SOCORRO</t>
  </si>
  <si>
    <t>EXPRESS SOCORRO BRR CENTRO</t>
  </si>
  <si>
    <t>CR 15 # 12 62 BRR CENTRO</t>
  </si>
  <si>
    <t>DISTRIBUCIONES ANGIMAR</t>
  </si>
  <si>
    <t>CL 5 A # 53 D - 49 BRR GALAN</t>
  </si>
  <si>
    <t>FACIL Y RAPIDO JL</t>
  </si>
  <si>
    <t>CR 26 B # 3 - 04 BRR SAN JORGE</t>
  </si>
  <si>
    <t>TERRA 365 STORE DM</t>
  </si>
  <si>
    <t>AV 6 # 10 - 10 BRR CENTRO</t>
  </si>
  <si>
    <t>CR 27 # 3 6 LC 1 BRR SAN JORGE</t>
  </si>
  <si>
    <t>SOLECITO NET</t>
  </si>
  <si>
    <t>CL 10 A # 19 B 56 BRR HOGARES SOACHA</t>
  </si>
  <si>
    <t>DEISY AMAYA</t>
  </si>
  <si>
    <t>CRR CEDEO BRR ANTIOQUIA</t>
  </si>
  <si>
    <t>EXPRESS RIOHACHA CCIAL VIVA WAJIRA</t>
  </si>
  <si>
    <t>CL 15 # 18 274 L 110 BRR C.CIAL VIVA WAJIRA</t>
  </si>
  <si>
    <t>NEW TECHNOLOGY</t>
  </si>
  <si>
    <t>CR 72 A # 56 D - 03 SUR BRR OLARTE</t>
  </si>
  <si>
    <t>PAPELERIA Y VARIEDADES BELKIS</t>
  </si>
  <si>
    <t>CL 3 # 2 10 BRR CENTRO</t>
  </si>
  <si>
    <t>PUNTOSERVIS COMERCIO INTER GIRON 6</t>
  </si>
  <si>
    <t>CR 15 # 15 A 10 LC 10 BRR GIRON</t>
  </si>
  <si>
    <t>PUNTOSERVIS COMERCIO BASICO CAMPO HERMOSO BOYACA</t>
  </si>
  <si>
    <t>CL 3 # 2 27 BRR SECTOR UNO</t>
  </si>
  <si>
    <t>NUTRIMASCOTAS</t>
  </si>
  <si>
    <t>CR 5 # 20 - 31 BRR FUSACATAN</t>
  </si>
  <si>
    <t>INTERNET GUALANDAY</t>
  </si>
  <si>
    <t>CR 3 # 4 42 BRR CENTRO</t>
  </si>
  <si>
    <t>CASERITOS BQ</t>
  </si>
  <si>
    <t>CR 33 SUR # 75 - 72 BRR SINAI</t>
  </si>
  <si>
    <t>LYM BEAUTY</t>
  </si>
  <si>
    <t>CL 63 # 14 50 LC 39 BRR NUEVO MILENIO CTRO COMERCIAL</t>
  </si>
  <si>
    <t>EXPRESS SANTA ROSA DE SUR BETANIA</t>
  </si>
  <si>
    <t>CL 12 # 9 67 BRR BETANIA</t>
  </si>
  <si>
    <t>COFFE MATY</t>
  </si>
  <si>
    <t>CL 65 C SUR # 11 - 60 BRR LA FISCALA</t>
  </si>
  <si>
    <t>DROGUERIA NEUROFARMA 2</t>
  </si>
  <si>
    <t>CR 93 C # 54 74 BRR BOSA PORVENIR</t>
  </si>
  <si>
    <t>PAGA FACIL CENTRO DE PAGOS</t>
  </si>
  <si>
    <t>MINIMERCADO LOS PINOS</t>
  </si>
  <si>
    <t>CL 4 # 4 - 47 BRR LOS PINOS</t>
  </si>
  <si>
    <t>FERRE ELECTRICOS RINCON</t>
  </si>
  <si>
    <t>AV 19 # 9 - 05 MZ A1 LT 4 LC 2 BRR TORCORMA 2</t>
  </si>
  <si>
    <t>CL 22 # 7 - 27 BRR URBANIZACION BONANZA</t>
  </si>
  <si>
    <t>NAOMINET</t>
  </si>
  <si>
    <t>CR 6 # 22 - 32 BRR BONANZA</t>
  </si>
  <si>
    <t>MISCELANEA Y PAPELERIA  DYV</t>
  </si>
  <si>
    <t>CR 88 H # 56 - 22 BRR SAN MARTIN</t>
  </si>
  <si>
    <t>TALLER DE SORPRESAS MAY</t>
  </si>
  <si>
    <t>CR 6 A MZ 32 CA 4 BRR SANTA ANA</t>
  </si>
  <si>
    <t>CR 6 # 8 - 26 BRR CENTRO</t>
  </si>
  <si>
    <t>LUZ CONTRERAS</t>
  </si>
  <si>
    <t>CR 112 # 68 A - 77 BRR PORVENIR</t>
  </si>
  <si>
    <t>CAFETERIA LA 91</t>
  </si>
  <si>
    <t>CL 145 B # 91 - 66 BRR SUBA URBANO</t>
  </si>
  <si>
    <t>LA COSMETERIA EXPRESS</t>
  </si>
  <si>
    <t>CL 7 # 6 - 81 BRR CENTRO</t>
  </si>
  <si>
    <t>SIGLO MULTISERVICIOS</t>
  </si>
  <si>
    <t>CR 116 A # 15 C - 70 BRR EL CHARCO</t>
  </si>
  <si>
    <t>COCO ELECTRONICA</t>
  </si>
  <si>
    <t>CL 12 # 5 A - 10 BRR CENTRO</t>
  </si>
  <si>
    <t>GIROS BAZAR CENTRAL</t>
  </si>
  <si>
    <t>CL 12 B # 8 - 29 LC 105 BRR EDIFICIO CENTRAL</t>
  </si>
  <si>
    <t>INTERBOX03</t>
  </si>
  <si>
    <t>CR 112 A BIS # 72 C - 15 BRR LA PERLA</t>
  </si>
  <si>
    <t>EDUARDO MEDELLIN</t>
  </si>
  <si>
    <t>CR 13 # 15 - 61 BRR CENTRO</t>
  </si>
  <si>
    <t>CASA DEL SEGUROS DEL LLANO</t>
  </si>
  <si>
    <t>CL 17 # 16 - 60 BRR PRIMERO DE JUNIO</t>
  </si>
  <si>
    <t>SALVHA SAS</t>
  </si>
  <si>
    <t>CR 19 # 28 60 LC 101 BRR GAITAN</t>
  </si>
  <si>
    <t>DON PAGO RUBIO STORE</t>
  </si>
  <si>
    <t>CL 21 # 16 A 66 BRR SANTA FE</t>
  </si>
  <si>
    <t>ICELL BUGA</t>
  </si>
  <si>
    <t>CR 15 # 6 75 BRR CHICO</t>
  </si>
  <si>
    <t>DON PAGO VARIEDADES VICTORIA</t>
  </si>
  <si>
    <t>CR 84 A # 69 A 05 BRR LA CLARITA</t>
  </si>
  <si>
    <t>CR 121 # 129 D 30 LC 19 BRR SUBA VILLAMARIA</t>
  </si>
  <si>
    <t>THE GARAGENET</t>
  </si>
  <si>
    <t>AV 13 # 31 - 57</t>
  </si>
  <si>
    <t>DIMONEX LOS TUNJOS</t>
  </si>
  <si>
    <t>CRA. 18C SUR #44 IBAGUE TOLIMA COLOMBIA</t>
  </si>
  <si>
    <t>SOLUCIONES PUNTO AZUL</t>
  </si>
  <si>
    <t>CR 41 CL 25A-27</t>
  </si>
  <si>
    <t xml:space="preserve">D LOGIC SYSTEMAS </t>
  </si>
  <si>
    <t>CR 16 3-7</t>
  </si>
  <si>
    <t>GLOBAL COMUNICACIONES</t>
  </si>
  <si>
    <t>CLL 8 # 14-17</t>
  </si>
  <si>
    <t xml:space="preserve">PAPELERIA Y MISELANEA LA NUEVA OPORTUNIDAD </t>
  </si>
  <si>
    <t>CRA 6 N 4 24 PISO 1</t>
  </si>
  <si>
    <t>TIENDA DE BELLEZA SHALOM</t>
  </si>
  <si>
    <t>CRA. 50A #54-33 NECOCLI ANTIOQUIA COLOMBIA</t>
  </si>
  <si>
    <t>DROGAS FARMASANAR CMM</t>
  </si>
  <si>
    <t>KR 79 NO 46 A SUR- 82</t>
  </si>
  <si>
    <t>MISCELANEA MIS 4 ANGELITOS</t>
  </si>
  <si>
    <t>CL 45 SUR NO 72 B- 28</t>
  </si>
  <si>
    <t xml:space="preserve">EL SOL </t>
  </si>
  <si>
    <t>K 3 N 3 10</t>
  </si>
  <si>
    <t>CARMEN PATRICIA VILLARREAL</t>
  </si>
  <si>
    <t>CRA 16B2-17 BOSQUE NORTE</t>
  </si>
  <si>
    <t>SOLUCIONES LG</t>
  </si>
  <si>
    <t>K 11 N 10 66</t>
  </si>
  <si>
    <t>VARIEDADES FUTURONET</t>
  </si>
  <si>
    <t>MATTISTIV</t>
  </si>
  <si>
    <t>CL 3 SUR # 12 21 BRR MIRADOR</t>
  </si>
  <si>
    <t>SUPERMERCADO Y CIGARRERIA SIMACOTA</t>
  </si>
  <si>
    <t>CL 17 SUR # 68 H 07 LC 2 BRR VILLA CLAUDIA</t>
  </si>
  <si>
    <t>SERVICIOS INMOBILIARIOS MYS PAPELERIA</t>
  </si>
  <si>
    <t>TV 18 BIS 13A SUR 05 LC 1</t>
  </si>
  <si>
    <t>TECNOCELL WC</t>
  </si>
  <si>
    <t>CLL 16 N 10 -78 CENTRO</t>
  </si>
  <si>
    <t>SMILE REPORTERIA</t>
  </si>
  <si>
    <t>CL 16 16-57</t>
  </si>
  <si>
    <t>SUPERMERCADO LOS BUILES</t>
  </si>
  <si>
    <t>CL 98 CR 50-60</t>
  </si>
  <si>
    <t xml:space="preserve">INTERNET Y PAPELERIA LA FLORESTA </t>
  </si>
  <si>
    <t>CL 8 NO 7 45</t>
  </si>
  <si>
    <t>FERRELECTRICOS EL HALCON</t>
  </si>
  <si>
    <t>CR 9 1 OA 82</t>
  </si>
  <si>
    <t>VISTA MARKET</t>
  </si>
  <si>
    <t>CL 32 # 13 52 LC 1 BRR TEUSAQUILLO</t>
  </si>
  <si>
    <t>CRA. 6 #13-3 LA MERCED CALDAS COLOMBIA</t>
  </si>
  <si>
    <t>LA CARINOSITA</t>
  </si>
  <si>
    <t>CR 11 17-30</t>
  </si>
  <si>
    <t>FERROVARIEDADES SAMUEL</t>
  </si>
  <si>
    <t>CARRERA 3 #3 BERRUECOS ARBOLEDA NARINO COLOMBIA</t>
  </si>
  <si>
    <t>TIEND DEPORTIVA SUPER GOL</t>
  </si>
  <si>
    <t>CLL 5</t>
  </si>
  <si>
    <t>CLARO PUNTO RED</t>
  </si>
  <si>
    <t>FARMABLUE QUIRINAL</t>
  </si>
  <si>
    <t>CL 60 NO 57 A-44LC108</t>
  </si>
  <si>
    <t>PAPELERIA VILLA VERDE</t>
  </si>
  <si>
    <t>K 7 2-04</t>
  </si>
  <si>
    <t>PAPELERIA Y VARIEDADES 7</t>
  </si>
  <si>
    <t>KR 5 113 SUR 22</t>
  </si>
  <si>
    <t>PAPELERIA FANAMERICANA</t>
  </si>
  <si>
    <t>CL 6 # 06 42 P 1 BRR CASCO URBANO</t>
  </si>
  <si>
    <t>SCANNER MARIA PAULA</t>
  </si>
  <si>
    <t>CRA 23 SUR NO 87-08 PARQUE</t>
  </si>
  <si>
    <t>VARIEDADES ALESCA</t>
  </si>
  <si>
    <t>CL 77 NO 69 P 74</t>
  </si>
  <si>
    <t>BRR LA ALHAMBRA MZ D CA 1</t>
  </si>
  <si>
    <t>CACHARRERIA SAN MIGUEL</t>
  </si>
  <si>
    <t>CR 76 CL 13 APTO 2 H3595</t>
  </si>
  <si>
    <t>ASESORIAS  CAFENET LA OFICINA</t>
  </si>
  <si>
    <t>CR 12 5 23 SAN PEDRO SA</t>
  </si>
  <si>
    <t>VARIEDADES F Y E</t>
  </si>
  <si>
    <t>CRA 10 17-58 ED TOME CENTRAL, LOCAL 104 PERTIRA</t>
  </si>
  <si>
    <t>LIBRACREDIT</t>
  </si>
  <si>
    <t>C 14N 10 - 72 L 216</t>
  </si>
  <si>
    <t>GRAFICANDO JJ</t>
  </si>
  <si>
    <t>KR 115 NO 151 C-76AP 101</t>
  </si>
  <si>
    <t>PAPELERIA OROCOPIAS</t>
  </si>
  <si>
    <t>CLL 30 N 29A-115 LOS PINOS</t>
  </si>
  <si>
    <t>VARIEDADESSILVIAPEREZ</t>
  </si>
  <si>
    <t>PAPELERIA ALEXA  BARBOSA</t>
  </si>
  <si>
    <t>CR 17 CL 17-49</t>
  </si>
  <si>
    <t>VARIEDADES SUGAR PATTY</t>
  </si>
  <si>
    <t>ONLINE TECNOLOGY</t>
  </si>
  <si>
    <t>CL PARQUE PRINCIPAL</t>
  </si>
  <si>
    <t>VARIEDADES SULY</t>
  </si>
  <si>
    <t>CL 24 12A 21 MZ KF CS 25 LC BRR OLIMPICO</t>
  </si>
  <si>
    <t>HIPERDROGUERIA AURORA</t>
  </si>
  <si>
    <t>TV 14R BIS A 69A SUR 90</t>
  </si>
  <si>
    <t>HYR</t>
  </si>
  <si>
    <t>C COLPATINA</t>
  </si>
  <si>
    <t>PAPELERIA Y PINATERIA P Y S</t>
  </si>
  <si>
    <t>CL 59 BIS SUR 47 83</t>
  </si>
  <si>
    <t>ESTICELL TEGNOLOGIA  COMUNICACIONES</t>
  </si>
  <si>
    <t>CR 7 # 6 B 11 CA LOCAL 1 BRR EL COLEGIO - CASCOURBANO</t>
  </si>
  <si>
    <t>DROGUERIA GRANADA</t>
  </si>
  <si>
    <t>CLL 10 8 21</t>
  </si>
  <si>
    <t>DROGUERIA AHORRAMAX VG</t>
  </si>
  <si>
    <t>GUSER COMPUTADORES 2</t>
  </si>
  <si>
    <t>CR 67 CL 41 C SUR-24</t>
  </si>
  <si>
    <t>LUCERO GARCES</t>
  </si>
  <si>
    <t>CL 1 5 113 MANZANA P CA</t>
  </si>
  <si>
    <t>GISEL DAYANNA RICO MORALES</t>
  </si>
  <si>
    <t>CR 34 # 03 52 BRR PIAMONTE</t>
  </si>
  <si>
    <t>LA CASA DEL REGALO</t>
  </si>
  <si>
    <t>CR 55 A # 165 A 08 LC BRR SAN CIPRIANO NORTE</t>
  </si>
  <si>
    <t>ESTEBAN CASTAÑEDA</t>
  </si>
  <si>
    <t>CL 31 S # 10 D 16 LC PAGARAPIDO BRR COUNTRY SUR</t>
  </si>
  <si>
    <t>RESGUARDO EMPRESAS Y TRABAJADORES</t>
  </si>
  <si>
    <t>AV 63 # 110 24 LC BRR VILLAS DEL DORADO</t>
  </si>
  <si>
    <t>PAPELERIA TYM CHAPINERO</t>
  </si>
  <si>
    <t>CR 15 # 75 42 LM LC BRR EL LAGO</t>
  </si>
  <si>
    <t>DROGUERIA CENTRA LA 40 SUR</t>
  </si>
  <si>
    <t>CL 40 SUR # 7 C 67 BRR SAN NICOLAS</t>
  </si>
  <si>
    <t>MULTIVARIEDADES OMMED</t>
  </si>
  <si>
    <t>CARRERA 33A NO 7-06</t>
  </si>
  <si>
    <t>JULIAN GUSTAVO CANON SERRATO</t>
  </si>
  <si>
    <t>MISCELANEA Y ALMACEN MULTISERVICIOS ABC</t>
  </si>
  <si>
    <t>CR 12 # 1 B 12 BRR SANTA BARBARA</t>
  </si>
  <si>
    <t>MAVOTEC</t>
  </si>
  <si>
    <t>CL 4 CRA 4 - 17 BRR GUACAMAYAL</t>
  </si>
  <si>
    <t>ZONA BLACKBERRY PLUS</t>
  </si>
  <si>
    <t>CL 12 # 2 3 BRR DIAMANTE</t>
  </si>
  <si>
    <t>MARIA GILMA  OLAYA POSADA</t>
  </si>
  <si>
    <t>CR 2 SUR # 25 27 BRR LAS FERIAS</t>
  </si>
  <si>
    <t>MANUEL BENJAMIN  ARTETA MOLINA</t>
  </si>
  <si>
    <t>CL 7 # 5 81 BRR CALLE NUEVA</t>
  </si>
  <si>
    <t>ELVER ENRRIQUE EGUIS NAVARRO</t>
  </si>
  <si>
    <t>CR 3 # 31 90 BRR MANZANARES</t>
  </si>
  <si>
    <t>GLENDA YAMILE  SABOGAL TAPIERO</t>
  </si>
  <si>
    <t>CRA 4 33C-54</t>
  </si>
  <si>
    <t>VARIEDADES INTERNET SOFIA</t>
  </si>
  <si>
    <t>CR 2 # 7 32 BRR CENTRO</t>
  </si>
  <si>
    <t>VARIEDADES NINFA</t>
  </si>
  <si>
    <t>MZ E CA 3 BRR MILAGRO DE RIOS</t>
  </si>
  <si>
    <t>VDA LA HORMIGA CA 10 - 20 BRR RUIROQUE BAJO</t>
  </si>
  <si>
    <t>MOVILPAGOS</t>
  </si>
  <si>
    <t>CR 3 N 41-107</t>
  </si>
  <si>
    <t>SON DELICIAS</t>
  </si>
  <si>
    <t>CRA 3 #2-37 BARRIO CAMPANARIO SAN MATEO</t>
  </si>
  <si>
    <t>SERVIWEB KAROL PAPELERIA Y SERVICIOS</t>
  </si>
  <si>
    <t>AV 8 OESTE # 22 30 BRR TERRON COLORADO ALTO AGUACATAL</t>
  </si>
  <si>
    <t>CR 1 E # 1 B 43 BRR PUEBLO NUEVO</t>
  </si>
  <si>
    <t>CL 2 # 1 A 51 BRR NEIVA</t>
  </si>
  <si>
    <t>EL MUNDO DE LA GAFA Y MAS</t>
  </si>
  <si>
    <t>MZ 21 - 06 URB NUEVA TEBAIDA BRR TEBAIDA</t>
  </si>
  <si>
    <t>CL 4 # 5 66 BRR CENTRO</t>
  </si>
  <si>
    <t>PUNTOSERVIS COMERCIO SUPE SANTA ROSA 3</t>
  </si>
  <si>
    <t>CL 12 # 13 53 BRR SANTA ROSA</t>
  </si>
  <si>
    <t>PAPELERIA Y VARIEDADES MM</t>
  </si>
  <si>
    <t>CL 25 # 17D-15 PISO 1</t>
  </si>
  <si>
    <t>PPELITOS GAVA</t>
  </si>
  <si>
    <t>CL 4 # 4 07 BRR CENTRO</t>
  </si>
  <si>
    <t>PUNTO CELL  1</t>
  </si>
  <si>
    <t>CL 17 # 98 - 93 BRR FONTIBON</t>
  </si>
  <si>
    <t>PAPELERIA  NISSI NET</t>
  </si>
  <si>
    <t>CL 71 # 1 A - 13 BRR SAN LUIS</t>
  </si>
  <si>
    <t>CESAR ALDEMAR ORTIZ</t>
  </si>
  <si>
    <t>CR 9 A # 78 - 21 BRR LA ANDREA</t>
  </si>
  <si>
    <t>DROGUERIA BARRIO NUEVO</t>
  </si>
  <si>
    <t>CR 13 # 12 102 BRR SAN PABLO</t>
  </si>
  <si>
    <t>PAPELERIA SJZ</t>
  </si>
  <si>
    <t>CL 188 # 12 A - 28 BRR VERBENAL</t>
  </si>
  <si>
    <t>ZONA Z</t>
  </si>
  <si>
    <t>CR 11 # 11 83 BRR SUAREZ</t>
  </si>
  <si>
    <t>YORLENY LUNA ALVAREZ</t>
  </si>
  <si>
    <t>CR 83 # 4 C 37 BRR SAN FERNANDO SECT B</t>
  </si>
  <si>
    <t>VARIEDADES JONY</t>
  </si>
  <si>
    <t>CL 7 A # 2 - 21 BRR UNION</t>
  </si>
  <si>
    <t>CL 49 B SUR # 5 H BIS B 108 BRR MOLNOS DEL SUR</t>
  </si>
  <si>
    <t>CR 14 # 45 87 BRR CHORRERA DE DON JUAN</t>
  </si>
  <si>
    <t>FYSCO SEGUROS LTDA</t>
  </si>
  <si>
    <t>CR 6 A # 66 95 AP 101 BRR PARQUES DEL NOGAL</t>
  </si>
  <si>
    <t>FARMAGOLD</t>
  </si>
  <si>
    <t>SEC LA PLAZA BRR LA PLAYITA</t>
  </si>
  <si>
    <t>COMPUVENTA MORA</t>
  </si>
  <si>
    <t>CL 30 # 1 - 140 BRR SAN MATEO SOACHA</t>
  </si>
  <si>
    <t>CBR TRAMITES Y SEGUROS</t>
  </si>
  <si>
    <t>CL 25 # 16 - 18 BRR CENTRO</t>
  </si>
  <si>
    <t>PAPELERIA KIMBERLY LA VEGA</t>
  </si>
  <si>
    <t>CR 8 # 19 A - 25 BRR CENTRO</t>
  </si>
  <si>
    <t>ASESORIAS Y MULTISERVICIOS SILVANA</t>
  </si>
  <si>
    <t>LA ESENCIA DEL COSMETICO</t>
  </si>
  <si>
    <t>CR 22 # 3 10 BRR LA SABANITA</t>
  </si>
  <si>
    <t>MISCELANEA Y PAPELERIA EDITH Y ALIN</t>
  </si>
  <si>
    <t>TV 73 L # 73 C - 25 SUR BRR SIERRA MORENA 2 SECTOR</t>
  </si>
  <si>
    <t>PAU LAS MERCEDES</t>
  </si>
  <si>
    <t>AV 7 # 5 55 LC 239 BRR EL CALLEJON</t>
  </si>
  <si>
    <t>TIENDA LIDA</t>
  </si>
  <si>
    <t>CRA. 5 #26-136 QUIBDO CHOCO COLOMBIA</t>
  </si>
  <si>
    <t>PAPELERIA Y VARIEDADES YOLIMA</t>
  </si>
  <si>
    <t>CL. 12 #3-59 SILVANIA CUNDINAMARCA COLOMBIA</t>
  </si>
  <si>
    <t>COMUNICACIONES EL PASAJE</t>
  </si>
  <si>
    <t>CRA. 30 #36 SOACHA CUNDINAMARCA COLOMBIA</t>
  </si>
  <si>
    <t>DROGUERIA LAS FLORES DYF</t>
  </si>
  <si>
    <t>CL. 10A #5-3 JAMUNDI VALLE DEL CAUCA COLOMBIA</t>
  </si>
  <si>
    <t>DAGO MAX</t>
  </si>
  <si>
    <t>DE SUMINISTRO</t>
  </si>
  <si>
    <t xml:space="preserve">PUNTO DE SERVICIO LPAGA TODO </t>
  </si>
  <si>
    <t>KR 7ESTE NO 30- 60 AP SOACHA</t>
  </si>
  <si>
    <t>LIFE LED JL</t>
  </si>
  <si>
    <t>CL. 73B SUR #79D-4 BOGOTA COLOMBIA</t>
  </si>
  <si>
    <t xml:space="preserve">EDSELPEAJEGMAILCOM </t>
  </si>
  <si>
    <t>CL. 21 #12-2 CAMPO ALEGRE CAMPOALEGRE HUILA COLOMBIA</t>
  </si>
  <si>
    <t>LA ESQUINA DEL POLI</t>
  </si>
  <si>
    <t>CL. 10 #22-03 SAN JOSE DEL GUAVIARE GUAVIARE COLOMBIA</t>
  </si>
  <si>
    <t xml:space="preserve">MUNDO COSMETICO </t>
  </si>
  <si>
    <t>CRA. 78C #73A SUR-20 BOGOTA COLOMBIA</t>
  </si>
  <si>
    <t>LUNA LUNERA ALMACEN Y TIENDA DEL PELUQUERO</t>
  </si>
  <si>
    <t>CR 23 22 20 BQ1 IN102</t>
  </si>
  <si>
    <t>DROGUERIA ANA MARIA RB</t>
  </si>
  <si>
    <t>KR 14CL6S 60 SANCARLOS TUNJA</t>
  </si>
  <si>
    <t>CIBERNET</t>
  </si>
  <si>
    <t>CL. 7 #4-46 SANTUARIO RISARALDA COLOMBIA</t>
  </si>
  <si>
    <t>DROGUERIA EL PALACIO</t>
  </si>
  <si>
    <t>CL. 16 #2515 LA CEJA ANTIOQUIA COLOMBIA</t>
  </si>
  <si>
    <t>PAPELERIA CAMILA</t>
  </si>
  <si>
    <t>CRA. 9 #49-6 PUERTO BERRIO ANTIOQUIA COLOMBIA</t>
  </si>
  <si>
    <t xml:space="preserve">DROGUERIA GEMA </t>
  </si>
  <si>
    <t>TV. 2 #17A-2 PENOL ANTIOQUIA COLOMBIA</t>
  </si>
  <si>
    <t>JUANCELL</t>
  </si>
  <si>
    <t>CRA. 6 #10-37 QUIMBAYA QUINDIO COLOMBIA</t>
  </si>
  <si>
    <t xml:space="preserve">MINIMARKET EL AHORRADOR </t>
  </si>
  <si>
    <t>CL. 22 #15-48 CUCUTA NORTE DE SANTANDER COLOMBIA</t>
  </si>
  <si>
    <t>GEETRONIX SERVICIOS Y TECNOLOGIA</t>
  </si>
  <si>
    <t>TV. 42D #56-93 BARRANCABERMEJA SANTANDER COLOMBIA</t>
  </si>
  <si>
    <t>HTTPKALAVASNET</t>
  </si>
  <si>
    <t>CL 8C 28B-59 CS 11 C</t>
  </si>
  <si>
    <t xml:space="preserve">KUCHITERIA SEBAS </t>
  </si>
  <si>
    <t>CL. 63A SUR #72-79 BOGOTA COLOMBIA</t>
  </si>
  <si>
    <t>V  C MISCELANEA Y SERVICIOS</t>
  </si>
  <si>
    <t>CRA 1W1AN5LOC2URB REFUGIO</t>
  </si>
  <si>
    <t xml:space="preserve">DD PAPELERIA CENTRO DE SOLUCIONES </t>
  </si>
  <si>
    <t>CL 11 6 23</t>
  </si>
  <si>
    <t>SAN ALEJO GASTRO BAR</t>
  </si>
  <si>
    <t>KR 69A 57F SUR 53</t>
  </si>
  <si>
    <t>OLGA AGUILERA</t>
  </si>
  <si>
    <t>DOMICILIOS HENSA</t>
  </si>
  <si>
    <t>CALLE 14 ##44B-28 VILLAVICENCIO META COLOMBIA</t>
  </si>
  <si>
    <t>TECNO FEN</t>
  </si>
  <si>
    <t>CRA. 117 H #63B-39 MEDELLIN SAN CRISTOBAL MEDELLIN ANTIOQUIA COLOMBIA</t>
  </si>
  <si>
    <t>TODO LUJOS</t>
  </si>
  <si>
    <t>CL 8 NO 33 - 81</t>
  </si>
  <si>
    <t xml:space="preserve">WINGZ BURGER </t>
  </si>
  <si>
    <t>CL. 1A BIS #7B ESTE-66 BOGOTA COLOMBIA</t>
  </si>
  <si>
    <t>EL TREBOL PAPELERIA Y MISCELANEA SALOFER</t>
  </si>
  <si>
    <t>CL. 42 SUR #22A-42 BOGOTA COLOMBIA</t>
  </si>
  <si>
    <t>DISTRIFARMEDI</t>
  </si>
  <si>
    <t>CRA. 3 #16-10 CHIQUINQUIRA BOYACA COLOMBIA</t>
  </si>
  <si>
    <t>BOUTIQUE CANGURO BABY</t>
  </si>
  <si>
    <t>CL. 35A SUR #29-3 BOGOTA COLOMBIA</t>
  </si>
  <si>
    <t>LAS PIJAMAS DE LIS</t>
  </si>
  <si>
    <t>CR 4 # 3 13 BRR BRISAS DEL RIO</t>
  </si>
  <si>
    <t>CRUSTACEO CASCARUDO</t>
  </si>
  <si>
    <t>CL. 4 #5-47 PAUNA BOYACA COLOMBIA</t>
  </si>
  <si>
    <t>EXPRESIONES LOVE</t>
  </si>
  <si>
    <t>CL. 89 #81-19 CHIGORODO CHIGORODO ANTIOQUIA COLOMBIA</t>
  </si>
  <si>
    <t>CL. 157A #92-80 BOGOTA COLOMBIA</t>
  </si>
  <si>
    <t>LAURENN</t>
  </si>
  <si>
    <t>CRA. 5 #827 CERRITO SANTANDER COLOMBIA</t>
  </si>
  <si>
    <t>INNOVADORA DE SERVICIOS JR</t>
  </si>
  <si>
    <t>CRA. 3 #6-2 MESITAS DEL COLEGIO CUNDINAMARCA COLOMBIA</t>
  </si>
  <si>
    <t xml:space="preserve">SURTIVARIEDADES </t>
  </si>
  <si>
    <t>CL. 9 #8-86 UBATE VILLA DE SAN DIEGO DE UBATE CUNDINAMARCA COLOMBIA</t>
  </si>
  <si>
    <t>A TEMPO SALA DE ENSAYOS</t>
  </si>
  <si>
    <t>CR 16 # 51 17 BRR COLOMBIA - BARRANCABERMEJA</t>
  </si>
  <si>
    <t xml:space="preserve">SANDRA SUAREZ RAMOS </t>
  </si>
  <si>
    <t>CRA. 6 #5-30 CAJICA EL TEJAR CAJICA CUNDINAMARCA COLOMBIA</t>
  </si>
  <si>
    <t>MISCELANEA Y PAPELERIA MONKANA</t>
  </si>
  <si>
    <t>CRA. 9 #60-02 BUCARAMANGA SANTANDER COLOMBIA</t>
  </si>
  <si>
    <t>CALZADO COLOMBIA MIX</t>
  </si>
  <si>
    <t xml:space="preserve">TECNOLOGIA RENOVADA </t>
  </si>
  <si>
    <t>CRA. 10 #21-24 AGUSTIN CODAZZI CESAR COLOMBIA</t>
  </si>
  <si>
    <t>CL. 47B SUR #45-1 BOGOTA COLOMBIA</t>
  </si>
  <si>
    <t>PAPELERIA MAGIC</t>
  </si>
  <si>
    <t>CRA. 109A #136B-4 BOGOTA COLOMBIA</t>
  </si>
  <si>
    <t>ANDY DETYSOR</t>
  </si>
  <si>
    <t>CRA. 104B #22J-53 BOGOTA COLOMBIA</t>
  </si>
  <si>
    <t>CELUVARIEDADES MYF</t>
  </si>
  <si>
    <t>CR 6 8E-30</t>
  </si>
  <si>
    <t>INTERRAPIDISIMO VALE</t>
  </si>
  <si>
    <t>CRA. 10 #17-54 ZIPAQUIRA CUNDINAMARCA COLOMBIA</t>
  </si>
  <si>
    <t>AKKU</t>
  </si>
  <si>
    <t>CRA 35 38 22 LOC 02 EL PRADO</t>
  </si>
  <si>
    <t>MEGANET 3</t>
  </si>
  <si>
    <t>AV. CDAD. DE VILLAVICENCIO #80I-16 BOGOTA COLOMBIA</t>
  </si>
  <si>
    <t>PAPELERIA NELSON</t>
  </si>
  <si>
    <t>CL. 5 #7-28 CAJICA EL TEJAR CAJICA CUNDINAMARCA COLOMBIA</t>
  </si>
  <si>
    <t xml:space="preserve">FARMA AHORRO GM </t>
  </si>
  <si>
    <t>SERVICEL MARIO</t>
  </si>
  <si>
    <t>CRA. 6 #5-55 VILLAGARZON PUTUMAYO COLOMBIA</t>
  </si>
  <si>
    <t>COMPUSERVI LEON</t>
  </si>
  <si>
    <t>CL. 15 #3-68 CUCUTA NORTE DE SANTANDER COLOMBIA</t>
  </si>
  <si>
    <t>CELUMOVILSTANLY</t>
  </si>
  <si>
    <t>CL 45 SUR NO</t>
  </si>
  <si>
    <t>PINATERIA Y PAPELERIA LA REINITA</t>
  </si>
  <si>
    <t>CRA. 17 #31-19 VILLAVICENCIO META COLOMBIA</t>
  </si>
  <si>
    <t>FYCJ COMUNICACIONES</t>
  </si>
  <si>
    <t>CRA. 75I #62 SUR-57 BOGOTA COLOMBIA</t>
  </si>
  <si>
    <t>MUNDO TECNOLOGICO</t>
  </si>
  <si>
    <t>CRA. 7 #8-18 LETICIA AMAZONAS COLOMBIA</t>
  </si>
  <si>
    <t>GRAN PAPELERIA 116</t>
  </si>
  <si>
    <t>AV. PEPE SIERRA #53-11 BOGOTA COLOMBIA</t>
  </si>
  <si>
    <t xml:space="preserve">PAPELERIA Y VARIEDADES EL PUNTO DE ELUNEY </t>
  </si>
  <si>
    <t>CL. 73 #17-156 BARRANCABERMEJA SANTANDER COLOMBIA</t>
  </si>
  <si>
    <t>LA ESQUINA DEL VECI</t>
  </si>
  <si>
    <t>CL. 64 #8-1 BOGOTA COLOMBIA</t>
  </si>
  <si>
    <t xml:space="preserve">TIENDA MIXTA PUNTO AZUL </t>
  </si>
  <si>
    <t>CL. 19 #19-1 CUCUTA NORTE DE SANTANDER COLOMBIA</t>
  </si>
  <si>
    <t>SALON DE BELLEZA VICTORIA FASHION LA LLANADA</t>
  </si>
  <si>
    <t xml:space="preserve">SUPERMERCADOS COLOSAL </t>
  </si>
  <si>
    <t>CRA. 128 #142D-74 BOGOTA COLOMBIA</t>
  </si>
  <si>
    <t>LA VECI</t>
  </si>
  <si>
    <t>CL. 17 #327 COTA CUNDINAMARCA COLOMBIA</t>
  </si>
  <si>
    <t>MATIASCOM</t>
  </si>
  <si>
    <t>CRA. 41E #40-213 CALI VALLE DEL CAUCA COLOMBIA</t>
  </si>
  <si>
    <t>VARIEDADES DALI</t>
  </si>
  <si>
    <t>CRA. 113 #16H-16 BOGOTA COLOMBIA</t>
  </si>
  <si>
    <t>PAPERLIZ</t>
  </si>
  <si>
    <t>TV. 8 #10-45 GARAGOA BOYACA COLOMBIA</t>
  </si>
  <si>
    <t>LA FARMA DROGUERIA Y MINIMARKET</t>
  </si>
  <si>
    <t>TV. 27A #19-47 VILLAVICENCIO META COLOMBIA</t>
  </si>
  <si>
    <t>DROGUERIA SA</t>
  </si>
  <si>
    <t>CRA. 72G #42 SUR-19 BOGOTA COLOMBIA</t>
  </si>
  <si>
    <t>COPYCENTRO</t>
  </si>
  <si>
    <t>CRA. 7 #7-21 FUSAGASUGA LA SERENA FUSAGASUGA CUNDINAMARCA COLOMBIA</t>
  </si>
  <si>
    <t>CAPIMARKET</t>
  </si>
  <si>
    <t>CL. 4 #386 LA CAPILLA BOYACA COLOMBIA</t>
  </si>
  <si>
    <t>O K COMUNICACIONES</t>
  </si>
  <si>
    <t>DG 45 BIS B SUR # 13 H 16 BRR SAN JORGE SUR</t>
  </si>
  <si>
    <t>TCOPIA</t>
  </si>
  <si>
    <t>CR 12 P # 22 143 BRR LA SONRISA - HONDA</t>
  </si>
  <si>
    <t xml:space="preserve">TIENDA LA 28 </t>
  </si>
  <si>
    <t>CRA. 1 #28-15 MAJAGUILLAL PUERTO GAITAN META COLOMBIA</t>
  </si>
  <si>
    <t>CR 3 CL 10 ESQ EDIFICIO GOBERNACION DEL TOLIMA 6 PISO BRR CENTRO</t>
  </si>
  <si>
    <t>MINIMERCADO DON JAMES</t>
  </si>
  <si>
    <t>CRA. 18I #78A SUR-75 BOGOTA COLOMBIA</t>
  </si>
  <si>
    <t xml:space="preserve">SUPERMERCADO EL NOPAL </t>
  </si>
  <si>
    <t>CRA. 5 #16-45 DUITAMA BOYACA COLOMBIA</t>
  </si>
  <si>
    <t xml:space="preserve">DROGUERIAS LA CANDELARIA </t>
  </si>
  <si>
    <t>CRA. 9 #2-2 CAJICA CUNDINAMARCA COLOMBIA</t>
  </si>
  <si>
    <t>DG. 55 SUR #5-6 BOGOTA COLOMBIA</t>
  </si>
  <si>
    <t xml:space="preserve">SALUD MIA DROGUERIA </t>
  </si>
  <si>
    <t>CL 68 3B-12 ARKANIZA 2 CS</t>
  </si>
  <si>
    <t>DISTRIBUIDORA DE BELLEZA SOFII</t>
  </si>
  <si>
    <t>CL. 138 #151-14 BOGOTA COLOMBIA</t>
  </si>
  <si>
    <t>DYD LASER Y 3D</t>
  </si>
  <si>
    <t>CL. 45 #27A-32 BOGOTA COLOMBIA</t>
  </si>
  <si>
    <t>SERVIWASH DEL LLANO</t>
  </si>
  <si>
    <t>TV. 26 #41A-111 VILLAVICENCIO META COLOMBIA</t>
  </si>
  <si>
    <t>TIENDA TRES REYES</t>
  </si>
  <si>
    <t>KR 11 C NO 9 SUR - 06</t>
  </si>
  <si>
    <t>PAPELERIA LA RAMBLA</t>
  </si>
  <si>
    <t>CRA 22 62 93 LOC LA RAMBLA - LA RAMBLA</t>
  </si>
  <si>
    <t>CIGARRERIA DON CIRO</t>
  </si>
  <si>
    <t>KR 80 H BIS NO 67 A SUR 57</t>
  </si>
  <si>
    <t xml:space="preserve">ENVIOS Y FOTOCOPIA ALEJANDRO </t>
  </si>
  <si>
    <t>CRA. 8 #17-60 BOGOTA COLOMBIA</t>
  </si>
  <si>
    <t>DROGUERIA SERVICIOS SOCIALES  PC</t>
  </si>
  <si>
    <t>TV DIGITAL</t>
  </si>
  <si>
    <t>CELTEC F</t>
  </si>
  <si>
    <t>CRA. 1C #6-48 CHINAVITA BOYACA COLOMBIA</t>
  </si>
  <si>
    <t>TD MOTUBER</t>
  </si>
  <si>
    <t>CR 30 C.# 1 G - 44</t>
  </si>
  <si>
    <t>TECNICELL  SOATA</t>
  </si>
  <si>
    <t>CR 5 9 38</t>
  </si>
  <si>
    <t>SOJO BALLOONS</t>
  </si>
  <si>
    <t>01 #15-104 SAN ANDRES SAN ANDRES Y PROVIDENCIA COLOMBIA</t>
  </si>
  <si>
    <t xml:space="preserve">DROGUERIA LA AMISTAD </t>
  </si>
  <si>
    <t>CL 17 18 6</t>
  </si>
  <si>
    <t>TIENDA Y VARIEDADES S  M</t>
  </si>
  <si>
    <t>CRA. 63 #61-131 BELLO ANTIOQUIA COLOMBIA</t>
  </si>
  <si>
    <t>PAPELERIA Y ACCESORIOS TECNO  TORRES</t>
  </si>
  <si>
    <t>CL. 5 #4-30 SAN EDUARDO BOYACA COLOMBIA</t>
  </si>
  <si>
    <t>INGENIERIA Y ASESORIAS LY</t>
  </si>
  <si>
    <t>C 25 32 06 ALAMEDA MONTERREY</t>
  </si>
  <si>
    <t xml:space="preserve">TECNOPIPE </t>
  </si>
  <si>
    <t>K 10 11 199 BIR EL PALMAR</t>
  </si>
  <si>
    <t>TRAMITAS</t>
  </si>
  <si>
    <t>CL 31 22-3 LOC 03</t>
  </si>
  <si>
    <t>DK SYSTEM TECHNOLOGY</t>
  </si>
  <si>
    <t>CRA 31 #51-49 PALMIRA VALLE DEL CAUCA COLOMBIA</t>
  </si>
  <si>
    <t>RESIDENCIAS RANGEL</t>
  </si>
  <si>
    <t>CARRERA 30 NO 41B- 12 LOCAL 4 LA GRAMA</t>
  </si>
  <si>
    <t>AUTOSERVICIO PABLO VI</t>
  </si>
  <si>
    <t>CL 57B 50 31 LC 6</t>
  </si>
  <si>
    <t>BOUTIQUE DE MASCOTAS</t>
  </si>
  <si>
    <t>CL. 14 #16-20 SOACHA CUNDINAMARCA COLOMBIA</t>
  </si>
  <si>
    <t>CALMOR</t>
  </si>
  <si>
    <t>CRA. 53A #123-24 BOGOTA COLOMBIA</t>
  </si>
  <si>
    <t>COMUNICACIONES PEPE 2</t>
  </si>
  <si>
    <t>CL 22 # 20 02 BRR PRIMAVERA</t>
  </si>
  <si>
    <t xml:space="preserve">VARIEDADES HELEN </t>
  </si>
  <si>
    <t>CALLE 9 # 23-54 APTO</t>
  </si>
  <si>
    <t>CL 6 15 170</t>
  </si>
  <si>
    <t>FERRETERIA LA PLAYA</t>
  </si>
  <si>
    <t>CL 12 N 10 62</t>
  </si>
  <si>
    <t>TRANSCRIPCOPIAS LA</t>
  </si>
  <si>
    <t>CL 30 CR 53-18</t>
  </si>
  <si>
    <t>HIPER DROGUERIA RECREO MA</t>
  </si>
  <si>
    <t>KR 98 B NO 69 SUR - 49 CA 19</t>
  </si>
  <si>
    <t xml:space="preserve">VARIEDADES DONDE GALINDO LA TEBAIDA </t>
  </si>
  <si>
    <t>C 6229707</t>
  </si>
  <si>
    <t>MESITAS COFFEE  BAR</t>
  </si>
  <si>
    <t>CRA. 8 #5-4 MESITAS DEL COLEGIO CUNDINAMARCA COLOMBIA</t>
  </si>
  <si>
    <t>PAPELERIA OLAM</t>
  </si>
  <si>
    <t>KR 12 BIS NO 26 B SUR 31</t>
  </si>
  <si>
    <t>UNIVERSAL PREMIUM</t>
  </si>
  <si>
    <t>CL. 14 #10-67 FLORENCIA CAQUETA COLOMBIA</t>
  </si>
  <si>
    <t>MASIVOS CODABAS</t>
  </si>
  <si>
    <t>CR 7 # 180 75 MD 4 LOCAL 0 BRR SAN ANTONIO NORTE</t>
  </si>
  <si>
    <t>PAPELERIA Y VARIEDADES YEICY</t>
  </si>
  <si>
    <t>CRA. 11A #49A SUR-2 BOGOTA COLOMBIA</t>
  </si>
  <si>
    <t>TIENDA DE DETALLES Y PAPELERIA LALU</t>
  </si>
  <si>
    <t>CRA. 13 #20-5 OVEJAS SUCRE COLOMBIA</t>
  </si>
  <si>
    <t>CONEXION MP</t>
  </si>
  <si>
    <t>KR. 6 #76B SUR-47 BOGOTA COLOMBIA</t>
  </si>
  <si>
    <t xml:space="preserve">MERCADOS DEL CASTILLO </t>
  </si>
  <si>
    <t>AGUANICA #17 CAJICA EL TEJAR CAJICA CUNDINAMARCA COLOMBIA</t>
  </si>
  <si>
    <t>CICLO LUNA</t>
  </si>
  <si>
    <t>CRA. 10 #15-45 SAN PABLO BOLIVAR COLOMBIA</t>
  </si>
  <si>
    <t>GLOBAL CELL SERVICE</t>
  </si>
  <si>
    <t>CRA. 83 #98CC-3 MEDELLIN DOCE DE OCTUBRE MEDELLIN ANTIOQUIA COLOMBIA</t>
  </si>
  <si>
    <t>MISCELANEA Y PAPELERIA WITY</t>
  </si>
  <si>
    <t>CRA. 6A ESTE #33-13 SOACHA CUNDINAMARCA COLOMBIA</t>
  </si>
  <si>
    <t>MULTISERVICIOS LLORENTE</t>
  </si>
  <si>
    <t>CL. 30 #9 TUMACO SAN ANDRES DE TUMACO NARINO COLOMBIA</t>
  </si>
  <si>
    <t>OLIMPINET</t>
  </si>
  <si>
    <t>CRA. 9 #23 NORTE-80 POPAYAN CAUCA COLOMBIA</t>
  </si>
  <si>
    <t>ELMURODEBERLYN</t>
  </si>
  <si>
    <t>CRA. 78D #47A SUR-15 BOGOTA COLOMBIA</t>
  </si>
  <si>
    <t>PAPELERIA Y VARIEDADES REYES CONTRERAS</t>
  </si>
  <si>
    <t>ALMACEN LA PARABOLICA</t>
  </si>
  <si>
    <t>ALMACEN PARABOLICO 20</t>
  </si>
  <si>
    <t>TECNO IRSVEN</t>
  </si>
  <si>
    <t>CRA. 5 #684 RESTREPO META COLOMBIA</t>
  </si>
  <si>
    <t>DINA LUZ RIVAS</t>
  </si>
  <si>
    <t>CR 22 N 20 90</t>
  </si>
  <si>
    <t>AZUR FERRETERIA</t>
  </si>
  <si>
    <t>CL 55-74 PI1-101 BELALCAZAR YUMBO VA</t>
  </si>
  <si>
    <t xml:space="preserve">KAIROS BELLEZA Y ACCESORIOS </t>
  </si>
  <si>
    <t>CRA 11 # 22 56 SUR RICAURTE</t>
  </si>
  <si>
    <t>TRAMITES YURY SEVILLANA</t>
  </si>
  <si>
    <t>CARRERA 30 CON AVENIDA 19- LOCAL B1 AL</t>
  </si>
  <si>
    <t>MISCELANEA Y PAPELERIA MYM</t>
  </si>
  <si>
    <t>KR 13 THNO9SUR-73</t>
  </si>
  <si>
    <t xml:space="preserve">HOME STORE MULTISERVICIOS </t>
  </si>
  <si>
    <t>CL. 6 #5A-29 DOLORES TOLIMA COLOMBIA</t>
  </si>
  <si>
    <t>CELLSHOPRYA</t>
  </si>
  <si>
    <t>CL 5 5-25</t>
  </si>
  <si>
    <t>DROGUERIA MEJORANA</t>
  </si>
  <si>
    <t>CL 20 # 10 14 BRR LOS LIBERTADORES</t>
  </si>
  <si>
    <t>VARIEDADES NOVACELL</t>
  </si>
  <si>
    <t>CRA. 16 #26-27 SOACHA CUNDINAMARCA COLOMBIA</t>
  </si>
  <si>
    <t xml:space="preserve">MERKEARCOMCO </t>
  </si>
  <si>
    <t>CL. 10 #12A-3 AGUSTIN CODAZZI CESAR COLOMBIA</t>
  </si>
  <si>
    <t xml:space="preserve">PAPELERIA MM </t>
  </si>
  <si>
    <t>CR 10 03 BRR CENT</t>
  </si>
  <si>
    <t xml:space="preserve">DULCERIA Y DESECHABLES DISTRIPACHO </t>
  </si>
  <si>
    <t>CRA. 15 #7-52 PACHO CUNDINAMARCA COLOMBIA</t>
  </si>
  <si>
    <t>PAPELERIA Y MISCELANEA INTERMONIK</t>
  </si>
  <si>
    <t>CL 2 # 12 68 BRR QUEBRADITAS</t>
  </si>
  <si>
    <t>RUTA 91</t>
  </si>
  <si>
    <t>CL. 13 #11-52 SANTA ROSA DE CABAL RISARALDA COLOMBIA</t>
  </si>
  <si>
    <t>CL 22 # CR 6 - 103 LOC 05 BRR EL CENTRO SANTA MARTA</t>
  </si>
  <si>
    <t>SERVICIOS POSTALES DE ARIZONA</t>
  </si>
  <si>
    <t>AK. 58 #167-58 BOGOTA COLOMBIA</t>
  </si>
  <si>
    <t>GREEN ANIMALS</t>
  </si>
  <si>
    <t>KR 53 C BIS NO 5-58</t>
  </si>
  <si>
    <t>MUNDO CYBER 2</t>
  </si>
  <si>
    <t>ANA ISABEL GALEANO P</t>
  </si>
  <si>
    <t>AV. 3 ESTE #614 CUCUTA NORTE DE SANTANDER COLOMBIA</t>
  </si>
  <si>
    <t>TELECABINAS LA MARINA COM</t>
  </si>
  <si>
    <t>CL. 6 #4-90 LA MARINA TULUA VALLE DEL CAUCA COLOMBIA</t>
  </si>
  <si>
    <t>DROGUERIA Y NOVEDADES ANDINA PLUS</t>
  </si>
  <si>
    <t>CL. 60 #15-56 BARRANQUILLA ATLANTICO COLOMBIA</t>
  </si>
  <si>
    <t>CRISTO TE AMA PAPELERIA</t>
  </si>
  <si>
    <t>CRA. 83A #73-69 CARTAGENA DE INDIAS PROVINCIA DE CARTAGENA BOLIVAR COLOMBIA</t>
  </si>
  <si>
    <t>CL. 2 #14-43 PAILITAS CESAR COLOMBIA</t>
  </si>
  <si>
    <t>PAPELERIA E INTERNET MD</t>
  </si>
  <si>
    <t>CL. 26 #31-24 YOPAL CASANARE COLOMBIA</t>
  </si>
  <si>
    <t xml:space="preserve">LOTO SPA </t>
  </si>
  <si>
    <t>CRA. 15 #4-102 GUADALAJARA DE BUGA VALLE DEL CAUCA COLOMBIA</t>
  </si>
  <si>
    <t>MISCELANEA DG</t>
  </si>
  <si>
    <t>CL 1 SUR # 5 24 BRR CENTRO</t>
  </si>
  <si>
    <t>DISTRIBUIDORA Y COMERCIALIZADORA WES</t>
  </si>
  <si>
    <t>KR 90 NO 145-28</t>
  </si>
  <si>
    <t>AC. 100 #45-60 BOGOTA COLOMBIA</t>
  </si>
  <si>
    <t xml:space="preserve">GIROS Y ENVIOS YUDY </t>
  </si>
  <si>
    <t>CRA. 7 ESTE #95 SUR-86 BOGOTA COLOMBIA</t>
  </si>
  <si>
    <t>INVERSIONES RIGGEL</t>
  </si>
  <si>
    <t>CRA. 3 ESTE #6G-7 BOGOTA COLOMBIE</t>
  </si>
  <si>
    <t xml:space="preserve">TIENDA CAROLINA </t>
  </si>
  <si>
    <t>DG 56 A SUR NO 84 A - 10</t>
  </si>
  <si>
    <t>AUTOSERVICIO 1AB</t>
  </si>
  <si>
    <t>CRA 1B # 6-13</t>
  </si>
  <si>
    <t>VARIEDADES  ENCAJE MP</t>
  </si>
  <si>
    <t>REVISTAS RVC</t>
  </si>
  <si>
    <t>GALAXY 86</t>
  </si>
  <si>
    <t>TV 87 BIS A NO 58 D SUR - 46 PI1</t>
  </si>
  <si>
    <t>ALMACEN DALEJOS</t>
  </si>
  <si>
    <t>CRA. 3 #4-97 BELEN NARINO COLOMBIA</t>
  </si>
  <si>
    <t>MULTISERVICIOS CR</t>
  </si>
  <si>
    <t>CL. 5 SUR #10-16 BOGOTA COLOMBIA</t>
  </si>
  <si>
    <t>MISCELANEA MARIA PAULA</t>
  </si>
  <si>
    <t>CR 92 45-13 APTO 201</t>
  </si>
  <si>
    <t>MUNDO DE DETALLES Y REGALOS</t>
  </si>
  <si>
    <t>CRA. 7 #9-78 UBATE VILLA DE SAN DIEGO DE UBATE CUNDINAMARCA COLOMBIA</t>
  </si>
  <si>
    <t>CL. 1A #5-116 CUCUTA NORTE DE SANTANDER COLOMBIA</t>
  </si>
  <si>
    <t>AC MOVILES</t>
  </si>
  <si>
    <t>KR 1 57 A 12 JOSE MARTI</t>
  </si>
  <si>
    <t>CENTRO DE EXPERIENCIA PG</t>
  </si>
  <si>
    <t>PAPELERIA TUKAN</t>
  </si>
  <si>
    <t>CL 11A #78D-48 BOGOTA COLOMBIA</t>
  </si>
  <si>
    <t>TIENDA NUEVO COMIENZO</t>
  </si>
  <si>
    <t>CL. 16 #8-18 MONTENEGRO QUINDIO COLOMBIA</t>
  </si>
  <si>
    <t>MI TIENDITA</t>
  </si>
  <si>
    <t>CRA. 2A #5A-99 LA CELIA RISARALDA COLOMBIA</t>
  </si>
  <si>
    <t>HERMANOS RODRIGUEZ INTERNET</t>
  </si>
  <si>
    <t>CL 3 # 56 26 BRR POPAYAN</t>
  </si>
  <si>
    <t>RICH BEER YOPAL</t>
  </si>
  <si>
    <t>CRA. 14B #42 YOPAL CASANARE COLOMBIA</t>
  </si>
  <si>
    <t>FABRICANTES SANCANDY</t>
  </si>
  <si>
    <t>CRA. 46 #49-43 CALI VALLE DEL CAUCA COLOMBIA</t>
  </si>
  <si>
    <t>NERCYCOM</t>
  </si>
  <si>
    <t>CRA. 6 #17-97 ESPINAL EL ESPINAL TOLIMA COLOMBIA</t>
  </si>
  <si>
    <t>EL PORVENIR EYL EXPRESS BGA</t>
  </si>
  <si>
    <t>CL. 8 #16-39 BUCARAMANGA SANTANDER COLOMBIA</t>
  </si>
  <si>
    <t>AUXIFARMA 2</t>
  </si>
  <si>
    <t>CL. 44F SUR #72A-94 BOGOTA COLOMBIA</t>
  </si>
  <si>
    <t>EL DESBARE MARKET Y CHARCUTERIA</t>
  </si>
  <si>
    <t>DG 4 8 31 20 LC 3</t>
  </si>
  <si>
    <t>PAPELERIA Y DESECHABLE MIA</t>
  </si>
  <si>
    <t>CRA 10 17-55 ED TORRE CANTRAL LECAL 104 PARAINA</t>
  </si>
  <si>
    <t>VARIEDADESSHARIET</t>
  </si>
  <si>
    <t>CL. 10 #9-59 MAICAO LA GUAJIRA COLOMBIA</t>
  </si>
  <si>
    <t>MORUCOM</t>
  </si>
  <si>
    <t>KR 42 NO 78 SUR - 80 AP 100</t>
  </si>
  <si>
    <t>ENTRENUBES</t>
  </si>
  <si>
    <t>VDA SAN JUAN SECTORCASERIO</t>
  </si>
  <si>
    <t xml:space="preserve">DISTRIBUCIONES LYB </t>
  </si>
  <si>
    <t>CRA. 46 #2102 FUSAGASUGA LA SERENA FUSAGASUGA CUNDINAMARCA COLOMBIA</t>
  </si>
  <si>
    <t>CENTRO DE ACOPIO AGROPECUARIO DE ARAUCA</t>
  </si>
  <si>
    <t>CR 17 N 18 64</t>
  </si>
  <si>
    <t>ACERMAR</t>
  </si>
  <si>
    <t>AV. BOYACA CALZADA LATERAL #40 SUR-1 BOGOTA COLOMBIA</t>
  </si>
  <si>
    <t>FONTIBON VILLAREAL</t>
  </si>
  <si>
    <t>CL. 19 #98-89 BOGOTA COLOMBIA</t>
  </si>
  <si>
    <t>KELLY PAOLA  MARIN OTALVARO</t>
  </si>
  <si>
    <t>MZ 1 CA 6 BRR RESERVAS DE SANTA RITA</t>
  </si>
  <si>
    <t>COLPAGOS VALLEJO 3</t>
  </si>
  <si>
    <t>CR 24 W NO 0018-011 BRR VALLEJO</t>
  </si>
  <si>
    <t>CARTAGENA DEL CHAIRÁ</t>
  </si>
  <si>
    <t>CELUS Y ACCESORIOS DEL CAQUETA J Y C</t>
  </si>
  <si>
    <t>CL 4 # 2 - 31 BRR CENTRO</t>
  </si>
  <si>
    <t>MY PET FRIEND</t>
  </si>
  <si>
    <t>CL. 7A BIS C #78-2 BOGOTA COLOMBIA</t>
  </si>
  <si>
    <t>STYLOS MICHEL</t>
  </si>
  <si>
    <t>CALLE 47A #14F - 40</t>
  </si>
  <si>
    <t>INVERSIONES VEGA Y MUNOZ VMSTYLE</t>
  </si>
  <si>
    <t>CRA. 9H #77-101 BARRANQUILLA ATLANTICO COLOMBIA</t>
  </si>
  <si>
    <t>NEQUI</t>
  </si>
  <si>
    <t>CR 34 # 23 - 13 BRR PERDEM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3" formatCode="_-* #,##0.00_-;\-* #,##0.00_-;_-* &quot;-&quot;??_-;_-@_-"/>
    <numFmt numFmtId="164" formatCode="_-* #,##0.000000000_-;\-* #,##0.000000000_-;_-* &quot;-&quot;??_-;_-@_-"/>
    <numFmt numFmtId="165" formatCode="_-* #,##0.00000000_-;\-* #,##0.00000000_-;_-* &quot;-&quot;??_-;_-@_-"/>
    <numFmt numFmtId="166" formatCode="_-* #,##0.000_-;\-* #,##0.000_-;_-* &quot;-&quot;??_-;_-@_-"/>
  </numFmts>
  <fonts count="3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rgb="FF0070C0"/>
        <bgColor indexed="64"/>
      </patternFill>
    </fill>
    <fill>
      <patternFill patternType="solid">
        <fgColor rgb="FFFF0000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43" fontId="1" fillId="0" borderId="0" applyFont="0" applyFill="0" applyBorder="0" applyAlignment="0" applyProtection="0"/>
  </cellStyleXfs>
  <cellXfs count="10">
    <xf numFmtId="0" fontId="0" fillId="0" borderId="0" xfId="0"/>
    <xf numFmtId="1" fontId="2" fillId="2" borderId="1" xfId="0" applyNumberFormat="1" applyFont="1" applyFill="1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/>
    </xf>
    <xf numFmtId="0" fontId="2" fillId="3" borderId="1" xfId="0" applyFont="1" applyFill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left"/>
    </xf>
    <xf numFmtId="0" fontId="0" fillId="0" borderId="1" xfId="0" applyBorder="1" applyAlignment="1">
      <alignment horizontal="left"/>
    </xf>
    <xf numFmtId="164" fontId="0" fillId="0" borderId="1" xfId="1" applyNumberFormat="1" applyFont="1" applyFill="1" applyBorder="1" applyAlignment="1">
      <alignment horizontal="left"/>
    </xf>
    <xf numFmtId="165" fontId="0" fillId="0" borderId="1" xfId="1" applyNumberFormat="1" applyFont="1" applyFill="1" applyBorder="1" applyAlignment="1">
      <alignment horizontal="left"/>
    </xf>
    <xf numFmtId="166" fontId="0" fillId="0" borderId="0" xfId="1" applyNumberFormat="1" applyFont="1" applyBorder="1" applyAlignment="1">
      <alignment horizontal="left"/>
    </xf>
  </cellXfs>
  <cellStyles count="2">
    <cellStyle name="Millares" xfId="1" builtinId="3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2DBE58C-DA78-411B-AFBC-B59A6170063F}">
  <dimension ref="A1:J14853"/>
  <sheetViews>
    <sheetView tabSelected="1" zoomScale="70" zoomScaleNormal="70" workbookViewId="0">
      <pane ySplit="1" topLeftCell="A2" activePane="bottomLeft" state="frozen"/>
      <selection activeCell="K3" sqref="K3"/>
      <selection pane="bottomLeft" activeCell="C19" sqref="C19"/>
    </sheetView>
  </sheetViews>
  <sheetFormatPr baseColWidth="10" defaultColWidth="11.453125" defaultRowHeight="14.5" x14ac:dyDescent="0.35"/>
  <cols>
    <col min="1" max="1" width="11.453125" style="5"/>
    <col min="2" max="2" width="11.81640625" style="5" customWidth="1"/>
    <col min="3" max="4" width="28.36328125" style="5" customWidth="1"/>
    <col min="5" max="5" width="14.1796875" style="5" bestFit="1" customWidth="1"/>
    <col min="6" max="6" width="28.7265625" style="5" customWidth="1"/>
    <col min="7" max="7" width="66.1796875" style="5" bestFit="1" customWidth="1"/>
    <col min="8" max="8" width="57.81640625" style="5" customWidth="1"/>
    <col min="9" max="9" width="20.7265625" style="9" customWidth="1"/>
    <col min="10" max="10" width="26.1796875" style="9" customWidth="1"/>
    <col min="11" max="16384" width="11.453125" style="5"/>
  </cols>
  <sheetData>
    <row r="1" spans="1:10" s="4" customFormat="1" ht="20.25" customHeight="1" x14ac:dyDescent="0.35">
      <c r="A1" s="1" t="s">
        <v>0</v>
      </c>
      <c r="B1" s="1" t="s">
        <v>1</v>
      </c>
      <c r="C1" s="2" t="s">
        <v>2</v>
      </c>
      <c r="D1" s="2" t="s">
        <v>3</v>
      </c>
      <c r="E1" s="2" t="s">
        <v>4</v>
      </c>
      <c r="F1" s="2" t="s">
        <v>5</v>
      </c>
      <c r="G1" s="2" t="s">
        <v>6</v>
      </c>
      <c r="H1" s="2" t="s">
        <v>7</v>
      </c>
      <c r="I1" s="3" t="s">
        <v>8</v>
      </c>
      <c r="J1" s="3" t="s">
        <v>9</v>
      </c>
    </row>
    <row r="2" spans="1:10" x14ac:dyDescent="0.35">
      <c r="A2" s="5" t="s">
        <v>10</v>
      </c>
      <c r="B2" s="6">
        <v>180545</v>
      </c>
      <c r="C2" s="6" t="s">
        <v>11</v>
      </c>
      <c r="D2" s="6" t="s">
        <v>12</v>
      </c>
      <c r="E2" s="6">
        <v>25899</v>
      </c>
      <c r="F2" s="6" t="s">
        <v>13</v>
      </c>
      <c r="G2" s="6" t="s">
        <v>14</v>
      </c>
      <c r="H2" s="6" t="s">
        <v>15</v>
      </c>
      <c r="I2" s="7">
        <v>5.0247472999999996</v>
      </c>
      <c r="J2" s="8">
        <v>-74.002766100000002</v>
      </c>
    </row>
    <row r="3" spans="1:10" x14ac:dyDescent="0.35">
      <c r="A3" s="5" t="s">
        <v>10</v>
      </c>
      <c r="B3" s="6">
        <v>229677</v>
      </c>
      <c r="C3" s="6" t="s">
        <v>16</v>
      </c>
      <c r="D3" s="6" t="s">
        <v>17</v>
      </c>
      <c r="E3" s="6">
        <v>68679</v>
      </c>
      <c r="F3" s="6" t="s">
        <v>18</v>
      </c>
      <c r="G3" s="6" t="s">
        <v>19</v>
      </c>
      <c r="H3" s="6" t="s">
        <v>20</v>
      </c>
      <c r="I3" s="7">
        <v>6.5525606999999999</v>
      </c>
      <c r="J3" s="8">
        <v>-73.132078800000002</v>
      </c>
    </row>
    <row r="4" spans="1:10" x14ac:dyDescent="0.35">
      <c r="A4" s="5" t="s">
        <v>10</v>
      </c>
      <c r="B4" s="6">
        <v>199889</v>
      </c>
      <c r="C4" s="6" t="s">
        <v>11</v>
      </c>
      <c r="D4" s="6" t="s">
        <v>21</v>
      </c>
      <c r="E4" s="6">
        <v>25386</v>
      </c>
      <c r="F4" s="6" t="s">
        <v>18</v>
      </c>
      <c r="G4" s="6" t="s">
        <v>22</v>
      </c>
      <c r="H4" s="6" t="s">
        <v>23</v>
      </c>
      <c r="I4" s="7">
        <v>4.6404474000000002</v>
      </c>
      <c r="J4" s="8">
        <v>-74.4477519</v>
      </c>
    </row>
    <row r="5" spans="1:10" x14ac:dyDescent="0.35">
      <c r="A5" s="5" t="s">
        <v>10</v>
      </c>
      <c r="B5" s="6">
        <v>211042</v>
      </c>
      <c r="C5" s="6" t="s">
        <v>24</v>
      </c>
      <c r="D5" s="6" t="s">
        <v>25</v>
      </c>
      <c r="E5" s="6">
        <v>15322</v>
      </c>
      <c r="F5" s="6" t="s">
        <v>18</v>
      </c>
      <c r="G5" s="6" t="s">
        <v>26</v>
      </c>
      <c r="H5" s="6" t="s">
        <v>27</v>
      </c>
      <c r="I5" s="7">
        <v>5.0054656</v>
      </c>
      <c r="J5" s="8">
        <v>-73.473697799999997</v>
      </c>
    </row>
    <row r="6" spans="1:10" x14ac:dyDescent="0.35">
      <c r="A6" s="5" t="s">
        <v>10</v>
      </c>
      <c r="B6" s="6">
        <v>203229</v>
      </c>
      <c r="C6" s="6" t="s">
        <v>28</v>
      </c>
      <c r="D6" s="6" t="s">
        <v>29</v>
      </c>
      <c r="E6" s="6">
        <v>54001</v>
      </c>
      <c r="F6" s="6" t="s">
        <v>18</v>
      </c>
      <c r="G6" s="6" t="s">
        <v>30</v>
      </c>
      <c r="H6" s="6" t="s">
        <v>31</v>
      </c>
      <c r="I6" s="7">
        <v>7.8951100999999904</v>
      </c>
      <c r="J6" s="8">
        <v>-72.510869499999998</v>
      </c>
    </row>
    <row r="7" spans="1:10" x14ac:dyDescent="0.35">
      <c r="A7" s="5" t="s">
        <v>10</v>
      </c>
      <c r="B7" s="6">
        <v>243839</v>
      </c>
      <c r="C7" s="6" t="s">
        <v>28</v>
      </c>
      <c r="D7" s="6" t="s">
        <v>29</v>
      </c>
      <c r="E7" s="6">
        <v>54001</v>
      </c>
      <c r="F7" s="6" t="s">
        <v>18</v>
      </c>
      <c r="G7" s="6" t="s">
        <v>32</v>
      </c>
      <c r="H7" s="6" t="s">
        <v>33</v>
      </c>
      <c r="I7" s="7">
        <v>7.9196081999999999</v>
      </c>
      <c r="J7" s="8">
        <v>-72.496686600000004</v>
      </c>
    </row>
    <row r="8" spans="1:10" x14ac:dyDescent="0.35">
      <c r="A8" s="5" t="s">
        <v>10</v>
      </c>
      <c r="B8" s="6">
        <v>239703</v>
      </c>
      <c r="C8" s="6" t="s">
        <v>28</v>
      </c>
      <c r="D8" s="6" t="s">
        <v>29</v>
      </c>
      <c r="E8" s="6">
        <v>54001</v>
      </c>
      <c r="F8" s="6" t="s">
        <v>18</v>
      </c>
      <c r="G8" s="6" t="s">
        <v>34</v>
      </c>
      <c r="H8" s="6" t="s">
        <v>35</v>
      </c>
      <c r="I8" s="7">
        <v>7.8851905000000002</v>
      </c>
      <c r="J8" s="8">
        <v>-72.499344699999995</v>
      </c>
    </row>
    <row r="9" spans="1:10" x14ac:dyDescent="0.35">
      <c r="A9" s="5" t="s">
        <v>10</v>
      </c>
      <c r="B9" s="6">
        <v>243826</v>
      </c>
      <c r="C9" s="6" t="s">
        <v>28</v>
      </c>
      <c r="D9" s="6" t="s">
        <v>29</v>
      </c>
      <c r="E9" s="6">
        <v>54001</v>
      </c>
      <c r="F9" s="6" t="s">
        <v>18</v>
      </c>
      <c r="G9" s="6" t="s">
        <v>36</v>
      </c>
      <c r="H9" s="6" t="s">
        <v>37</v>
      </c>
      <c r="I9" s="7">
        <v>7.8850081999999997</v>
      </c>
      <c r="J9" s="8">
        <v>-72.515395900000001</v>
      </c>
    </row>
    <row r="10" spans="1:10" x14ac:dyDescent="0.35">
      <c r="A10" s="5" t="s">
        <v>10</v>
      </c>
      <c r="B10" s="6">
        <v>172203</v>
      </c>
      <c r="C10" s="6" t="s">
        <v>38</v>
      </c>
      <c r="D10" s="6" t="s">
        <v>39</v>
      </c>
      <c r="E10" s="6">
        <v>19001</v>
      </c>
      <c r="F10" s="6" t="s">
        <v>18</v>
      </c>
      <c r="G10" s="6" t="s">
        <v>40</v>
      </c>
      <c r="H10" s="6" t="s">
        <v>41</v>
      </c>
      <c r="I10" s="7">
        <v>2.4813681000000001</v>
      </c>
      <c r="J10" s="8">
        <v>-76.563644600000003</v>
      </c>
    </row>
    <row r="11" spans="1:10" x14ac:dyDescent="0.35">
      <c r="A11" s="5" t="s">
        <v>10</v>
      </c>
      <c r="B11" s="6">
        <v>235753</v>
      </c>
      <c r="C11" s="6" t="s">
        <v>42</v>
      </c>
      <c r="D11" s="6" t="s">
        <v>43</v>
      </c>
      <c r="E11" s="6">
        <v>17001</v>
      </c>
      <c r="F11" s="6" t="s">
        <v>18</v>
      </c>
      <c r="G11" s="6" t="s">
        <v>44</v>
      </c>
      <c r="H11" s="6" t="s">
        <v>45</v>
      </c>
      <c r="I11" s="7">
        <v>5.0547931999999998</v>
      </c>
      <c r="J11" s="8">
        <v>-75.512894099999997</v>
      </c>
    </row>
    <row r="12" spans="1:10" x14ac:dyDescent="0.35">
      <c r="A12" s="5" t="s">
        <v>10</v>
      </c>
      <c r="B12" s="6">
        <v>163620</v>
      </c>
      <c r="C12" s="6" t="s">
        <v>42</v>
      </c>
      <c r="D12" s="6" t="s">
        <v>46</v>
      </c>
      <c r="E12" s="6">
        <v>17174</v>
      </c>
      <c r="F12" s="6" t="s">
        <v>18</v>
      </c>
      <c r="G12" s="6" t="s">
        <v>47</v>
      </c>
      <c r="H12" s="6" t="s">
        <v>48</v>
      </c>
      <c r="I12" s="7">
        <v>4.9774967999999999</v>
      </c>
      <c r="J12" s="8">
        <v>-75.606001399999997</v>
      </c>
    </row>
    <row r="13" spans="1:10" x14ac:dyDescent="0.35">
      <c r="A13" s="5" t="s">
        <v>10</v>
      </c>
      <c r="B13" s="6">
        <v>131284</v>
      </c>
      <c r="C13" s="6" t="s">
        <v>28</v>
      </c>
      <c r="D13" s="6" t="s">
        <v>49</v>
      </c>
      <c r="E13" s="6">
        <v>54498</v>
      </c>
      <c r="F13" s="6" t="s">
        <v>13</v>
      </c>
      <c r="G13" s="6" t="s">
        <v>50</v>
      </c>
      <c r="H13" s="6" t="s">
        <v>51</v>
      </c>
      <c r="I13" s="7">
        <v>8.2378228999999994</v>
      </c>
      <c r="J13" s="8">
        <v>-73.356371499999995</v>
      </c>
    </row>
    <row r="14" spans="1:10" x14ac:dyDescent="0.35">
      <c r="A14" s="5" t="s">
        <v>10</v>
      </c>
      <c r="B14" s="6">
        <v>159379</v>
      </c>
      <c r="C14" s="6" t="s">
        <v>28</v>
      </c>
      <c r="D14" s="6" t="s">
        <v>29</v>
      </c>
      <c r="E14" s="6">
        <v>54001</v>
      </c>
      <c r="F14" s="6" t="s">
        <v>13</v>
      </c>
      <c r="G14" s="6" t="s">
        <v>50</v>
      </c>
      <c r="H14" s="6" t="s">
        <v>52</v>
      </c>
      <c r="I14" s="7">
        <v>7.8852048999999997</v>
      </c>
      <c r="J14" s="8">
        <v>-72.504927899999998</v>
      </c>
    </row>
    <row r="15" spans="1:10" x14ac:dyDescent="0.35">
      <c r="A15" s="5" t="s">
        <v>10</v>
      </c>
      <c r="B15" s="6">
        <v>208995</v>
      </c>
      <c r="C15" s="6" t="s">
        <v>16</v>
      </c>
      <c r="D15" s="6" t="s">
        <v>17</v>
      </c>
      <c r="E15" s="6">
        <v>68679</v>
      </c>
      <c r="F15" s="6" t="s">
        <v>18</v>
      </c>
      <c r="G15" s="6" t="s">
        <v>53</v>
      </c>
      <c r="H15" s="6" t="s">
        <v>54</v>
      </c>
      <c r="I15" s="7">
        <v>6.554824</v>
      </c>
      <c r="J15" s="8">
        <v>-73.134119999999996</v>
      </c>
    </row>
    <row r="16" spans="1:10" x14ac:dyDescent="0.35">
      <c r="A16" s="5" t="s">
        <v>10</v>
      </c>
      <c r="B16" s="6">
        <v>147479</v>
      </c>
      <c r="C16" s="6" t="s">
        <v>55</v>
      </c>
      <c r="D16" s="6" t="s">
        <v>56</v>
      </c>
      <c r="E16" s="6">
        <v>73001</v>
      </c>
      <c r="F16" s="6" t="s">
        <v>18</v>
      </c>
      <c r="G16" s="6" t="s">
        <v>57</v>
      </c>
      <c r="H16" s="6" t="s">
        <v>58</v>
      </c>
      <c r="I16" s="7">
        <v>4.4446930999999896</v>
      </c>
      <c r="J16" s="8">
        <v>-75.2460576</v>
      </c>
    </row>
    <row r="17" spans="1:10" x14ac:dyDescent="0.35">
      <c r="A17" s="5" t="s">
        <v>10</v>
      </c>
      <c r="B17" s="6">
        <v>243929</v>
      </c>
      <c r="C17" s="6" t="s">
        <v>28</v>
      </c>
      <c r="D17" s="6" t="s">
        <v>29</v>
      </c>
      <c r="E17" s="6">
        <v>54001</v>
      </c>
      <c r="F17" s="6" t="s">
        <v>18</v>
      </c>
      <c r="G17" s="6" t="s">
        <v>59</v>
      </c>
      <c r="H17" s="6" t="s">
        <v>60</v>
      </c>
      <c r="I17" s="7">
        <v>7.8963311999999997</v>
      </c>
      <c r="J17" s="8">
        <v>-72.495940200000007</v>
      </c>
    </row>
    <row r="18" spans="1:10" x14ac:dyDescent="0.35">
      <c r="A18" s="5" t="s">
        <v>10</v>
      </c>
      <c r="B18" s="6">
        <v>227551</v>
      </c>
      <c r="C18" s="6" t="s">
        <v>61</v>
      </c>
      <c r="D18" s="6" t="s">
        <v>62</v>
      </c>
      <c r="E18" s="6">
        <v>63001</v>
      </c>
      <c r="F18" s="6" t="s">
        <v>18</v>
      </c>
      <c r="G18" s="6" t="s">
        <v>63</v>
      </c>
      <c r="H18" s="6" t="s">
        <v>64</v>
      </c>
      <c r="I18" s="7">
        <v>4.5350003999999897</v>
      </c>
      <c r="J18" s="8">
        <v>-75.675688800000003</v>
      </c>
    </row>
    <row r="19" spans="1:10" x14ac:dyDescent="0.35">
      <c r="A19" s="5" t="s">
        <v>10</v>
      </c>
      <c r="B19" s="6">
        <v>192188</v>
      </c>
      <c r="C19" s="6" t="s">
        <v>11</v>
      </c>
      <c r="D19" s="6" t="s">
        <v>65</v>
      </c>
      <c r="E19" s="6">
        <v>25572</v>
      </c>
      <c r="F19" s="6" t="s">
        <v>18</v>
      </c>
      <c r="G19" s="6" t="s">
        <v>66</v>
      </c>
      <c r="H19" s="6" t="s">
        <v>67</v>
      </c>
      <c r="I19" s="7">
        <v>5.4674139999999998</v>
      </c>
      <c r="J19" s="8">
        <v>-74.652692999999999</v>
      </c>
    </row>
    <row r="20" spans="1:10" x14ac:dyDescent="0.35">
      <c r="A20" s="5" t="s">
        <v>10</v>
      </c>
      <c r="B20" s="6">
        <v>222389</v>
      </c>
      <c r="C20" s="6" t="s">
        <v>68</v>
      </c>
      <c r="D20" s="6" t="s">
        <v>69</v>
      </c>
      <c r="E20" s="6">
        <v>11001</v>
      </c>
      <c r="F20" s="6" t="s">
        <v>70</v>
      </c>
      <c r="G20" s="6" t="s">
        <v>71</v>
      </c>
      <c r="H20" s="6" t="s">
        <v>72</v>
      </c>
      <c r="I20" s="7">
        <v>4.6856081999999999</v>
      </c>
      <c r="J20" s="8">
        <v>-74.052892999999997</v>
      </c>
    </row>
    <row r="21" spans="1:10" x14ac:dyDescent="0.35">
      <c r="A21" s="5" t="s">
        <v>10</v>
      </c>
      <c r="B21" s="6">
        <v>180550</v>
      </c>
      <c r="C21" s="6" t="s">
        <v>55</v>
      </c>
      <c r="D21" s="6" t="s">
        <v>56</v>
      </c>
      <c r="E21" s="6">
        <v>73001</v>
      </c>
      <c r="F21" s="6" t="s">
        <v>13</v>
      </c>
      <c r="G21" s="6" t="s">
        <v>73</v>
      </c>
      <c r="H21" s="6" t="s">
        <v>74</v>
      </c>
      <c r="I21" s="7">
        <v>4.4415258</v>
      </c>
      <c r="J21" s="8">
        <v>-75.231554500000001</v>
      </c>
    </row>
    <row r="22" spans="1:10" x14ac:dyDescent="0.35">
      <c r="A22" s="5" t="s">
        <v>10</v>
      </c>
      <c r="B22" s="6">
        <v>228694</v>
      </c>
      <c r="C22" s="6" t="s">
        <v>16</v>
      </c>
      <c r="D22" s="6" t="s">
        <v>75</v>
      </c>
      <c r="E22" s="6">
        <v>68432</v>
      </c>
      <c r="F22" s="6" t="s">
        <v>18</v>
      </c>
      <c r="G22" s="6" t="s">
        <v>76</v>
      </c>
      <c r="H22" s="6" t="s">
        <v>77</v>
      </c>
      <c r="I22" s="7">
        <v>6.701263</v>
      </c>
      <c r="J22" s="8">
        <v>-72.731551600000003</v>
      </c>
    </row>
    <row r="23" spans="1:10" x14ac:dyDescent="0.35">
      <c r="A23" s="5" t="s">
        <v>10</v>
      </c>
      <c r="B23" s="6">
        <v>235428</v>
      </c>
      <c r="C23" s="6" t="s">
        <v>16</v>
      </c>
      <c r="D23" s="6" t="s">
        <v>78</v>
      </c>
      <c r="E23" s="6">
        <v>68001</v>
      </c>
      <c r="F23" s="6" t="s">
        <v>18</v>
      </c>
      <c r="G23" s="6" t="s">
        <v>79</v>
      </c>
      <c r="H23" s="6" t="s">
        <v>80</v>
      </c>
      <c r="I23" s="7">
        <v>7.1266577</v>
      </c>
      <c r="J23" s="8">
        <v>-73.113038799999998</v>
      </c>
    </row>
    <row r="24" spans="1:10" x14ac:dyDescent="0.35">
      <c r="A24" s="5" t="s">
        <v>10</v>
      </c>
      <c r="B24" s="6">
        <v>225467</v>
      </c>
      <c r="C24" s="6" t="s">
        <v>55</v>
      </c>
      <c r="D24" s="6" t="s">
        <v>56</v>
      </c>
      <c r="E24" s="6">
        <v>73001</v>
      </c>
      <c r="F24" s="6" t="s">
        <v>18</v>
      </c>
      <c r="G24" s="6" t="s">
        <v>81</v>
      </c>
      <c r="H24" s="6" t="s">
        <v>82</v>
      </c>
      <c r="I24" s="7">
        <v>4.4342153999999896</v>
      </c>
      <c r="J24" s="8">
        <v>-75.195678899999905</v>
      </c>
    </row>
    <row r="25" spans="1:10" x14ac:dyDescent="0.35">
      <c r="A25" s="5" t="s">
        <v>10</v>
      </c>
      <c r="B25" s="6">
        <v>235168</v>
      </c>
      <c r="C25" s="6" t="s">
        <v>55</v>
      </c>
      <c r="D25" s="6" t="s">
        <v>56</v>
      </c>
      <c r="E25" s="6">
        <v>73001</v>
      </c>
      <c r="F25" s="6" t="s">
        <v>18</v>
      </c>
      <c r="G25" s="6" t="s">
        <v>83</v>
      </c>
      <c r="H25" s="6" t="s">
        <v>84</v>
      </c>
      <c r="I25" s="7">
        <v>4.4462117000000001</v>
      </c>
      <c r="J25" s="8">
        <v>-75.188795099999993</v>
      </c>
    </row>
    <row r="26" spans="1:10" x14ac:dyDescent="0.35">
      <c r="A26" s="5" t="s">
        <v>10</v>
      </c>
      <c r="B26" s="6">
        <v>232809</v>
      </c>
      <c r="C26" s="6" t="s">
        <v>24</v>
      </c>
      <c r="D26" s="6" t="s">
        <v>85</v>
      </c>
      <c r="E26" s="6">
        <v>15759</v>
      </c>
      <c r="F26" s="6" t="s">
        <v>18</v>
      </c>
      <c r="G26" s="6" t="s">
        <v>86</v>
      </c>
      <c r="H26" s="6" t="s">
        <v>87</v>
      </c>
      <c r="I26" s="7">
        <v>5.7149961999999999</v>
      </c>
      <c r="J26" s="8">
        <v>-72.9320649</v>
      </c>
    </row>
    <row r="27" spans="1:10" x14ac:dyDescent="0.35">
      <c r="A27" s="5" t="s">
        <v>10</v>
      </c>
      <c r="B27" s="6">
        <v>237049</v>
      </c>
      <c r="C27" s="6" t="s">
        <v>24</v>
      </c>
      <c r="D27" s="6" t="s">
        <v>88</v>
      </c>
      <c r="E27" s="6">
        <v>15001</v>
      </c>
      <c r="F27" s="6" t="s">
        <v>18</v>
      </c>
      <c r="G27" s="6" t="s">
        <v>89</v>
      </c>
      <c r="H27" s="6" t="s">
        <v>90</v>
      </c>
      <c r="I27" s="7">
        <v>5.5152463999999997</v>
      </c>
      <c r="J27" s="8">
        <v>-73.358893600000002</v>
      </c>
    </row>
    <row r="28" spans="1:10" x14ac:dyDescent="0.35">
      <c r="A28" s="5" t="s">
        <v>10</v>
      </c>
      <c r="B28" s="6">
        <v>205087</v>
      </c>
      <c r="C28" s="6" t="s">
        <v>28</v>
      </c>
      <c r="D28" s="6" t="s">
        <v>91</v>
      </c>
      <c r="E28" s="6">
        <v>54874</v>
      </c>
      <c r="F28" s="6" t="s">
        <v>18</v>
      </c>
      <c r="G28" s="6" t="s">
        <v>92</v>
      </c>
      <c r="H28" s="6" t="s">
        <v>93</v>
      </c>
      <c r="I28" s="7">
        <v>7.8211046</v>
      </c>
      <c r="J28" s="8">
        <v>-72.479928700000002</v>
      </c>
    </row>
    <row r="29" spans="1:10" x14ac:dyDescent="0.35">
      <c r="A29" s="5" t="s">
        <v>10</v>
      </c>
      <c r="B29" s="6">
        <v>244626</v>
      </c>
      <c r="C29" s="6" t="s">
        <v>94</v>
      </c>
      <c r="D29" s="6" t="s">
        <v>95</v>
      </c>
      <c r="E29" s="6">
        <v>66170</v>
      </c>
      <c r="F29" s="6" t="s">
        <v>18</v>
      </c>
      <c r="G29" s="6" t="s">
        <v>96</v>
      </c>
      <c r="H29" s="6" t="s">
        <v>97</v>
      </c>
      <c r="I29" s="7">
        <v>4.8419600000000003</v>
      </c>
      <c r="J29" s="8">
        <v>-75.668944699999997</v>
      </c>
    </row>
    <row r="30" spans="1:10" x14ac:dyDescent="0.35">
      <c r="A30" s="5" t="s">
        <v>10</v>
      </c>
      <c r="B30" s="6">
        <v>244625</v>
      </c>
      <c r="C30" s="6" t="s">
        <v>94</v>
      </c>
      <c r="D30" s="6" t="s">
        <v>98</v>
      </c>
      <c r="E30" s="6">
        <v>66001</v>
      </c>
      <c r="F30" s="6" t="s">
        <v>18</v>
      </c>
      <c r="G30" s="6" t="s">
        <v>99</v>
      </c>
      <c r="H30" s="6" t="s">
        <v>100</v>
      </c>
      <c r="I30" s="7">
        <v>4.8256474999999996</v>
      </c>
      <c r="J30" s="8">
        <v>-75.737784700000006</v>
      </c>
    </row>
    <row r="31" spans="1:10" x14ac:dyDescent="0.35">
      <c r="A31" s="5" t="s">
        <v>10</v>
      </c>
      <c r="B31" s="6">
        <v>175063</v>
      </c>
      <c r="C31" s="6" t="s">
        <v>11</v>
      </c>
      <c r="D31" s="6" t="s">
        <v>101</v>
      </c>
      <c r="E31" s="6">
        <v>25473</v>
      </c>
      <c r="F31" s="6" t="s">
        <v>13</v>
      </c>
      <c r="G31" s="6" t="s">
        <v>102</v>
      </c>
      <c r="H31" s="6" t="s">
        <v>103</v>
      </c>
      <c r="I31" s="7">
        <v>4.7059442999999996</v>
      </c>
      <c r="J31" s="8">
        <v>-74.230198799999997</v>
      </c>
    </row>
    <row r="32" spans="1:10" x14ac:dyDescent="0.35">
      <c r="A32" s="5" t="s">
        <v>10</v>
      </c>
      <c r="B32" s="6">
        <v>211166</v>
      </c>
      <c r="C32" s="6" t="s">
        <v>68</v>
      </c>
      <c r="D32" s="6" t="s">
        <v>69</v>
      </c>
      <c r="E32" s="6">
        <v>11001</v>
      </c>
      <c r="F32" s="6" t="s">
        <v>13</v>
      </c>
      <c r="G32" s="6" t="s">
        <v>104</v>
      </c>
      <c r="H32" s="6" t="s">
        <v>105</v>
      </c>
      <c r="I32" s="7">
        <v>4.749047</v>
      </c>
      <c r="J32" s="8">
        <v>-74.095568</v>
      </c>
    </row>
    <row r="33" spans="1:10" x14ac:dyDescent="0.35">
      <c r="A33" s="5" t="s">
        <v>10</v>
      </c>
      <c r="B33" s="6">
        <v>232006</v>
      </c>
      <c r="C33" s="6" t="s">
        <v>11</v>
      </c>
      <c r="D33" s="6" t="s">
        <v>106</v>
      </c>
      <c r="E33" s="6">
        <v>25843</v>
      </c>
      <c r="F33" s="6" t="s">
        <v>18</v>
      </c>
      <c r="G33" s="6" t="s">
        <v>107</v>
      </c>
      <c r="H33" s="6" t="s">
        <v>108</v>
      </c>
      <c r="I33" s="7">
        <v>5.3120240000000001</v>
      </c>
      <c r="J33" s="8">
        <v>-73.818222000000006</v>
      </c>
    </row>
    <row r="34" spans="1:10" x14ac:dyDescent="0.35">
      <c r="A34" s="5" t="s">
        <v>10</v>
      </c>
      <c r="B34" s="6">
        <v>241809</v>
      </c>
      <c r="C34" s="6" t="s">
        <v>109</v>
      </c>
      <c r="D34" s="6" t="s">
        <v>110</v>
      </c>
      <c r="E34" s="6">
        <v>13810</v>
      </c>
      <c r="F34" s="6" t="s">
        <v>18</v>
      </c>
      <c r="G34" s="6" t="s">
        <v>111</v>
      </c>
      <c r="H34" s="6" t="s">
        <v>112</v>
      </c>
      <c r="I34" s="7">
        <v>8.5666700000000002</v>
      </c>
      <c r="J34" s="8">
        <v>-74.266630000000006</v>
      </c>
    </row>
    <row r="35" spans="1:10" x14ac:dyDescent="0.35">
      <c r="A35" s="5" t="s">
        <v>10</v>
      </c>
      <c r="B35" s="6">
        <v>208940</v>
      </c>
      <c r="C35" s="6" t="s">
        <v>55</v>
      </c>
      <c r="D35" s="6" t="s">
        <v>56</v>
      </c>
      <c r="E35" s="6">
        <v>73001</v>
      </c>
      <c r="F35" s="6" t="s">
        <v>18</v>
      </c>
      <c r="G35" s="6" t="s">
        <v>113</v>
      </c>
      <c r="H35" s="6" t="s">
        <v>114</v>
      </c>
      <c r="I35" s="7">
        <v>4.4284419000000002</v>
      </c>
      <c r="J35" s="8">
        <v>-75.244785199999995</v>
      </c>
    </row>
    <row r="36" spans="1:10" x14ac:dyDescent="0.35">
      <c r="A36" s="5" t="s">
        <v>10</v>
      </c>
      <c r="B36" s="6">
        <v>231512</v>
      </c>
      <c r="C36" s="6" t="s">
        <v>61</v>
      </c>
      <c r="D36" s="6" t="s">
        <v>62</v>
      </c>
      <c r="E36" s="6">
        <v>63001</v>
      </c>
      <c r="F36" s="6" t="s">
        <v>18</v>
      </c>
      <c r="G36" s="6" t="s">
        <v>115</v>
      </c>
      <c r="H36" s="6" t="s">
        <v>116</v>
      </c>
      <c r="I36" s="7">
        <v>4.6719629999999999</v>
      </c>
      <c r="J36" s="8">
        <v>-75.654425000000003</v>
      </c>
    </row>
    <row r="37" spans="1:10" x14ac:dyDescent="0.35">
      <c r="A37" s="5" t="s">
        <v>10</v>
      </c>
      <c r="B37" s="6">
        <v>186510</v>
      </c>
      <c r="C37" s="6" t="s">
        <v>117</v>
      </c>
      <c r="D37" s="6" t="s">
        <v>118</v>
      </c>
      <c r="E37" s="6">
        <v>76400</v>
      </c>
      <c r="F37" s="6" t="s">
        <v>18</v>
      </c>
      <c r="G37" s="6" t="s">
        <v>119</v>
      </c>
      <c r="H37" s="6" t="s">
        <v>120</v>
      </c>
      <c r="I37" s="7">
        <v>4.5298229999999897</v>
      </c>
      <c r="J37" s="8">
        <v>-76.108800099999996</v>
      </c>
    </row>
    <row r="38" spans="1:10" x14ac:dyDescent="0.35">
      <c r="A38" s="5" t="s">
        <v>10</v>
      </c>
      <c r="B38" s="6">
        <v>216289</v>
      </c>
      <c r="C38" s="6" t="s">
        <v>61</v>
      </c>
      <c r="D38" s="6" t="s">
        <v>121</v>
      </c>
      <c r="E38" s="6">
        <v>63130</v>
      </c>
      <c r="F38" s="6" t="s">
        <v>18</v>
      </c>
      <c r="G38" s="6" t="s">
        <v>122</v>
      </c>
      <c r="H38" s="6" t="s">
        <v>123</v>
      </c>
      <c r="I38" s="7">
        <v>4.5336074000000002</v>
      </c>
      <c r="J38" s="8">
        <v>-75.639716100000001</v>
      </c>
    </row>
    <row r="39" spans="1:10" x14ac:dyDescent="0.35">
      <c r="A39" s="5" t="s">
        <v>10</v>
      </c>
      <c r="B39" s="6">
        <v>235885</v>
      </c>
      <c r="C39" s="6" t="s">
        <v>61</v>
      </c>
      <c r="D39" s="6" t="s">
        <v>124</v>
      </c>
      <c r="E39" s="6">
        <v>63401</v>
      </c>
      <c r="F39" s="6" t="s">
        <v>18</v>
      </c>
      <c r="G39" s="6" t="s">
        <v>125</v>
      </c>
      <c r="H39" s="6" t="s">
        <v>126</v>
      </c>
      <c r="I39" s="7">
        <v>4.4535879999999999</v>
      </c>
      <c r="J39" s="8">
        <v>-75.791529999999995</v>
      </c>
    </row>
    <row r="40" spans="1:10" x14ac:dyDescent="0.35">
      <c r="A40" s="5" t="s">
        <v>10</v>
      </c>
      <c r="B40" s="6">
        <v>236059</v>
      </c>
      <c r="C40" s="6" t="s">
        <v>94</v>
      </c>
      <c r="D40" s="6" t="s">
        <v>98</v>
      </c>
      <c r="E40" s="6">
        <v>66001</v>
      </c>
      <c r="F40" s="6" t="s">
        <v>18</v>
      </c>
      <c r="G40" s="6" t="s">
        <v>127</v>
      </c>
      <c r="H40" s="6" t="s">
        <v>128</v>
      </c>
      <c r="I40" s="7">
        <v>4.8207814000000004</v>
      </c>
      <c r="J40" s="8">
        <v>-75.7012249</v>
      </c>
    </row>
    <row r="41" spans="1:10" x14ac:dyDescent="0.35">
      <c r="A41" s="5" t="s">
        <v>10</v>
      </c>
      <c r="B41" s="6">
        <v>180536</v>
      </c>
      <c r="C41" s="6" t="s">
        <v>68</v>
      </c>
      <c r="D41" s="6" t="s">
        <v>69</v>
      </c>
      <c r="E41" s="6">
        <v>11001</v>
      </c>
      <c r="F41" s="6" t="s">
        <v>13</v>
      </c>
      <c r="G41" s="6" t="s">
        <v>129</v>
      </c>
      <c r="H41" s="6" t="s">
        <v>130</v>
      </c>
      <c r="I41" s="7">
        <v>4.6966169999999998</v>
      </c>
      <c r="J41" s="8">
        <v>-74.106278000000003</v>
      </c>
    </row>
    <row r="42" spans="1:10" x14ac:dyDescent="0.35">
      <c r="A42" s="5" t="s">
        <v>10</v>
      </c>
      <c r="B42" s="6">
        <v>206763</v>
      </c>
      <c r="C42" s="6" t="s">
        <v>11</v>
      </c>
      <c r="D42" s="6" t="s">
        <v>106</v>
      </c>
      <c r="E42" s="6">
        <v>25843</v>
      </c>
      <c r="F42" s="6" t="s">
        <v>18</v>
      </c>
      <c r="G42" s="6" t="s">
        <v>131</v>
      </c>
      <c r="H42" s="6" t="s">
        <v>132</v>
      </c>
      <c r="I42" s="7">
        <v>5.3086671999999897</v>
      </c>
      <c r="J42" s="8">
        <v>-73.814326800000003</v>
      </c>
    </row>
    <row r="43" spans="1:10" x14ac:dyDescent="0.35">
      <c r="A43" s="5" t="s">
        <v>10</v>
      </c>
      <c r="B43" s="6">
        <v>183135</v>
      </c>
      <c r="C43" s="6" t="s">
        <v>55</v>
      </c>
      <c r="D43" s="6" t="s">
        <v>56</v>
      </c>
      <c r="E43" s="6">
        <v>73001</v>
      </c>
      <c r="F43" s="6" t="s">
        <v>18</v>
      </c>
      <c r="G43" s="6" t="s">
        <v>133</v>
      </c>
      <c r="H43" s="6" t="s">
        <v>134</v>
      </c>
      <c r="I43" s="7">
        <v>4.4442974</v>
      </c>
      <c r="J43" s="8">
        <v>-75.236912599999997</v>
      </c>
    </row>
    <row r="44" spans="1:10" x14ac:dyDescent="0.35">
      <c r="A44" s="5" t="s">
        <v>10</v>
      </c>
      <c r="B44" s="6">
        <v>181037</v>
      </c>
      <c r="C44" s="6" t="s">
        <v>24</v>
      </c>
      <c r="D44" s="6" t="s">
        <v>85</v>
      </c>
      <c r="E44" s="6">
        <v>15759</v>
      </c>
      <c r="F44" s="6" t="s">
        <v>18</v>
      </c>
      <c r="G44" s="6" t="s">
        <v>135</v>
      </c>
      <c r="H44" s="6" t="s">
        <v>136</v>
      </c>
      <c r="I44" s="7">
        <v>5.7151302999999896</v>
      </c>
      <c r="J44" s="8">
        <v>-72.927448799999993</v>
      </c>
    </row>
    <row r="45" spans="1:10" x14ac:dyDescent="0.35">
      <c r="A45" s="5" t="s">
        <v>10</v>
      </c>
      <c r="B45" s="6">
        <v>243538</v>
      </c>
      <c r="C45" s="6" t="s">
        <v>24</v>
      </c>
      <c r="D45" s="6" t="s">
        <v>137</v>
      </c>
      <c r="E45" s="6">
        <v>15238</v>
      </c>
      <c r="F45" s="6" t="s">
        <v>18</v>
      </c>
      <c r="G45" s="6" t="s">
        <v>138</v>
      </c>
      <c r="H45" s="6" t="s">
        <v>139</v>
      </c>
      <c r="I45" s="7">
        <v>5.8231503</v>
      </c>
      <c r="J45" s="8">
        <v>-73.038115700000006</v>
      </c>
    </row>
    <row r="46" spans="1:10" x14ac:dyDescent="0.35">
      <c r="A46" s="5" t="s">
        <v>10</v>
      </c>
      <c r="B46" s="6">
        <v>199694</v>
      </c>
      <c r="C46" s="6" t="s">
        <v>68</v>
      </c>
      <c r="D46" s="6" t="s">
        <v>69</v>
      </c>
      <c r="E46" s="6">
        <v>11001</v>
      </c>
      <c r="F46" s="6" t="s">
        <v>13</v>
      </c>
      <c r="G46" s="6" t="s">
        <v>140</v>
      </c>
      <c r="H46" s="6" t="s">
        <v>141</v>
      </c>
      <c r="I46" s="7">
        <v>4.6714412999999997</v>
      </c>
      <c r="J46" s="8">
        <v>-74.106902399999996</v>
      </c>
    </row>
    <row r="47" spans="1:10" x14ac:dyDescent="0.35">
      <c r="A47" s="5" t="s">
        <v>10</v>
      </c>
      <c r="B47" s="6">
        <v>236710</v>
      </c>
      <c r="C47" s="6" t="s">
        <v>16</v>
      </c>
      <c r="D47" s="6" t="s">
        <v>17</v>
      </c>
      <c r="E47" s="6">
        <v>68679</v>
      </c>
      <c r="F47" s="6" t="s">
        <v>18</v>
      </c>
      <c r="G47" s="6" t="s">
        <v>142</v>
      </c>
      <c r="H47" s="6" t="s">
        <v>143</v>
      </c>
      <c r="I47" s="7">
        <v>6.5630535999999999</v>
      </c>
      <c r="J47" s="8">
        <v>-73.145920899999993</v>
      </c>
    </row>
    <row r="48" spans="1:10" x14ac:dyDescent="0.35">
      <c r="A48" s="5" t="s">
        <v>10</v>
      </c>
      <c r="B48" s="6">
        <v>191435</v>
      </c>
      <c r="C48" s="6" t="s">
        <v>16</v>
      </c>
      <c r="D48" s="6" t="s">
        <v>17</v>
      </c>
      <c r="E48" s="6">
        <v>68679</v>
      </c>
      <c r="F48" s="6" t="s">
        <v>18</v>
      </c>
      <c r="G48" s="6" t="s">
        <v>144</v>
      </c>
      <c r="H48" s="6" t="s">
        <v>145</v>
      </c>
      <c r="I48" s="7">
        <v>6.5531562999999897</v>
      </c>
      <c r="J48" s="8">
        <v>-73.133102499999893</v>
      </c>
    </row>
    <row r="49" spans="1:10" x14ac:dyDescent="0.35">
      <c r="A49" s="5" t="s">
        <v>10</v>
      </c>
      <c r="B49" s="6">
        <v>181694</v>
      </c>
      <c r="C49" s="6" t="s">
        <v>55</v>
      </c>
      <c r="D49" s="6" t="s">
        <v>56</v>
      </c>
      <c r="E49" s="6">
        <v>73001</v>
      </c>
      <c r="F49" s="6" t="s">
        <v>18</v>
      </c>
      <c r="G49" s="6" t="s">
        <v>146</v>
      </c>
      <c r="H49" s="6" t="s">
        <v>147</v>
      </c>
      <c r="I49" s="7">
        <v>4.4500435999999999</v>
      </c>
      <c r="J49" s="8">
        <v>-75.144609899999907</v>
      </c>
    </row>
    <row r="50" spans="1:10" x14ac:dyDescent="0.35">
      <c r="A50" s="5" t="s">
        <v>10</v>
      </c>
      <c r="B50" s="6">
        <v>180911</v>
      </c>
      <c r="C50" s="6" t="s">
        <v>24</v>
      </c>
      <c r="D50" s="6" t="s">
        <v>148</v>
      </c>
      <c r="E50" s="6">
        <v>15537</v>
      </c>
      <c r="F50" s="6" t="s">
        <v>18</v>
      </c>
      <c r="G50" s="6" t="s">
        <v>149</v>
      </c>
      <c r="H50" s="6" t="s">
        <v>150</v>
      </c>
      <c r="I50" s="7">
        <v>5.9876188999999904</v>
      </c>
      <c r="J50" s="8">
        <v>-72.747075999999893</v>
      </c>
    </row>
    <row r="51" spans="1:10" x14ac:dyDescent="0.35">
      <c r="A51" s="5" t="s">
        <v>10</v>
      </c>
      <c r="B51" s="6">
        <v>239166</v>
      </c>
      <c r="C51" s="6" t="s">
        <v>24</v>
      </c>
      <c r="D51" s="6" t="s">
        <v>85</v>
      </c>
      <c r="E51" s="6">
        <v>15759</v>
      </c>
      <c r="F51" s="6" t="s">
        <v>18</v>
      </c>
      <c r="G51" s="6" t="s">
        <v>151</v>
      </c>
      <c r="H51" s="6" t="s">
        <v>152</v>
      </c>
      <c r="I51" s="7">
        <v>5.7239531000000001</v>
      </c>
      <c r="J51" s="8">
        <v>-72.938008499999995</v>
      </c>
    </row>
    <row r="52" spans="1:10" x14ac:dyDescent="0.35">
      <c r="A52" s="5" t="s">
        <v>10</v>
      </c>
      <c r="B52" s="6">
        <v>213145</v>
      </c>
      <c r="C52" s="6" t="s">
        <v>28</v>
      </c>
      <c r="D52" s="6" t="s">
        <v>153</v>
      </c>
      <c r="E52" s="6">
        <v>54518</v>
      </c>
      <c r="F52" s="6" t="s">
        <v>18</v>
      </c>
      <c r="G52" s="6" t="s">
        <v>154</v>
      </c>
      <c r="H52" s="6" t="s">
        <v>155</v>
      </c>
      <c r="I52" s="7">
        <v>7.3786099999999903</v>
      </c>
      <c r="J52" s="8">
        <v>-72.646418599999905</v>
      </c>
    </row>
    <row r="53" spans="1:10" x14ac:dyDescent="0.35">
      <c r="A53" s="5" t="s">
        <v>10</v>
      </c>
      <c r="B53" s="6">
        <v>141697</v>
      </c>
      <c r="C53" s="6" t="s">
        <v>11</v>
      </c>
      <c r="D53" s="6" t="s">
        <v>156</v>
      </c>
      <c r="E53" s="6">
        <v>25815</v>
      </c>
      <c r="F53" s="6" t="s">
        <v>13</v>
      </c>
      <c r="G53" s="6" t="s">
        <v>157</v>
      </c>
      <c r="H53" s="6" t="s">
        <v>158</v>
      </c>
      <c r="I53" s="7">
        <v>4.4585293999999998</v>
      </c>
      <c r="J53" s="8">
        <v>-74.6368449</v>
      </c>
    </row>
    <row r="54" spans="1:10" x14ac:dyDescent="0.35">
      <c r="A54" s="5" t="s">
        <v>10</v>
      </c>
      <c r="B54" s="6">
        <v>183968</v>
      </c>
      <c r="C54" s="6" t="s">
        <v>11</v>
      </c>
      <c r="D54" s="6" t="s">
        <v>159</v>
      </c>
      <c r="E54" s="6">
        <v>25175</v>
      </c>
      <c r="F54" s="6" t="s">
        <v>13</v>
      </c>
      <c r="G54" s="6" t="s">
        <v>160</v>
      </c>
      <c r="H54" s="6" t="s">
        <v>161</v>
      </c>
      <c r="I54" s="7">
        <v>4.8611145000000002</v>
      </c>
      <c r="J54" s="8">
        <v>-74.062570699999995</v>
      </c>
    </row>
    <row r="55" spans="1:10" x14ac:dyDescent="0.35">
      <c r="A55" s="5" t="s">
        <v>10</v>
      </c>
      <c r="B55" s="6">
        <v>69404</v>
      </c>
      <c r="C55" s="6" t="s">
        <v>16</v>
      </c>
      <c r="D55" s="6" t="s">
        <v>162</v>
      </c>
      <c r="E55" s="6">
        <v>68176</v>
      </c>
      <c r="F55" s="6" t="s">
        <v>18</v>
      </c>
      <c r="G55" s="6" t="s">
        <v>163</v>
      </c>
      <c r="H55" s="6" t="s">
        <v>164</v>
      </c>
      <c r="I55" s="7">
        <v>7.1200134999999998</v>
      </c>
      <c r="J55" s="8">
        <v>-73.127584400000003</v>
      </c>
    </row>
    <row r="56" spans="1:10" x14ac:dyDescent="0.35">
      <c r="A56" s="5" t="s">
        <v>10</v>
      </c>
      <c r="B56" s="6">
        <v>231804</v>
      </c>
      <c r="C56" s="6" t="s">
        <v>55</v>
      </c>
      <c r="D56" s="6" t="s">
        <v>165</v>
      </c>
      <c r="E56" s="6">
        <v>73449</v>
      </c>
      <c r="F56" s="6" t="s">
        <v>18</v>
      </c>
      <c r="G56" s="6" t="s">
        <v>166</v>
      </c>
      <c r="H56" s="6" t="s">
        <v>167</v>
      </c>
      <c r="I56" s="7">
        <v>4.2047866000000003</v>
      </c>
      <c r="J56" s="8">
        <v>-74.642209399999999</v>
      </c>
    </row>
    <row r="57" spans="1:10" x14ac:dyDescent="0.35">
      <c r="A57" s="5" t="s">
        <v>10</v>
      </c>
      <c r="B57" s="6">
        <v>201278</v>
      </c>
      <c r="C57" s="6" t="s">
        <v>24</v>
      </c>
      <c r="D57" s="6" t="s">
        <v>168</v>
      </c>
      <c r="E57" s="6">
        <v>15572</v>
      </c>
      <c r="F57" s="6" t="s">
        <v>18</v>
      </c>
      <c r="G57" s="6" t="s">
        <v>169</v>
      </c>
      <c r="H57" s="6" t="s">
        <v>170</v>
      </c>
      <c r="I57" s="7">
        <v>5.9756766999999904</v>
      </c>
      <c r="J57" s="8">
        <v>-74.5922391</v>
      </c>
    </row>
    <row r="58" spans="1:10" x14ac:dyDescent="0.35">
      <c r="A58" s="5" t="s">
        <v>10</v>
      </c>
      <c r="B58" s="6">
        <v>239376</v>
      </c>
      <c r="C58" s="6" t="s">
        <v>24</v>
      </c>
      <c r="D58" s="6" t="s">
        <v>85</v>
      </c>
      <c r="E58" s="6">
        <v>15759</v>
      </c>
      <c r="F58" s="6" t="s">
        <v>18</v>
      </c>
      <c r="G58" s="6" t="s">
        <v>171</v>
      </c>
      <c r="H58" s="6" t="s">
        <v>172</v>
      </c>
      <c r="I58" s="7">
        <v>5.7131485</v>
      </c>
      <c r="J58" s="8">
        <v>-72.932970499999996</v>
      </c>
    </row>
    <row r="59" spans="1:10" x14ac:dyDescent="0.35">
      <c r="A59" s="5" t="s">
        <v>10</v>
      </c>
      <c r="B59" s="6">
        <v>198661</v>
      </c>
      <c r="C59" s="6" t="s">
        <v>24</v>
      </c>
      <c r="D59" s="6" t="s">
        <v>173</v>
      </c>
      <c r="E59" s="6">
        <v>15090</v>
      </c>
      <c r="F59" s="6" t="s">
        <v>18</v>
      </c>
      <c r="G59" s="6" t="s">
        <v>174</v>
      </c>
      <c r="H59" s="6" t="s">
        <v>175</v>
      </c>
      <c r="I59" s="7">
        <v>5.2269739999999896</v>
      </c>
      <c r="J59" s="8">
        <v>-73.127258999999995</v>
      </c>
    </row>
    <row r="60" spans="1:10" x14ac:dyDescent="0.35">
      <c r="A60" s="5" t="s">
        <v>10</v>
      </c>
      <c r="B60" s="6">
        <v>204739</v>
      </c>
      <c r="C60" s="6" t="s">
        <v>38</v>
      </c>
      <c r="D60" s="6" t="s">
        <v>39</v>
      </c>
      <c r="E60" s="6">
        <v>19001</v>
      </c>
      <c r="F60" s="6" t="s">
        <v>18</v>
      </c>
      <c r="G60" s="6" t="s">
        <v>176</v>
      </c>
      <c r="H60" s="6" t="s">
        <v>177</v>
      </c>
      <c r="I60" s="7">
        <v>2.4593864999999999</v>
      </c>
      <c r="J60" s="8">
        <v>-76.644611999999995</v>
      </c>
    </row>
    <row r="61" spans="1:10" x14ac:dyDescent="0.35">
      <c r="A61" s="5" t="s">
        <v>10</v>
      </c>
      <c r="B61" s="6">
        <v>149838</v>
      </c>
      <c r="C61" s="6" t="s">
        <v>94</v>
      </c>
      <c r="D61" s="6" t="s">
        <v>178</v>
      </c>
      <c r="E61" s="6">
        <v>66318</v>
      </c>
      <c r="F61" s="6" t="s">
        <v>18</v>
      </c>
      <c r="G61" s="6" t="s">
        <v>179</v>
      </c>
      <c r="H61" s="6" t="s">
        <v>180</v>
      </c>
      <c r="I61" s="7">
        <v>4.8127749999999896</v>
      </c>
      <c r="J61" s="8">
        <v>-75.684261100000001</v>
      </c>
    </row>
    <row r="62" spans="1:10" x14ac:dyDescent="0.35">
      <c r="A62" s="5" t="s">
        <v>10</v>
      </c>
      <c r="B62" s="6">
        <v>169531</v>
      </c>
      <c r="C62" s="6" t="s">
        <v>42</v>
      </c>
      <c r="D62" s="6" t="s">
        <v>181</v>
      </c>
      <c r="E62" s="6">
        <v>17616</v>
      </c>
      <c r="F62" s="6" t="s">
        <v>18</v>
      </c>
      <c r="G62" s="6" t="s">
        <v>182</v>
      </c>
      <c r="H62" s="6" t="s">
        <v>183</v>
      </c>
      <c r="I62" s="7">
        <v>11.2423039</v>
      </c>
      <c r="J62" s="8">
        <v>-74.210595499999997</v>
      </c>
    </row>
    <row r="63" spans="1:10" x14ac:dyDescent="0.35">
      <c r="A63" s="5" t="s">
        <v>10</v>
      </c>
      <c r="B63" s="6">
        <v>224594</v>
      </c>
      <c r="C63" s="6" t="s">
        <v>42</v>
      </c>
      <c r="D63" s="6" t="s">
        <v>43</v>
      </c>
      <c r="E63" s="6">
        <v>17001</v>
      </c>
      <c r="F63" s="6" t="s">
        <v>18</v>
      </c>
      <c r="G63" s="6" t="s">
        <v>184</v>
      </c>
      <c r="H63" s="6" t="s">
        <v>185</v>
      </c>
      <c r="I63" s="7">
        <v>5.0754359999999998</v>
      </c>
      <c r="J63" s="8">
        <v>-75.520391000000004</v>
      </c>
    </row>
    <row r="64" spans="1:10" x14ac:dyDescent="0.35">
      <c r="A64" s="5" t="s">
        <v>10</v>
      </c>
      <c r="B64" s="6">
        <v>228809</v>
      </c>
      <c r="C64" s="6" t="s">
        <v>68</v>
      </c>
      <c r="D64" s="6" t="s">
        <v>69</v>
      </c>
      <c r="E64" s="6">
        <v>11001</v>
      </c>
      <c r="F64" s="6" t="s">
        <v>18</v>
      </c>
      <c r="G64" s="6" t="s">
        <v>186</v>
      </c>
      <c r="H64" s="6" t="s">
        <v>187</v>
      </c>
      <c r="I64" s="7">
        <v>4.7354950999999996</v>
      </c>
      <c r="J64" s="8">
        <v>-74.092119499999995</v>
      </c>
    </row>
    <row r="65" spans="1:10" x14ac:dyDescent="0.35">
      <c r="A65" s="5" t="s">
        <v>10</v>
      </c>
      <c r="B65" s="6">
        <v>95614</v>
      </c>
      <c r="C65" s="6" t="s">
        <v>68</v>
      </c>
      <c r="D65" s="6" t="s">
        <v>69</v>
      </c>
      <c r="E65" s="6">
        <v>11001</v>
      </c>
      <c r="F65" s="6" t="s">
        <v>18</v>
      </c>
      <c r="G65" s="6" t="s">
        <v>188</v>
      </c>
      <c r="H65" s="6" t="s">
        <v>189</v>
      </c>
      <c r="I65" s="7">
        <v>4.7109886000000003</v>
      </c>
      <c r="J65" s="8">
        <v>-74.072091999999998</v>
      </c>
    </row>
    <row r="66" spans="1:10" x14ac:dyDescent="0.35">
      <c r="A66" s="5" t="s">
        <v>10</v>
      </c>
      <c r="B66" s="6">
        <v>225297</v>
      </c>
      <c r="C66" s="6" t="s">
        <v>190</v>
      </c>
      <c r="D66" s="6" t="s">
        <v>191</v>
      </c>
      <c r="E66" s="6">
        <v>5001</v>
      </c>
      <c r="F66" s="6" t="s">
        <v>13</v>
      </c>
      <c r="G66" s="6" t="s">
        <v>192</v>
      </c>
      <c r="H66" s="6" t="s">
        <v>193</v>
      </c>
      <c r="I66" s="7">
        <v>6.2305194999999998</v>
      </c>
      <c r="J66" s="8">
        <v>-75.573142700000005</v>
      </c>
    </row>
    <row r="67" spans="1:10" x14ac:dyDescent="0.35">
      <c r="A67" s="5" t="s">
        <v>10</v>
      </c>
      <c r="B67" s="6">
        <v>154867</v>
      </c>
      <c r="C67" s="6" t="s">
        <v>16</v>
      </c>
      <c r="D67" s="6" t="s">
        <v>194</v>
      </c>
      <c r="E67" s="6">
        <v>68209</v>
      </c>
      <c r="F67" s="6" t="s">
        <v>18</v>
      </c>
      <c r="G67" s="6" t="s">
        <v>195</v>
      </c>
      <c r="H67" s="6" t="s">
        <v>196</v>
      </c>
      <c r="I67" s="7">
        <v>10.4229301</v>
      </c>
      <c r="J67" s="8">
        <v>-75.550232399999999</v>
      </c>
    </row>
    <row r="68" spans="1:10" x14ac:dyDescent="0.35">
      <c r="A68" s="5" t="s">
        <v>10</v>
      </c>
      <c r="B68" s="6">
        <v>241776</v>
      </c>
      <c r="C68" s="6" t="s">
        <v>109</v>
      </c>
      <c r="D68" s="6" t="s">
        <v>197</v>
      </c>
      <c r="E68" s="6">
        <v>13600</v>
      </c>
      <c r="F68" s="6" t="s">
        <v>18</v>
      </c>
      <c r="G68" s="6" t="s">
        <v>198</v>
      </c>
      <c r="H68" s="6" t="s">
        <v>199</v>
      </c>
      <c r="I68" s="7">
        <v>8.5880217999999999</v>
      </c>
      <c r="J68" s="8">
        <v>-73.842066399999993</v>
      </c>
    </row>
    <row r="69" spans="1:10" x14ac:dyDescent="0.35">
      <c r="A69" s="5" t="s">
        <v>10</v>
      </c>
      <c r="B69" s="6">
        <v>239998</v>
      </c>
      <c r="C69" s="6" t="s">
        <v>55</v>
      </c>
      <c r="D69" s="6" t="s">
        <v>56</v>
      </c>
      <c r="E69" s="6">
        <v>73001</v>
      </c>
      <c r="F69" s="6" t="s">
        <v>18</v>
      </c>
      <c r="G69" s="6" t="s">
        <v>200</v>
      </c>
      <c r="H69" s="6" t="s">
        <v>201</v>
      </c>
      <c r="I69" s="7">
        <v>4.4448777000000002</v>
      </c>
      <c r="J69" s="8">
        <v>-75.242691500000006</v>
      </c>
    </row>
    <row r="70" spans="1:10" x14ac:dyDescent="0.35">
      <c r="A70" s="5" t="s">
        <v>10</v>
      </c>
      <c r="B70" s="6">
        <v>190661</v>
      </c>
      <c r="C70" s="6" t="s">
        <v>24</v>
      </c>
      <c r="D70" s="6" t="s">
        <v>202</v>
      </c>
      <c r="E70" s="6">
        <v>15806</v>
      </c>
      <c r="F70" s="6" t="s">
        <v>18</v>
      </c>
      <c r="G70" s="6" t="s">
        <v>203</v>
      </c>
      <c r="H70" s="6" t="s">
        <v>204</v>
      </c>
      <c r="I70" s="7">
        <v>5.7470420000000004</v>
      </c>
      <c r="J70" s="8">
        <v>-72.999675499999995</v>
      </c>
    </row>
    <row r="71" spans="1:10" x14ac:dyDescent="0.35">
      <c r="A71" s="5" t="s">
        <v>10</v>
      </c>
      <c r="B71" s="6">
        <v>219979</v>
      </c>
      <c r="C71" s="6" t="s">
        <v>24</v>
      </c>
      <c r="D71" s="6" t="s">
        <v>205</v>
      </c>
      <c r="E71" s="6">
        <v>15660</v>
      </c>
      <c r="F71" s="6" t="s">
        <v>18</v>
      </c>
      <c r="G71" s="6" t="s">
        <v>206</v>
      </c>
      <c r="H71" s="6" t="s">
        <v>207</v>
      </c>
      <c r="I71" s="7">
        <v>5.2245860000000004</v>
      </c>
      <c r="J71" s="8">
        <v>-73.078446</v>
      </c>
    </row>
    <row r="72" spans="1:10" x14ac:dyDescent="0.35">
      <c r="A72" s="5" t="s">
        <v>10</v>
      </c>
      <c r="B72" s="6">
        <v>244647</v>
      </c>
      <c r="C72" s="6" t="s">
        <v>28</v>
      </c>
      <c r="D72" s="6" t="s">
        <v>29</v>
      </c>
      <c r="E72" s="6">
        <v>54001</v>
      </c>
      <c r="F72" s="6" t="s">
        <v>18</v>
      </c>
      <c r="G72" s="6" t="s">
        <v>208</v>
      </c>
      <c r="H72" s="6" t="s">
        <v>209</v>
      </c>
      <c r="I72" s="7">
        <v>7.9056841000000002</v>
      </c>
      <c r="J72" s="8">
        <v>-72.517161299999998</v>
      </c>
    </row>
    <row r="73" spans="1:10" x14ac:dyDescent="0.35">
      <c r="A73" s="5" t="s">
        <v>10</v>
      </c>
      <c r="B73" s="6">
        <v>233613</v>
      </c>
      <c r="C73" s="6" t="s">
        <v>61</v>
      </c>
      <c r="D73" s="6" t="s">
        <v>62</v>
      </c>
      <c r="E73" s="6">
        <v>63001</v>
      </c>
      <c r="F73" s="6" t="s">
        <v>18</v>
      </c>
      <c r="G73" s="6" t="s">
        <v>210</v>
      </c>
      <c r="H73" s="6" t="s">
        <v>211</v>
      </c>
      <c r="I73" s="7">
        <v>4.5293200000000002</v>
      </c>
      <c r="J73" s="8">
        <v>-75.681520000000006</v>
      </c>
    </row>
    <row r="74" spans="1:10" x14ac:dyDescent="0.35">
      <c r="A74" s="5" t="s">
        <v>10</v>
      </c>
      <c r="B74" s="6">
        <v>167300</v>
      </c>
      <c r="C74" s="6" t="s">
        <v>42</v>
      </c>
      <c r="D74" s="6" t="s">
        <v>212</v>
      </c>
      <c r="E74" s="6">
        <v>17495</v>
      </c>
      <c r="F74" s="6" t="s">
        <v>18</v>
      </c>
      <c r="G74" s="6" t="s">
        <v>213</v>
      </c>
      <c r="H74" s="6" t="s">
        <v>214</v>
      </c>
      <c r="I74" s="7">
        <v>5.5762689999999999</v>
      </c>
      <c r="J74" s="8">
        <v>-74.889556999999996</v>
      </c>
    </row>
    <row r="75" spans="1:10" x14ac:dyDescent="0.35">
      <c r="A75" s="5" t="s">
        <v>10</v>
      </c>
      <c r="B75" s="6">
        <v>229627</v>
      </c>
      <c r="C75" s="6" t="s">
        <v>42</v>
      </c>
      <c r="D75" s="6" t="s">
        <v>43</v>
      </c>
      <c r="E75" s="6">
        <v>17001</v>
      </c>
      <c r="F75" s="6" t="s">
        <v>18</v>
      </c>
      <c r="G75" s="6" t="s">
        <v>215</v>
      </c>
      <c r="H75" s="6" t="s">
        <v>216</v>
      </c>
      <c r="I75" s="7">
        <v>5.0626420000000003</v>
      </c>
      <c r="J75" s="8">
        <v>-75.478609899999995</v>
      </c>
    </row>
    <row r="76" spans="1:10" x14ac:dyDescent="0.35">
      <c r="A76" s="5" t="s">
        <v>10</v>
      </c>
      <c r="B76" s="6">
        <v>231627</v>
      </c>
      <c r="C76" s="6" t="s">
        <v>68</v>
      </c>
      <c r="D76" s="6" t="s">
        <v>69</v>
      </c>
      <c r="E76" s="6">
        <v>11001</v>
      </c>
      <c r="F76" s="6" t="s">
        <v>18</v>
      </c>
      <c r="G76" s="6" t="s">
        <v>217</v>
      </c>
      <c r="H76" s="6" t="s">
        <v>218</v>
      </c>
      <c r="I76" s="7">
        <v>4.6035880000000002</v>
      </c>
      <c r="J76" s="8">
        <v>-74.153066999999993</v>
      </c>
    </row>
    <row r="77" spans="1:10" x14ac:dyDescent="0.35">
      <c r="A77" s="5" t="s">
        <v>10</v>
      </c>
      <c r="B77" s="6">
        <v>232852</v>
      </c>
      <c r="C77" s="6" t="s">
        <v>68</v>
      </c>
      <c r="D77" s="6" t="s">
        <v>69</v>
      </c>
      <c r="E77" s="6">
        <v>11001</v>
      </c>
      <c r="F77" s="6" t="s">
        <v>18</v>
      </c>
      <c r="G77" s="6" t="s">
        <v>219</v>
      </c>
      <c r="H77" s="6" t="s">
        <v>220</v>
      </c>
      <c r="I77" s="7">
        <v>4.6768200000000002</v>
      </c>
      <c r="J77" s="8">
        <v>-74.108580000000003</v>
      </c>
    </row>
    <row r="78" spans="1:10" x14ac:dyDescent="0.35">
      <c r="A78" s="5" t="s">
        <v>10</v>
      </c>
      <c r="B78" s="6">
        <v>180546</v>
      </c>
      <c r="C78" s="6" t="s">
        <v>11</v>
      </c>
      <c r="D78" s="6" t="s">
        <v>221</v>
      </c>
      <c r="E78" s="6">
        <v>25430</v>
      </c>
      <c r="F78" s="6" t="s">
        <v>13</v>
      </c>
      <c r="G78" s="6" t="s">
        <v>222</v>
      </c>
      <c r="H78" s="6" t="s">
        <v>223</v>
      </c>
      <c r="I78" s="7">
        <v>4.7269186000000003</v>
      </c>
      <c r="J78" s="8">
        <v>-74.256828900000002</v>
      </c>
    </row>
    <row r="79" spans="1:10" x14ac:dyDescent="0.35">
      <c r="A79" s="5" t="s">
        <v>10</v>
      </c>
      <c r="B79" s="6">
        <v>208302</v>
      </c>
      <c r="C79" s="6" t="s">
        <v>16</v>
      </c>
      <c r="D79" s="6" t="s">
        <v>224</v>
      </c>
      <c r="E79" s="6">
        <v>68755</v>
      </c>
      <c r="F79" s="6" t="s">
        <v>18</v>
      </c>
      <c r="G79" s="6" t="s">
        <v>225</v>
      </c>
      <c r="H79" s="6" t="s">
        <v>226</v>
      </c>
      <c r="I79" s="7">
        <v>6.4630802999999997</v>
      </c>
      <c r="J79" s="8">
        <v>-73.256459800000002</v>
      </c>
    </row>
    <row r="80" spans="1:10" x14ac:dyDescent="0.35">
      <c r="A80" s="5" t="s">
        <v>10</v>
      </c>
      <c r="B80" s="6">
        <v>206651</v>
      </c>
      <c r="C80" s="6" t="s">
        <v>109</v>
      </c>
      <c r="D80" s="6" t="s">
        <v>227</v>
      </c>
      <c r="E80" s="6">
        <v>13001</v>
      </c>
      <c r="F80" s="6" t="s">
        <v>18</v>
      </c>
      <c r="G80" s="6" t="s">
        <v>228</v>
      </c>
      <c r="H80" s="6" t="s">
        <v>229</v>
      </c>
      <c r="I80" s="7">
        <v>10.383176300000001</v>
      </c>
      <c r="J80" s="8">
        <v>-75.496003999999999</v>
      </c>
    </row>
    <row r="81" spans="1:10" x14ac:dyDescent="0.35">
      <c r="A81" s="5" t="s">
        <v>10</v>
      </c>
      <c r="B81" s="6">
        <v>239341</v>
      </c>
      <c r="C81" s="6" t="s">
        <v>24</v>
      </c>
      <c r="D81" s="6" t="s">
        <v>202</v>
      </c>
      <c r="E81" s="6">
        <v>15806</v>
      </c>
      <c r="F81" s="6" t="s">
        <v>18</v>
      </c>
      <c r="G81" s="6" t="s">
        <v>230</v>
      </c>
      <c r="H81" s="6" t="s">
        <v>231</v>
      </c>
      <c r="I81" s="7">
        <v>5.7465631999999998</v>
      </c>
      <c r="J81" s="8">
        <v>-73.000545200000005</v>
      </c>
    </row>
    <row r="82" spans="1:10" x14ac:dyDescent="0.35">
      <c r="A82" s="5" t="s">
        <v>10</v>
      </c>
      <c r="B82" s="6">
        <v>206861</v>
      </c>
      <c r="C82" s="6" t="s">
        <v>24</v>
      </c>
      <c r="D82" s="6" t="s">
        <v>88</v>
      </c>
      <c r="E82" s="6">
        <v>15001</v>
      </c>
      <c r="F82" s="6" t="s">
        <v>18</v>
      </c>
      <c r="G82" s="6" t="s">
        <v>232</v>
      </c>
      <c r="H82" s="6" t="s">
        <v>233</v>
      </c>
      <c r="I82" s="7">
        <v>5.8267445999999996</v>
      </c>
      <c r="J82" s="8">
        <v>-73.042119799999995</v>
      </c>
    </row>
    <row r="83" spans="1:10" x14ac:dyDescent="0.35">
      <c r="A83" s="5" t="s">
        <v>10</v>
      </c>
      <c r="B83" s="6">
        <v>219148</v>
      </c>
      <c r="C83" s="6" t="s">
        <v>28</v>
      </c>
      <c r="D83" s="6" t="s">
        <v>29</v>
      </c>
      <c r="E83" s="6">
        <v>54001</v>
      </c>
      <c r="F83" s="6" t="s">
        <v>18</v>
      </c>
      <c r="G83" s="6" t="s">
        <v>234</v>
      </c>
      <c r="H83" s="6" t="s">
        <v>235</v>
      </c>
      <c r="I83" s="7">
        <v>7.8855398999999897</v>
      </c>
      <c r="J83" s="8">
        <v>-72.503737399999906</v>
      </c>
    </row>
    <row r="84" spans="1:10" x14ac:dyDescent="0.35">
      <c r="A84" s="5" t="s">
        <v>10</v>
      </c>
      <c r="B84" s="6">
        <v>236988</v>
      </c>
      <c r="C84" s="6" t="s">
        <v>38</v>
      </c>
      <c r="D84" s="6" t="s">
        <v>236</v>
      </c>
      <c r="E84" s="6">
        <v>19075</v>
      </c>
      <c r="F84" s="6" t="s">
        <v>18</v>
      </c>
      <c r="G84" s="6" t="s">
        <v>237</v>
      </c>
      <c r="H84" s="6" t="s">
        <v>238</v>
      </c>
      <c r="I84" s="7">
        <v>2.0394089000000002</v>
      </c>
      <c r="J84" s="8">
        <v>-77.217208499999998</v>
      </c>
    </row>
    <row r="85" spans="1:10" x14ac:dyDescent="0.35">
      <c r="A85" s="5" t="s">
        <v>10</v>
      </c>
      <c r="B85" s="6">
        <v>192379</v>
      </c>
      <c r="C85" s="6" t="s">
        <v>42</v>
      </c>
      <c r="D85" s="6" t="s">
        <v>239</v>
      </c>
      <c r="E85" s="6">
        <v>17877</v>
      </c>
      <c r="F85" s="6" t="s">
        <v>18</v>
      </c>
      <c r="G85" s="6" t="s">
        <v>240</v>
      </c>
      <c r="H85" s="6" t="s">
        <v>241</v>
      </c>
      <c r="I85" s="7">
        <v>5.0605779000000002</v>
      </c>
      <c r="J85" s="8">
        <v>-75.872355999999996</v>
      </c>
    </row>
    <row r="86" spans="1:10" x14ac:dyDescent="0.35">
      <c r="A86" s="5" t="s">
        <v>10</v>
      </c>
      <c r="B86" s="6">
        <v>230698</v>
      </c>
      <c r="C86" s="6" t="s">
        <v>94</v>
      </c>
      <c r="D86" s="6" t="s">
        <v>242</v>
      </c>
      <c r="E86" s="6">
        <v>66682</v>
      </c>
      <c r="F86" s="6" t="s">
        <v>18</v>
      </c>
      <c r="G86" s="6" t="s">
        <v>243</v>
      </c>
      <c r="H86" s="6" t="s">
        <v>244</v>
      </c>
      <c r="I86" s="7">
        <v>4.8665164000000001</v>
      </c>
      <c r="J86" s="8">
        <v>-75.616106599999995</v>
      </c>
    </row>
    <row r="87" spans="1:10" x14ac:dyDescent="0.35">
      <c r="A87" s="5" t="s">
        <v>10</v>
      </c>
      <c r="B87" s="6">
        <v>185360</v>
      </c>
      <c r="C87" s="6" t="s">
        <v>61</v>
      </c>
      <c r="D87" s="6" t="s">
        <v>245</v>
      </c>
      <c r="E87" s="6">
        <v>63302</v>
      </c>
      <c r="F87" s="6" t="s">
        <v>18</v>
      </c>
      <c r="G87" s="6" t="s">
        <v>246</v>
      </c>
      <c r="H87" s="6" t="s">
        <v>247</v>
      </c>
      <c r="I87" s="7">
        <v>10.4229301</v>
      </c>
      <c r="J87" s="8">
        <v>-75.550232399999999</v>
      </c>
    </row>
    <row r="88" spans="1:10" x14ac:dyDescent="0.35">
      <c r="A88" s="5" t="s">
        <v>10</v>
      </c>
      <c r="B88" s="6">
        <v>229638</v>
      </c>
      <c r="C88" s="6" t="s">
        <v>94</v>
      </c>
      <c r="D88" s="6" t="s">
        <v>248</v>
      </c>
      <c r="E88" s="6">
        <v>66594</v>
      </c>
      <c r="F88" s="6" t="s">
        <v>18</v>
      </c>
      <c r="G88" s="6" t="s">
        <v>249</v>
      </c>
      <c r="H88" s="6" t="s">
        <v>250</v>
      </c>
      <c r="I88" s="7">
        <v>5.3394273999999999</v>
      </c>
      <c r="J88" s="8">
        <v>-75.731222399999993</v>
      </c>
    </row>
    <row r="89" spans="1:10" x14ac:dyDescent="0.35">
      <c r="A89" s="5" t="s">
        <v>10</v>
      </c>
      <c r="B89" s="6">
        <v>180541</v>
      </c>
      <c r="C89" s="6" t="s">
        <v>11</v>
      </c>
      <c r="D89" s="6" t="s">
        <v>251</v>
      </c>
      <c r="E89" s="6">
        <v>25214</v>
      </c>
      <c r="F89" s="6" t="s">
        <v>13</v>
      </c>
      <c r="G89" s="6" t="s">
        <v>252</v>
      </c>
      <c r="H89" s="6" t="s">
        <v>253</v>
      </c>
      <c r="I89" s="7">
        <v>4.8113048999999997</v>
      </c>
      <c r="J89" s="8">
        <v>-74.100371699999997</v>
      </c>
    </row>
    <row r="90" spans="1:10" x14ac:dyDescent="0.35">
      <c r="A90" s="5" t="s">
        <v>10</v>
      </c>
      <c r="B90" s="6">
        <v>213056</v>
      </c>
      <c r="C90" s="6" t="s">
        <v>16</v>
      </c>
      <c r="D90" s="6" t="s">
        <v>254</v>
      </c>
      <c r="E90" s="6">
        <v>68079</v>
      </c>
      <c r="F90" s="6" t="s">
        <v>18</v>
      </c>
      <c r="G90" s="6" t="s">
        <v>255</v>
      </c>
      <c r="H90" s="6" t="s">
        <v>256</v>
      </c>
      <c r="I90" s="7">
        <v>6.6358489999999897</v>
      </c>
      <c r="J90" s="8">
        <v>-73.223409000000004</v>
      </c>
    </row>
    <row r="91" spans="1:10" x14ac:dyDescent="0.35">
      <c r="A91" s="5" t="s">
        <v>10</v>
      </c>
      <c r="B91" s="6">
        <v>212653</v>
      </c>
      <c r="C91" s="6" t="s">
        <v>24</v>
      </c>
      <c r="D91" s="6" t="s">
        <v>88</v>
      </c>
      <c r="E91" s="6">
        <v>15001</v>
      </c>
      <c r="F91" s="6" t="s">
        <v>18</v>
      </c>
      <c r="G91" s="6" t="s">
        <v>257</v>
      </c>
      <c r="H91" s="6" t="s">
        <v>258</v>
      </c>
      <c r="I91" s="7">
        <v>5.5194777999999998</v>
      </c>
      <c r="J91" s="8">
        <v>-73.359029100000001</v>
      </c>
    </row>
    <row r="92" spans="1:10" x14ac:dyDescent="0.35">
      <c r="A92" s="5" t="s">
        <v>10</v>
      </c>
      <c r="B92" s="6">
        <v>239673</v>
      </c>
      <c r="C92" s="6" t="s">
        <v>61</v>
      </c>
      <c r="D92" s="6" t="s">
        <v>259</v>
      </c>
      <c r="E92" s="6">
        <v>63190</v>
      </c>
      <c r="F92" s="6" t="s">
        <v>18</v>
      </c>
      <c r="G92" s="6" t="s">
        <v>260</v>
      </c>
      <c r="H92" s="6" t="s">
        <v>261</v>
      </c>
      <c r="I92" s="7">
        <v>4.6165409000000004</v>
      </c>
      <c r="J92" s="8">
        <v>-75.635208800000001</v>
      </c>
    </row>
    <row r="93" spans="1:10" x14ac:dyDescent="0.35">
      <c r="A93" s="5" t="s">
        <v>10</v>
      </c>
      <c r="B93" s="6">
        <v>165812</v>
      </c>
      <c r="C93" s="6" t="s">
        <v>11</v>
      </c>
      <c r="D93" s="6" t="s">
        <v>159</v>
      </c>
      <c r="E93" s="6">
        <v>25175</v>
      </c>
      <c r="F93" s="6" t="s">
        <v>18</v>
      </c>
      <c r="G93" s="6" t="s">
        <v>262</v>
      </c>
      <c r="H93" s="6" t="s">
        <v>263</v>
      </c>
      <c r="I93" s="7">
        <v>4.8634554999999997</v>
      </c>
      <c r="J93" s="8">
        <v>-74.048598200000001</v>
      </c>
    </row>
    <row r="94" spans="1:10" x14ac:dyDescent="0.35">
      <c r="A94" s="5" t="s">
        <v>10</v>
      </c>
      <c r="B94" s="6">
        <v>231296</v>
      </c>
      <c r="C94" s="6" t="s">
        <v>16</v>
      </c>
      <c r="D94" s="6" t="s">
        <v>17</v>
      </c>
      <c r="E94" s="6">
        <v>68679</v>
      </c>
      <c r="F94" s="6" t="s">
        <v>18</v>
      </c>
      <c r="G94" s="6" t="s">
        <v>264</v>
      </c>
      <c r="H94" s="6" t="s">
        <v>265</v>
      </c>
      <c r="I94" s="7">
        <v>6.554824</v>
      </c>
      <c r="J94" s="8">
        <v>-73.134119999999996</v>
      </c>
    </row>
    <row r="95" spans="1:10" x14ac:dyDescent="0.35">
      <c r="A95" s="5" t="s">
        <v>10</v>
      </c>
      <c r="B95" s="6">
        <v>228374</v>
      </c>
      <c r="C95" s="6" t="s">
        <v>24</v>
      </c>
      <c r="D95" s="6" t="s">
        <v>266</v>
      </c>
      <c r="E95" s="6">
        <v>15172</v>
      </c>
      <c r="F95" s="6" t="s">
        <v>18</v>
      </c>
      <c r="G95" s="6" t="s">
        <v>267</v>
      </c>
      <c r="H95" s="6" t="s">
        <v>268</v>
      </c>
      <c r="I95" s="7">
        <v>5.1890624999999897</v>
      </c>
      <c r="J95" s="8">
        <v>-73.347290099999995</v>
      </c>
    </row>
    <row r="96" spans="1:10" x14ac:dyDescent="0.35">
      <c r="A96" s="5" t="s">
        <v>10</v>
      </c>
      <c r="B96" s="6">
        <v>230661</v>
      </c>
      <c r="C96" s="6" t="s">
        <v>28</v>
      </c>
      <c r="D96" s="6" t="s">
        <v>91</v>
      </c>
      <c r="E96" s="6">
        <v>54874</v>
      </c>
      <c r="F96" s="6" t="s">
        <v>18</v>
      </c>
      <c r="G96" s="6" t="s">
        <v>269</v>
      </c>
      <c r="H96" s="6" t="s">
        <v>270</v>
      </c>
      <c r="I96" s="7">
        <v>7.8216644000000004</v>
      </c>
      <c r="J96" s="8">
        <v>-72.474953999999997</v>
      </c>
    </row>
    <row r="97" spans="1:10" x14ac:dyDescent="0.35">
      <c r="A97" s="5" t="s">
        <v>10</v>
      </c>
      <c r="B97" s="6">
        <v>161557</v>
      </c>
      <c r="C97" s="6" t="s">
        <v>94</v>
      </c>
      <c r="D97" s="6" t="s">
        <v>98</v>
      </c>
      <c r="E97" s="6">
        <v>66001</v>
      </c>
      <c r="F97" s="6" t="s">
        <v>18</v>
      </c>
      <c r="G97" s="6" t="s">
        <v>271</v>
      </c>
      <c r="H97" s="6" t="s">
        <v>272</v>
      </c>
      <c r="I97" s="7">
        <v>4.8006377999999996</v>
      </c>
      <c r="J97" s="8">
        <v>-75.712334499999997</v>
      </c>
    </row>
    <row r="98" spans="1:10" x14ac:dyDescent="0.35">
      <c r="A98" s="5" t="s">
        <v>10</v>
      </c>
      <c r="B98" s="6">
        <v>238818</v>
      </c>
      <c r="C98" s="6" t="s">
        <v>94</v>
      </c>
      <c r="D98" s="6" t="s">
        <v>178</v>
      </c>
      <c r="E98" s="6">
        <v>66318</v>
      </c>
      <c r="F98" s="6" t="s">
        <v>18</v>
      </c>
      <c r="G98" s="6" t="s">
        <v>273</v>
      </c>
      <c r="H98" s="6" t="s">
        <v>274</v>
      </c>
      <c r="I98" s="7">
        <v>5.3164280000000002</v>
      </c>
      <c r="J98" s="8">
        <v>-75.799407000000002</v>
      </c>
    </row>
    <row r="99" spans="1:10" x14ac:dyDescent="0.35">
      <c r="A99" s="5" t="s">
        <v>10</v>
      </c>
      <c r="B99" s="6">
        <v>237640</v>
      </c>
      <c r="C99" s="6" t="s">
        <v>42</v>
      </c>
      <c r="D99" s="6" t="s">
        <v>275</v>
      </c>
      <c r="E99" s="6">
        <v>17614</v>
      </c>
      <c r="F99" s="6" t="s">
        <v>18</v>
      </c>
      <c r="G99" s="6" t="s">
        <v>276</v>
      </c>
      <c r="H99" s="6" t="s">
        <v>277</v>
      </c>
      <c r="I99" s="7">
        <v>5.4219314000000001</v>
      </c>
      <c r="J99" s="8">
        <v>-75.704220599999999</v>
      </c>
    </row>
    <row r="100" spans="1:10" x14ac:dyDescent="0.35">
      <c r="A100" s="5" t="s">
        <v>10</v>
      </c>
      <c r="B100" s="6">
        <v>213478</v>
      </c>
      <c r="C100" s="6" t="s">
        <v>278</v>
      </c>
      <c r="D100" s="6" t="s">
        <v>279</v>
      </c>
      <c r="E100" s="6">
        <v>50001</v>
      </c>
      <c r="F100" s="6" t="s">
        <v>18</v>
      </c>
      <c r="G100" s="6" t="s">
        <v>280</v>
      </c>
      <c r="H100" s="6" t="s">
        <v>281</v>
      </c>
      <c r="I100" s="7">
        <v>4.0995087999999997</v>
      </c>
      <c r="J100" s="8">
        <v>-73.656929899999994</v>
      </c>
    </row>
    <row r="101" spans="1:10" x14ac:dyDescent="0.35">
      <c r="A101" s="5" t="s">
        <v>10</v>
      </c>
      <c r="B101" s="6">
        <v>234500</v>
      </c>
      <c r="C101" s="6" t="s">
        <v>24</v>
      </c>
      <c r="D101" s="6" t="s">
        <v>282</v>
      </c>
      <c r="E101" s="6">
        <v>15407</v>
      </c>
      <c r="F101" s="6" t="s">
        <v>18</v>
      </c>
      <c r="G101" s="6" t="s">
        <v>283</v>
      </c>
      <c r="H101" s="6" t="s">
        <v>284</v>
      </c>
      <c r="I101" s="7">
        <v>5.6311711000000004</v>
      </c>
      <c r="J101" s="8">
        <v>-73.526051800000005</v>
      </c>
    </row>
    <row r="102" spans="1:10" x14ac:dyDescent="0.35">
      <c r="A102" s="5" t="s">
        <v>10</v>
      </c>
      <c r="B102" s="6">
        <v>209067</v>
      </c>
      <c r="C102" s="6" t="s">
        <v>28</v>
      </c>
      <c r="D102" s="6" t="s">
        <v>29</v>
      </c>
      <c r="E102" s="6">
        <v>54001</v>
      </c>
      <c r="F102" s="6" t="s">
        <v>13</v>
      </c>
      <c r="G102" s="6" t="s">
        <v>285</v>
      </c>
      <c r="H102" s="6" t="s">
        <v>286</v>
      </c>
      <c r="I102" s="7">
        <v>7.8773768000000004</v>
      </c>
      <c r="J102" s="8">
        <v>-72.501555499999995</v>
      </c>
    </row>
    <row r="103" spans="1:10" x14ac:dyDescent="0.35">
      <c r="A103" s="5" t="s">
        <v>10</v>
      </c>
      <c r="B103" s="6">
        <v>234328</v>
      </c>
      <c r="C103" s="6" t="s">
        <v>16</v>
      </c>
      <c r="D103" s="6" t="s">
        <v>17</v>
      </c>
      <c r="E103" s="6">
        <v>68679</v>
      </c>
      <c r="F103" s="6" t="s">
        <v>18</v>
      </c>
      <c r="G103" s="6" t="s">
        <v>287</v>
      </c>
      <c r="H103" s="6" t="s">
        <v>288</v>
      </c>
      <c r="I103" s="7">
        <v>6.5563621000000003</v>
      </c>
      <c r="J103" s="8">
        <v>-73.136575899999997</v>
      </c>
    </row>
    <row r="104" spans="1:10" x14ac:dyDescent="0.35">
      <c r="A104" s="5" t="s">
        <v>10</v>
      </c>
      <c r="B104" s="6">
        <v>230484</v>
      </c>
      <c r="C104" s="6" t="s">
        <v>68</v>
      </c>
      <c r="D104" s="6" t="s">
        <v>69</v>
      </c>
      <c r="E104" s="6">
        <v>11001</v>
      </c>
      <c r="F104" s="6" t="s">
        <v>18</v>
      </c>
      <c r="G104" s="6" t="s">
        <v>289</v>
      </c>
      <c r="H104" s="6" t="s">
        <v>290</v>
      </c>
      <c r="I104" s="7">
        <v>4.7176676999999998</v>
      </c>
      <c r="J104" s="8">
        <v>-74.211874100000003</v>
      </c>
    </row>
    <row r="105" spans="1:10" x14ac:dyDescent="0.35">
      <c r="A105" s="5" t="s">
        <v>10</v>
      </c>
      <c r="B105" s="6">
        <v>238937</v>
      </c>
      <c r="C105" s="6" t="s">
        <v>16</v>
      </c>
      <c r="D105" s="6" t="s">
        <v>291</v>
      </c>
      <c r="E105" s="6">
        <v>68533</v>
      </c>
      <c r="F105" s="6" t="s">
        <v>18</v>
      </c>
      <c r="G105" s="6" t="s">
        <v>292</v>
      </c>
      <c r="H105" s="6" t="s">
        <v>293</v>
      </c>
      <c r="I105" s="7">
        <v>4.9186307999999999</v>
      </c>
      <c r="J105" s="8">
        <v>-74.025613199999995</v>
      </c>
    </row>
    <row r="106" spans="1:10" x14ac:dyDescent="0.35">
      <c r="A106" s="5" t="s">
        <v>10</v>
      </c>
      <c r="B106" s="6">
        <v>180025</v>
      </c>
      <c r="C106" s="6" t="s">
        <v>294</v>
      </c>
      <c r="D106" s="6" t="s">
        <v>295</v>
      </c>
      <c r="E106" s="6">
        <v>41359</v>
      </c>
      <c r="F106" s="6" t="s">
        <v>18</v>
      </c>
      <c r="G106" s="6" t="s">
        <v>296</v>
      </c>
      <c r="H106" s="6" t="s">
        <v>297</v>
      </c>
      <c r="I106" s="7">
        <v>1.9304068999999999</v>
      </c>
      <c r="J106" s="8">
        <v>-76.215374400000002</v>
      </c>
    </row>
    <row r="107" spans="1:10" x14ac:dyDescent="0.35">
      <c r="A107" s="5" t="s">
        <v>10</v>
      </c>
      <c r="B107" s="6">
        <v>242744</v>
      </c>
      <c r="C107" s="6" t="s">
        <v>24</v>
      </c>
      <c r="D107" s="6" t="s">
        <v>85</v>
      </c>
      <c r="E107" s="6">
        <v>15759</v>
      </c>
      <c r="F107" s="6" t="s">
        <v>18</v>
      </c>
      <c r="G107" s="6" t="s">
        <v>298</v>
      </c>
      <c r="H107" s="6" t="s">
        <v>299</v>
      </c>
      <c r="I107" s="7">
        <v>5.7161672000000001</v>
      </c>
      <c r="J107" s="8">
        <v>-72.931580499999995</v>
      </c>
    </row>
    <row r="108" spans="1:10" x14ac:dyDescent="0.35">
      <c r="A108" s="5" t="s">
        <v>10</v>
      </c>
      <c r="B108" s="6">
        <v>224455</v>
      </c>
      <c r="C108" s="6" t="s">
        <v>42</v>
      </c>
      <c r="D108" s="6" t="s">
        <v>275</v>
      </c>
      <c r="E108" s="6">
        <v>17614</v>
      </c>
      <c r="F108" s="6" t="s">
        <v>18</v>
      </c>
      <c r="G108" s="6" t="s">
        <v>300</v>
      </c>
      <c r="H108" s="6" t="s">
        <v>301</v>
      </c>
      <c r="I108" s="7">
        <v>5.4720012999999996</v>
      </c>
      <c r="J108" s="8">
        <v>-75.703732700000003</v>
      </c>
    </row>
    <row r="109" spans="1:10" x14ac:dyDescent="0.35">
      <c r="A109" s="5" t="s">
        <v>10</v>
      </c>
      <c r="B109" s="6">
        <v>236365</v>
      </c>
      <c r="C109" s="6" t="s">
        <v>302</v>
      </c>
      <c r="D109" s="6" t="s">
        <v>303</v>
      </c>
      <c r="E109" s="6">
        <v>8638</v>
      </c>
      <c r="F109" s="6" t="s">
        <v>18</v>
      </c>
      <c r="G109" s="6" t="s">
        <v>304</v>
      </c>
      <c r="H109" s="6" t="s">
        <v>305</v>
      </c>
      <c r="I109" s="7">
        <v>10.6278788</v>
      </c>
      <c r="J109" s="8">
        <v>-74.923271</v>
      </c>
    </row>
    <row r="110" spans="1:10" x14ac:dyDescent="0.35">
      <c r="A110" s="5" t="s">
        <v>10</v>
      </c>
      <c r="B110" s="6">
        <v>158369</v>
      </c>
      <c r="C110" s="6" t="s">
        <v>94</v>
      </c>
      <c r="D110" s="6" t="s">
        <v>98</v>
      </c>
      <c r="E110" s="6">
        <v>66001</v>
      </c>
      <c r="F110" s="6" t="s">
        <v>13</v>
      </c>
      <c r="G110" s="6" t="s">
        <v>306</v>
      </c>
      <c r="H110" s="6" t="s">
        <v>307</v>
      </c>
      <c r="I110" s="7">
        <v>4.8058074</v>
      </c>
      <c r="J110" s="8">
        <v>-75.694122800000002</v>
      </c>
    </row>
    <row r="111" spans="1:10" x14ac:dyDescent="0.35">
      <c r="A111" s="5" t="s">
        <v>10</v>
      </c>
      <c r="B111" s="6">
        <v>184815</v>
      </c>
      <c r="C111" s="6" t="s">
        <v>308</v>
      </c>
      <c r="D111" s="6" t="s">
        <v>309</v>
      </c>
      <c r="E111" s="6">
        <v>23001</v>
      </c>
      <c r="F111" s="6" t="s">
        <v>13</v>
      </c>
      <c r="G111" s="6" t="s">
        <v>160</v>
      </c>
      <c r="H111" s="6" t="s">
        <v>310</v>
      </c>
      <c r="I111" s="7">
        <v>8.7453120000000002</v>
      </c>
      <c r="J111" s="8">
        <v>-75.893833599999994</v>
      </c>
    </row>
    <row r="112" spans="1:10" x14ac:dyDescent="0.35">
      <c r="A112" s="5" t="s">
        <v>10</v>
      </c>
      <c r="B112" s="6">
        <v>190881</v>
      </c>
      <c r="C112" s="6" t="s">
        <v>28</v>
      </c>
      <c r="D112" s="6" t="s">
        <v>49</v>
      </c>
      <c r="E112" s="6">
        <v>54498</v>
      </c>
      <c r="F112" s="6" t="s">
        <v>18</v>
      </c>
      <c r="G112" s="6" t="s">
        <v>311</v>
      </c>
      <c r="H112" s="6" t="s">
        <v>312</v>
      </c>
      <c r="I112" s="7">
        <v>8.2676871999999992</v>
      </c>
      <c r="J112" s="8">
        <v>-73.364331999999905</v>
      </c>
    </row>
    <row r="113" spans="1:10" x14ac:dyDescent="0.35">
      <c r="A113" s="5" t="s">
        <v>10</v>
      </c>
      <c r="B113" s="6">
        <v>212218</v>
      </c>
      <c r="C113" s="6" t="s">
        <v>55</v>
      </c>
      <c r="D113" s="6" t="s">
        <v>56</v>
      </c>
      <c r="E113" s="6">
        <v>73001</v>
      </c>
      <c r="F113" s="6" t="s">
        <v>18</v>
      </c>
      <c r="G113" s="6" t="s">
        <v>313</v>
      </c>
      <c r="H113" s="6" t="s">
        <v>314</v>
      </c>
      <c r="I113" s="7">
        <v>4.4383701000000002</v>
      </c>
      <c r="J113" s="8">
        <v>-75.173793799999999</v>
      </c>
    </row>
    <row r="114" spans="1:10" x14ac:dyDescent="0.35">
      <c r="A114" s="5" t="s">
        <v>10</v>
      </c>
      <c r="B114" s="6">
        <v>190153</v>
      </c>
      <c r="C114" s="6" t="s">
        <v>55</v>
      </c>
      <c r="D114" s="6" t="s">
        <v>56</v>
      </c>
      <c r="E114" s="6">
        <v>73001</v>
      </c>
      <c r="F114" s="6" t="s">
        <v>18</v>
      </c>
      <c r="G114" s="6" t="s">
        <v>315</v>
      </c>
      <c r="H114" s="6" t="s">
        <v>316</v>
      </c>
      <c r="I114" s="7">
        <v>4.44428</v>
      </c>
      <c r="J114" s="8">
        <v>-75.219914500000002</v>
      </c>
    </row>
    <row r="115" spans="1:10" x14ac:dyDescent="0.35">
      <c r="A115" s="5" t="s">
        <v>10</v>
      </c>
      <c r="B115" s="6">
        <v>229807</v>
      </c>
      <c r="C115" s="6" t="s">
        <v>24</v>
      </c>
      <c r="D115" s="6" t="s">
        <v>317</v>
      </c>
      <c r="E115" s="6">
        <v>15176</v>
      </c>
      <c r="F115" s="6" t="s">
        <v>18</v>
      </c>
      <c r="G115" s="6" t="s">
        <v>318</v>
      </c>
      <c r="H115" s="6" t="s">
        <v>319</v>
      </c>
      <c r="I115" s="7">
        <v>5.6048875999999996</v>
      </c>
      <c r="J115" s="8">
        <v>-73.829181899999995</v>
      </c>
    </row>
    <row r="116" spans="1:10" x14ac:dyDescent="0.35">
      <c r="A116" s="5" t="s">
        <v>10</v>
      </c>
      <c r="B116" s="6">
        <v>237096</v>
      </c>
      <c r="C116" s="6" t="s">
        <v>24</v>
      </c>
      <c r="D116" s="6" t="s">
        <v>85</v>
      </c>
      <c r="E116" s="6">
        <v>15759</v>
      </c>
      <c r="F116" s="6" t="s">
        <v>18</v>
      </c>
      <c r="G116" s="6" t="s">
        <v>320</v>
      </c>
      <c r="H116" s="6" t="s">
        <v>321</v>
      </c>
      <c r="I116" s="7">
        <v>5.7159076000000004</v>
      </c>
      <c r="J116" s="8">
        <v>-72.928260600000002</v>
      </c>
    </row>
    <row r="117" spans="1:10" x14ac:dyDescent="0.35">
      <c r="A117" s="5" t="s">
        <v>10</v>
      </c>
      <c r="B117" s="6">
        <v>224274</v>
      </c>
      <c r="C117" s="6" t="s">
        <v>28</v>
      </c>
      <c r="D117" s="6" t="s">
        <v>322</v>
      </c>
      <c r="E117" s="6">
        <v>54405</v>
      </c>
      <c r="F117" s="6" t="s">
        <v>18</v>
      </c>
      <c r="G117" s="6" t="s">
        <v>323</v>
      </c>
      <c r="H117" s="6" t="s">
        <v>324</v>
      </c>
      <c r="I117" s="7">
        <v>7.8140700000000001</v>
      </c>
      <c r="J117" s="8">
        <v>-72.512309999999999</v>
      </c>
    </row>
    <row r="118" spans="1:10" x14ac:dyDescent="0.35">
      <c r="A118" s="5" t="s">
        <v>10</v>
      </c>
      <c r="B118" s="6">
        <v>218414</v>
      </c>
      <c r="C118" s="6" t="s">
        <v>28</v>
      </c>
      <c r="D118" s="6" t="s">
        <v>29</v>
      </c>
      <c r="E118" s="6">
        <v>54001</v>
      </c>
      <c r="F118" s="6" t="s">
        <v>18</v>
      </c>
      <c r="G118" s="6" t="s">
        <v>325</v>
      </c>
      <c r="H118" s="6" t="s">
        <v>326</v>
      </c>
      <c r="I118" s="7">
        <v>7.8981653999999999</v>
      </c>
      <c r="J118" s="8">
        <v>-72.523889299999993</v>
      </c>
    </row>
    <row r="119" spans="1:10" x14ac:dyDescent="0.35">
      <c r="A119" s="5" t="s">
        <v>10</v>
      </c>
      <c r="B119" s="6">
        <v>222478</v>
      </c>
      <c r="C119" s="6" t="s">
        <v>42</v>
      </c>
      <c r="D119" s="6" t="s">
        <v>327</v>
      </c>
      <c r="E119" s="6">
        <v>17042</v>
      </c>
      <c r="F119" s="6" t="s">
        <v>18</v>
      </c>
      <c r="G119" s="6" t="s">
        <v>328</v>
      </c>
      <c r="H119" s="6" t="s">
        <v>329</v>
      </c>
      <c r="I119" s="7">
        <v>5.2425980000000001</v>
      </c>
      <c r="J119" s="8">
        <v>-75.781830999999997</v>
      </c>
    </row>
    <row r="120" spans="1:10" x14ac:dyDescent="0.35">
      <c r="A120" s="5" t="s">
        <v>10</v>
      </c>
      <c r="B120" s="6">
        <v>212285</v>
      </c>
      <c r="C120" s="6" t="s">
        <v>94</v>
      </c>
      <c r="D120" s="6" t="s">
        <v>236</v>
      </c>
      <c r="E120" s="6">
        <v>66075</v>
      </c>
      <c r="F120" s="6" t="s">
        <v>18</v>
      </c>
      <c r="G120" s="6" t="s">
        <v>330</v>
      </c>
      <c r="H120" s="6" t="s">
        <v>331</v>
      </c>
      <c r="I120" s="7">
        <v>4.9497479000000002</v>
      </c>
      <c r="J120" s="8">
        <v>-75.958016999999998</v>
      </c>
    </row>
    <row r="121" spans="1:10" x14ac:dyDescent="0.35">
      <c r="A121" s="5" t="s">
        <v>10</v>
      </c>
      <c r="B121" s="6">
        <v>235352</v>
      </c>
      <c r="C121" s="6" t="s">
        <v>94</v>
      </c>
      <c r="D121" s="6" t="s">
        <v>178</v>
      </c>
      <c r="E121" s="6">
        <v>66318</v>
      </c>
      <c r="F121" s="6" t="s">
        <v>18</v>
      </c>
      <c r="G121" s="6" t="s">
        <v>332</v>
      </c>
      <c r="H121" s="6" t="s">
        <v>333</v>
      </c>
      <c r="I121" s="7">
        <v>5.3180740000000002</v>
      </c>
      <c r="J121" s="8">
        <v>-75.786411000000001</v>
      </c>
    </row>
    <row r="122" spans="1:10" x14ac:dyDescent="0.35">
      <c r="A122" s="5" t="s">
        <v>10</v>
      </c>
      <c r="B122" s="6">
        <v>141697</v>
      </c>
      <c r="C122" s="6" t="s">
        <v>11</v>
      </c>
      <c r="D122" s="6" t="s">
        <v>156</v>
      </c>
      <c r="E122" s="6">
        <v>25815</v>
      </c>
      <c r="F122" s="6" t="s">
        <v>13</v>
      </c>
      <c r="G122" s="6" t="s">
        <v>157</v>
      </c>
      <c r="H122" s="6" t="s">
        <v>158</v>
      </c>
      <c r="I122" s="7">
        <v>4.4585293999999998</v>
      </c>
      <c r="J122" s="8">
        <v>-74.6368449</v>
      </c>
    </row>
    <row r="123" spans="1:10" x14ac:dyDescent="0.35">
      <c r="A123" s="5" t="s">
        <v>10</v>
      </c>
      <c r="B123" s="6">
        <v>183968</v>
      </c>
      <c r="C123" s="6" t="s">
        <v>11</v>
      </c>
      <c r="D123" s="6" t="s">
        <v>159</v>
      </c>
      <c r="E123" s="6">
        <v>25175</v>
      </c>
      <c r="F123" s="6" t="s">
        <v>13</v>
      </c>
      <c r="G123" s="6" t="s">
        <v>160</v>
      </c>
      <c r="H123" s="6" t="s">
        <v>161</v>
      </c>
      <c r="I123" s="7">
        <v>4.8611145000000002</v>
      </c>
      <c r="J123" s="8">
        <v>-74.062570699999995</v>
      </c>
    </row>
    <row r="124" spans="1:10" x14ac:dyDescent="0.35">
      <c r="A124" s="5" t="s">
        <v>10</v>
      </c>
      <c r="B124" s="6">
        <v>187491</v>
      </c>
      <c r="C124" s="6" t="s">
        <v>11</v>
      </c>
      <c r="D124" s="6" t="s">
        <v>334</v>
      </c>
      <c r="E124" s="6">
        <v>25754</v>
      </c>
      <c r="F124" s="6" t="s">
        <v>13</v>
      </c>
      <c r="G124" s="6" t="s">
        <v>335</v>
      </c>
      <c r="H124" s="6" t="s">
        <v>336</v>
      </c>
      <c r="I124" s="7">
        <v>4.5815710000000003</v>
      </c>
      <c r="J124" s="8">
        <v>-74.235230700000002</v>
      </c>
    </row>
    <row r="125" spans="1:10" x14ac:dyDescent="0.35">
      <c r="A125" s="5" t="s">
        <v>10</v>
      </c>
      <c r="B125" s="6">
        <v>184102</v>
      </c>
      <c r="C125" s="6" t="s">
        <v>11</v>
      </c>
      <c r="D125" s="6" t="s">
        <v>337</v>
      </c>
      <c r="E125" s="6">
        <v>25290</v>
      </c>
      <c r="F125" s="6" t="s">
        <v>18</v>
      </c>
      <c r="G125" s="6" t="s">
        <v>338</v>
      </c>
      <c r="H125" s="6" t="s">
        <v>339</v>
      </c>
      <c r="I125" s="7">
        <v>4.3451519999999997</v>
      </c>
      <c r="J125" s="8">
        <v>-74.361823000000001</v>
      </c>
    </row>
    <row r="126" spans="1:10" x14ac:dyDescent="0.35">
      <c r="A126" s="5" t="s">
        <v>10</v>
      </c>
      <c r="B126" s="6">
        <v>200088</v>
      </c>
      <c r="C126" s="6" t="s">
        <v>24</v>
      </c>
      <c r="D126" s="6" t="s">
        <v>340</v>
      </c>
      <c r="E126" s="6">
        <v>15897</v>
      </c>
      <c r="F126" s="6" t="s">
        <v>18</v>
      </c>
      <c r="G126" s="6" t="s">
        <v>341</v>
      </c>
      <c r="H126" s="6" t="s">
        <v>342</v>
      </c>
      <c r="I126" s="7">
        <v>5.282203</v>
      </c>
      <c r="J126" s="8">
        <v>-73.169049700000002</v>
      </c>
    </row>
    <row r="127" spans="1:10" x14ac:dyDescent="0.35">
      <c r="A127" s="5" t="s">
        <v>10</v>
      </c>
      <c r="B127" s="6">
        <v>232782</v>
      </c>
      <c r="C127" s="6" t="s">
        <v>24</v>
      </c>
      <c r="D127" s="6" t="s">
        <v>343</v>
      </c>
      <c r="E127" s="6">
        <v>15814</v>
      </c>
      <c r="F127" s="6" t="s">
        <v>18</v>
      </c>
      <c r="G127" s="6" t="s">
        <v>344</v>
      </c>
      <c r="H127" s="6" t="s">
        <v>345</v>
      </c>
      <c r="I127" s="7">
        <v>5.5648971999999999</v>
      </c>
      <c r="J127" s="8">
        <v>-73.184545799999995</v>
      </c>
    </row>
    <row r="128" spans="1:10" x14ac:dyDescent="0.35">
      <c r="A128" s="5" t="s">
        <v>10</v>
      </c>
      <c r="B128" s="6">
        <v>215458</v>
      </c>
      <c r="C128" s="6" t="s">
        <v>24</v>
      </c>
      <c r="D128" s="6" t="s">
        <v>137</v>
      </c>
      <c r="E128" s="6">
        <v>15238</v>
      </c>
      <c r="F128" s="6" t="s">
        <v>18</v>
      </c>
      <c r="G128" s="6" t="s">
        <v>346</v>
      </c>
      <c r="H128" s="6" t="s">
        <v>347</v>
      </c>
      <c r="I128" s="7">
        <v>5.8076759999999998</v>
      </c>
      <c r="J128" s="8">
        <v>-73.025799399999997</v>
      </c>
    </row>
    <row r="129" spans="1:10" x14ac:dyDescent="0.35">
      <c r="A129" s="5" t="s">
        <v>10</v>
      </c>
      <c r="B129" s="6">
        <v>239043</v>
      </c>
      <c r="C129" s="6" t="s">
        <v>24</v>
      </c>
      <c r="D129" s="6" t="s">
        <v>137</v>
      </c>
      <c r="E129" s="6">
        <v>15238</v>
      </c>
      <c r="F129" s="6" t="s">
        <v>18</v>
      </c>
      <c r="G129" s="6" t="s">
        <v>348</v>
      </c>
      <c r="H129" s="6" t="s">
        <v>349</v>
      </c>
      <c r="I129" s="7">
        <v>5.8296809999999999</v>
      </c>
      <c r="J129" s="8">
        <v>-73.035355300000006</v>
      </c>
    </row>
    <row r="130" spans="1:10" x14ac:dyDescent="0.35">
      <c r="A130" s="5" t="s">
        <v>10</v>
      </c>
      <c r="B130" s="6">
        <v>242741</v>
      </c>
      <c r="C130" s="6" t="s">
        <v>24</v>
      </c>
      <c r="D130" s="6" t="s">
        <v>88</v>
      </c>
      <c r="E130" s="6">
        <v>15001</v>
      </c>
      <c r="F130" s="6" t="s">
        <v>18</v>
      </c>
      <c r="G130" s="6" t="s">
        <v>350</v>
      </c>
      <c r="H130" s="6" t="s">
        <v>351</v>
      </c>
      <c r="I130" s="7">
        <v>5.5177965000000002</v>
      </c>
      <c r="J130" s="8">
        <v>-73.362803999999997</v>
      </c>
    </row>
    <row r="131" spans="1:10" x14ac:dyDescent="0.35">
      <c r="A131" s="5" t="s">
        <v>10</v>
      </c>
      <c r="B131" s="6">
        <v>233235</v>
      </c>
      <c r="C131" s="6" t="s">
        <v>28</v>
      </c>
      <c r="D131" s="6" t="s">
        <v>352</v>
      </c>
      <c r="E131" s="6">
        <v>54261</v>
      </c>
      <c r="F131" s="6" t="s">
        <v>18</v>
      </c>
      <c r="G131" s="6" t="s">
        <v>353</v>
      </c>
      <c r="H131" s="6" t="s">
        <v>354</v>
      </c>
      <c r="I131" s="7">
        <v>7.94001</v>
      </c>
      <c r="J131" s="8">
        <v>-72.605090000000004</v>
      </c>
    </row>
    <row r="132" spans="1:10" x14ac:dyDescent="0.35">
      <c r="A132" s="5" t="s">
        <v>10</v>
      </c>
      <c r="B132" s="6">
        <v>217352</v>
      </c>
      <c r="C132" s="6" t="s">
        <v>94</v>
      </c>
      <c r="D132" s="6" t="s">
        <v>98</v>
      </c>
      <c r="E132" s="6">
        <v>66001</v>
      </c>
      <c r="F132" s="6" t="s">
        <v>18</v>
      </c>
      <c r="G132" s="6" t="s">
        <v>355</v>
      </c>
      <c r="H132" s="6" t="s">
        <v>356</v>
      </c>
      <c r="I132" s="7">
        <v>4.8120474999999896</v>
      </c>
      <c r="J132" s="8">
        <v>-75.693241999999998</v>
      </c>
    </row>
    <row r="133" spans="1:10" x14ac:dyDescent="0.35">
      <c r="A133" s="5" t="s">
        <v>10</v>
      </c>
      <c r="B133" s="6">
        <v>143529</v>
      </c>
      <c r="C133" s="6" t="s">
        <v>24</v>
      </c>
      <c r="D133" s="6" t="s">
        <v>85</v>
      </c>
      <c r="E133" s="6">
        <v>15759</v>
      </c>
      <c r="F133" s="6" t="s">
        <v>13</v>
      </c>
      <c r="G133" s="6" t="s">
        <v>357</v>
      </c>
      <c r="H133" s="6" t="s">
        <v>358</v>
      </c>
      <c r="I133" s="7">
        <v>5.7229843999999996</v>
      </c>
      <c r="J133" s="8">
        <v>-72.928854400000006</v>
      </c>
    </row>
    <row r="134" spans="1:10" x14ac:dyDescent="0.35">
      <c r="A134" s="5" t="s">
        <v>10</v>
      </c>
      <c r="B134" s="6">
        <v>172834</v>
      </c>
      <c r="C134" s="6" t="s">
        <v>302</v>
      </c>
      <c r="D134" s="6" t="s">
        <v>359</v>
      </c>
      <c r="E134" s="6">
        <v>8001</v>
      </c>
      <c r="F134" s="6" t="s">
        <v>13</v>
      </c>
      <c r="G134" s="6" t="s">
        <v>360</v>
      </c>
      <c r="H134" s="6" t="s">
        <v>361</v>
      </c>
      <c r="I134" s="7">
        <v>11.0027635</v>
      </c>
      <c r="J134" s="8">
        <v>-74.827556999999999</v>
      </c>
    </row>
    <row r="135" spans="1:10" x14ac:dyDescent="0.35">
      <c r="A135" s="5" t="s">
        <v>10</v>
      </c>
      <c r="B135" s="6">
        <v>180542</v>
      </c>
      <c r="C135" s="6" t="s">
        <v>68</v>
      </c>
      <c r="D135" s="6" t="s">
        <v>69</v>
      </c>
      <c r="E135" s="6">
        <v>11001</v>
      </c>
      <c r="F135" s="6" t="s">
        <v>13</v>
      </c>
      <c r="G135" s="6" t="s">
        <v>362</v>
      </c>
      <c r="H135" s="6" t="s">
        <v>363</v>
      </c>
      <c r="I135" s="7">
        <v>4.5881699999999999</v>
      </c>
      <c r="J135" s="8">
        <v>-74.103965000000002</v>
      </c>
    </row>
    <row r="136" spans="1:10" x14ac:dyDescent="0.35">
      <c r="A136" s="5" t="s">
        <v>10</v>
      </c>
      <c r="B136" s="6">
        <v>225337</v>
      </c>
      <c r="C136" s="6" t="s">
        <v>55</v>
      </c>
      <c r="D136" s="6" t="s">
        <v>56</v>
      </c>
      <c r="E136" s="6">
        <v>73001</v>
      </c>
      <c r="F136" s="6" t="s">
        <v>13</v>
      </c>
      <c r="G136" s="6" t="s">
        <v>364</v>
      </c>
      <c r="H136" s="6" t="s">
        <v>365</v>
      </c>
      <c r="I136" s="7">
        <v>4.4380395999999998</v>
      </c>
      <c r="J136" s="8">
        <v>-75.216323099999997</v>
      </c>
    </row>
    <row r="137" spans="1:10" x14ac:dyDescent="0.35">
      <c r="A137" s="5" t="s">
        <v>10</v>
      </c>
      <c r="B137" s="6">
        <v>192760</v>
      </c>
      <c r="C137" s="6" t="s">
        <v>366</v>
      </c>
      <c r="D137" s="6" t="s">
        <v>367</v>
      </c>
      <c r="E137" s="6">
        <v>44430</v>
      </c>
      <c r="F137" s="6" t="s">
        <v>18</v>
      </c>
      <c r="G137" s="6" t="s">
        <v>368</v>
      </c>
      <c r="H137" s="6" t="s">
        <v>369</v>
      </c>
      <c r="I137" s="7">
        <v>11.380054299999999</v>
      </c>
      <c r="J137" s="8">
        <v>-72.242246499999993</v>
      </c>
    </row>
    <row r="138" spans="1:10" x14ac:dyDescent="0.35">
      <c r="A138" s="5" t="s">
        <v>10</v>
      </c>
      <c r="B138" s="6">
        <v>238235</v>
      </c>
      <c r="C138" s="6" t="s">
        <v>366</v>
      </c>
      <c r="D138" s="6" t="s">
        <v>370</v>
      </c>
      <c r="E138" s="6">
        <v>44874</v>
      </c>
      <c r="F138" s="6" t="s">
        <v>18</v>
      </c>
      <c r="G138" s="6" t="s">
        <v>371</v>
      </c>
      <c r="H138" s="6" t="s">
        <v>372</v>
      </c>
      <c r="I138" s="7">
        <v>11.45668</v>
      </c>
      <c r="J138" s="8">
        <v>-72.906649999999999</v>
      </c>
    </row>
    <row r="139" spans="1:10" x14ac:dyDescent="0.35">
      <c r="A139" s="5" t="s">
        <v>10</v>
      </c>
      <c r="B139" s="6">
        <v>231195</v>
      </c>
      <c r="C139" s="6" t="s">
        <v>11</v>
      </c>
      <c r="D139" s="6" t="s">
        <v>106</v>
      </c>
      <c r="E139" s="6">
        <v>25843</v>
      </c>
      <c r="F139" s="6" t="s">
        <v>18</v>
      </c>
      <c r="G139" s="6" t="s">
        <v>373</v>
      </c>
      <c r="H139" s="6" t="s">
        <v>374</v>
      </c>
      <c r="I139" s="7">
        <v>4.5818063000000002</v>
      </c>
      <c r="J139" s="8">
        <v>-74.084674699999994</v>
      </c>
    </row>
    <row r="140" spans="1:10" x14ac:dyDescent="0.35">
      <c r="A140" s="5" t="s">
        <v>10</v>
      </c>
      <c r="B140" s="6">
        <v>120653</v>
      </c>
      <c r="C140" s="6" t="s">
        <v>11</v>
      </c>
      <c r="D140" s="6" t="s">
        <v>21</v>
      </c>
      <c r="E140" s="6">
        <v>25386</v>
      </c>
      <c r="F140" s="6" t="s">
        <v>18</v>
      </c>
      <c r="G140" s="6" t="s">
        <v>375</v>
      </c>
      <c r="H140" s="6" t="s">
        <v>376</v>
      </c>
      <c r="I140" s="7">
        <v>4.6351072999999996</v>
      </c>
      <c r="J140" s="8">
        <v>-74.462175399999893</v>
      </c>
    </row>
    <row r="141" spans="1:10" x14ac:dyDescent="0.35">
      <c r="A141" s="5" t="s">
        <v>10</v>
      </c>
      <c r="B141" s="6">
        <v>241825</v>
      </c>
      <c r="C141" s="6" t="s">
        <v>109</v>
      </c>
      <c r="D141" s="6" t="s">
        <v>377</v>
      </c>
      <c r="E141" s="6">
        <v>13683</v>
      </c>
      <c r="F141" s="6" t="s">
        <v>18</v>
      </c>
      <c r="G141" s="6" t="s">
        <v>378</v>
      </c>
      <c r="H141" s="6" t="s">
        <v>379</v>
      </c>
      <c r="I141" s="7">
        <v>10.3982677</v>
      </c>
      <c r="J141" s="8">
        <v>-75.512019800000004</v>
      </c>
    </row>
    <row r="142" spans="1:10" x14ac:dyDescent="0.35">
      <c r="A142" s="5" t="s">
        <v>10</v>
      </c>
      <c r="B142" s="6">
        <v>191540</v>
      </c>
      <c r="C142" s="6" t="s">
        <v>24</v>
      </c>
      <c r="D142" s="6" t="s">
        <v>317</v>
      </c>
      <c r="E142" s="6">
        <v>15176</v>
      </c>
      <c r="F142" s="6" t="s">
        <v>18</v>
      </c>
      <c r="G142" s="6" t="s">
        <v>380</v>
      </c>
      <c r="H142" s="6" t="s">
        <v>381</v>
      </c>
      <c r="I142" s="7">
        <v>5.6270147000000001</v>
      </c>
      <c r="J142" s="8">
        <v>-73.809419899999995</v>
      </c>
    </row>
    <row r="143" spans="1:10" x14ac:dyDescent="0.35">
      <c r="A143" s="5" t="s">
        <v>10</v>
      </c>
      <c r="B143" s="6">
        <v>247676</v>
      </c>
      <c r="C143" s="6" t="s">
        <v>24</v>
      </c>
      <c r="D143" s="6" t="s">
        <v>88</v>
      </c>
      <c r="E143" s="6">
        <v>15001</v>
      </c>
      <c r="F143" s="6" t="s">
        <v>18</v>
      </c>
      <c r="G143" s="6" t="s">
        <v>382</v>
      </c>
      <c r="H143" s="6" t="s">
        <v>383</v>
      </c>
      <c r="I143" s="7">
        <v>5.5461676000000004</v>
      </c>
      <c r="J143" s="8">
        <v>-73.356466699999999</v>
      </c>
    </row>
    <row r="144" spans="1:10" x14ac:dyDescent="0.35">
      <c r="A144" s="5" t="s">
        <v>10</v>
      </c>
      <c r="B144" s="6">
        <v>235249</v>
      </c>
      <c r="C144" s="6" t="s">
        <v>24</v>
      </c>
      <c r="D144" s="6" t="s">
        <v>384</v>
      </c>
      <c r="E144" s="6">
        <v>15272</v>
      </c>
      <c r="F144" s="6" t="s">
        <v>18</v>
      </c>
      <c r="G144" s="6" t="s">
        <v>385</v>
      </c>
      <c r="H144" s="6" t="s">
        <v>386</v>
      </c>
      <c r="I144" s="7">
        <v>5.6681825000000003</v>
      </c>
      <c r="J144" s="8">
        <v>-72.993319900000003</v>
      </c>
    </row>
    <row r="145" spans="1:10" x14ac:dyDescent="0.35">
      <c r="A145" s="5" t="s">
        <v>10</v>
      </c>
      <c r="B145" s="6">
        <v>234295</v>
      </c>
      <c r="C145" s="6" t="s">
        <v>24</v>
      </c>
      <c r="D145" s="6" t="s">
        <v>387</v>
      </c>
      <c r="E145" s="6">
        <v>15681</v>
      </c>
      <c r="F145" s="6" t="s">
        <v>18</v>
      </c>
      <c r="G145" s="6" t="s">
        <v>388</v>
      </c>
      <c r="H145" s="6" t="s">
        <v>389</v>
      </c>
      <c r="I145" s="7">
        <v>5.6586179999999997</v>
      </c>
      <c r="J145" s="8">
        <v>-74.066733999999997</v>
      </c>
    </row>
    <row r="146" spans="1:10" x14ac:dyDescent="0.35">
      <c r="A146" s="5" t="s">
        <v>10</v>
      </c>
      <c r="B146" s="6">
        <v>216482</v>
      </c>
      <c r="C146" s="6" t="s">
        <v>28</v>
      </c>
      <c r="D146" s="6" t="s">
        <v>49</v>
      </c>
      <c r="E146" s="6">
        <v>54498</v>
      </c>
      <c r="F146" s="6" t="s">
        <v>18</v>
      </c>
      <c r="G146" s="6" t="s">
        <v>390</v>
      </c>
      <c r="H146" s="6" t="s">
        <v>391</v>
      </c>
      <c r="I146" s="7">
        <v>8.2676566000000005</v>
      </c>
      <c r="J146" s="8">
        <v>-73.365819899999906</v>
      </c>
    </row>
    <row r="147" spans="1:10" x14ac:dyDescent="0.35">
      <c r="A147" s="5" t="s">
        <v>10</v>
      </c>
      <c r="B147" s="6">
        <v>234282</v>
      </c>
      <c r="C147" s="6" t="s">
        <v>28</v>
      </c>
      <c r="D147" s="6" t="s">
        <v>29</v>
      </c>
      <c r="E147" s="6">
        <v>54001</v>
      </c>
      <c r="F147" s="6" t="s">
        <v>18</v>
      </c>
      <c r="G147" s="6" t="s">
        <v>392</v>
      </c>
      <c r="H147" s="6" t="s">
        <v>393</v>
      </c>
      <c r="I147" s="7">
        <v>7.9001858</v>
      </c>
      <c r="J147" s="8">
        <v>-72.547685700000002</v>
      </c>
    </row>
    <row r="148" spans="1:10" x14ac:dyDescent="0.35">
      <c r="A148" s="5" t="s">
        <v>10</v>
      </c>
      <c r="B148" s="6">
        <v>204765</v>
      </c>
      <c r="C148" s="6" t="s">
        <v>38</v>
      </c>
      <c r="D148" s="6" t="s">
        <v>39</v>
      </c>
      <c r="E148" s="6">
        <v>19001</v>
      </c>
      <c r="F148" s="6" t="s">
        <v>18</v>
      </c>
      <c r="G148" s="6" t="s">
        <v>394</v>
      </c>
      <c r="H148" s="6" t="s">
        <v>395</v>
      </c>
      <c r="I148" s="7">
        <v>2.4564031000000002</v>
      </c>
      <c r="J148" s="8">
        <v>-76.641406500000002</v>
      </c>
    </row>
    <row r="149" spans="1:10" x14ac:dyDescent="0.35">
      <c r="A149" s="5" t="s">
        <v>10</v>
      </c>
      <c r="B149" s="6">
        <v>204530</v>
      </c>
      <c r="C149" s="6" t="s">
        <v>42</v>
      </c>
      <c r="D149" s="6" t="s">
        <v>396</v>
      </c>
      <c r="E149" s="6">
        <v>17380</v>
      </c>
      <c r="F149" s="6" t="s">
        <v>18</v>
      </c>
      <c r="G149" s="6" t="s">
        <v>397</v>
      </c>
      <c r="H149" s="6" t="s">
        <v>398</v>
      </c>
      <c r="I149" s="7">
        <v>5.4554999999999998</v>
      </c>
      <c r="J149" s="8">
        <v>-74.667049699999893</v>
      </c>
    </row>
    <row r="150" spans="1:10" x14ac:dyDescent="0.35">
      <c r="A150" s="5" t="s">
        <v>10</v>
      </c>
      <c r="B150" s="6">
        <v>235037</v>
      </c>
      <c r="C150" s="6" t="s">
        <v>42</v>
      </c>
      <c r="D150" s="6" t="s">
        <v>43</v>
      </c>
      <c r="E150" s="6">
        <v>17001</v>
      </c>
      <c r="F150" s="6" t="s">
        <v>18</v>
      </c>
      <c r="G150" s="6" t="s">
        <v>399</v>
      </c>
      <c r="H150" s="6" t="s">
        <v>400</v>
      </c>
      <c r="I150" s="7">
        <v>5.0667302000000003</v>
      </c>
      <c r="J150" s="8">
        <v>-75.487412000000006</v>
      </c>
    </row>
    <row r="151" spans="1:10" x14ac:dyDescent="0.35">
      <c r="A151" s="5" t="s">
        <v>10</v>
      </c>
      <c r="B151" s="6">
        <v>233008</v>
      </c>
      <c r="C151" s="6" t="s">
        <v>94</v>
      </c>
      <c r="D151" s="6" t="s">
        <v>98</v>
      </c>
      <c r="E151" s="6">
        <v>66001</v>
      </c>
      <c r="F151" s="6" t="s">
        <v>18</v>
      </c>
      <c r="G151" s="6" t="s">
        <v>401</v>
      </c>
      <c r="H151" s="6" t="s">
        <v>402</v>
      </c>
      <c r="I151" s="7">
        <v>4.8019999999999996</v>
      </c>
      <c r="J151" s="8">
        <v>-75.730360000000005</v>
      </c>
    </row>
    <row r="152" spans="1:10" x14ac:dyDescent="0.35">
      <c r="A152" s="5" t="s">
        <v>10</v>
      </c>
      <c r="B152" s="6">
        <v>141690</v>
      </c>
      <c r="C152" s="6" t="s">
        <v>11</v>
      </c>
      <c r="D152" s="6" t="s">
        <v>101</v>
      </c>
      <c r="E152" s="6">
        <v>25473</v>
      </c>
      <c r="F152" s="6" t="s">
        <v>13</v>
      </c>
      <c r="G152" s="6" t="s">
        <v>403</v>
      </c>
      <c r="H152" s="6" t="s">
        <v>404</v>
      </c>
      <c r="I152" s="7">
        <v>4.6802367</v>
      </c>
      <c r="J152" s="8">
        <v>-74.229671300000007</v>
      </c>
    </row>
    <row r="153" spans="1:10" x14ac:dyDescent="0.35">
      <c r="A153" s="5" t="s">
        <v>10</v>
      </c>
      <c r="B153" s="6">
        <v>175057</v>
      </c>
      <c r="C153" s="6" t="s">
        <v>11</v>
      </c>
      <c r="D153" s="6" t="s">
        <v>101</v>
      </c>
      <c r="E153" s="6">
        <v>25473</v>
      </c>
      <c r="F153" s="6" t="s">
        <v>13</v>
      </c>
      <c r="G153" s="6" t="s">
        <v>405</v>
      </c>
      <c r="H153" s="6" t="s">
        <v>406</v>
      </c>
      <c r="I153" s="7">
        <v>4.7088707000000003</v>
      </c>
      <c r="J153" s="8">
        <v>-74.220351399999998</v>
      </c>
    </row>
    <row r="154" spans="1:10" x14ac:dyDescent="0.35">
      <c r="A154" s="5" t="s">
        <v>10</v>
      </c>
      <c r="B154" s="6">
        <v>141689</v>
      </c>
      <c r="C154" s="6" t="s">
        <v>11</v>
      </c>
      <c r="D154" s="6" t="s">
        <v>407</v>
      </c>
      <c r="E154" s="6">
        <v>25126</v>
      </c>
      <c r="F154" s="6" t="s">
        <v>13</v>
      </c>
      <c r="G154" s="6" t="s">
        <v>408</v>
      </c>
      <c r="H154" s="6" t="s">
        <v>409</v>
      </c>
      <c r="I154" s="7">
        <v>4.9167299</v>
      </c>
      <c r="J154" s="8">
        <v>-74.025903999999997</v>
      </c>
    </row>
    <row r="155" spans="1:10" x14ac:dyDescent="0.35">
      <c r="A155" s="5" t="s">
        <v>10</v>
      </c>
      <c r="B155" s="6">
        <v>231786</v>
      </c>
      <c r="C155" s="6" t="s">
        <v>16</v>
      </c>
      <c r="D155" s="6" t="s">
        <v>410</v>
      </c>
      <c r="E155" s="6">
        <v>68418</v>
      </c>
      <c r="F155" s="6" t="s">
        <v>18</v>
      </c>
      <c r="G155" s="6" t="s">
        <v>411</v>
      </c>
      <c r="H155" s="6" t="s">
        <v>412</v>
      </c>
      <c r="I155" s="7">
        <v>6.7557340000000003</v>
      </c>
      <c r="J155" s="8">
        <v>-73.102305000000001</v>
      </c>
    </row>
    <row r="156" spans="1:10" x14ac:dyDescent="0.35">
      <c r="A156" s="5" t="s">
        <v>10</v>
      </c>
      <c r="B156" s="6">
        <v>180027</v>
      </c>
      <c r="C156" s="6" t="s">
        <v>294</v>
      </c>
      <c r="D156" s="6" t="s">
        <v>413</v>
      </c>
      <c r="E156" s="6">
        <v>41503</v>
      </c>
      <c r="F156" s="6" t="s">
        <v>18</v>
      </c>
      <c r="G156" s="6" t="s">
        <v>414</v>
      </c>
      <c r="H156" s="6" t="s">
        <v>415</v>
      </c>
      <c r="I156" s="7">
        <v>2.9260858999999999</v>
      </c>
      <c r="J156" s="8">
        <v>-75.287288799999999</v>
      </c>
    </row>
    <row r="157" spans="1:10" x14ac:dyDescent="0.35">
      <c r="A157" s="5" t="s">
        <v>10</v>
      </c>
      <c r="B157" s="6">
        <v>246219</v>
      </c>
      <c r="C157" s="6" t="s">
        <v>24</v>
      </c>
      <c r="D157" s="6" t="s">
        <v>416</v>
      </c>
      <c r="E157" s="6">
        <v>15816</v>
      </c>
      <c r="F157" s="6" t="s">
        <v>18</v>
      </c>
      <c r="G157" s="6" t="s">
        <v>417</v>
      </c>
      <c r="H157" s="6" t="s">
        <v>418</v>
      </c>
      <c r="I157" s="7">
        <v>5.3906000000000001</v>
      </c>
      <c r="J157" s="8">
        <v>-73.516729999999995</v>
      </c>
    </row>
    <row r="158" spans="1:10" x14ac:dyDescent="0.35">
      <c r="A158" s="5" t="s">
        <v>10</v>
      </c>
      <c r="B158" s="6">
        <v>191611</v>
      </c>
      <c r="C158" s="6" t="s">
        <v>28</v>
      </c>
      <c r="D158" s="6" t="s">
        <v>29</v>
      </c>
      <c r="E158" s="6">
        <v>54001</v>
      </c>
      <c r="F158" s="6" t="s">
        <v>18</v>
      </c>
      <c r="G158" s="6" t="s">
        <v>419</v>
      </c>
      <c r="H158" s="6" t="s">
        <v>420</v>
      </c>
      <c r="I158" s="7">
        <v>7.9297524999999904</v>
      </c>
      <c r="J158" s="8">
        <v>-72.5180747</v>
      </c>
    </row>
    <row r="159" spans="1:10" x14ac:dyDescent="0.35">
      <c r="A159" s="5" t="s">
        <v>10</v>
      </c>
      <c r="B159" s="6">
        <v>211738</v>
      </c>
      <c r="C159" s="6" t="s">
        <v>278</v>
      </c>
      <c r="D159" s="6" t="s">
        <v>279</v>
      </c>
      <c r="E159" s="6">
        <v>50001</v>
      </c>
      <c r="F159" s="6" t="s">
        <v>18</v>
      </c>
      <c r="G159" s="6" t="s">
        <v>186</v>
      </c>
      <c r="H159" s="6" t="s">
        <v>421</v>
      </c>
      <c r="I159" s="7">
        <v>4.1450449000000003</v>
      </c>
      <c r="J159" s="8">
        <v>-73.638746999999995</v>
      </c>
    </row>
    <row r="160" spans="1:10" x14ac:dyDescent="0.35">
      <c r="A160" s="5" t="s">
        <v>10</v>
      </c>
      <c r="B160" s="6">
        <v>229739</v>
      </c>
      <c r="C160" s="6" t="s">
        <v>55</v>
      </c>
      <c r="D160" s="6" t="s">
        <v>422</v>
      </c>
      <c r="E160" s="6">
        <v>73504</v>
      </c>
      <c r="F160" s="6" t="s">
        <v>18</v>
      </c>
      <c r="G160" s="6" t="s">
        <v>423</v>
      </c>
      <c r="H160" s="6" t="s">
        <v>424</v>
      </c>
      <c r="I160" s="7">
        <v>3.8117130000000001</v>
      </c>
      <c r="J160" s="8">
        <v>-75.331836999999993</v>
      </c>
    </row>
    <row r="161" spans="1:10" x14ac:dyDescent="0.35">
      <c r="A161" s="5" t="s">
        <v>10</v>
      </c>
      <c r="B161" s="6">
        <v>239615</v>
      </c>
      <c r="C161" s="6" t="s">
        <v>24</v>
      </c>
      <c r="D161" s="6" t="s">
        <v>137</v>
      </c>
      <c r="E161" s="6">
        <v>15238</v>
      </c>
      <c r="F161" s="6" t="s">
        <v>18</v>
      </c>
      <c r="G161" s="6" t="s">
        <v>425</v>
      </c>
      <c r="H161" s="6" t="s">
        <v>426</v>
      </c>
      <c r="I161" s="7">
        <v>5.8228998000000001</v>
      </c>
      <c r="J161" s="8">
        <v>-73.041548300000002</v>
      </c>
    </row>
    <row r="162" spans="1:10" x14ac:dyDescent="0.35">
      <c r="A162" s="5" t="s">
        <v>10</v>
      </c>
      <c r="B162" s="6">
        <v>220650</v>
      </c>
      <c r="C162" s="6" t="s">
        <v>24</v>
      </c>
      <c r="D162" s="6" t="s">
        <v>88</v>
      </c>
      <c r="E162" s="6">
        <v>15001</v>
      </c>
      <c r="F162" s="6" t="s">
        <v>18</v>
      </c>
      <c r="G162" s="6" t="s">
        <v>427</v>
      </c>
      <c r="H162" s="6" t="s">
        <v>428</v>
      </c>
      <c r="I162" s="7">
        <v>5.5070867000000003</v>
      </c>
      <c r="J162" s="8">
        <v>-73.366590400000007</v>
      </c>
    </row>
    <row r="163" spans="1:10" x14ac:dyDescent="0.35">
      <c r="A163" s="5" t="s">
        <v>10</v>
      </c>
      <c r="B163" s="6">
        <v>201245</v>
      </c>
      <c r="C163" s="6" t="s">
        <v>28</v>
      </c>
      <c r="D163" s="6" t="s">
        <v>322</v>
      </c>
      <c r="E163" s="6">
        <v>54405</v>
      </c>
      <c r="F163" s="6" t="s">
        <v>18</v>
      </c>
      <c r="G163" s="6" t="s">
        <v>429</v>
      </c>
      <c r="H163" s="6" t="s">
        <v>430</v>
      </c>
      <c r="I163" s="7">
        <v>7.8331989999999996</v>
      </c>
      <c r="J163" s="8">
        <v>-72.504391999999996</v>
      </c>
    </row>
    <row r="164" spans="1:10" x14ac:dyDescent="0.35">
      <c r="A164" s="5" t="s">
        <v>10</v>
      </c>
      <c r="B164" s="6">
        <v>133520</v>
      </c>
      <c r="C164" s="6" t="s">
        <v>38</v>
      </c>
      <c r="D164" s="6" t="s">
        <v>431</v>
      </c>
      <c r="E164" s="6">
        <v>19397</v>
      </c>
      <c r="F164" s="6" t="s">
        <v>18</v>
      </c>
      <c r="G164" s="6" t="s">
        <v>432</v>
      </c>
      <c r="H164" s="6" t="s">
        <v>433</v>
      </c>
      <c r="I164" s="7">
        <v>2.1182449999999999</v>
      </c>
      <c r="J164" s="8">
        <v>-76.7750159</v>
      </c>
    </row>
    <row r="165" spans="1:10" x14ac:dyDescent="0.35">
      <c r="A165" s="5" t="s">
        <v>10</v>
      </c>
      <c r="B165" s="6">
        <v>235868</v>
      </c>
      <c r="C165" s="6" t="s">
        <v>61</v>
      </c>
      <c r="D165" s="6" t="s">
        <v>62</v>
      </c>
      <c r="E165" s="6">
        <v>63001</v>
      </c>
      <c r="F165" s="6" t="s">
        <v>18</v>
      </c>
      <c r="G165" s="6" t="s">
        <v>434</v>
      </c>
      <c r="H165" s="6" t="s">
        <v>435</v>
      </c>
      <c r="I165" s="7">
        <v>4.5448199999999996</v>
      </c>
      <c r="J165" s="8">
        <v>-75.668379999999999</v>
      </c>
    </row>
    <row r="166" spans="1:10" x14ac:dyDescent="0.35">
      <c r="A166" s="5" t="s">
        <v>10</v>
      </c>
      <c r="B166" s="6">
        <v>238365</v>
      </c>
      <c r="C166" s="6" t="s">
        <v>42</v>
      </c>
      <c r="D166" s="6" t="s">
        <v>327</v>
      </c>
      <c r="E166" s="6">
        <v>17042</v>
      </c>
      <c r="F166" s="6" t="s">
        <v>18</v>
      </c>
      <c r="G166" s="6" t="s">
        <v>436</v>
      </c>
      <c r="H166" s="6" t="s">
        <v>437</v>
      </c>
      <c r="I166" s="7">
        <v>5.2398994999999999</v>
      </c>
      <c r="J166" s="8">
        <v>-75.784504499999997</v>
      </c>
    </row>
    <row r="167" spans="1:10" x14ac:dyDescent="0.35">
      <c r="A167" s="5" t="s">
        <v>10</v>
      </c>
      <c r="B167" s="6">
        <v>225373</v>
      </c>
      <c r="C167" s="6" t="s">
        <v>190</v>
      </c>
      <c r="D167" s="6" t="s">
        <v>438</v>
      </c>
      <c r="E167" s="6">
        <v>5045</v>
      </c>
      <c r="F167" s="6" t="s">
        <v>13</v>
      </c>
      <c r="G167" s="6" t="s">
        <v>439</v>
      </c>
      <c r="H167" s="6" t="s">
        <v>440</v>
      </c>
      <c r="I167" s="7">
        <v>7.8806703999999996</v>
      </c>
      <c r="J167" s="8">
        <v>-76.632653000000005</v>
      </c>
    </row>
    <row r="168" spans="1:10" x14ac:dyDescent="0.35">
      <c r="A168" s="5" t="s">
        <v>10</v>
      </c>
      <c r="B168" s="6">
        <v>44012</v>
      </c>
      <c r="C168" s="6" t="s">
        <v>308</v>
      </c>
      <c r="D168" s="6" t="s">
        <v>309</v>
      </c>
      <c r="E168" s="6">
        <v>23001</v>
      </c>
      <c r="F168" s="6" t="s">
        <v>13</v>
      </c>
      <c r="G168" s="6" t="s">
        <v>441</v>
      </c>
      <c r="H168" s="6" t="s">
        <v>442</v>
      </c>
      <c r="I168" s="7">
        <v>8.7384199999999996</v>
      </c>
      <c r="J168" s="8">
        <v>-75.892950999999996</v>
      </c>
    </row>
    <row r="169" spans="1:10" x14ac:dyDescent="0.35">
      <c r="A169" s="5" t="s">
        <v>10</v>
      </c>
      <c r="B169" s="6">
        <v>41265</v>
      </c>
      <c r="C169" s="6" t="s">
        <v>308</v>
      </c>
      <c r="D169" s="6" t="s">
        <v>309</v>
      </c>
      <c r="E169" s="6">
        <v>23001</v>
      </c>
      <c r="F169" s="6" t="s">
        <v>13</v>
      </c>
      <c r="G169" s="6" t="s">
        <v>443</v>
      </c>
      <c r="H169" s="6" t="s">
        <v>444</v>
      </c>
      <c r="I169" s="7">
        <v>8.7683079999999993</v>
      </c>
      <c r="J169" s="8">
        <v>-75.864147099999997</v>
      </c>
    </row>
    <row r="170" spans="1:10" x14ac:dyDescent="0.35">
      <c r="A170" s="5" t="s">
        <v>10</v>
      </c>
      <c r="B170" s="6">
        <v>248684</v>
      </c>
      <c r="C170" s="6" t="s">
        <v>55</v>
      </c>
      <c r="D170" s="6" t="s">
        <v>56</v>
      </c>
      <c r="E170" s="6">
        <v>73001</v>
      </c>
      <c r="F170" s="6" t="s">
        <v>18</v>
      </c>
      <c r="G170" s="6" t="s">
        <v>445</v>
      </c>
      <c r="H170" s="6" t="s">
        <v>446</v>
      </c>
      <c r="I170" s="7">
        <v>4.3922729</v>
      </c>
      <c r="J170" s="8">
        <v>-75.062290899999994</v>
      </c>
    </row>
    <row r="171" spans="1:10" x14ac:dyDescent="0.35">
      <c r="A171" s="5" t="s">
        <v>10</v>
      </c>
      <c r="B171" s="6">
        <v>179981</v>
      </c>
      <c r="C171" s="6" t="s">
        <v>294</v>
      </c>
      <c r="D171" s="6" t="s">
        <v>447</v>
      </c>
      <c r="E171" s="6">
        <v>41551</v>
      </c>
      <c r="F171" s="6" t="s">
        <v>18</v>
      </c>
      <c r="G171" s="6" t="s">
        <v>448</v>
      </c>
      <c r="H171" s="6" t="s">
        <v>449</v>
      </c>
      <c r="I171" s="7">
        <v>1.7776700999999999</v>
      </c>
      <c r="J171" s="8">
        <v>-76.1735185</v>
      </c>
    </row>
    <row r="172" spans="1:10" x14ac:dyDescent="0.35">
      <c r="A172" s="5" t="s">
        <v>10</v>
      </c>
      <c r="B172" s="6">
        <v>215755</v>
      </c>
      <c r="C172" s="6" t="s">
        <v>28</v>
      </c>
      <c r="D172" s="6" t="s">
        <v>29</v>
      </c>
      <c r="E172" s="6">
        <v>54001</v>
      </c>
      <c r="F172" s="6" t="s">
        <v>18</v>
      </c>
      <c r="G172" s="6" t="s">
        <v>450</v>
      </c>
      <c r="H172" s="6" t="s">
        <v>451</v>
      </c>
      <c r="I172" s="7">
        <v>7.9008871000000003</v>
      </c>
      <c r="J172" s="8">
        <v>-72.475464299999999</v>
      </c>
    </row>
    <row r="173" spans="1:10" x14ac:dyDescent="0.35">
      <c r="A173" s="5" t="s">
        <v>10</v>
      </c>
      <c r="B173" s="6">
        <v>243876</v>
      </c>
      <c r="C173" s="6" t="s">
        <v>28</v>
      </c>
      <c r="D173" s="6" t="s">
        <v>29</v>
      </c>
      <c r="E173" s="6">
        <v>54001</v>
      </c>
      <c r="F173" s="6" t="s">
        <v>18</v>
      </c>
      <c r="G173" s="6" t="s">
        <v>452</v>
      </c>
      <c r="H173" s="6" t="s">
        <v>453</v>
      </c>
      <c r="I173" s="7">
        <v>7.8844383999999996</v>
      </c>
      <c r="J173" s="8">
        <v>-72.477752199999998</v>
      </c>
    </row>
    <row r="174" spans="1:10" x14ac:dyDescent="0.35">
      <c r="A174" s="5" t="s">
        <v>10</v>
      </c>
      <c r="B174" s="6">
        <v>236307</v>
      </c>
      <c r="C174" s="6" t="s">
        <v>11</v>
      </c>
      <c r="D174" s="6" t="s">
        <v>454</v>
      </c>
      <c r="E174" s="6">
        <v>25594</v>
      </c>
      <c r="F174" s="6" t="s">
        <v>18</v>
      </c>
      <c r="G174" s="6" t="s">
        <v>455</v>
      </c>
      <c r="H174" s="6" t="s">
        <v>456</v>
      </c>
      <c r="I174" s="7">
        <v>4.3296009</v>
      </c>
      <c r="J174" s="8">
        <v>-73.862127900000004</v>
      </c>
    </row>
    <row r="175" spans="1:10" x14ac:dyDescent="0.35">
      <c r="A175" s="5" t="s">
        <v>10</v>
      </c>
      <c r="B175" s="6">
        <v>233933</v>
      </c>
      <c r="C175" s="6" t="s">
        <v>457</v>
      </c>
      <c r="D175" s="6" t="s">
        <v>458</v>
      </c>
      <c r="E175" s="6">
        <v>52560</v>
      </c>
      <c r="F175" s="6" t="s">
        <v>18</v>
      </c>
      <c r="G175" s="6" t="s">
        <v>459</v>
      </c>
      <c r="H175" s="6" t="s">
        <v>460</v>
      </c>
      <c r="I175" s="7">
        <v>0.8052994</v>
      </c>
      <c r="J175" s="8">
        <v>-77.574148199999996</v>
      </c>
    </row>
    <row r="176" spans="1:10" x14ac:dyDescent="0.35">
      <c r="A176" s="5" t="s">
        <v>10</v>
      </c>
      <c r="B176" s="6">
        <v>236430</v>
      </c>
      <c r="C176" s="6" t="s">
        <v>109</v>
      </c>
      <c r="D176" s="6" t="s">
        <v>461</v>
      </c>
      <c r="E176" s="6">
        <v>13654</v>
      </c>
      <c r="F176" s="6" t="s">
        <v>18</v>
      </c>
      <c r="G176" s="6" t="s">
        <v>462</v>
      </c>
      <c r="H176" s="6" t="s">
        <v>463</v>
      </c>
      <c r="I176" s="7">
        <v>9.8287631999999991</v>
      </c>
      <c r="J176" s="8">
        <v>-75.122551099999995</v>
      </c>
    </row>
    <row r="177" spans="1:10" x14ac:dyDescent="0.35">
      <c r="A177" s="5" t="s">
        <v>10</v>
      </c>
      <c r="B177" s="6">
        <v>209035</v>
      </c>
      <c r="C177" s="6" t="s">
        <v>28</v>
      </c>
      <c r="D177" s="6" t="s">
        <v>29</v>
      </c>
      <c r="E177" s="6">
        <v>54001</v>
      </c>
      <c r="F177" s="6" t="s">
        <v>18</v>
      </c>
      <c r="G177" s="6" t="s">
        <v>464</v>
      </c>
      <c r="H177" s="6" t="s">
        <v>465</v>
      </c>
      <c r="I177" s="7">
        <v>7.9298931000000001</v>
      </c>
      <c r="J177" s="8">
        <v>-72.517196200000001</v>
      </c>
    </row>
    <row r="178" spans="1:10" x14ac:dyDescent="0.35">
      <c r="A178" s="5" t="s">
        <v>10</v>
      </c>
      <c r="B178" s="6">
        <v>233228</v>
      </c>
      <c r="C178" s="6" t="s">
        <v>466</v>
      </c>
      <c r="D178" s="6" t="s">
        <v>467</v>
      </c>
      <c r="E178" s="6">
        <v>81736</v>
      </c>
      <c r="F178" s="6" t="s">
        <v>18</v>
      </c>
      <c r="G178" s="6" t="s">
        <v>468</v>
      </c>
      <c r="H178" s="6" t="s">
        <v>469</v>
      </c>
      <c r="I178" s="7">
        <v>6.9561799999999998</v>
      </c>
      <c r="J178" s="8">
        <v>-71.872479999999996</v>
      </c>
    </row>
    <row r="179" spans="1:10" x14ac:dyDescent="0.35">
      <c r="A179" s="5" t="s">
        <v>10</v>
      </c>
      <c r="B179" s="6">
        <v>151206</v>
      </c>
      <c r="C179" s="6" t="s">
        <v>94</v>
      </c>
      <c r="D179" s="6" t="s">
        <v>248</v>
      </c>
      <c r="E179" s="6">
        <v>66594</v>
      </c>
      <c r="F179" s="6" t="s">
        <v>18</v>
      </c>
      <c r="G179" s="6" t="s">
        <v>470</v>
      </c>
      <c r="H179" s="6" t="s">
        <v>471</v>
      </c>
      <c r="I179" s="7">
        <v>5.3411190999999896</v>
      </c>
      <c r="J179" s="8">
        <v>-75.730475599999906</v>
      </c>
    </row>
    <row r="180" spans="1:10" x14ac:dyDescent="0.35">
      <c r="A180" s="5" t="s">
        <v>10</v>
      </c>
      <c r="B180" s="6">
        <v>224202</v>
      </c>
      <c r="C180" s="6" t="s">
        <v>16</v>
      </c>
      <c r="D180" s="6" t="s">
        <v>224</v>
      </c>
      <c r="E180" s="6">
        <v>68755</v>
      </c>
      <c r="F180" s="6" t="s">
        <v>18</v>
      </c>
      <c r="G180" s="6" t="s">
        <v>472</v>
      </c>
      <c r="H180" s="6" t="s">
        <v>473</v>
      </c>
      <c r="I180" s="7">
        <v>6.4686649999999997</v>
      </c>
      <c r="J180" s="8">
        <v>-73.264040999999906</v>
      </c>
    </row>
    <row r="181" spans="1:10" x14ac:dyDescent="0.35">
      <c r="A181" s="5" t="s">
        <v>10</v>
      </c>
      <c r="B181" s="6">
        <v>192779</v>
      </c>
      <c r="C181" s="6" t="s">
        <v>11</v>
      </c>
      <c r="D181" s="6" t="s">
        <v>106</v>
      </c>
      <c r="E181" s="6">
        <v>25843</v>
      </c>
      <c r="F181" s="6" t="s">
        <v>18</v>
      </c>
      <c r="G181" s="6" t="s">
        <v>474</v>
      </c>
      <c r="H181" s="6" t="s">
        <v>475</v>
      </c>
      <c r="I181" s="7">
        <v>4.5760937999999998</v>
      </c>
      <c r="J181" s="8">
        <v>-74.223359399999893</v>
      </c>
    </row>
    <row r="182" spans="1:10" x14ac:dyDescent="0.35">
      <c r="A182" s="5" t="s">
        <v>10</v>
      </c>
      <c r="B182" s="6">
        <v>180763</v>
      </c>
      <c r="C182" s="6" t="s">
        <v>24</v>
      </c>
      <c r="D182" s="6" t="s">
        <v>476</v>
      </c>
      <c r="E182" s="6">
        <v>15693</v>
      </c>
      <c r="F182" s="6" t="s">
        <v>18</v>
      </c>
      <c r="G182" s="6" t="s">
        <v>477</v>
      </c>
      <c r="H182" s="6" t="s">
        <v>478</v>
      </c>
      <c r="I182" s="7">
        <v>5.8741303</v>
      </c>
      <c r="J182" s="8">
        <v>-72.982869699999995</v>
      </c>
    </row>
    <row r="183" spans="1:10" x14ac:dyDescent="0.35">
      <c r="A183" s="5" t="s">
        <v>10</v>
      </c>
      <c r="B183" s="6">
        <v>243895</v>
      </c>
      <c r="C183" s="6" t="s">
        <v>28</v>
      </c>
      <c r="D183" s="6" t="s">
        <v>29</v>
      </c>
      <c r="E183" s="6">
        <v>54001</v>
      </c>
      <c r="F183" s="6" t="s">
        <v>18</v>
      </c>
      <c r="G183" s="6" t="s">
        <v>479</v>
      </c>
      <c r="H183" s="6" t="s">
        <v>480</v>
      </c>
      <c r="I183" s="7">
        <v>7.9054096999999999</v>
      </c>
      <c r="J183" s="8">
        <v>-72.467495900000003</v>
      </c>
    </row>
    <row r="184" spans="1:10" x14ac:dyDescent="0.35">
      <c r="A184" s="5" t="s">
        <v>10</v>
      </c>
      <c r="B184" s="6">
        <v>240182</v>
      </c>
      <c r="C184" s="6" t="s">
        <v>42</v>
      </c>
      <c r="D184" s="6" t="s">
        <v>275</v>
      </c>
      <c r="E184" s="6">
        <v>17614</v>
      </c>
      <c r="F184" s="6" t="s">
        <v>18</v>
      </c>
      <c r="G184" s="6" t="s">
        <v>481</v>
      </c>
      <c r="H184" s="6" t="s">
        <v>482</v>
      </c>
      <c r="I184" s="7">
        <v>5.4215853000000003</v>
      </c>
      <c r="J184" s="8">
        <v>-75.704742400000001</v>
      </c>
    </row>
    <row r="185" spans="1:10" x14ac:dyDescent="0.35">
      <c r="A185" s="5" t="s">
        <v>10</v>
      </c>
      <c r="B185" s="6">
        <v>213206</v>
      </c>
      <c r="C185" s="6" t="s">
        <v>94</v>
      </c>
      <c r="D185" s="6" t="s">
        <v>98</v>
      </c>
      <c r="E185" s="6">
        <v>66001</v>
      </c>
      <c r="F185" s="6" t="s">
        <v>18</v>
      </c>
      <c r="G185" s="6" t="s">
        <v>483</v>
      </c>
      <c r="H185" s="6" t="s">
        <v>484</v>
      </c>
      <c r="I185" s="7">
        <v>4.8126644000000001</v>
      </c>
      <c r="J185" s="8">
        <v>-75.700417399999907</v>
      </c>
    </row>
    <row r="186" spans="1:10" x14ac:dyDescent="0.35">
      <c r="A186" s="5" t="s">
        <v>10</v>
      </c>
      <c r="B186" s="6">
        <v>236528</v>
      </c>
      <c r="C186" s="6" t="s">
        <v>16</v>
      </c>
      <c r="D186" s="6" t="s">
        <v>17</v>
      </c>
      <c r="E186" s="6">
        <v>68679</v>
      </c>
      <c r="F186" s="6" t="s">
        <v>18</v>
      </c>
      <c r="G186" s="6" t="s">
        <v>485</v>
      </c>
      <c r="H186" s="6" t="s">
        <v>486</v>
      </c>
      <c r="I186" s="7">
        <v>6.5528325000000001</v>
      </c>
      <c r="J186" s="8">
        <v>-73.1345958</v>
      </c>
    </row>
    <row r="187" spans="1:10" x14ac:dyDescent="0.35">
      <c r="A187" s="5" t="s">
        <v>10</v>
      </c>
      <c r="B187" s="6">
        <v>202141</v>
      </c>
      <c r="C187" s="6" t="s">
        <v>55</v>
      </c>
      <c r="D187" s="6" t="s">
        <v>56</v>
      </c>
      <c r="E187" s="6">
        <v>73001</v>
      </c>
      <c r="F187" s="6" t="s">
        <v>18</v>
      </c>
      <c r="G187" s="6" t="s">
        <v>487</v>
      </c>
      <c r="H187" s="6" t="s">
        <v>488</v>
      </c>
      <c r="I187" s="7">
        <v>4.4274044999999997</v>
      </c>
      <c r="J187" s="8">
        <v>-75.248054199999999</v>
      </c>
    </row>
    <row r="188" spans="1:10" x14ac:dyDescent="0.35">
      <c r="A188" s="5" t="s">
        <v>10</v>
      </c>
      <c r="B188" s="6">
        <v>246452</v>
      </c>
      <c r="C188" s="6" t="s">
        <v>28</v>
      </c>
      <c r="D188" s="6" t="s">
        <v>489</v>
      </c>
      <c r="E188" s="6">
        <v>54172</v>
      </c>
      <c r="F188" s="6" t="s">
        <v>18</v>
      </c>
      <c r="G188" s="6" t="s">
        <v>490</v>
      </c>
      <c r="H188" s="6" t="s">
        <v>491</v>
      </c>
      <c r="I188" s="7">
        <v>7.6071073</v>
      </c>
      <c r="J188" s="8">
        <v>-72.601631100000006</v>
      </c>
    </row>
    <row r="189" spans="1:10" x14ac:dyDescent="0.35">
      <c r="A189" s="5" t="s">
        <v>10</v>
      </c>
      <c r="B189" s="6">
        <v>207742</v>
      </c>
      <c r="C189" s="6" t="s">
        <v>28</v>
      </c>
      <c r="D189" s="6" t="s">
        <v>29</v>
      </c>
      <c r="E189" s="6">
        <v>54001</v>
      </c>
      <c r="F189" s="6" t="s">
        <v>13</v>
      </c>
      <c r="G189" s="6" t="s">
        <v>492</v>
      </c>
      <c r="H189" s="6" t="s">
        <v>493</v>
      </c>
      <c r="I189" s="7">
        <v>7.8794221000000002</v>
      </c>
      <c r="J189" s="8">
        <v>-72.477671299999997</v>
      </c>
    </row>
    <row r="190" spans="1:10" x14ac:dyDescent="0.35">
      <c r="A190" s="5" t="s">
        <v>10</v>
      </c>
      <c r="B190" s="6">
        <v>200535</v>
      </c>
      <c r="C190" s="6" t="s">
        <v>11</v>
      </c>
      <c r="D190" s="6" t="s">
        <v>494</v>
      </c>
      <c r="E190" s="6">
        <v>25154</v>
      </c>
      <c r="F190" s="6" t="s">
        <v>18</v>
      </c>
      <c r="G190" s="6" t="s">
        <v>495</v>
      </c>
      <c r="H190" s="6" t="s">
        <v>496</v>
      </c>
      <c r="I190" s="7">
        <v>5.3488322999999998</v>
      </c>
      <c r="J190" s="8">
        <v>-73.901276600000003</v>
      </c>
    </row>
    <row r="191" spans="1:10" x14ac:dyDescent="0.35">
      <c r="A191" s="5" t="s">
        <v>10</v>
      </c>
      <c r="B191" s="6">
        <v>213335</v>
      </c>
      <c r="C191" s="6" t="s">
        <v>109</v>
      </c>
      <c r="D191" s="6" t="s">
        <v>227</v>
      </c>
      <c r="E191" s="6">
        <v>13001</v>
      </c>
      <c r="F191" s="6" t="s">
        <v>18</v>
      </c>
      <c r="G191" s="6" t="s">
        <v>497</v>
      </c>
      <c r="H191" s="6" t="s">
        <v>498</v>
      </c>
      <c r="I191" s="7">
        <v>10.413005999999999</v>
      </c>
      <c r="J191" s="8">
        <v>-75.457584400000002</v>
      </c>
    </row>
    <row r="192" spans="1:10" x14ac:dyDescent="0.35">
      <c r="A192" s="5" t="s">
        <v>10</v>
      </c>
      <c r="B192" s="6">
        <v>228859</v>
      </c>
      <c r="C192" s="6" t="s">
        <v>24</v>
      </c>
      <c r="D192" s="6" t="s">
        <v>499</v>
      </c>
      <c r="E192" s="6">
        <v>15776</v>
      </c>
      <c r="F192" s="6" t="s">
        <v>18</v>
      </c>
      <c r="G192" s="6" t="s">
        <v>500</v>
      </c>
      <c r="H192" s="6" t="s">
        <v>501</v>
      </c>
      <c r="I192" s="7">
        <v>5.6200476999999998</v>
      </c>
      <c r="J192" s="8">
        <v>-73.620720199999994</v>
      </c>
    </row>
    <row r="193" spans="1:10" x14ac:dyDescent="0.35">
      <c r="A193" s="5" t="s">
        <v>10</v>
      </c>
      <c r="B193" s="6">
        <v>237944</v>
      </c>
      <c r="C193" s="6" t="s">
        <v>24</v>
      </c>
      <c r="D193" s="6" t="s">
        <v>137</v>
      </c>
      <c r="E193" s="6">
        <v>15238</v>
      </c>
      <c r="F193" s="6" t="s">
        <v>18</v>
      </c>
      <c r="G193" s="6" t="s">
        <v>502</v>
      </c>
      <c r="H193" s="6" t="s">
        <v>503</v>
      </c>
      <c r="I193" s="7">
        <v>5.8290613000000002</v>
      </c>
      <c r="J193" s="8">
        <v>-73.032274700000002</v>
      </c>
    </row>
    <row r="194" spans="1:10" x14ac:dyDescent="0.35">
      <c r="A194" s="5" t="s">
        <v>10</v>
      </c>
      <c r="B194" s="6">
        <v>235388</v>
      </c>
      <c r="C194" s="6" t="s">
        <v>94</v>
      </c>
      <c r="D194" s="6" t="s">
        <v>504</v>
      </c>
      <c r="E194" s="6">
        <v>66456</v>
      </c>
      <c r="F194" s="6" t="s">
        <v>18</v>
      </c>
      <c r="G194" s="6" t="s">
        <v>505</v>
      </c>
      <c r="H194" s="6" t="s">
        <v>506</v>
      </c>
      <c r="I194" s="7">
        <v>5.2967649000000003</v>
      </c>
      <c r="J194" s="8">
        <v>-75.883015099999994</v>
      </c>
    </row>
    <row r="195" spans="1:10" x14ac:dyDescent="0.35">
      <c r="A195" s="5" t="s">
        <v>10</v>
      </c>
      <c r="B195" s="6">
        <v>231057</v>
      </c>
      <c r="C195" s="6" t="s">
        <v>11</v>
      </c>
      <c r="D195" s="6" t="s">
        <v>507</v>
      </c>
      <c r="E195" s="6">
        <v>25845</v>
      </c>
      <c r="F195" s="6" t="s">
        <v>18</v>
      </c>
      <c r="G195" s="6" t="s">
        <v>508</v>
      </c>
      <c r="H195" s="6" t="s">
        <v>509</v>
      </c>
      <c r="I195" s="7">
        <v>4.4040435000000002</v>
      </c>
      <c r="J195" s="8">
        <v>-74.025051399999995</v>
      </c>
    </row>
    <row r="196" spans="1:10" x14ac:dyDescent="0.35">
      <c r="A196" s="5" t="s">
        <v>10</v>
      </c>
      <c r="B196" s="6">
        <v>222347</v>
      </c>
      <c r="C196" s="6" t="s">
        <v>16</v>
      </c>
      <c r="D196" s="6" t="s">
        <v>510</v>
      </c>
      <c r="E196" s="6">
        <v>68547</v>
      </c>
      <c r="F196" s="6" t="s">
        <v>13</v>
      </c>
      <c r="G196" s="6" t="s">
        <v>511</v>
      </c>
      <c r="H196" s="6" t="s">
        <v>512</v>
      </c>
      <c r="I196" s="7">
        <v>6.9841815</v>
      </c>
      <c r="J196" s="8">
        <v>-73.048621499999996</v>
      </c>
    </row>
    <row r="197" spans="1:10" x14ac:dyDescent="0.35">
      <c r="A197" s="5" t="s">
        <v>10</v>
      </c>
      <c r="B197" s="6">
        <v>155565</v>
      </c>
      <c r="C197" s="6" t="s">
        <v>11</v>
      </c>
      <c r="D197" s="6" t="s">
        <v>513</v>
      </c>
      <c r="E197" s="6">
        <v>25286</v>
      </c>
      <c r="F197" s="6" t="s">
        <v>18</v>
      </c>
      <c r="G197" s="6" t="s">
        <v>514</v>
      </c>
      <c r="H197" s="6" t="s">
        <v>515</v>
      </c>
      <c r="I197" s="7">
        <v>5.1995640999999999</v>
      </c>
      <c r="J197" s="8">
        <v>-74.888651400000001</v>
      </c>
    </row>
    <row r="198" spans="1:10" x14ac:dyDescent="0.35">
      <c r="A198" s="5" t="s">
        <v>10</v>
      </c>
      <c r="B198" s="6">
        <v>225300</v>
      </c>
      <c r="C198" s="6" t="s">
        <v>190</v>
      </c>
      <c r="D198" s="6" t="s">
        <v>191</v>
      </c>
      <c r="E198" s="6">
        <v>5001</v>
      </c>
      <c r="F198" s="6" t="s">
        <v>13</v>
      </c>
      <c r="G198" s="6" t="s">
        <v>516</v>
      </c>
      <c r="H198" s="6" t="s">
        <v>517</v>
      </c>
      <c r="I198" s="7">
        <v>6.3409775000000002</v>
      </c>
      <c r="J198" s="8">
        <v>-75.541976599999998</v>
      </c>
    </row>
    <row r="199" spans="1:10" x14ac:dyDescent="0.35">
      <c r="A199" s="5" t="s">
        <v>10</v>
      </c>
      <c r="B199" s="6">
        <v>236629</v>
      </c>
      <c r="C199" s="6" t="s">
        <v>109</v>
      </c>
      <c r="D199" s="6" t="s">
        <v>518</v>
      </c>
      <c r="E199" s="6">
        <v>13780</v>
      </c>
      <c r="F199" s="6" t="s">
        <v>18</v>
      </c>
      <c r="G199" s="6" t="s">
        <v>519</v>
      </c>
      <c r="H199" s="6" t="s">
        <v>520</v>
      </c>
      <c r="I199" s="7">
        <v>9.3034689999999998</v>
      </c>
      <c r="J199" s="8">
        <v>-74.567971999999997</v>
      </c>
    </row>
    <row r="200" spans="1:10" x14ac:dyDescent="0.35">
      <c r="A200" s="5" t="s">
        <v>10</v>
      </c>
      <c r="B200" s="6">
        <v>236695</v>
      </c>
      <c r="C200" s="6" t="s">
        <v>16</v>
      </c>
      <c r="D200" s="6" t="s">
        <v>521</v>
      </c>
      <c r="E200" s="6">
        <v>68861</v>
      </c>
      <c r="F200" s="6" t="s">
        <v>18</v>
      </c>
      <c r="G200" s="6" t="s">
        <v>522</v>
      </c>
      <c r="H200" s="6" t="s">
        <v>523</v>
      </c>
      <c r="I200" s="7">
        <v>6.0154595999999998</v>
      </c>
      <c r="J200" s="8">
        <v>-73.674151800000004</v>
      </c>
    </row>
    <row r="201" spans="1:10" x14ac:dyDescent="0.35">
      <c r="A201" s="5" t="s">
        <v>10</v>
      </c>
      <c r="B201" s="6">
        <v>236481</v>
      </c>
      <c r="C201" s="6" t="s">
        <v>55</v>
      </c>
      <c r="D201" s="6" t="s">
        <v>524</v>
      </c>
      <c r="E201" s="6">
        <v>73870</v>
      </c>
      <c r="F201" s="6" t="s">
        <v>18</v>
      </c>
      <c r="G201" s="6" t="s">
        <v>525</v>
      </c>
      <c r="H201" s="6" t="s">
        <v>526</v>
      </c>
      <c r="I201" s="7">
        <v>5.0290990999999998</v>
      </c>
      <c r="J201" s="8">
        <v>-75.117136500000001</v>
      </c>
    </row>
    <row r="202" spans="1:10" x14ac:dyDescent="0.35">
      <c r="A202" s="5" t="s">
        <v>10</v>
      </c>
      <c r="B202" s="6">
        <v>192056</v>
      </c>
      <c r="C202" s="6" t="s">
        <v>24</v>
      </c>
      <c r="D202" s="6" t="s">
        <v>527</v>
      </c>
      <c r="E202" s="6">
        <v>15223</v>
      </c>
      <c r="F202" s="6" t="s">
        <v>18</v>
      </c>
      <c r="G202" s="6" t="s">
        <v>528</v>
      </c>
      <c r="H202" s="6" t="s">
        <v>529</v>
      </c>
      <c r="I202" s="7">
        <v>7.0017800000000001</v>
      </c>
      <c r="J202" s="8">
        <v>-72.108186000000003</v>
      </c>
    </row>
    <row r="203" spans="1:10" x14ac:dyDescent="0.35">
      <c r="A203" s="5" t="s">
        <v>10</v>
      </c>
      <c r="B203" s="6">
        <v>215318</v>
      </c>
      <c r="C203" s="6" t="s">
        <v>24</v>
      </c>
      <c r="D203" s="6" t="s">
        <v>530</v>
      </c>
      <c r="E203" s="6">
        <v>15516</v>
      </c>
      <c r="F203" s="6" t="s">
        <v>18</v>
      </c>
      <c r="G203" s="6" t="s">
        <v>531</v>
      </c>
      <c r="H203" s="6" t="s">
        <v>532</v>
      </c>
      <c r="I203" s="7">
        <v>5.7769326999999997</v>
      </c>
      <c r="J203" s="8">
        <v>-73.117039199999994</v>
      </c>
    </row>
    <row r="204" spans="1:10" x14ac:dyDescent="0.35">
      <c r="A204" s="5" t="s">
        <v>10</v>
      </c>
      <c r="B204" s="6">
        <v>239113</v>
      </c>
      <c r="C204" s="6" t="s">
        <v>24</v>
      </c>
      <c r="D204" s="6" t="s">
        <v>85</v>
      </c>
      <c r="E204" s="6">
        <v>15759</v>
      </c>
      <c r="F204" s="6" t="s">
        <v>18</v>
      </c>
      <c r="G204" s="6" t="s">
        <v>533</v>
      </c>
      <c r="H204" s="6" t="s">
        <v>534</v>
      </c>
      <c r="I204" s="7">
        <v>5.7217263000000003</v>
      </c>
      <c r="J204" s="8">
        <v>-72.939612199999999</v>
      </c>
    </row>
    <row r="205" spans="1:10" x14ac:dyDescent="0.35">
      <c r="A205" s="5" t="s">
        <v>10</v>
      </c>
      <c r="B205" s="6">
        <v>205091</v>
      </c>
      <c r="C205" s="6" t="s">
        <v>28</v>
      </c>
      <c r="D205" s="6" t="s">
        <v>322</v>
      </c>
      <c r="E205" s="6">
        <v>54405</v>
      </c>
      <c r="F205" s="6" t="s">
        <v>18</v>
      </c>
      <c r="G205" s="6" t="s">
        <v>535</v>
      </c>
      <c r="H205" s="6" t="s">
        <v>536</v>
      </c>
      <c r="I205" s="7">
        <v>7.8135059999999896</v>
      </c>
      <c r="J205" s="8">
        <v>-72.514233700000005</v>
      </c>
    </row>
    <row r="206" spans="1:10" x14ac:dyDescent="0.35">
      <c r="A206" s="5" t="s">
        <v>10</v>
      </c>
      <c r="B206" s="6">
        <v>204723</v>
      </c>
      <c r="C206" s="6" t="s">
        <v>38</v>
      </c>
      <c r="D206" s="6" t="s">
        <v>39</v>
      </c>
      <c r="E206" s="6">
        <v>19001</v>
      </c>
      <c r="F206" s="6" t="s">
        <v>18</v>
      </c>
      <c r="G206" s="6" t="s">
        <v>537</v>
      </c>
      <c r="H206" s="6" t="s">
        <v>538</v>
      </c>
      <c r="I206" s="7">
        <v>2.4448143</v>
      </c>
      <c r="J206" s="8">
        <v>-76.614739499999999</v>
      </c>
    </row>
    <row r="207" spans="1:10" x14ac:dyDescent="0.35">
      <c r="A207" s="5" t="s">
        <v>10</v>
      </c>
      <c r="B207" s="6">
        <v>150549</v>
      </c>
      <c r="C207" s="6" t="s">
        <v>94</v>
      </c>
      <c r="D207" s="6" t="s">
        <v>95</v>
      </c>
      <c r="E207" s="6">
        <v>66170</v>
      </c>
      <c r="F207" s="6" t="s">
        <v>18</v>
      </c>
      <c r="G207" s="6" t="s">
        <v>539</v>
      </c>
      <c r="H207" s="6" t="s">
        <v>540</v>
      </c>
      <c r="I207" s="7">
        <v>4.8405854000000001</v>
      </c>
      <c r="J207" s="8">
        <v>-75.676893699999994</v>
      </c>
    </row>
    <row r="208" spans="1:10" x14ac:dyDescent="0.35">
      <c r="A208" s="5" t="s">
        <v>10</v>
      </c>
      <c r="B208" s="6">
        <v>231843</v>
      </c>
      <c r="C208" s="6" t="s">
        <v>24</v>
      </c>
      <c r="D208" s="6" t="s">
        <v>88</v>
      </c>
      <c r="E208" s="6">
        <v>15001</v>
      </c>
      <c r="F208" s="6" t="s">
        <v>18</v>
      </c>
      <c r="G208" s="6" t="s">
        <v>541</v>
      </c>
      <c r="H208" s="6" t="s">
        <v>542</v>
      </c>
      <c r="I208" s="7">
        <v>5.5521130000000003</v>
      </c>
      <c r="J208" s="8">
        <v>-73.352208000000005</v>
      </c>
    </row>
    <row r="209" spans="1:10" x14ac:dyDescent="0.35">
      <c r="A209" s="5" t="s">
        <v>10</v>
      </c>
      <c r="B209" s="6">
        <v>150953</v>
      </c>
      <c r="C209" s="6" t="s">
        <v>294</v>
      </c>
      <c r="D209" s="6" t="s">
        <v>543</v>
      </c>
      <c r="E209" s="6">
        <v>41396</v>
      </c>
      <c r="F209" s="6" t="s">
        <v>13</v>
      </c>
      <c r="G209" s="6" t="s">
        <v>544</v>
      </c>
      <c r="H209" s="6" t="s">
        <v>545</v>
      </c>
      <c r="I209" s="7">
        <v>2.389011</v>
      </c>
      <c r="J209" s="8">
        <v>-75.894246899999999</v>
      </c>
    </row>
    <row r="210" spans="1:10" x14ac:dyDescent="0.35">
      <c r="A210" s="5" t="s">
        <v>10</v>
      </c>
      <c r="B210" s="6">
        <v>230047</v>
      </c>
      <c r="C210" s="6" t="s">
        <v>16</v>
      </c>
      <c r="D210" s="6" t="s">
        <v>546</v>
      </c>
      <c r="E210" s="6">
        <v>68464</v>
      </c>
      <c r="F210" s="6" t="s">
        <v>18</v>
      </c>
      <c r="G210" s="6" t="s">
        <v>547</v>
      </c>
      <c r="H210" s="6" t="s">
        <v>548</v>
      </c>
      <c r="I210" s="7">
        <v>6.4744431999999996</v>
      </c>
      <c r="J210" s="8">
        <v>-72.970336399999994</v>
      </c>
    </row>
    <row r="211" spans="1:10" x14ac:dyDescent="0.35">
      <c r="A211" s="5" t="s">
        <v>10</v>
      </c>
      <c r="B211" s="6">
        <v>235421</v>
      </c>
      <c r="C211" s="6" t="s">
        <v>16</v>
      </c>
      <c r="D211" s="6" t="s">
        <v>510</v>
      </c>
      <c r="E211" s="6">
        <v>68547</v>
      </c>
      <c r="F211" s="6" t="s">
        <v>18</v>
      </c>
      <c r="G211" s="6" t="s">
        <v>549</v>
      </c>
      <c r="H211" s="6" t="s">
        <v>550</v>
      </c>
      <c r="I211" s="7">
        <v>6.9882654999999998</v>
      </c>
      <c r="J211" s="8">
        <v>-73.043193700000003</v>
      </c>
    </row>
    <row r="212" spans="1:10" x14ac:dyDescent="0.35">
      <c r="A212" s="5" t="s">
        <v>10</v>
      </c>
      <c r="B212" s="6">
        <v>201129</v>
      </c>
      <c r="C212" s="6" t="s">
        <v>551</v>
      </c>
      <c r="D212" s="6" t="s">
        <v>552</v>
      </c>
      <c r="E212" s="6">
        <v>20250</v>
      </c>
      <c r="F212" s="6" t="s">
        <v>18</v>
      </c>
      <c r="G212" s="6" t="s">
        <v>553</v>
      </c>
      <c r="H212" s="6" t="s">
        <v>554</v>
      </c>
      <c r="I212" s="7">
        <v>9.6190789999999993</v>
      </c>
      <c r="J212" s="8">
        <v>-73.594569999999905</v>
      </c>
    </row>
    <row r="213" spans="1:10" x14ac:dyDescent="0.35">
      <c r="A213" s="5" t="s">
        <v>10</v>
      </c>
      <c r="B213" s="6">
        <v>239121</v>
      </c>
      <c r="C213" s="6" t="s">
        <v>24</v>
      </c>
      <c r="D213" s="6" t="s">
        <v>85</v>
      </c>
      <c r="E213" s="6">
        <v>15759</v>
      </c>
      <c r="F213" s="6" t="s">
        <v>18</v>
      </c>
      <c r="G213" s="6" t="s">
        <v>555</v>
      </c>
      <c r="H213" s="6" t="s">
        <v>556</v>
      </c>
      <c r="I213" s="7">
        <v>5.7187324000000004</v>
      </c>
      <c r="J213" s="8">
        <v>-72.929208900000006</v>
      </c>
    </row>
    <row r="214" spans="1:10" x14ac:dyDescent="0.35">
      <c r="A214" s="5" t="s">
        <v>10</v>
      </c>
      <c r="B214" s="6">
        <v>242765</v>
      </c>
      <c r="C214" s="6" t="s">
        <v>24</v>
      </c>
      <c r="D214" s="6" t="s">
        <v>557</v>
      </c>
      <c r="E214" s="6">
        <v>15757</v>
      </c>
      <c r="F214" s="6" t="s">
        <v>18</v>
      </c>
      <c r="G214" s="6" t="s">
        <v>558</v>
      </c>
      <c r="H214" s="6" t="s">
        <v>559</v>
      </c>
      <c r="I214" s="7">
        <v>5.9971300000000003</v>
      </c>
      <c r="J214" s="8">
        <v>-72.692665000000005</v>
      </c>
    </row>
    <row r="215" spans="1:10" x14ac:dyDescent="0.35">
      <c r="A215" s="5" t="s">
        <v>10</v>
      </c>
      <c r="B215" s="6">
        <v>187663</v>
      </c>
      <c r="C215" s="6" t="s">
        <v>28</v>
      </c>
      <c r="D215" s="6" t="s">
        <v>29</v>
      </c>
      <c r="E215" s="6">
        <v>54001</v>
      </c>
      <c r="F215" s="6" t="s">
        <v>18</v>
      </c>
      <c r="G215" s="6" t="s">
        <v>560</v>
      </c>
      <c r="H215" s="6" t="s">
        <v>561</v>
      </c>
      <c r="I215" s="7">
        <v>7.9187862999999998</v>
      </c>
      <c r="J215" s="8">
        <v>-72.500122399999995</v>
      </c>
    </row>
    <row r="216" spans="1:10" x14ac:dyDescent="0.35">
      <c r="A216" s="5" t="s">
        <v>10</v>
      </c>
      <c r="B216" s="6">
        <v>178825</v>
      </c>
      <c r="C216" s="6" t="s">
        <v>28</v>
      </c>
      <c r="D216" s="6" t="s">
        <v>29</v>
      </c>
      <c r="E216" s="6">
        <v>54001</v>
      </c>
      <c r="F216" s="6" t="s">
        <v>18</v>
      </c>
      <c r="G216" s="6" t="s">
        <v>562</v>
      </c>
      <c r="H216" s="6" t="s">
        <v>563</v>
      </c>
      <c r="I216" s="7">
        <v>7.8889424999999997</v>
      </c>
      <c r="J216" s="8">
        <v>-72.504214099999999</v>
      </c>
    </row>
    <row r="217" spans="1:10" x14ac:dyDescent="0.35">
      <c r="A217" s="5" t="s">
        <v>10</v>
      </c>
      <c r="B217" s="6">
        <v>238922</v>
      </c>
      <c r="C217" s="6" t="s">
        <v>61</v>
      </c>
      <c r="D217" s="6" t="s">
        <v>62</v>
      </c>
      <c r="E217" s="6">
        <v>63001</v>
      </c>
      <c r="F217" s="6" t="s">
        <v>18</v>
      </c>
      <c r="G217" s="6" t="s">
        <v>564</v>
      </c>
      <c r="H217" s="6" t="s">
        <v>565</v>
      </c>
      <c r="I217" s="7">
        <v>4.5439151000000004</v>
      </c>
      <c r="J217" s="8">
        <v>-75.666786200000004</v>
      </c>
    </row>
    <row r="218" spans="1:10" x14ac:dyDescent="0.35">
      <c r="A218" s="5" t="s">
        <v>10</v>
      </c>
      <c r="B218" s="6">
        <v>131284</v>
      </c>
      <c r="C218" s="6" t="s">
        <v>28</v>
      </c>
      <c r="D218" s="6" t="s">
        <v>49</v>
      </c>
      <c r="E218" s="6">
        <v>54498</v>
      </c>
      <c r="F218" s="6" t="s">
        <v>13</v>
      </c>
      <c r="G218" s="6" t="s">
        <v>50</v>
      </c>
      <c r="H218" s="6" t="s">
        <v>51</v>
      </c>
      <c r="I218" s="7">
        <v>8.2378228999999994</v>
      </c>
      <c r="J218" s="8">
        <v>-73.356371499999995</v>
      </c>
    </row>
    <row r="219" spans="1:10" x14ac:dyDescent="0.35">
      <c r="A219" s="5" t="s">
        <v>10</v>
      </c>
      <c r="B219" s="6">
        <v>223613</v>
      </c>
      <c r="C219" s="6" t="s">
        <v>16</v>
      </c>
      <c r="D219" s="6" t="s">
        <v>17</v>
      </c>
      <c r="E219" s="6">
        <v>68679</v>
      </c>
      <c r="F219" s="6" t="s">
        <v>18</v>
      </c>
      <c r="G219" s="6" t="s">
        <v>566</v>
      </c>
      <c r="H219" s="6" t="s">
        <v>567</v>
      </c>
      <c r="I219" s="7">
        <v>6.5556086999999996</v>
      </c>
      <c r="J219" s="8">
        <v>-73.134034700000001</v>
      </c>
    </row>
    <row r="220" spans="1:10" x14ac:dyDescent="0.35">
      <c r="A220" s="5" t="s">
        <v>10</v>
      </c>
      <c r="B220" s="6">
        <v>221438</v>
      </c>
      <c r="C220" s="6" t="s">
        <v>68</v>
      </c>
      <c r="D220" s="6" t="s">
        <v>69</v>
      </c>
      <c r="E220" s="6">
        <v>11001</v>
      </c>
      <c r="F220" s="6" t="s">
        <v>18</v>
      </c>
      <c r="G220" s="6" t="s">
        <v>568</v>
      </c>
      <c r="H220" s="6" t="s">
        <v>569</v>
      </c>
      <c r="I220" s="7">
        <v>4.5455603</v>
      </c>
      <c r="J220" s="8">
        <v>-74.105619700000005</v>
      </c>
    </row>
    <row r="221" spans="1:10" x14ac:dyDescent="0.35">
      <c r="A221" s="5" t="s">
        <v>10</v>
      </c>
      <c r="B221" s="6">
        <v>206500</v>
      </c>
      <c r="C221" s="6" t="s">
        <v>551</v>
      </c>
      <c r="D221" s="6" t="s">
        <v>570</v>
      </c>
      <c r="E221" s="6">
        <v>20614</v>
      </c>
      <c r="F221" s="6" t="s">
        <v>18</v>
      </c>
      <c r="G221" s="6" t="s">
        <v>571</v>
      </c>
      <c r="H221" s="6" t="s">
        <v>572</v>
      </c>
      <c r="I221" s="7">
        <v>8.2942669999999996</v>
      </c>
      <c r="J221" s="8">
        <v>-73.387467999999998</v>
      </c>
    </row>
    <row r="222" spans="1:10" x14ac:dyDescent="0.35">
      <c r="A222" s="5" t="s">
        <v>10</v>
      </c>
      <c r="B222" s="6">
        <v>217230</v>
      </c>
      <c r="C222" s="6" t="s">
        <v>55</v>
      </c>
      <c r="D222" s="6" t="s">
        <v>573</v>
      </c>
      <c r="E222" s="6">
        <v>73026</v>
      </c>
      <c r="F222" s="6" t="s">
        <v>18</v>
      </c>
      <c r="G222" s="6" t="s">
        <v>574</v>
      </c>
      <c r="H222" s="6" t="s">
        <v>575</v>
      </c>
      <c r="I222" s="7">
        <v>4.5661436000000002</v>
      </c>
      <c r="J222" s="8">
        <v>-74.954233700000003</v>
      </c>
    </row>
    <row r="223" spans="1:10" x14ac:dyDescent="0.35">
      <c r="A223" s="5" t="s">
        <v>10</v>
      </c>
      <c r="B223" s="6">
        <v>191117</v>
      </c>
      <c r="C223" s="6" t="s">
        <v>55</v>
      </c>
      <c r="D223" s="6" t="s">
        <v>56</v>
      </c>
      <c r="E223" s="6">
        <v>73001</v>
      </c>
      <c r="F223" s="6" t="s">
        <v>18</v>
      </c>
      <c r="G223" s="6" t="s">
        <v>576</v>
      </c>
      <c r="H223" s="6" t="s">
        <v>577</v>
      </c>
      <c r="I223" s="7">
        <v>4.4427516999999996</v>
      </c>
      <c r="J223" s="8">
        <v>-75.232044700000003</v>
      </c>
    </row>
    <row r="224" spans="1:10" x14ac:dyDescent="0.35">
      <c r="A224" s="5" t="s">
        <v>10</v>
      </c>
      <c r="B224" s="6">
        <v>234132</v>
      </c>
      <c r="C224" s="6" t="s">
        <v>24</v>
      </c>
      <c r="D224" s="6" t="s">
        <v>578</v>
      </c>
      <c r="E224" s="6">
        <v>15047</v>
      </c>
      <c r="F224" s="6" t="s">
        <v>18</v>
      </c>
      <c r="G224" s="6" t="s">
        <v>579</v>
      </c>
      <c r="H224" s="6" t="s">
        <v>580</v>
      </c>
      <c r="I224" s="7">
        <v>5.5180635999999996</v>
      </c>
      <c r="J224" s="8">
        <v>-72.882891400000005</v>
      </c>
    </row>
    <row r="225" spans="1:10" x14ac:dyDescent="0.35">
      <c r="A225" s="5" t="s">
        <v>10</v>
      </c>
      <c r="B225" s="6">
        <v>237425</v>
      </c>
      <c r="C225" s="6" t="s">
        <v>61</v>
      </c>
      <c r="D225" s="6" t="s">
        <v>62</v>
      </c>
      <c r="E225" s="6">
        <v>63001</v>
      </c>
      <c r="F225" s="6" t="s">
        <v>18</v>
      </c>
      <c r="G225" s="6" t="s">
        <v>581</v>
      </c>
      <c r="H225" s="6" t="s">
        <v>582</v>
      </c>
      <c r="I225" s="7">
        <v>4.5215838000000002</v>
      </c>
      <c r="J225" s="8">
        <v>-75.692991500000005</v>
      </c>
    </row>
    <row r="226" spans="1:10" x14ac:dyDescent="0.35">
      <c r="A226" s="5" t="s">
        <v>10</v>
      </c>
      <c r="B226" s="6">
        <v>212964</v>
      </c>
      <c r="C226" s="6" t="s">
        <v>24</v>
      </c>
      <c r="D226" s="6" t="s">
        <v>88</v>
      </c>
      <c r="E226" s="6">
        <v>15001</v>
      </c>
      <c r="F226" s="6" t="s">
        <v>18</v>
      </c>
      <c r="G226" s="6" t="s">
        <v>583</v>
      </c>
      <c r="H226" s="6" t="s">
        <v>584</v>
      </c>
      <c r="I226" s="7">
        <v>5.5416004000000001</v>
      </c>
      <c r="J226" s="8">
        <v>-73.357246699999905</v>
      </c>
    </row>
    <row r="227" spans="1:10" x14ac:dyDescent="0.35">
      <c r="A227" s="5" t="s">
        <v>10</v>
      </c>
      <c r="B227" s="6">
        <v>205996</v>
      </c>
      <c r="C227" s="6" t="s">
        <v>16</v>
      </c>
      <c r="D227" s="6" t="s">
        <v>17</v>
      </c>
      <c r="E227" s="6">
        <v>68679</v>
      </c>
      <c r="F227" s="6" t="s">
        <v>18</v>
      </c>
      <c r="G227" s="6" t="s">
        <v>585</v>
      </c>
      <c r="H227" s="6" t="s">
        <v>586</v>
      </c>
      <c r="I227" s="7">
        <v>6.5567332999999897</v>
      </c>
      <c r="J227" s="8">
        <v>-73.146649499999995</v>
      </c>
    </row>
    <row r="228" spans="1:10" x14ac:dyDescent="0.35">
      <c r="A228" s="5" t="s">
        <v>10</v>
      </c>
      <c r="B228" s="6">
        <v>234044</v>
      </c>
      <c r="C228" s="6" t="s">
        <v>68</v>
      </c>
      <c r="D228" s="6" t="s">
        <v>69</v>
      </c>
      <c r="E228" s="6">
        <v>11001</v>
      </c>
      <c r="F228" s="6" t="s">
        <v>18</v>
      </c>
      <c r="G228" s="6" t="s">
        <v>587</v>
      </c>
      <c r="H228" s="6" t="s">
        <v>588</v>
      </c>
      <c r="I228" s="7">
        <v>4.7433174999999999</v>
      </c>
      <c r="J228" s="8">
        <v>-74.121912899999998</v>
      </c>
    </row>
    <row r="229" spans="1:10" x14ac:dyDescent="0.35">
      <c r="A229" s="5" t="s">
        <v>10</v>
      </c>
      <c r="B229" s="6">
        <v>197565</v>
      </c>
      <c r="C229" s="6" t="s">
        <v>11</v>
      </c>
      <c r="D229" s="6" t="s">
        <v>106</v>
      </c>
      <c r="E229" s="6">
        <v>25843</v>
      </c>
      <c r="F229" s="6" t="s">
        <v>18</v>
      </c>
      <c r="G229" s="6" t="s">
        <v>589</v>
      </c>
      <c r="H229" s="6" t="s">
        <v>590</v>
      </c>
      <c r="I229" s="7">
        <v>5.3101091999999896</v>
      </c>
      <c r="J229" s="8">
        <v>-73.8120464</v>
      </c>
    </row>
    <row r="230" spans="1:10" x14ac:dyDescent="0.35">
      <c r="A230" s="5" t="s">
        <v>10</v>
      </c>
      <c r="B230" s="6">
        <v>202211</v>
      </c>
      <c r="C230" s="6" t="s">
        <v>109</v>
      </c>
      <c r="D230" s="6" t="s">
        <v>370</v>
      </c>
      <c r="E230" s="6">
        <v>13873</v>
      </c>
      <c r="F230" s="6" t="s">
        <v>18</v>
      </c>
      <c r="G230" s="6" t="s">
        <v>591</v>
      </c>
      <c r="H230" s="6" t="s">
        <v>592</v>
      </c>
      <c r="I230" s="7">
        <v>8.6704381999999995</v>
      </c>
      <c r="J230" s="8">
        <v>-74.030012200000002</v>
      </c>
    </row>
    <row r="231" spans="1:10" x14ac:dyDescent="0.35">
      <c r="A231" s="5" t="s">
        <v>10</v>
      </c>
      <c r="B231" s="6">
        <v>211047</v>
      </c>
      <c r="C231" s="6" t="s">
        <v>28</v>
      </c>
      <c r="D231" s="6" t="s">
        <v>91</v>
      </c>
      <c r="E231" s="6">
        <v>54874</v>
      </c>
      <c r="F231" s="6" t="s">
        <v>18</v>
      </c>
      <c r="G231" s="6" t="s">
        <v>593</v>
      </c>
      <c r="H231" s="6" t="s">
        <v>594</v>
      </c>
      <c r="I231" s="7">
        <v>7.8411245000000003</v>
      </c>
      <c r="J231" s="8">
        <v>-72.474399000000005</v>
      </c>
    </row>
    <row r="232" spans="1:10" x14ac:dyDescent="0.35">
      <c r="A232" s="5" t="s">
        <v>10</v>
      </c>
      <c r="B232" s="6">
        <v>178834</v>
      </c>
      <c r="C232" s="6" t="s">
        <v>28</v>
      </c>
      <c r="D232" s="6" t="s">
        <v>29</v>
      </c>
      <c r="E232" s="6">
        <v>54001</v>
      </c>
      <c r="F232" s="6" t="s">
        <v>18</v>
      </c>
      <c r="G232" s="6" t="s">
        <v>595</v>
      </c>
      <c r="H232" s="6" t="s">
        <v>596</v>
      </c>
      <c r="I232" s="7">
        <v>7.8863334999999903</v>
      </c>
      <c r="J232" s="8">
        <v>-72.511008199999907</v>
      </c>
    </row>
    <row r="233" spans="1:10" x14ac:dyDescent="0.35">
      <c r="A233" s="5" t="s">
        <v>10</v>
      </c>
      <c r="B233" s="6">
        <v>243845</v>
      </c>
      <c r="C233" s="6" t="s">
        <v>28</v>
      </c>
      <c r="D233" s="6" t="s">
        <v>29</v>
      </c>
      <c r="E233" s="6">
        <v>54001</v>
      </c>
      <c r="F233" s="6" t="s">
        <v>18</v>
      </c>
      <c r="G233" s="6" t="s">
        <v>597</v>
      </c>
      <c r="H233" s="6" t="s">
        <v>598</v>
      </c>
      <c r="I233" s="7">
        <v>7.8901738999999997</v>
      </c>
      <c r="J233" s="8">
        <v>-72.505701500000001</v>
      </c>
    </row>
    <row r="234" spans="1:10" x14ac:dyDescent="0.35">
      <c r="A234" s="5" t="s">
        <v>10</v>
      </c>
      <c r="B234" s="6">
        <v>245437</v>
      </c>
      <c r="C234" s="6" t="s">
        <v>42</v>
      </c>
      <c r="D234" s="6" t="s">
        <v>599</v>
      </c>
      <c r="E234" s="6">
        <v>17013</v>
      </c>
      <c r="F234" s="6" t="s">
        <v>18</v>
      </c>
      <c r="G234" s="6" t="s">
        <v>600</v>
      </c>
      <c r="H234" s="6" t="s">
        <v>601</v>
      </c>
      <c r="I234" s="7">
        <v>5.6138887000000004</v>
      </c>
      <c r="J234" s="8">
        <v>-75.457630199999997</v>
      </c>
    </row>
    <row r="235" spans="1:10" x14ac:dyDescent="0.35">
      <c r="A235" s="5" t="s">
        <v>10</v>
      </c>
      <c r="B235" s="6">
        <v>231846</v>
      </c>
      <c r="C235" s="6" t="s">
        <v>42</v>
      </c>
      <c r="D235" s="6" t="s">
        <v>602</v>
      </c>
      <c r="E235" s="6">
        <v>17777</v>
      </c>
      <c r="F235" s="6" t="s">
        <v>18</v>
      </c>
      <c r="G235" s="6" t="s">
        <v>603</v>
      </c>
      <c r="H235" s="6" t="s">
        <v>604</v>
      </c>
      <c r="I235" s="7">
        <v>5.4553830000000003</v>
      </c>
      <c r="J235" s="8">
        <v>-75.650146000000007</v>
      </c>
    </row>
    <row r="236" spans="1:10" x14ac:dyDescent="0.35">
      <c r="A236" s="5" t="s">
        <v>10</v>
      </c>
      <c r="B236" s="6">
        <v>236121</v>
      </c>
      <c r="C236" s="6" t="s">
        <v>42</v>
      </c>
      <c r="D236" s="6" t="s">
        <v>43</v>
      </c>
      <c r="E236" s="6">
        <v>17001</v>
      </c>
      <c r="F236" s="6" t="s">
        <v>18</v>
      </c>
      <c r="G236" s="6" t="s">
        <v>605</v>
      </c>
      <c r="H236" s="6" t="s">
        <v>606</v>
      </c>
      <c r="I236" s="7">
        <v>5.0728773</v>
      </c>
      <c r="J236" s="8">
        <v>-75.499952500000006</v>
      </c>
    </row>
    <row r="237" spans="1:10" x14ac:dyDescent="0.35">
      <c r="A237" s="5" t="s">
        <v>10</v>
      </c>
      <c r="B237" s="6">
        <v>182706</v>
      </c>
      <c r="C237" s="6" t="s">
        <v>55</v>
      </c>
      <c r="D237" s="6" t="s">
        <v>56</v>
      </c>
      <c r="E237" s="6">
        <v>73001</v>
      </c>
      <c r="F237" s="6" t="s">
        <v>18</v>
      </c>
      <c r="G237" s="6" t="s">
        <v>607</v>
      </c>
      <c r="H237" s="6" t="s">
        <v>608</v>
      </c>
      <c r="I237" s="7">
        <v>4.4365692000000001</v>
      </c>
      <c r="J237" s="8">
        <v>-75.164949100000001</v>
      </c>
    </row>
    <row r="238" spans="1:10" x14ac:dyDescent="0.35">
      <c r="A238" s="5" t="s">
        <v>10</v>
      </c>
      <c r="B238" s="6">
        <v>132772</v>
      </c>
      <c r="C238" s="6" t="s">
        <v>24</v>
      </c>
      <c r="D238" s="6" t="s">
        <v>609</v>
      </c>
      <c r="E238" s="6">
        <v>15455</v>
      </c>
      <c r="F238" s="6" t="s">
        <v>18</v>
      </c>
      <c r="G238" s="6" t="s">
        <v>610</v>
      </c>
      <c r="H238" s="6" t="s">
        <v>611</v>
      </c>
      <c r="I238" s="7">
        <v>5.1954238999999998</v>
      </c>
      <c r="J238" s="8">
        <v>-73.144321899999994</v>
      </c>
    </row>
    <row r="239" spans="1:10" x14ac:dyDescent="0.35">
      <c r="A239" s="5" t="s">
        <v>10</v>
      </c>
      <c r="B239" s="6">
        <v>223101</v>
      </c>
      <c r="C239" s="6" t="s">
        <v>24</v>
      </c>
      <c r="D239" s="6" t="s">
        <v>88</v>
      </c>
      <c r="E239" s="6">
        <v>15001</v>
      </c>
      <c r="F239" s="6" t="s">
        <v>18</v>
      </c>
      <c r="G239" s="6" t="s">
        <v>612</v>
      </c>
      <c r="H239" s="6" t="s">
        <v>613</v>
      </c>
      <c r="I239" s="7">
        <v>5.5336645000000004</v>
      </c>
      <c r="J239" s="8">
        <v>-73.360576899999998</v>
      </c>
    </row>
    <row r="240" spans="1:10" x14ac:dyDescent="0.35">
      <c r="A240" s="5" t="s">
        <v>10</v>
      </c>
      <c r="B240" s="6">
        <v>225024</v>
      </c>
      <c r="C240" s="6" t="s">
        <v>24</v>
      </c>
      <c r="D240" s="6" t="s">
        <v>137</v>
      </c>
      <c r="E240" s="6">
        <v>15238</v>
      </c>
      <c r="F240" s="6" t="s">
        <v>18</v>
      </c>
      <c r="G240" s="6" t="s">
        <v>614</v>
      </c>
      <c r="H240" s="6" t="s">
        <v>615</v>
      </c>
      <c r="I240" s="7">
        <v>5.8092822999999996</v>
      </c>
      <c r="J240" s="8">
        <v>-73.028964200000004</v>
      </c>
    </row>
    <row r="241" spans="1:10" x14ac:dyDescent="0.35">
      <c r="A241" s="5" t="s">
        <v>10</v>
      </c>
      <c r="B241" s="6">
        <v>236175</v>
      </c>
      <c r="C241" s="6" t="s">
        <v>24</v>
      </c>
      <c r="D241" s="6" t="s">
        <v>616</v>
      </c>
      <c r="E241" s="6">
        <v>15820</v>
      </c>
      <c r="F241" s="6" t="s">
        <v>18</v>
      </c>
      <c r="G241" s="6" t="s">
        <v>617</v>
      </c>
      <c r="H241" s="6" t="s">
        <v>618</v>
      </c>
      <c r="I241" s="7">
        <v>5.7688343999999896</v>
      </c>
      <c r="J241" s="8">
        <v>-72.833065500000004</v>
      </c>
    </row>
    <row r="242" spans="1:10" x14ac:dyDescent="0.35">
      <c r="A242" s="5" t="s">
        <v>10</v>
      </c>
      <c r="B242" s="6">
        <v>239229</v>
      </c>
      <c r="C242" s="6" t="s">
        <v>24</v>
      </c>
      <c r="D242" s="6" t="s">
        <v>85</v>
      </c>
      <c r="E242" s="6">
        <v>15759</v>
      </c>
      <c r="F242" s="6" t="s">
        <v>18</v>
      </c>
      <c r="G242" s="6" t="s">
        <v>619</v>
      </c>
      <c r="H242" s="6" t="s">
        <v>620</v>
      </c>
      <c r="I242" s="7">
        <v>5.7192020000000001</v>
      </c>
      <c r="J242" s="8">
        <v>-72.936347299999994</v>
      </c>
    </row>
    <row r="243" spans="1:10" x14ac:dyDescent="0.35">
      <c r="A243" s="5" t="s">
        <v>10</v>
      </c>
      <c r="B243" s="6">
        <v>235893</v>
      </c>
      <c r="C243" s="6" t="s">
        <v>24</v>
      </c>
      <c r="D243" s="6" t="s">
        <v>621</v>
      </c>
      <c r="E243" s="6">
        <v>15646</v>
      </c>
      <c r="F243" s="6" t="s">
        <v>18</v>
      </c>
      <c r="G243" s="6" t="s">
        <v>622</v>
      </c>
      <c r="H243" s="6" t="s">
        <v>623</v>
      </c>
      <c r="I243" s="7">
        <v>5.4922750999999996</v>
      </c>
      <c r="J243" s="8">
        <v>-73.486270899999994</v>
      </c>
    </row>
    <row r="244" spans="1:10" x14ac:dyDescent="0.35">
      <c r="A244" s="5" t="s">
        <v>10</v>
      </c>
      <c r="B244" s="6">
        <v>232849</v>
      </c>
      <c r="C244" s="6" t="s">
        <v>24</v>
      </c>
      <c r="D244" s="6" t="s">
        <v>88</v>
      </c>
      <c r="E244" s="6">
        <v>15001</v>
      </c>
      <c r="F244" s="6" t="s">
        <v>18</v>
      </c>
      <c r="G244" s="6" t="s">
        <v>624</v>
      </c>
      <c r="H244" s="6" t="s">
        <v>625</v>
      </c>
      <c r="I244" s="7">
        <v>5.5154981000000003</v>
      </c>
      <c r="J244" s="8">
        <v>-73.362872699999997</v>
      </c>
    </row>
    <row r="245" spans="1:10" x14ac:dyDescent="0.35">
      <c r="A245" s="5" t="s">
        <v>10</v>
      </c>
      <c r="B245" s="6">
        <v>213989</v>
      </c>
      <c r="C245" s="6" t="s">
        <v>42</v>
      </c>
      <c r="D245" s="6" t="s">
        <v>212</v>
      </c>
      <c r="E245" s="6">
        <v>17495</v>
      </c>
      <c r="F245" s="6" t="s">
        <v>18</v>
      </c>
      <c r="G245" s="6" t="s">
        <v>626</v>
      </c>
      <c r="H245" s="6" t="s">
        <v>627</v>
      </c>
      <c r="I245" s="7">
        <v>5.5762689999999999</v>
      </c>
      <c r="J245" s="8">
        <v>-74.889556999999996</v>
      </c>
    </row>
    <row r="246" spans="1:10" x14ac:dyDescent="0.35">
      <c r="A246" s="5" t="s">
        <v>10</v>
      </c>
      <c r="B246" s="6">
        <v>216887</v>
      </c>
      <c r="C246" s="6" t="s">
        <v>61</v>
      </c>
      <c r="D246" s="6" t="s">
        <v>62</v>
      </c>
      <c r="E246" s="6">
        <v>63001</v>
      </c>
      <c r="F246" s="6" t="s">
        <v>18</v>
      </c>
      <c r="G246" s="6" t="s">
        <v>628</v>
      </c>
      <c r="H246" s="6" t="s">
        <v>629</v>
      </c>
      <c r="I246" s="7">
        <v>4.5463741000000004</v>
      </c>
      <c r="J246" s="8">
        <v>-75.664640399999996</v>
      </c>
    </row>
    <row r="247" spans="1:10" x14ac:dyDescent="0.35">
      <c r="A247" s="5" t="s">
        <v>10</v>
      </c>
      <c r="B247" s="6">
        <v>235367</v>
      </c>
      <c r="C247" s="6" t="s">
        <v>42</v>
      </c>
      <c r="D247" s="6" t="s">
        <v>602</v>
      </c>
      <c r="E247" s="6">
        <v>17777</v>
      </c>
      <c r="F247" s="6" t="s">
        <v>18</v>
      </c>
      <c r="G247" s="6" t="s">
        <v>630</v>
      </c>
      <c r="H247" s="6" t="s">
        <v>631</v>
      </c>
      <c r="I247" s="7">
        <v>5.4504080999999998</v>
      </c>
      <c r="J247" s="8">
        <v>-75.651294399999998</v>
      </c>
    </row>
    <row r="248" spans="1:10" x14ac:dyDescent="0.35">
      <c r="A248" s="5" t="s">
        <v>10</v>
      </c>
      <c r="B248" s="6">
        <v>172852</v>
      </c>
      <c r="C248" s="6" t="s">
        <v>68</v>
      </c>
      <c r="D248" s="6" t="s">
        <v>69</v>
      </c>
      <c r="E248" s="6">
        <v>11001</v>
      </c>
      <c r="F248" s="6" t="s">
        <v>13</v>
      </c>
      <c r="G248" s="6" t="s">
        <v>632</v>
      </c>
      <c r="H248" s="6" t="s">
        <v>633</v>
      </c>
      <c r="I248" s="7">
        <v>4.6018252999999998</v>
      </c>
      <c r="J248" s="8">
        <v>-74.075602500000002</v>
      </c>
    </row>
    <row r="249" spans="1:10" x14ac:dyDescent="0.35">
      <c r="A249" s="5" t="s">
        <v>10</v>
      </c>
      <c r="B249" s="6">
        <v>214699</v>
      </c>
      <c r="C249" s="6" t="s">
        <v>16</v>
      </c>
      <c r="D249" s="6" t="s">
        <v>224</v>
      </c>
      <c r="E249" s="6">
        <v>68755</v>
      </c>
      <c r="F249" s="6" t="s">
        <v>18</v>
      </c>
      <c r="G249" s="6" t="s">
        <v>634</v>
      </c>
      <c r="H249" s="6" t="s">
        <v>635</v>
      </c>
      <c r="I249" s="7">
        <v>6.4686649999999997</v>
      </c>
      <c r="J249" s="8">
        <v>-73.264040999999906</v>
      </c>
    </row>
    <row r="250" spans="1:10" x14ac:dyDescent="0.35">
      <c r="A250" s="5" t="s">
        <v>10</v>
      </c>
      <c r="B250" s="6">
        <v>124984</v>
      </c>
      <c r="C250" s="6" t="s">
        <v>16</v>
      </c>
      <c r="D250" s="6" t="s">
        <v>636</v>
      </c>
      <c r="E250" s="6">
        <v>68271</v>
      </c>
      <c r="F250" s="6" t="s">
        <v>18</v>
      </c>
      <c r="G250" s="6" t="s">
        <v>637</v>
      </c>
      <c r="H250" s="6" t="s">
        <v>638</v>
      </c>
      <c r="I250" s="7">
        <v>5.803248</v>
      </c>
      <c r="J250" s="8">
        <v>-73.970703</v>
      </c>
    </row>
    <row r="251" spans="1:10" x14ac:dyDescent="0.35">
      <c r="A251" s="5" t="s">
        <v>10</v>
      </c>
      <c r="B251" s="6">
        <v>230921</v>
      </c>
      <c r="C251" s="6" t="s">
        <v>11</v>
      </c>
      <c r="D251" s="6" t="s">
        <v>21</v>
      </c>
      <c r="E251" s="6">
        <v>25386</v>
      </c>
      <c r="F251" s="6" t="s">
        <v>18</v>
      </c>
      <c r="G251" s="6" t="s">
        <v>639</v>
      </c>
      <c r="H251" s="6" t="s">
        <v>640</v>
      </c>
      <c r="I251" s="7">
        <v>4.6304259999999999</v>
      </c>
      <c r="J251" s="8">
        <v>-74.462136999999998</v>
      </c>
    </row>
    <row r="252" spans="1:10" x14ac:dyDescent="0.35">
      <c r="A252" s="5" t="s">
        <v>10</v>
      </c>
      <c r="B252" s="6">
        <v>240236</v>
      </c>
      <c r="C252" s="6" t="s">
        <v>24</v>
      </c>
      <c r="D252" s="6" t="s">
        <v>88</v>
      </c>
      <c r="E252" s="6">
        <v>15001</v>
      </c>
      <c r="F252" s="6" t="s">
        <v>18</v>
      </c>
      <c r="G252" s="6" t="s">
        <v>641</v>
      </c>
      <c r="H252" s="6" t="s">
        <v>642</v>
      </c>
      <c r="I252" s="7">
        <v>5.5253549</v>
      </c>
      <c r="J252" s="8">
        <v>-73.369690899999995</v>
      </c>
    </row>
    <row r="253" spans="1:10" x14ac:dyDescent="0.35">
      <c r="A253" s="5" t="s">
        <v>10</v>
      </c>
      <c r="B253" s="6">
        <v>235950</v>
      </c>
      <c r="C253" s="6" t="s">
        <v>24</v>
      </c>
      <c r="D253" s="6" t="s">
        <v>85</v>
      </c>
      <c r="E253" s="6">
        <v>15759</v>
      </c>
      <c r="F253" s="6" t="s">
        <v>18</v>
      </c>
      <c r="G253" s="6" t="s">
        <v>643</v>
      </c>
      <c r="H253" s="6" t="s">
        <v>644</v>
      </c>
      <c r="I253" s="7">
        <v>5.7233701000000003</v>
      </c>
      <c r="J253" s="8">
        <v>-72.920135000000002</v>
      </c>
    </row>
    <row r="254" spans="1:10" x14ac:dyDescent="0.35">
      <c r="A254" s="5" t="s">
        <v>10</v>
      </c>
      <c r="B254" s="6">
        <v>239645</v>
      </c>
      <c r="C254" s="6" t="s">
        <v>24</v>
      </c>
      <c r="D254" s="6" t="s">
        <v>621</v>
      </c>
      <c r="E254" s="6">
        <v>15646</v>
      </c>
      <c r="F254" s="6" t="s">
        <v>18</v>
      </c>
      <c r="G254" s="6" t="s">
        <v>645</v>
      </c>
      <c r="H254" s="6" t="s">
        <v>646</v>
      </c>
      <c r="I254" s="7">
        <v>5.4936838000000003</v>
      </c>
      <c r="J254" s="8">
        <v>-73.486366700000005</v>
      </c>
    </row>
    <row r="255" spans="1:10" x14ac:dyDescent="0.35">
      <c r="A255" s="5" t="s">
        <v>10</v>
      </c>
      <c r="B255" s="6">
        <v>175684</v>
      </c>
      <c r="C255" s="6" t="s">
        <v>28</v>
      </c>
      <c r="D255" s="6" t="s">
        <v>91</v>
      </c>
      <c r="E255" s="6">
        <v>54874</v>
      </c>
      <c r="F255" s="6" t="s">
        <v>18</v>
      </c>
      <c r="G255" s="6" t="s">
        <v>647</v>
      </c>
      <c r="H255" s="6" t="s">
        <v>648</v>
      </c>
      <c r="I255" s="7">
        <v>7.8191772999999998</v>
      </c>
      <c r="J255" s="8">
        <v>-72.456008599999905</v>
      </c>
    </row>
    <row r="256" spans="1:10" x14ac:dyDescent="0.35">
      <c r="A256" s="5" t="s">
        <v>10</v>
      </c>
      <c r="B256" s="6">
        <v>243921</v>
      </c>
      <c r="C256" s="6" t="s">
        <v>28</v>
      </c>
      <c r="D256" s="6" t="s">
        <v>649</v>
      </c>
      <c r="E256" s="6">
        <v>54385</v>
      </c>
      <c r="F256" s="6" t="s">
        <v>18</v>
      </c>
      <c r="G256" s="6" t="s">
        <v>650</v>
      </c>
      <c r="H256" s="6" t="s">
        <v>651</v>
      </c>
      <c r="I256" s="7">
        <v>7.6916929999999999</v>
      </c>
      <c r="J256" s="8">
        <v>-73.278976999999998</v>
      </c>
    </row>
    <row r="257" spans="1:10" x14ac:dyDescent="0.35">
      <c r="A257" s="5" t="s">
        <v>10</v>
      </c>
      <c r="B257" s="6">
        <v>207325</v>
      </c>
      <c r="C257" s="6" t="s">
        <v>28</v>
      </c>
      <c r="D257" s="6" t="s">
        <v>29</v>
      </c>
      <c r="E257" s="6">
        <v>54001</v>
      </c>
      <c r="F257" s="6" t="s">
        <v>18</v>
      </c>
      <c r="G257" s="6" t="s">
        <v>652</v>
      </c>
      <c r="H257" s="6" t="s">
        <v>653</v>
      </c>
      <c r="I257" s="7">
        <v>7.8882982999999998</v>
      </c>
      <c r="J257" s="8">
        <v>-72.476022099999994</v>
      </c>
    </row>
    <row r="258" spans="1:10" x14ac:dyDescent="0.35">
      <c r="A258" s="5" t="s">
        <v>10</v>
      </c>
      <c r="B258" s="6">
        <v>245440</v>
      </c>
      <c r="C258" s="6" t="s">
        <v>42</v>
      </c>
      <c r="D258" s="6" t="s">
        <v>396</v>
      </c>
      <c r="E258" s="6">
        <v>17380</v>
      </c>
      <c r="F258" s="6" t="s">
        <v>18</v>
      </c>
      <c r="G258" s="6" t="s">
        <v>654</v>
      </c>
      <c r="H258" s="6" t="s">
        <v>655</v>
      </c>
      <c r="I258" s="7">
        <v>5.4548511</v>
      </c>
      <c r="J258" s="8">
        <v>-74.668519799999999</v>
      </c>
    </row>
    <row r="259" spans="1:10" x14ac:dyDescent="0.35">
      <c r="A259" s="5" t="s">
        <v>10</v>
      </c>
      <c r="B259" s="6">
        <v>68328</v>
      </c>
      <c r="C259" s="6" t="s">
        <v>366</v>
      </c>
      <c r="D259" s="6" t="s">
        <v>367</v>
      </c>
      <c r="E259" s="6">
        <v>44430</v>
      </c>
      <c r="F259" s="6" t="s">
        <v>18</v>
      </c>
      <c r="G259" s="6" t="s">
        <v>656</v>
      </c>
      <c r="H259" s="6" t="s">
        <v>657</v>
      </c>
      <c r="I259" s="7">
        <v>11.380054299999999</v>
      </c>
      <c r="J259" s="8">
        <v>-72.242246499999993</v>
      </c>
    </row>
    <row r="260" spans="1:10" x14ac:dyDescent="0.35">
      <c r="A260" s="5" t="s">
        <v>10</v>
      </c>
      <c r="B260" s="6">
        <v>220639</v>
      </c>
      <c r="C260" s="6" t="s">
        <v>109</v>
      </c>
      <c r="D260" s="6" t="s">
        <v>658</v>
      </c>
      <c r="E260" s="6">
        <v>13836</v>
      </c>
      <c r="F260" s="6" t="s">
        <v>18</v>
      </c>
      <c r="G260" s="6" t="s">
        <v>659</v>
      </c>
      <c r="H260" s="6" t="s">
        <v>660</v>
      </c>
      <c r="I260" s="7">
        <v>10.329254499999999</v>
      </c>
      <c r="J260" s="8">
        <v>-75.425057499999994</v>
      </c>
    </row>
    <row r="261" spans="1:10" x14ac:dyDescent="0.35">
      <c r="A261" s="5" t="s">
        <v>10</v>
      </c>
      <c r="B261" s="6">
        <v>240280</v>
      </c>
      <c r="C261" s="6" t="s">
        <v>24</v>
      </c>
      <c r="D261" s="6" t="s">
        <v>168</v>
      </c>
      <c r="E261" s="6">
        <v>15572</v>
      </c>
      <c r="F261" s="6" t="s">
        <v>18</v>
      </c>
      <c r="G261" s="6" t="s">
        <v>661</v>
      </c>
      <c r="H261" s="6" t="s">
        <v>662</v>
      </c>
      <c r="I261" s="7">
        <v>5.9756767000000002</v>
      </c>
      <c r="J261" s="8">
        <v>-74.5922391</v>
      </c>
    </row>
    <row r="262" spans="1:10" x14ac:dyDescent="0.35">
      <c r="A262" s="5" t="s">
        <v>10</v>
      </c>
      <c r="B262" s="6">
        <v>246325</v>
      </c>
      <c r="C262" s="6" t="s">
        <v>24</v>
      </c>
      <c r="D262" s="6" t="s">
        <v>88</v>
      </c>
      <c r="E262" s="6">
        <v>15001</v>
      </c>
      <c r="F262" s="6" t="s">
        <v>18</v>
      </c>
      <c r="G262" s="6" t="s">
        <v>663</v>
      </c>
      <c r="H262" s="6" t="s">
        <v>664</v>
      </c>
      <c r="I262" s="7">
        <v>5.5294692000000003</v>
      </c>
      <c r="J262" s="8">
        <v>-73.364261200000001</v>
      </c>
    </row>
    <row r="263" spans="1:10" x14ac:dyDescent="0.35">
      <c r="A263" s="5" t="s">
        <v>10</v>
      </c>
      <c r="B263" s="6">
        <v>236676</v>
      </c>
      <c r="C263" s="6" t="s">
        <v>24</v>
      </c>
      <c r="D263" s="6" t="s">
        <v>665</v>
      </c>
      <c r="E263" s="6">
        <v>15632</v>
      </c>
      <c r="F263" s="6" t="s">
        <v>18</v>
      </c>
      <c r="G263" s="6" t="s">
        <v>666</v>
      </c>
      <c r="H263" s="6" t="s">
        <v>667</v>
      </c>
      <c r="I263" s="7">
        <v>5.6972617999999997</v>
      </c>
      <c r="J263" s="8">
        <v>-73.762495799999996</v>
      </c>
    </row>
    <row r="264" spans="1:10" x14ac:dyDescent="0.35">
      <c r="A264" s="5" t="s">
        <v>10</v>
      </c>
      <c r="B264" s="6">
        <v>239374</v>
      </c>
      <c r="C264" s="6" t="s">
        <v>24</v>
      </c>
      <c r="D264" s="6" t="s">
        <v>85</v>
      </c>
      <c r="E264" s="6">
        <v>15759</v>
      </c>
      <c r="F264" s="6" t="s">
        <v>18</v>
      </c>
      <c r="G264" s="6" t="s">
        <v>668</v>
      </c>
      <c r="H264" s="6" t="s">
        <v>669</v>
      </c>
      <c r="I264" s="7">
        <v>5.7168956</v>
      </c>
      <c r="J264" s="8">
        <v>-72.934945600000006</v>
      </c>
    </row>
    <row r="265" spans="1:10" x14ac:dyDescent="0.35">
      <c r="A265" s="5" t="s">
        <v>10</v>
      </c>
      <c r="B265" s="6">
        <v>192796</v>
      </c>
      <c r="C265" s="6" t="s">
        <v>28</v>
      </c>
      <c r="D265" s="6" t="s">
        <v>29</v>
      </c>
      <c r="E265" s="6">
        <v>54001</v>
      </c>
      <c r="F265" s="6" t="s">
        <v>18</v>
      </c>
      <c r="G265" s="6" t="s">
        <v>670</v>
      </c>
      <c r="H265" s="6" t="s">
        <v>671</v>
      </c>
      <c r="I265" s="7">
        <v>7.8943263999999997</v>
      </c>
      <c r="J265" s="8">
        <v>-72.495391699999999</v>
      </c>
    </row>
    <row r="266" spans="1:10" x14ac:dyDescent="0.35">
      <c r="A266" s="5" t="s">
        <v>10</v>
      </c>
      <c r="B266" s="6">
        <v>148820</v>
      </c>
      <c r="C266" s="6" t="s">
        <v>38</v>
      </c>
      <c r="D266" s="6" t="s">
        <v>39</v>
      </c>
      <c r="E266" s="6">
        <v>19001</v>
      </c>
      <c r="F266" s="6" t="s">
        <v>18</v>
      </c>
      <c r="G266" s="6" t="s">
        <v>672</v>
      </c>
      <c r="H266" s="6" t="s">
        <v>673</v>
      </c>
      <c r="I266" s="7">
        <v>2.4350019999999999</v>
      </c>
      <c r="J266" s="8">
        <v>-76.618151900000001</v>
      </c>
    </row>
    <row r="267" spans="1:10" x14ac:dyDescent="0.35">
      <c r="A267" s="5" t="s">
        <v>10</v>
      </c>
      <c r="B267" s="6">
        <v>230221</v>
      </c>
      <c r="C267" s="6" t="s">
        <v>61</v>
      </c>
      <c r="D267" s="6" t="s">
        <v>62</v>
      </c>
      <c r="E267" s="6">
        <v>63001</v>
      </c>
      <c r="F267" s="6" t="s">
        <v>18</v>
      </c>
      <c r="G267" s="6" t="s">
        <v>674</v>
      </c>
      <c r="H267" s="6" t="s">
        <v>675</v>
      </c>
      <c r="I267" s="7">
        <v>4.5410193000000003</v>
      </c>
      <c r="J267" s="8">
        <v>-75.673754400000007</v>
      </c>
    </row>
    <row r="268" spans="1:10" x14ac:dyDescent="0.35">
      <c r="A268" s="5" t="s">
        <v>10</v>
      </c>
      <c r="B268" s="6">
        <v>236870</v>
      </c>
      <c r="C268" s="6" t="s">
        <v>24</v>
      </c>
      <c r="D268" s="6" t="s">
        <v>282</v>
      </c>
      <c r="E268" s="6">
        <v>15407</v>
      </c>
      <c r="F268" s="6" t="s">
        <v>18</v>
      </c>
      <c r="G268" s="6" t="s">
        <v>676</v>
      </c>
      <c r="H268" s="6" t="s">
        <v>677</v>
      </c>
      <c r="I268" s="7">
        <v>5.6366870000000002</v>
      </c>
      <c r="J268" s="8">
        <v>-73.526528099999993</v>
      </c>
    </row>
    <row r="269" spans="1:10" x14ac:dyDescent="0.35">
      <c r="A269" s="5" t="s">
        <v>10</v>
      </c>
      <c r="B269" s="6">
        <v>180541</v>
      </c>
      <c r="C269" s="6" t="s">
        <v>11</v>
      </c>
      <c r="D269" s="6" t="s">
        <v>251</v>
      </c>
      <c r="E269" s="6">
        <v>25214</v>
      </c>
      <c r="F269" s="6" t="s">
        <v>13</v>
      </c>
      <c r="G269" s="6" t="s">
        <v>252</v>
      </c>
      <c r="H269" s="6" t="s">
        <v>253</v>
      </c>
      <c r="I269" s="7">
        <v>4.8113048999999997</v>
      </c>
      <c r="J269" s="8">
        <v>-74.100371699999997</v>
      </c>
    </row>
    <row r="270" spans="1:10" x14ac:dyDescent="0.35">
      <c r="A270" s="5" t="s">
        <v>10</v>
      </c>
      <c r="B270" s="6">
        <v>231304</v>
      </c>
      <c r="C270" s="6" t="s">
        <v>16</v>
      </c>
      <c r="D270" s="6" t="s">
        <v>224</v>
      </c>
      <c r="E270" s="6">
        <v>68755</v>
      </c>
      <c r="F270" s="6" t="s">
        <v>18</v>
      </c>
      <c r="G270" s="6" t="s">
        <v>678</v>
      </c>
      <c r="H270" s="6" t="s">
        <v>679</v>
      </c>
      <c r="I270" s="7">
        <v>6.4660760000000002</v>
      </c>
      <c r="J270" s="8">
        <v>-73.261852000000005</v>
      </c>
    </row>
    <row r="271" spans="1:10" x14ac:dyDescent="0.35">
      <c r="A271" s="5" t="s">
        <v>10</v>
      </c>
      <c r="B271" s="6">
        <v>232761</v>
      </c>
      <c r="C271" s="6" t="s">
        <v>11</v>
      </c>
      <c r="D271" s="6" t="s">
        <v>680</v>
      </c>
      <c r="E271" s="6">
        <v>25743</v>
      </c>
      <c r="F271" s="6" t="s">
        <v>18</v>
      </c>
      <c r="G271" s="6" t="s">
        <v>681</v>
      </c>
      <c r="H271" s="6" t="s">
        <v>682</v>
      </c>
      <c r="I271" s="7">
        <v>4.3892832000000004</v>
      </c>
      <c r="J271" s="8">
        <v>-74.391246499999994</v>
      </c>
    </row>
    <row r="272" spans="1:10" x14ac:dyDescent="0.35">
      <c r="A272" s="5" t="s">
        <v>10</v>
      </c>
      <c r="B272" s="6">
        <v>215480</v>
      </c>
      <c r="C272" s="6" t="s">
        <v>24</v>
      </c>
      <c r="D272" s="6" t="s">
        <v>683</v>
      </c>
      <c r="E272" s="6">
        <v>15861</v>
      </c>
      <c r="F272" s="6" t="s">
        <v>18</v>
      </c>
      <c r="G272" s="6" t="s">
        <v>684</v>
      </c>
      <c r="H272" s="6" t="s">
        <v>685</v>
      </c>
      <c r="I272" s="7">
        <v>5.3672621999999999</v>
      </c>
      <c r="J272" s="8">
        <v>-73.522140100000001</v>
      </c>
    </row>
    <row r="273" spans="1:10" x14ac:dyDescent="0.35">
      <c r="A273" s="5" t="s">
        <v>10</v>
      </c>
      <c r="B273" s="6">
        <v>232263</v>
      </c>
      <c r="C273" s="6" t="s">
        <v>24</v>
      </c>
      <c r="D273" s="6" t="s">
        <v>137</v>
      </c>
      <c r="E273" s="6">
        <v>15238</v>
      </c>
      <c r="F273" s="6" t="s">
        <v>18</v>
      </c>
      <c r="G273" s="6" t="s">
        <v>686</v>
      </c>
      <c r="H273" s="6" t="s">
        <v>687</v>
      </c>
      <c r="I273" s="7">
        <v>5.8158799999999999</v>
      </c>
      <c r="J273" s="8">
        <v>-73.035972000000001</v>
      </c>
    </row>
    <row r="274" spans="1:10" x14ac:dyDescent="0.35">
      <c r="A274" s="5" t="s">
        <v>10</v>
      </c>
      <c r="B274" s="6">
        <v>238025</v>
      </c>
      <c r="C274" s="6" t="s">
        <v>24</v>
      </c>
      <c r="D274" s="6" t="s">
        <v>688</v>
      </c>
      <c r="E274" s="6">
        <v>15667</v>
      </c>
      <c r="F274" s="6" t="s">
        <v>18</v>
      </c>
      <c r="G274" s="6" t="s">
        <v>689</v>
      </c>
      <c r="H274" s="6" t="s">
        <v>690</v>
      </c>
      <c r="I274" s="7">
        <v>4.8191575000000002</v>
      </c>
      <c r="J274" s="8">
        <v>-73.169132300000001</v>
      </c>
    </row>
    <row r="275" spans="1:10" x14ac:dyDescent="0.35">
      <c r="A275" s="5" t="s">
        <v>10</v>
      </c>
      <c r="B275" s="6">
        <v>180764</v>
      </c>
      <c r="C275" s="6" t="s">
        <v>24</v>
      </c>
      <c r="D275" s="6" t="s">
        <v>691</v>
      </c>
      <c r="E275" s="6">
        <v>15162</v>
      </c>
      <c r="F275" s="6" t="s">
        <v>18</v>
      </c>
      <c r="G275" s="6" t="s">
        <v>692</v>
      </c>
      <c r="H275" s="6" t="s">
        <v>693</v>
      </c>
      <c r="I275" s="7">
        <v>5.9566100000000004</v>
      </c>
      <c r="J275" s="8">
        <v>-72.9489509</v>
      </c>
    </row>
    <row r="276" spans="1:10" x14ac:dyDescent="0.35">
      <c r="A276" s="5" t="s">
        <v>10</v>
      </c>
      <c r="B276" s="6">
        <v>206503</v>
      </c>
      <c r="C276" s="6" t="s">
        <v>24</v>
      </c>
      <c r="D276" s="6" t="s">
        <v>137</v>
      </c>
      <c r="E276" s="6">
        <v>15238</v>
      </c>
      <c r="F276" s="6" t="s">
        <v>18</v>
      </c>
      <c r="G276" s="6" t="s">
        <v>694</v>
      </c>
      <c r="H276" s="6" t="s">
        <v>695</v>
      </c>
      <c r="I276" s="7">
        <v>5.8205939000000004</v>
      </c>
      <c r="J276" s="8">
        <v>-73.040625599999998</v>
      </c>
    </row>
    <row r="277" spans="1:10" x14ac:dyDescent="0.35">
      <c r="A277" s="5" t="s">
        <v>10</v>
      </c>
      <c r="B277" s="6">
        <v>225614</v>
      </c>
      <c r="C277" s="6" t="s">
        <v>28</v>
      </c>
      <c r="D277" s="6" t="s">
        <v>29</v>
      </c>
      <c r="E277" s="6">
        <v>54001</v>
      </c>
      <c r="F277" s="6" t="s">
        <v>18</v>
      </c>
      <c r="G277" s="6" t="s">
        <v>696</v>
      </c>
      <c r="H277" s="6" t="s">
        <v>697</v>
      </c>
      <c r="I277" s="7">
        <v>7.8943402999999996</v>
      </c>
      <c r="J277" s="8">
        <v>-72.498209599999996</v>
      </c>
    </row>
    <row r="278" spans="1:10" x14ac:dyDescent="0.35">
      <c r="A278" s="5" t="s">
        <v>10</v>
      </c>
      <c r="B278" s="6">
        <v>237571</v>
      </c>
      <c r="C278" s="6" t="s">
        <v>42</v>
      </c>
      <c r="D278" s="6" t="s">
        <v>698</v>
      </c>
      <c r="E278" s="6">
        <v>17442</v>
      </c>
      <c r="F278" s="6" t="s">
        <v>18</v>
      </c>
      <c r="G278" s="6" t="s">
        <v>699</v>
      </c>
      <c r="H278" s="6" t="s">
        <v>700</v>
      </c>
      <c r="I278" s="7">
        <v>5.470256</v>
      </c>
      <c r="J278" s="8">
        <v>-75.591086000000004</v>
      </c>
    </row>
    <row r="279" spans="1:10" x14ac:dyDescent="0.35">
      <c r="A279" s="5" t="s">
        <v>10</v>
      </c>
      <c r="B279" s="6">
        <v>188223</v>
      </c>
      <c r="C279" s="6" t="s">
        <v>94</v>
      </c>
      <c r="D279" s="6" t="s">
        <v>98</v>
      </c>
      <c r="E279" s="6">
        <v>66001</v>
      </c>
      <c r="F279" s="6" t="s">
        <v>18</v>
      </c>
      <c r="G279" s="6" t="s">
        <v>701</v>
      </c>
      <c r="H279" s="6" t="s">
        <v>702</v>
      </c>
      <c r="I279" s="7">
        <v>4.8256474999999996</v>
      </c>
      <c r="J279" s="8">
        <v>-75.737784699999906</v>
      </c>
    </row>
    <row r="280" spans="1:10" x14ac:dyDescent="0.35">
      <c r="A280" s="5" t="s">
        <v>10</v>
      </c>
      <c r="B280" s="6">
        <v>98766</v>
      </c>
      <c r="C280" s="6" t="s">
        <v>294</v>
      </c>
      <c r="D280" s="6" t="s">
        <v>703</v>
      </c>
      <c r="E280" s="6">
        <v>41001</v>
      </c>
      <c r="F280" s="6" t="s">
        <v>13</v>
      </c>
      <c r="G280" s="6" t="s">
        <v>544</v>
      </c>
      <c r="H280" s="6" t="s">
        <v>704</v>
      </c>
      <c r="I280" s="7">
        <v>3.3915633000000001</v>
      </c>
      <c r="J280" s="8">
        <v>-75.203900099999998</v>
      </c>
    </row>
    <row r="281" spans="1:10" x14ac:dyDescent="0.35">
      <c r="A281" s="5" t="s">
        <v>10</v>
      </c>
      <c r="B281" s="6">
        <v>225439</v>
      </c>
      <c r="C281" s="6" t="s">
        <v>16</v>
      </c>
      <c r="D281" s="6" t="s">
        <v>705</v>
      </c>
      <c r="E281" s="6">
        <v>68077</v>
      </c>
      <c r="F281" s="6" t="s">
        <v>18</v>
      </c>
      <c r="G281" s="6" t="s">
        <v>706</v>
      </c>
      <c r="H281" s="6" t="s">
        <v>707</v>
      </c>
      <c r="I281" s="7">
        <v>5.9343629999999896</v>
      </c>
      <c r="J281" s="8">
        <v>-73.615679</v>
      </c>
    </row>
    <row r="282" spans="1:10" x14ac:dyDescent="0.35">
      <c r="A282" s="5" t="s">
        <v>10</v>
      </c>
      <c r="B282" s="6">
        <v>233384</v>
      </c>
      <c r="C282" s="6" t="s">
        <v>11</v>
      </c>
      <c r="D282" s="6" t="s">
        <v>21</v>
      </c>
      <c r="E282" s="6">
        <v>25386</v>
      </c>
      <c r="F282" s="6" t="s">
        <v>18</v>
      </c>
      <c r="G282" s="6" t="s">
        <v>708</v>
      </c>
      <c r="H282" s="6" t="s">
        <v>709</v>
      </c>
      <c r="I282" s="7">
        <v>4.63131</v>
      </c>
      <c r="J282" s="8">
        <v>-74.462879999999998</v>
      </c>
    </row>
    <row r="283" spans="1:10" x14ac:dyDescent="0.35">
      <c r="A283" s="5" t="s">
        <v>10</v>
      </c>
      <c r="B283" s="6">
        <v>246458</v>
      </c>
      <c r="C283" s="6" t="s">
        <v>55</v>
      </c>
      <c r="D283" s="6" t="s">
        <v>165</v>
      </c>
      <c r="E283" s="6">
        <v>73449</v>
      </c>
      <c r="F283" s="6" t="s">
        <v>18</v>
      </c>
      <c r="G283" s="6" t="s">
        <v>710</v>
      </c>
      <c r="H283" s="6" t="s">
        <v>711</v>
      </c>
      <c r="I283" s="7">
        <v>4.2050663000000004</v>
      </c>
      <c r="J283" s="8">
        <v>-74.631198600000005</v>
      </c>
    </row>
    <row r="284" spans="1:10" x14ac:dyDescent="0.35">
      <c r="A284" s="5" t="s">
        <v>10</v>
      </c>
      <c r="B284" s="6">
        <v>197449</v>
      </c>
      <c r="C284" s="6" t="s">
        <v>55</v>
      </c>
      <c r="D284" s="6" t="s">
        <v>712</v>
      </c>
      <c r="E284" s="6">
        <v>73671</v>
      </c>
      <c r="F284" s="6" t="s">
        <v>18</v>
      </c>
      <c r="G284" s="6" t="s">
        <v>713</v>
      </c>
      <c r="H284" s="6" t="s">
        <v>714</v>
      </c>
      <c r="I284" s="7">
        <v>3.9286132</v>
      </c>
      <c r="J284" s="8">
        <v>-75.017481399999994</v>
      </c>
    </row>
    <row r="285" spans="1:10" x14ac:dyDescent="0.35">
      <c r="A285" s="5" t="s">
        <v>10</v>
      </c>
      <c r="B285" s="6">
        <v>244454</v>
      </c>
      <c r="C285" s="6" t="s">
        <v>24</v>
      </c>
      <c r="D285" s="6" t="s">
        <v>202</v>
      </c>
      <c r="E285" s="6">
        <v>15806</v>
      </c>
      <c r="F285" s="6" t="s">
        <v>18</v>
      </c>
      <c r="G285" s="6" t="s">
        <v>715</v>
      </c>
      <c r="H285" s="6" t="s">
        <v>716</v>
      </c>
      <c r="I285" s="7">
        <v>5.7463195000000002</v>
      </c>
      <c r="J285" s="8">
        <v>-73.001201699999996</v>
      </c>
    </row>
    <row r="286" spans="1:10" x14ac:dyDescent="0.35">
      <c r="A286" s="5" t="s">
        <v>10</v>
      </c>
      <c r="B286" s="6">
        <v>235759</v>
      </c>
      <c r="C286" s="6" t="s">
        <v>28</v>
      </c>
      <c r="D286" s="6" t="s">
        <v>717</v>
      </c>
      <c r="E286" s="6">
        <v>54051</v>
      </c>
      <c r="F286" s="6" t="s">
        <v>18</v>
      </c>
      <c r="G286" s="6" t="s">
        <v>718</v>
      </c>
      <c r="H286" s="6" t="s">
        <v>719</v>
      </c>
      <c r="I286" s="7">
        <v>7.6425739999999998</v>
      </c>
      <c r="J286" s="8">
        <v>-72.798791899999998</v>
      </c>
    </row>
    <row r="287" spans="1:10" x14ac:dyDescent="0.35">
      <c r="A287" s="5" t="s">
        <v>10</v>
      </c>
      <c r="B287" s="6">
        <v>236431</v>
      </c>
      <c r="C287" s="6" t="s">
        <v>28</v>
      </c>
      <c r="D287" s="6" t="s">
        <v>720</v>
      </c>
      <c r="E287" s="6">
        <v>54418</v>
      </c>
      <c r="F287" s="6" t="s">
        <v>18</v>
      </c>
      <c r="G287" s="6" t="s">
        <v>721</v>
      </c>
      <c r="H287" s="6" t="s">
        <v>722</v>
      </c>
      <c r="I287" s="7">
        <v>7.9454767000000004</v>
      </c>
      <c r="J287" s="8">
        <v>-72.832570399999994</v>
      </c>
    </row>
    <row r="288" spans="1:10" x14ac:dyDescent="0.35">
      <c r="A288" s="5" t="s">
        <v>10</v>
      </c>
      <c r="B288" s="6">
        <v>239082</v>
      </c>
      <c r="C288" s="6" t="s">
        <v>61</v>
      </c>
      <c r="D288" s="6" t="s">
        <v>723</v>
      </c>
      <c r="E288" s="6">
        <v>63470</v>
      </c>
      <c r="F288" s="6" t="s">
        <v>18</v>
      </c>
      <c r="G288" s="6" t="s">
        <v>724</v>
      </c>
      <c r="H288" s="6" t="s">
        <v>725</v>
      </c>
      <c r="I288" s="7">
        <v>4.5462018000000004</v>
      </c>
      <c r="J288" s="8">
        <v>-75.677146199999996</v>
      </c>
    </row>
    <row r="289" spans="1:10" x14ac:dyDescent="0.35">
      <c r="A289" s="5" t="s">
        <v>10</v>
      </c>
      <c r="B289" s="6">
        <v>235722</v>
      </c>
      <c r="C289" s="6" t="s">
        <v>16</v>
      </c>
      <c r="D289" s="6" t="s">
        <v>17</v>
      </c>
      <c r="E289" s="6">
        <v>68679</v>
      </c>
      <c r="F289" s="6" t="s">
        <v>18</v>
      </c>
      <c r="G289" s="6" t="s">
        <v>726</v>
      </c>
      <c r="H289" s="6" t="s">
        <v>727</v>
      </c>
      <c r="I289" s="7">
        <v>6.5558822000000001</v>
      </c>
      <c r="J289" s="8">
        <v>-73.137084700000003</v>
      </c>
    </row>
    <row r="290" spans="1:10" x14ac:dyDescent="0.35">
      <c r="A290" s="5" t="s">
        <v>10</v>
      </c>
      <c r="B290" s="6">
        <v>182243</v>
      </c>
      <c r="C290" s="6" t="s">
        <v>55</v>
      </c>
      <c r="D290" s="6" t="s">
        <v>728</v>
      </c>
      <c r="E290" s="6">
        <v>73675</v>
      </c>
      <c r="F290" s="6" t="s">
        <v>18</v>
      </c>
      <c r="G290" s="6" t="s">
        <v>729</v>
      </c>
      <c r="H290" s="6" t="s">
        <v>730</v>
      </c>
      <c r="I290" s="7">
        <v>4.0925167999999896</v>
      </c>
      <c r="J290" s="8">
        <v>-75.154538099999996</v>
      </c>
    </row>
    <row r="291" spans="1:10" x14ac:dyDescent="0.35">
      <c r="A291" s="5" t="s">
        <v>10</v>
      </c>
      <c r="B291" s="6">
        <v>210620</v>
      </c>
      <c r="C291" s="6" t="s">
        <v>55</v>
      </c>
      <c r="D291" s="6" t="s">
        <v>731</v>
      </c>
      <c r="E291" s="6">
        <v>73268</v>
      </c>
      <c r="F291" s="6" t="s">
        <v>18</v>
      </c>
      <c r="G291" s="6" t="s">
        <v>732</v>
      </c>
      <c r="H291" s="6" t="s">
        <v>733</v>
      </c>
      <c r="I291" s="7">
        <v>4.1470750000000001</v>
      </c>
      <c r="J291" s="8">
        <v>-74.897492499999998</v>
      </c>
    </row>
    <row r="292" spans="1:10" x14ac:dyDescent="0.35">
      <c r="A292" s="5" t="s">
        <v>10</v>
      </c>
      <c r="B292" s="6">
        <v>240073</v>
      </c>
      <c r="C292" s="6" t="s">
        <v>24</v>
      </c>
      <c r="D292" s="6" t="s">
        <v>137</v>
      </c>
      <c r="E292" s="6">
        <v>15238</v>
      </c>
      <c r="F292" s="6" t="s">
        <v>18</v>
      </c>
      <c r="G292" s="6" t="s">
        <v>734</v>
      </c>
      <c r="H292" s="6" t="s">
        <v>735</v>
      </c>
      <c r="I292" s="7">
        <v>5.8248794999999998</v>
      </c>
      <c r="J292" s="8">
        <v>-73.036360200000004</v>
      </c>
    </row>
    <row r="293" spans="1:10" x14ac:dyDescent="0.35">
      <c r="A293" s="5" t="s">
        <v>10</v>
      </c>
      <c r="B293" s="6">
        <v>238594</v>
      </c>
      <c r="C293" s="6" t="s">
        <v>11</v>
      </c>
      <c r="D293" s="6" t="s">
        <v>736</v>
      </c>
      <c r="E293" s="6">
        <v>25281</v>
      </c>
      <c r="F293" s="6" t="s">
        <v>18</v>
      </c>
      <c r="G293" s="6" t="s">
        <v>737</v>
      </c>
      <c r="H293" s="6" t="s">
        <v>738</v>
      </c>
      <c r="I293" s="7">
        <v>4.3389037000000004</v>
      </c>
      <c r="J293" s="8">
        <v>-73.9386698</v>
      </c>
    </row>
    <row r="294" spans="1:10" x14ac:dyDescent="0.35">
      <c r="A294" s="5" t="s">
        <v>10</v>
      </c>
      <c r="B294" s="6">
        <v>129033</v>
      </c>
      <c r="C294" s="6" t="s">
        <v>28</v>
      </c>
      <c r="D294" s="6" t="s">
        <v>29</v>
      </c>
      <c r="E294" s="6">
        <v>54001</v>
      </c>
      <c r="F294" s="6" t="s">
        <v>13</v>
      </c>
      <c r="G294" s="6" t="s">
        <v>50</v>
      </c>
      <c r="H294" s="6" t="s">
        <v>739</v>
      </c>
      <c r="I294" s="7">
        <v>7.8969832999999996</v>
      </c>
      <c r="J294" s="8">
        <v>-72.481461600000003</v>
      </c>
    </row>
    <row r="295" spans="1:10" x14ac:dyDescent="0.35">
      <c r="A295" s="5" t="s">
        <v>10</v>
      </c>
      <c r="B295" s="6">
        <v>239848</v>
      </c>
      <c r="C295" s="6" t="s">
        <v>109</v>
      </c>
      <c r="D295" s="6" t="s">
        <v>227</v>
      </c>
      <c r="E295" s="6">
        <v>13001</v>
      </c>
      <c r="F295" s="6" t="s">
        <v>18</v>
      </c>
      <c r="G295" s="6" t="s">
        <v>740</v>
      </c>
      <c r="H295" s="6" t="s">
        <v>741</v>
      </c>
      <c r="I295" s="7">
        <v>10.38124</v>
      </c>
      <c r="J295" s="8">
        <v>-75.495838500000005</v>
      </c>
    </row>
    <row r="296" spans="1:10" x14ac:dyDescent="0.35">
      <c r="A296" s="5" t="s">
        <v>10</v>
      </c>
      <c r="B296" s="6">
        <v>205426</v>
      </c>
      <c r="C296" s="6" t="s">
        <v>55</v>
      </c>
      <c r="D296" s="6" t="s">
        <v>56</v>
      </c>
      <c r="E296" s="6">
        <v>73001</v>
      </c>
      <c r="F296" s="6" t="s">
        <v>18</v>
      </c>
      <c r="G296" s="6" t="s">
        <v>742</v>
      </c>
      <c r="H296" s="6" t="s">
        <v>743</v>
      </c>
      <c r="I296" s="7">
        <v>4.4355672999999998</v>
      </c>
      <c r="J296" s="8">
        <v>-75.207620599999998</v>
      </c>
    </row>
    <row r="297" spans="1:10" x14ac:dyDescent="0.35">
      <c r="A297" s="5" t="s">
        <v>10</v>
      </c>
      <c r="B297" s="6">
        <v>231886</v>
      </c>
      <c r="C297" s="6" t="s">
        <v>55</v>
      </c>
      <c r="D297" s="6" t="s">
        <v>731</v>
      </c>
      <c r="E297" s="6">
        <v>73268</v>
      </c>
      <c r="F297" s="6" t="s">
        <v>18</v>
      </c>
      <c r="G297" s="6" t="s">
        <v>744</v>
      </c>
      <c r="H297" s="6" t="s">
        <v>745</v>
      </c>
      <c r="I297" s="7">
        <v>4.145194</v>
      </c>
      <c r="J297" s="8">
        <v>-74.884657500000003</v>
      </c>
    </row>
    <row r="298" spans="1:10" x14ac:dyDescent="0.35">
      <c r="A298" s="5" t="s">
        <v>10</v>
      </c>
      <c r="B298" s="6">
        <v>207811</v>
      </c>
      <c r="C298" s="6" t="s">
        <v>55</v>
      </c>
      <c r="D298" s="6" t="s">
        <v>712</v>
      </c>
      <c r="E298" s="6">
        <v>73671</v>
      </c>
      <c r="F298" s="6" t="s">
        <v>18</v>
      </c>
      <c r="G298" s="6" t="s">
        <v>746</v>
      </c>
      <c r="H298" s="6" t="s">
        <v>747</v>
      </c>
      <c r="I298" s="7">
        <v>3.9286132</v>
      </c>
      <c r="J298" s="8">
        <v>-75.017481399999994</v>
      </c>
    </row>
    <row r="299" spans="1:10" x14ac:dyDescent="0.35">
      <c r="A299" s="5" t="s">
        <v>10</v>
      </c>
      <c r="B299" s="6">
        <v>179606</v>
      </c>
      <c r="C299" s="6" t="s">
        <v>16</v>
      </c>
      <c r="D299" s="6" t="s">
        <v>748</v>
      </c>
      <c r="E299" s="6">
        <v>68255</v>
      </c>
      <c r="F299" s="6" t="s">
        <v>18</v>
      </c>
      <c r="G299" s="6" t="s">
        <v>749</v>
      </c>
      <c r="H299" s="6" t="s">
        <v>750</v>
      </c>
      <c r="I299" s="7">
        <v>7.4692876999999998</v>
      </c>
      <c r="J299" s="8">
        <v>-73.202328800000004</v>
      </c>
    </row>
    <row r="300" spans="1:10" x14ac:dyDescent="0.35">
      <c r="A300" s="5" t="s">
        <v>10</v>
      </c>
      <c r="B300" s="6">
        <v>246174</v>
      </c>
      <c r="C300" s="6" t="s">
        <v>28</v>
      </c>
      <c r="D300" s="6" t="s">
        <v>29</v>
      </c>
      <c r="E300" s="6">
        <v>54001</v>
      </c>
      <c r="F300" s="6" t="s">
        <v>18</v>
      </c>
      <c r="G300" s="6" t="s">
        <v>751</v>
      </c>
      <c r="H300" s="6" t="s">
        <v>752</v>
      </c>
      <c r="I300" s="7">
        <v>7.9341919000000001</v>
      </c>
      <c r="J300" s="8">
        <v>-72.497406900000001</v>
      </c>
    </row>
    <row r="301" spans="1:10" x14ac:dyDescent="0.35">
      <c r="A301" s="5" t="s">
        <v>10</v>
      </c>
      <c r="B301" s="6">
        <v>199078</v>
      </c>
      <c r="C301" s="6" t="s">
        <v>61</v>
      </c>
      <c r="D301" s="6" t="s">
        <v>62</v>
      </c>
      <c r="E301" s="6">
        <v>63001</v>
      </c>
      <c r="F301" s="6" t="s">
        <v>18</v>
      </c>
      <c r="G301" s="6" t="s">
        <v>753</v>
      </c>
      <c r="H301" s="6" t="s">
        <v>754</v>
      </c>
      <c r="I301" s="7">
        <v>4.5358320000000001</v>
      </c>
      <c r="J301" s="8">
        <v>-75.708942899999997</v>
      </c>
    </row>
    <row r="302" spans="1:10" x14ac:dyDescent="0.35">
      <c r="A302" s="5" t="s">
        <v>10</v>
      </c>
      <c r="B302" s="6">
        <v>222528</v>
      </c>
      <c r="C302" s="6" t="s">
        <v>42</v>
      </c>
      <c r="D302" s="6" t="s">
        <v>275</v>
      </c>
      <c r="E302" s="6">
        <v>17614</v>
      </c>
      <c r="F302" s="6" t="s">
        <v>18</v>
      </c>
      <c r="G302" s="6" t="s">
        <v>755</v>
      </c>
      <c r="H302" s="6" t="s">
        <v>756</v>
      </c>
      <c r="I302" s="7">
        <v>5.4174049999999996</v>
      </c>
      <c r="J302" s="8">
        <v>-75.697736699999993</v>
      </c>
    </row>
    <row r="303" spans="1:10" x14ac:dyDescent="0.35">
      <c r="A303" s="5" t="s">
        <v>10</v>
      </c>
      <c r="B303" s="6">
        <v>230170</v>
      </c>
      <c r="C303" s="6" t="s">
        <v>11</v>
      </c>
      <c r="D303" s="6" t="s">
        <v>507</v>
      </c>
      <c r="E303" s="6">
        <v>25845</v>
      </c>
      <c r="F303" s="6" t="s">
        <v>18</v>
      </c>
      <c r="G303" s="6" t="s">
        <v>757</v>
      </c>
      <c r="H303" s="6" t="s">
        <v>758</v>
      </c>
      <c r="I303" s="7">
        <v>4.4036837000000002</v>
      </c>
      <c r="J303" s="8">
        <v>-74.023881299999999</v>
      </c>
    </row>
    <row r="304" spans="1:10" x14ac:dyDescent="0.35">
      <c r="A304" s="5" t="s">
        <v>10</v>
      </c>
      <c r="B304" s="6">
        <v>234482</v>
      </c>
      <c r="C304" s="6" t="s">
        <v>759</v>
      </c>
      <c r="D304" s="6" t="s">
        <v>760</v>
      </c>
      <c r="E304" s="6">
        <v>99773</v>
      </c>
      <c r="F304" s="6" t="s">
        <v>18</v>
      </c>
      <c r="G304" s="6" t="s">
        <v>761</v>
      </c>
      <c r="H304" s="6" t="s">
        <v>762</v>
      </c>
      <c r="I304" s="7">
        <v>4.444922</v>
      </c>
      <c r="J304" s="8">
        <v>-69.798078700000005</v>
      </c>
    </row>
    <row r="305" spans="1:10" x14ac:dyDescent="0.35">
      <c r="A305" s="5" t="s">
        <v>10</v>
      </c>
      <c r="B305" s="6">
        <v>180554</v>
      </c>
      <c r="C305" s="6" t="s">
        <v>366</v>
      </c>
      <c r="D305" s="6" t="s">
        <v>763</v>
      </c>
      <c r="E305" s="6">
        <v>44279</v>
      </c>
      <c r="F305" s="6" t="s">
        <v>18</v>
      </c>
      <c r="G305" s="6" t="s">
        <v>764</v>
      </c>
      <c r="H305" s="6" t="s">
        <v>765</v>
      </c>
      <c r="I305" s="7">
        <v>10.886123</v>
      </c>
      <c r="J305" s="8">
        <v>-72.851514999999907</v>
      </c>
    </row>
    <row r="306" spans="1:10" x14ac:dyDescent="0.35">
      <c r="A306" s="5" t="s">
        <v>10</v>
      </c>
      <c r="B306" s="6">
        <v>235309</v>
      </c>
      <c r="C306" s="6" t="s">
        <v>366</v>
      </c>
      <c r="D306" s="6" t="s">
        <v>367</v>
      </c>
      <c r="E306" s="6">
        <v>44430</v>
      </c>
      <c r="F306" s="6" t="s">
        <v>18</v>
      </c>
      <c r="G306" s="6" t="s">
        <v>766</v>
      </c>
      <c r="H306" s="6" t="s">
        <v>767</v>
      </c>
      <c r="I306" s="7">
        <v>11.379481</v>
      </c>
      <c r="J306" s="8">
        <v>-72.241438200000005</v>
      </c>
    </row>
    <row r="307" spans="1:10" x14ac:dyDescent="0.35">
      <c r="A307" s="5" t="s">
        <v>10</v>
      </c>
      <c r="B307" s="6">
        <v>187115</v>
      </c>
      <c r="C307" s="6" t="s">
        <v>16</v>
      </c>
      <c r="D307" s="6" t="s">
        <v>768</v>
      </c>
      <c r="E307" s="6">
        <v>68397</v>
      </c>
      <c r="F307" s="6" t="s">
        <v>18</v>
      </c>
      <c r="G307" s="6" t="s">
        <v>769</v>
      </c>
      <c r="H307" s="6" t="s">
        <v>770</v>
      </c>
      <c r="I307" s="7">
        <v>6.1789356</v>
      </c>
      <c r="J307" s="8">
        <v>-73.590031699999997</v>
      </c>
    </row>
    <row r="308" spans="1:10" x14ac:dyDescent="0.35">
      <c r="A308" s="5" t="s">
        <v>10</v>
      </c>
      <c r="B308" s="6">
        <v>220918</v>
      </c>
      <c r="C308" s="6" t="s">
        <v>16</v>
      </c>
      <c r="D308" s="6" t="s">
        <v>17</v>
      </c>
      <c r="E308" s="6">
        <v>68679</v>
      </c>
      <c r="F308" s="6" t="s">
        <v>18</v>
      </c>
      <c r="G308" s="6" t="s">
        <v>771</v>
      </c>
      <c r="H308" s="6" t="s">
        <v>772</v>
      </c>
      <c r="I308" s="7">
        <v>6.5516677999999997</v>
      </c>
      <c r="J308" s="8">
        <v>-73.128649600000003</v>
      </c>
    </row>
    <row r="309" spans="1:10" x14ac:dyDescent="0.35">
      <c r="A309" s="5" t="s">
        <v>10</v>
      </c>
      <c r="B309" s="6">
        <v>230070</v>
      </c>
      <c r="C309" s="6" t="s">
        <v>16</v>
      </c>
      <c r="D309" s="6" t="s">
        <v>17</v>
      </c>
      <c r="E309" s="6">
        <v>68679</v>
      </c>
      <c r="F309" s="6" t="s">
        <v>18</v>
      </c>
      <c r="G309" s="6" t="s">
        <v>773</v>
      </c>
      <c r="H309" s="6" t="s">
        <v>774</v>
      </c>
      <c r="I309" s="7">
        <v>6.5573551999999999</v>
      </c>
      <c r="J309" s="8">
        <v>-73.132060800000005</v>
      </c>
    </row>
    <row r="310" spans="1:10" x14ac:dyDescent="0.35">
      <c r="A310" s="5" t="s">
        <v>10</v>
      </c>
      <c r="B310" s="6">
        <v>246524</v>
      </c>
      <c r="C310" s="6" t="s">
        <v>55</v>
      </c>
      <c r="D310" s="6" t="s">
        <v>775</v>
      </c>
      <c r="E310" s="6">
        <v>73024</v>
      </c>
      <c r="F310" s="6" t="s">
        <v>18</v>
      </c>
      <c r="G310" s="6" t="s">
        <v>776</v>
      </c>
      <c r="H310" s="6" t="s">
        <v>777</v>
      </c>
      <c r="I310" s="7">
        <v>4.4481384999999998</v>
      </c>
      <c r="J310" s="8">
        <v>-75.244984000000002</v>
      </c>
    </row>
    <row r="311" spans="1:10" x14ac:dyDescent="0.35">
      <c r="A311" s="5" t="s">
        <v>10</v>
      </c>
      <c r="B311" s="6">
        <v>210883</v>
      </c>
      <c r="C311" s="6" t="s">
        <v>24</v>
      </c>
      <c r="D311" s="6" t="s">
        <v>85</v>
      </c>
      <c r="E311" s="6">
        <v>15759</v>
      </c>
      <c r="F311" s="6" t="s">
        <v>18</v>
      </c>
      <c r="G311" s="6" t="s">
        <v>778</v>
      </c>
      <c r="H311" s="6" t="s">
        <v>779</v>
      </c>
      <c r="I311" s="7">
        <v>4.5591989000000002</v>
      </c>
      <c r="J311" s="8">
        <v>-74.091470999999999</v>
      </c>
    </row>
    <row r="312" spans="1:10" x14ac:dyDescent="0.35">
      <c r="A312" s="5" t="s">
        <v>10</v>
      </c>
      <c r="B312" s="6">
        <v>235822</v>
      </c>
      <c r="C312" s="6" t="s">
        <v>24</v>
      </c>
      <c r="D312" s="6" t="s">
        <v>780</v>
      </c>
      <c r="E312" s="6">
        <v>15185</v>
      </c>
      <c r="F312" s="6" t="s">
        <v>18</v>
      </c>
      <c r="G312" s="6" t="s">
        <v>781</v>
      </c>
      <c r="H312" s="6" t="s">
        <v>782</v>
      </c>
      <c r="I312" s="7">
        <v>6.0281453000000003</v>
      </c>
      <c r="J312" s="8">
        <v>-73.445850800000002</v>
      </c>
    </row>
    <row r="313" spans="1:10" x14ac:dyDescent="0.35">
      <c r="A313" s="5" t="s">
        <v>10</v>
      </c>
      <c r="B313" s="6">
        <v>213188</v>
      </c>
      <c r="C313" s="6" t="s">
        <v>94</v>
      </c>
      <c r="D313" s="6" t="s">
        <v>95</v>
      </c>
      <c r="E313" s="6">
        <v>66170</v>
      </c>
      <c r="F313" s="6" t="s">
        <v>18</v>
      </c>
      <c r="G313" s="6" t="s">
        <v>783</v>
      </c>
      <c r="H313" s="6" t="s">
        <v>784</v>
      </c>
      <c r="I313" s="7">
        <v>4.8039382000000002</v>
      </c>
      <c r="J313" s="8">
        <v>-75.698152699999994</v>
      </c>
    </row>
    <row r="314" spans="1:10" x14ac:dyDescent="0.35">
      <c r="A314" s="5" t="s">
        <v>10</v>
      </c>
      <c r="B314" s="6">
        <v>199693</v>
      </c>
      <c r="C314" s="6" t="s">
        <v>68</v>
      </c>
      <c r="D314" s="6" t="s">
        <v>69</v>
      </c>
      <c r="E314" s="6">
        <v>11001</v>
      </c>
      <c r="F314" s="6" t="s">
        <v>13</v>
      </c>
      <c r="G314" s="6" t="s">
        <v>785</v>
      </c>
      <c r="H314" s="6" t="s">
        <v>786</v>
      </c>
      <c r="I314" s="7">
        <v>4.6036903000000002</v>
      </c>
      <c r="J314" s="8">
        <v>-74.189706700000002</v>
      </c>
    </row>
    <row r="315" spans="1:10" x14ac:dyDescent="0.35">
      <c r="A315" s="5" t="s">
        <v>10</v>
      </c>
      <c r="B315" s="6">
        <v>141532</v>
      </c>
      <c r="C315" s="6" t="s">
        <v>16</v>
      </c>
      <c r="D315" s="6" t="s">
        <v>787</v>
      </c>
      <c r="E315" s="6">
        <v>68160</v>
      </c>
      <c r="F315" s="6" t="s">
        <v>18</v>
      </c>
      <c r="G315" s="6" t="s">
        <v>788</v>
      </c>
      <c r="H315" s="6" t="s">
        <v>789</v>
      </c>
      <c r="I315" s="7">
        <v>6.7538899999999904</v>
      </c>
      <c r="J315" s="8">
        <v>-72.972409999999996</v>
      </c>
    </row>
    <row r="316" spans="1:10" x14ac:dyDescent="0.35">
      <c r="A316" s="5" t="s">
        <v>10</v>
      </c>
      <c r="B316" s="6">
        <v>211694</v>
      </c>
      <c r="C316" s="6" t="s">
        <v>16</v>
      </c>
      <c r="D316" s="6" t="s">
        <v>790</v>
      </c>
      <c r="E316" s="6">
        <v>68229</v>
      </c>
      <c r="F316" s="6" t="s">
        <v>18</v>
      </c>
      <c r="G316" s="6" t="s">
        <v>791</v>
      </c>
      <c r="H316" s="6" t="s">
        <v>792</v>
      </c>
      <c r="I316" s="7">
        <v>6.6063320000000001</v>
      </c>
      <c r="J316" s="8">
        <v>-73.068749299999993</v>
      </c>
    </row>
    <row r="317" spans="1:10" x14ac:dyDescent="0.35">
      <c r="A317" s="5" t="s">
        <v>10</v>
      </c>
      <c r="B317" s="6">
        <v>237329</v>
      </c>
      <c r="C317" s="6" t="s">
        <v>16</v>
      </c>
      <c r="D317" s="6" t="s">
        <v>793</v>
      </c>
      <c r="E317" s="6">
        <v>68264</v>
      </c>
      <c r="F317" s="6" t="s">
        <v>18</v>
      </c>
      <c r="G317" s="6" t="s">
        <v>794</v>
      </c>
      <c r="H317" s="6" t="s">
        <v>795</v>
      </c>
      <c r="I317" s="7">
        <v>6.1387888999999998</v>
      </c>
      <c r="J317" s="8">
        <v>-73.098425700000007</v>
      </c>
    </row>
    <row r="318" spans="1:10" x14ac:dyDescent="0.35">
      <c r="A318" s="5" t="s">
        <v>10</v>
      </c>
      <c r="B318" s="6">
        <v>247748</v>
      </c>
      <c r="C318" s="6" t="s">
        <v>109</v>
      </c>
      <c r="D318" s="6" t="s">
        <v>227</v>
      </c>
      <c r="E318" s="6">
        <v>13001</v>
      </c>
      <c r="F318" s="6" t="s">
        <v>18</v>
      </c>
      <c r="G318" s="6" t="s">
        <v>796</v>
      </c>
      <c r="H318" s="6" t="s">
        <v>797</v>
      </c>
      <c r="I318" s="7">
        <v>10.403182299999999</v>
      </c>
      <c r="J318" s="8">
        <v>-75.459148499999998</v>
      </c>
    </row>
    <row r="319" spans="1:10" x14ac:dyDescent="0.35">
      <c r="A319" s="5" t="s">
        <v>10</v>
      </c>
      <c r="B319" s="6">
        <v>223452</v>
      </c>
      <c r="C319" s="6" t="s">
        <v>55</v>
      </c>
      <c r="D319" s="6" t="s">
        <v>56</v>
      </c>
      <c r="E319" s="6">
        <v>73001</v>
      </c>
      <c r="F319" s="6" t="s">
        <v>18</v>
      </c>
      <c r="G319" s="6" t="s">
        <v>798</v>
      </c>
      <c r="H319" s="6" t="s">
        <v>799</v>
      </c>
      <c r="I319" s="7">
        <v>4.4461408000000002</v>
      </c>
      <c r="J319" s="8">
        <v>-75.240136699999994</v>
      </c>
    </row>
    <row r="320" spans="1:10" x14ac:dyDescent="0.35">
      <c r="A320" s="5" t="s">
        <v>10</v>
      </c>
      <c r="B320" s="6">
        <v>237380</v>
      </c>
      <c r="C320" s="6" t="s">
        <v>24</v>
      </c>
      <c r="D320" s="6" t="s">
        <v>88</v>
      </c>
      <c r="E320" s="6">
        <v>15001</v>
      </c>
      <c r="F320" s="6" t="s">
        <v>18</v>
      </c>
      <c r="G320" s="6" t="s">
        <v>800</v>
      </c>
      <c r="H320" s="6" t="s">
        <v>801</v>
      </c>
      <c r="I320" s="7">
        <v>5.5487710000000003</v>
      </c>
      <c r="J320" s="8">
        <v>-73.358078800000001</v>
      </c>
    </row>
    <row r="321" spans="1:10" x14ac:dyDescent="0.35">
      <c r="A321" s="5" t="s">
        <v>10</v>
      </c>
      <c r="B321" s="6">
        <v>232018</v>
      </c>
      <c r="C321" s="6" t="s">
        <v>24</v>
      </c>
      <c r="D321" s="6" t="s">
        <v>317</v>
      </c>
      <c r="E321" s="6">
        <v>15176</v>
      </c>
      <c r="F321" s="6" t="s">
        <v>18</v>
      </c>
      <c r="G321" s="6" t="s">
        <v>802</v>
      </c>
      <c r="H321" s="6" t="s">
        <v>803</v>
      </c>
      <c r="I321" s="7">
        <v>5.6161422999999999</v>
      </c>
      <c r="J321" s="8">
        <v>-73.811642300000003</v>
      </c>
    </row>
    <row r="322" spans="1:10" x14ac:dyDescent="0.35">
      <c r="A322" s="5" t="s">
        <v>10</v>
      </c>
      <c r="B322" s="6">
        <v>220110</v>
      </c>
      <c r="C322" s="6" t="s">
        <v>28</v>
      </c>
      <c r="D322" s="6" t="s">
        <v>29</v>
      </c>
      <c r="E322" s="6">
        <v>54001</v>
      </c>
      <c r="F322" s="6" t="s">
        <v>18</v>
      </c>
      <c r="G322" s="6" t="s">
        <v>804</v>
      </c>
      <c r="H322" s="6" t="s">
        <v>805</v>
      </c>
      <c r="I322" s="7">
        <v>7.9340077999999998</v>
      </c>
      <c r="J322" s="8">
        <v>-72.503662500000004</v>
      </c>
    </row>
    <row r="323" spans="1:10" x14ac:dyDescent="0.35">
      <c r="A323" s="5" t="s">
        <v>10</v>
      </c>
      <c r="B323" s="6">
        <v>243904</v>
      </c>
      <c r="C323" s="6" t="s">
        <v>466</v>
      </c>
      <c r="D323" s="6" t="s">
        <v>467</v>
      </c>
      <c r="E323" s="6">
        <v>81736</v>
      </c>
      <c r="F323" s="6" t="s">
        <v>18</v>
      </c>
      <c r="G323" s="6" t="s">
        <v>806</v>
      </c>
      <c r="H323" s="6" t="s">
        <v>807</v>
      </c>
      <c r="I323" s="7">
        <v>6.9530440000000002</v>
      </c>
      <c r="J323" s="8">
        <v>-71.875995000000003</v>
      </c>
    </row>
    <row r="324" spans="1:10" x14ac:dyDescent="0.35">
      <c r="A324" s="5" t="s">
        <v>10</v>
      </c>
      <c r="B324" s="6">
        <v>224705</v>
      </c>
      <c r="C324" s="6" t="s">
        <v>28</v>
      </c>
      <c r="D324" s="6" t="s">
        <v>322</v>
      </c>
      <c r="E324" s="6">
        <v>54405</v>
      </c>
      <c r="F324" s="6" t="s">
        <v>18</v>
      </c>
      <c r="G324" s="6" t="s">
        <v>808</v>
      </c>
      <c r="H324" s="6" t="s">
        <v>809</v>
      </c>
      <c r="I324" s="7">
        <v>7.8345906999999997</v>
      </c>
      <c r="J324" s="8">
        <v>-72.499431200000004</v>
      </c>
    </row>
    <row r="325" spans="1:10" x14ac:dyDescent="0.35">
      <c r="A325" s="5" t="s">
        <v>10</v>
      </c>
      <c r="B325" s="6">
        <v>249278</v>
      </c>
      <c r="C325" s="6" t="s">
        <v>294</v>
      </c>
      <c r="D325" s="6" t="s">
        <v>447</v>
      </c>
      <c r="E325" s="6">
        <v>41551</v>
      </c>
      <c r="F325" s="6" t="s">
        <v>18</v>
      </c>
      <c r="G325" s="6" t="s">
        <v>810</v>
      </c>
      <c r="H325" s="6" t="s">
        <v>811</v>
      </c>
      <c r="I325" s="7">
        <v>1.8563308999999999</v>
      </c>
      <c r="J325" s="8">
        <v>-76.046161100000006</v>
      </c>
    </row>
    <row r="326" spans="1:10" x14ac:dyDescent="0.35">
      <c r="A326" s="5" t="s">
        <v>10</v>
      </c>
      <c r="B326" s="6">
        <v>158369</v>
      </c>
      <c r="C326" s="6" t="s">
        <v>94</v>
      </c>
      <c r="D326" s="6" t="s">
        <v>98</v>
      </c>
      <c r="E326" s="6">
        <v>66001</v>
      </c>
      <c r="F326" s="6" t="s">
        <v>13</v>
      </c>
      <c r="G326" s="6" t="s">
        <v>306</v>
      </c>
      <c r="H326" s="6" t="s">
        <v>307</v>
      </c>
      <c r="I326" s="7">
        <v>4.8058074</v>
      </c>
      <c r="J326" s="8">
        <v>-75.694122800000002</v>
      </c>
    </row>
    <row r="327" spans="1:10" x14ac:dyDescent="0.35">
      <c r="A327" s="5" t="s">
        <v>10</v>
      </c>
      <c r="B327" s="6">
        <v>232547</v>
      </c>
      <c r="C327" s="6" t="s">
        <v>16</v>
      </c>
      <c r="D327" s="6" t="s">
        <v>705</v>
      </c>
      <c r="E327" s="6">
        <v>68077</v>
      </c>
      <c r="F327" s="6" t="s">
        <v>18</v>
      </c>
      <c r="G327" s="6" t="s">
        <v>812</v>
      </c>
      <c r="H327" s="6" t="s">
        <v>813</v>
      </c>
      <c r="I327" s="7">
        <v>5.9308250999999998</v>
      </c>
      <c r="J327" s="8">
        <v>-73.618376699999999</v>
      </c>
    </row>
    <row r="328" spans="1:10" x14ac:dyDescent="0.35">
      <c r="A328" s="5" t="s">
        <v>10</v>
      </c>
      <c r="B328" s="6">
        <v>227233</v>
      </c>
      <c r="C328" s="6" t="s">
        <v>24</v>
      </c>
      <c r="D328" s="6" t="s">
        <v>814</v>
      </c>
      <c r="E328" s="6">
        <v>15469</v>
      </c>
      <c r="F328" s="6" t="s">
        <v>18</v>
      </c>
      <c r="G328" s="6" t="s">
        <v>815</v>
      </c>
      <c r="H328" s="6" t="s">
        <v>816</v>
      </c>
      <c r="I328" s="7">
        <v>5.8769669999999996</v>
      </c>
      <c r="J328" s="8">
        <v>-73.573644599999994</v>
      </c>
    </row>
    <row r="329" spans="1:10" x14ac:dyDescent="0.35">
      <c r="A329" s="5" t="s">
        <v>10</v>
      </c>
      <c r="B329" s="6">
        <v>210727</v>
      </c>
      <c r="C329" s="6" t="s">
        <v>28</v>
      </c>
      <c r="D329" s="6" t="s">
        <v>29</v>
      </c>
      <c r="E329" s="6">
        <v>54001</v>
      </c>
      <c r="F329" s="6" t="s">
        <v>18</v>
      </c>
      <c r="G329" s="6" t="s">
        <v>817</v>
      </c>
      <c r="H329" s="6" t="s">
        <v>818</v>
      </c>
      <c r="I329" s="7">
        <v>7.8925131999999998</v>
      </c>
      <c r="J329" s="8">
        <v>-72.502024300000002</v>
      </c>
    </row>
    <row r="330" spans="1:10" x14ac:dyDescent="0.35">
      <c r="A330" s="5" t="s">
        <v>10</v>
      </c>
      <c r="B330" s="6">
        <v>231423</v>
      </c>
      <c r="C330" s="6" t="s">
        <v>42</v>
      </c>
      <c r="D330" s="6" t="s">
        <v>396</v>
      </c>
      <c r="E330" s="6">
        <v>17380</v>
      </c>
      <c r="F330" s="6" t="s">
        <v>18</v>
      </c>
      <c r="G330" s="6" t="s">
        <v>819</v>
      </c>
      <c r="H330" s="6" t="s">
        <v>820</v>
      </c>
      <c r="I330" s="7">
        <v>5.4557039999999999</v>
      </c>
      <c r="J330" s="8">
        <v>-74.671621000000002</v>
      </c>
    </row>
    <row r="331" spans="1:10" x14ac:dyDescent="0.35">
      <c r="A331" s="5" t="s">
        <v>10</v>
      </c>
      <c r="B331" s="6">
        <v>211230</v>
      </c>
      <c r="C331" s="6" t="s">
        <v>11</v>
      </c>
      <c r="D331" s="6" t="s">
        <v>65</v>
      </c>
      <c r="E331" s="6">
        <v>25572</v>
      </c>
      <c r="F331" s="6" t="s">
        <v>18</v>
      </c>
      <c r="G331" s="6" t="s">
        <v>821</v>
      </c>
      <c r="H331" s="6" t="s">
        <v>822</v>
      </c>
      <c r="I331" s="7">
        <v>5.4641666999999998</v>
      </c>
      <c r="J331" s="8">
        <v>-74.656646499999994</v>
      </c>
    </row>
    <row r="332" spans="1:10" x14ac:dyDescent="0.35">
      <c r="A332" s="5" t="s">
        <v>10</v>
      </c>
      <c r="B332" s="6">
        <v>234491</v>
      </c>
      <c r="C332" s="6" t="s">
        <v>11</v>
      </c>
      <c r="D332" s="6" t="s">
        <v>823</v>
      </c>
      <c r="E332" s="6">
        <v>25178</v>
      </c>
      <c r="F332" s="6" t="s">
        <v>18</v>
      </c>
      <c r="G332" s="6" t="s">
        <v>824</v>
      </c>
      <c r="H332" s="6" t="s">
        <v>825</v>
      </c>
      <c r="I332" s="7">
        <v>4.4420615999999997</v>
      </c>
      <c r="J332" s="8">
        <v>-74.044674000000001</v>
      </c>
    </row>
    <row r="333" spans="1:10" x14ac:dyDescent="0.35">
      <c r="A333" s="5" t="s">
        <v>10</v>
      </c>
      <c r="B333" s="6">
        <v>202340</v>
      </c>
      <c r="C333" s="6" t="s">
        <v>11</v>
      </c>
      <c r="D333" s="6" t="s">
        <v>334</v>
      </c>
      <c r="E333" s="6">
        <v>25754</v>
      </c>
      <c r="F333" s="6" t="s">
        <v>13</v>
      </c>
      <c r="G333" s="6" t="s">
        <v>160</v>
      </c>
      <c r="H333" s="6" t="s">
        <v>826</v>
      </c>
      <c r="I333" s="7">
        <v>4.5689599999999997</v>
      </c>
      <c r="J333" s="8">
        <v>-74.239889099999999</v>
      </c>
    </row>
    <row r="334" spans="1:10" x14ac:dyDescent="0.35">
      <c r="A334" s="5" t="s">
        <v>10</v>
      </c>
      <c r="B334" s="6">
        <v>217625</v>
      </c>
      <c r="C334" s="6" t="s">
        <v>55</v>
      </c>
      <c r="D334" s="6" t="s">
        <v>56</v>
      </c>
      <c r="E334" s="6">
        <v>73001</v>
      </c>
      <c r="F334" s="6" t="s">
        <v>18</v>
      </c>
      <c r="G334" s="6" t="s">
        <v>827</v>
      </c>
      <c r="H334" s="6" t="s">
        <v>828</v>
      </c>
      <c r="I334" s="7">
        <v>4.4493258000000004</v>
      </c>
      <c r="J334" s="8">
        <v>-75.242963500000002</v>
      </c>
    </row>
    <row r="335" spans="1:10" x14ac:dyDescent="0.35">
      <c r="A335" s="5" t="s">
        <v>10</v>
      </c>
      <c r="B335" s="6">
        <v>236338</v>
      </c>
      <c r="C335" s="6" t="s">
        <v>24</v>
      </c>
      <c r="D335" s="6" t="s">
        <v>829</v>
      </c>
      <c r="E335" s="6">
        <v>15696</v>
      </c>
      <c r="F335" s="6" t="s">
        <v>18</v>
      </c>
      <c r="G335" s="6" t="s">
        <v>830</v>
      </c>
      <c r="H335" s="6" t="s">
        <v>831</v>
      </c>
      <c r="I335" s="7">
        <v>5.7124058</v>
      </c>
      <c r="J335" s="8">
        <v>-73.602924299999998</v>
      </c>
    </row>
    <row r="336" spans="1:10" x14ac:dyDescent="0.35">
      <c r="A336" s="5" t="s">
        <v>10</v>
      </c>
      <c r="B336" s="6">
        <v>223094</v>
      </c>
      <c r="C336" s="6" t="s">
        <v>24</v>
      </c>
      <c r="D336" s="6" t="s">
        <v>832</v>
      </c>
      <c r="E336" s="6">
        <v>15600</v>
      </c>
      <c r="F336" s="6" t="s">
        <v>18</v>
      </c>
      <c r="G336" s="6" t="s">
        <v>833</v>
      </c>
      <c r="H336" s="6" t="s">
        <v>834</v>
      </c>
      <c r="I336" s="7">
        <v>5.5382999000000002</v>
      </c>
      <c r="J336" s="8">
        <v>-73.632154</v>
      </c>
    </row>
    <row r="337" spans="1:10" x14ac:dyDescent="0.35">
      <c r="A337" s="5" t="s">
        <v>10</v>
      </c>
      <c r="B337" s="6">
        <v>243919</v>
      </c>
      <c r="C337" s="6" t="s">
        <v>28</v>
      </c>
      <c r="D337" s="6" t="s">
        <v>29</v>
      </c>
      <c r="E337" s="6">
        <v>54001</v>
      </c>
      <c r="F337" s="6" t="s">
        <v>18</v>
      </c>
      <c r="G337" s="6" t="s">
        <v>835</v>
      </c>
      <c r="H337" s="6" t="s">
        <v>836</v>
      </c>
      <c r="I337" s="7">
        <v>7.8852047000000001</v>
      </c>
      <c r="J337" s="8">
        <v>-72.504929300000001</v>
      </c>
    </row>
    <row r="338" spans="1:10" x14ac:dyDescent="0.35">
      <c r="A338" s="5" t="s">
        <v>10</v>
      </c>
      <c r="B338" s="6">
        <v>229637</v>
      </c>
      <c r="C338" s="6" t="s">
        <v>94</v>
      </c>
      <c r="D338" s="6" t="s">
        <v>248</v>
      </c>
      <c r="E338" s="6">
        <v>66594</v>
      </c>
      <c r="F338" s="6" t="s">
        <v>18</v>
      </c>
      <c r="G338" s="6" t="s">
        <v>837</v>
      </c>
      <c r="H338" s="6" t="s">
        <v>838</v>
      </c>
      <c r="I338" s="7">
        <v>4.8137492000000002</v>
      </c>
      <c r="J338" s="8">
        <v>-75.682873700000002</v>
      </c>
    </row>
    <row r="339" spans="1:10" x14ac:dyDescent="0.35">
      <c r="A339" s="5" t="s">
        <v>10</v>
      </c>
      <c r="B339" s="6">
        <v>230639</v>
      </c>
      <c r="C339" s="6" t="s">
        <v>61</v>
      </c>
      <c r="D339" s="6" t="s">
        <v>121</v>
      </c>
      <c r="E339" s="6">
        <v>63130</v>
      </c>
      <c r="F339" s="6" t="s">
        <v>18</v>
      </c>
      <c r="G339" s="6" t="s">
        <v>839</v>
      </c>
      <c r="H339" s="6" t="s">
        <v>840</v>
      </c>
      <c r="I339" s="7">
        <v>4.5266935999999998</v>
      </c>
      <c r="J339" s="8">
        <v>-75.640957400000005</v>
      </c>
    </row>
    <row r="340" spans="1:10" x14ac:dyDescent="0.35">
      <c r="A340" s="5" t="s">
        <v>10</v>
      </c>
      <c r="B340" s="6">
        <v>233147</v>
      </c>
      <c r="C340" s="6" t="s">
        <v>94</v>
      </c>
      <c r="D340" s="6" t="s">
        <v>248</v>
      </c>
      <c r="E340" s="6">
        <v>66594</v>
      </c>
      <c r="F340" s="6" t="s">
        <v>18</v>
      </c>
      <c r="G340" s="6" t="s">
        <v>841</v>
      </c>
      <c r="H340" s="6" t="s">
        <v>842</v>
      </c>
      <c r="I340" s="7">
        <v>5.3411200000000001</v>
      </c>
      <c r="J340" s="8">
        <v>-75.73048</v>
      </c>
    </row>
    <row r="341" spans="1:10" x14ac:dyDescent="0.35">
      <c r="A341" s="5" t="s">
        <v>10</v>
      </c>
      <c r="B341" s="6">
        <v>149836</v>
      </c>
      <c r="C341" s="6" t="s">
        <v>94</v>
      </c>
      <c r="D341" s="6" t="s">
        <v>843</v>
      </c>
      <c r="E341" s="6">
        <v>66400</v>
      </c>
      <c r="F341" s="6" t="s">
        <v>18</v>
      </c>
      <c r="G341" s="6" t="s">
        <v>844</v>
      </c>
      <c r="H341" s="6" t="s">
        <v>845</v>
      </c>
      <c r="I341" s="7">
        <v>4.9019630999999997</v>
      </c>
      <c r="J341" s="8">
        <v>-75.8844402</v>
      </c>
    </row>
    <row r="342" spans="1:10" x14ac:dyDescent="0.35">
      <c r="A342" s="5" t="s">
        <v>10</v>
      </c>
      <c r="B342" s="6">
        <v>227178</v>
      </c>
      <c r="C342" s="6" t="s">
        <v>16</v>
      </c>
      <c r="D342" s="6" t="s">
        <v>846</v>
      </c>
      <c r="E342" s="6">
        <v>68500</v>
      </c>
      <c r="F342" s="6" t="s">
        <v>18</v>
      </c>
      <c r="G342" s="6" t="s">
        <v>847</v>
      </c>
      <c r="H342" s="6" t="s">
        <v>848</v>
      </c>
      <c r="I342" s="7">
        <v>6.2646699999999997</v>
      </c>
      <c r="J342" s="8">
        <v>-73.298379999999995</v>
      </c>
    </row>
    <row r="343" spans="1:10" x14ac:dyDescent="0.35">
      <c r="A343" s="5" t="s">
        <v>10</v>
      </c>
      <c r="B343" s="6">
        <v>69419</v>
      </c>
      <c r="C343" s="6" t="s">
        <v>16</v>
      </c>
      <c r="D343" s="6" t="s">
        <v>846</v>
      </c>
      <c r="E343" s="6">
        <v>68500</v>
      </c>
      <c r="F343" s="6" t="s">
        <v>18</v>
      </c>
      <c r="G343" s="6" t="s">
        <v>849</v>
      </c>
      <c r="H343" s="6" t="s">
        <v>850</v>
      </c>
      <c r="I343" s="7">
        <v>6.267525</v>
      </c>
      <c r="J343" s="8">
        <v>-73.299982999999997</v>
      </c>
    </row>
    <row r="344" spans="1:10" x14ac:dyDescent="0.35">
      <c r="A344" s="5" t="s">
        <v>10</v>
      </c>
      <c r="B344" s="6">
        <v>218032</v>
      </c>
      <c r="C344" s="6" t="s">
        <v>16</v>
      </c>
      <c r="D344" s="6" t="s">
        <v>17</v>
      </c>
      <c r="E344" s="6">
        <v>68679</v>
      </c>
      <c r="F344" s="6" t="s">
        <v>18</v>
      </c>
      <c r="G344" s="6" t="s">
        <v>851</v>
      </c>
      <c r="H344" s="6" t="s">
        <v>852</v>
      </c>
      <c r="I344" s="7">
        <v>6.554824</v>
      </c>
      <c r="J344" s="8">
        <v>-73.134119999999996</v>
      </c>
    </row>
    <row r="345" spans="1:10" x14ac:dyDescent="0.35">
      <c r="A345" s="5" t="s">
        <v>10</v>
      </c>
      <c r="B345" s="6">
        <v>237383</v>
      </c>
      <c r="C345" s="6" t="s">
        <v>68</v>
      </c>
      <c r="D345" s="6" t="s">
        <v>69</v>
      </c>
      <c r="E345" s="6">
        <v>11001</v>
      </c>
      <c r="F345" s="6" t="s">
        <v>18</v>
      </c>
      <c r="G345" s="6" t="s">
        <v>853</v>
      </c>
      <c r="H345" s="6" t="s">
        <v>854</v>
      </c>
      <c r="I345" s="7">
        <v>4.6790085000000001</v>
      </c>
      <c r="J345" s="8">
        <v>-74.079149200000003</v>
      </c>
    </row>
    <row r="346" spans="1:10" x14ac:dyDescent="0.35">
      <c r="A346" s="5" t="s">
        <v>10</v>
      </c>
      <c r="B346" s="6">
        <v>116424</v>
      </c>
      <c r="C346" s="6" t="s">
        <v>11</v>
      </c>
      <c r="D346" s="6" t="s">
        <v>106</v>
      </c>
      <c r="E346" s="6">
        <v>25843</v>
      </c>
      <c r="F346" s="6" t="s">
        <v>18</v>
      </c>
      <c r="G346" s="6" t="s">
        <v>855</v>
      </c>
      <c r="H346" s="6" t="s">
        <v>856</v>
      </c>
      <c r="I346" s="7">
        <v>4.6015267999999896</v>
      </c>
      <c r="J346" s="8">
        <v>-74.072618399999996</v>
      </c>
    </row>
    <row r="347" spans="1:10" x14ac:dyDescent="0.35">
      <c r="A347" s="5" t="s">
        <v>10</v>
      </c>
      <c r="B347" s="6">
        <v>178877</v>
      </c>
      <c r="C347" s="6" t="s">
        <v>11</v>
      </c>
      <c r="D347" s="6" t="s">
        <v>857</v>
      </c>
      <c r="E347" s="6">
        <v>25758</v>
      </c>
      <c r="F347" s="6" t="s">
        <v>18</v>
      </c>
      <c r="G347" s="6" t="s">
        <v>858</v>
      </c>
      <c r="H347" s="6" t="s">
        <v>859</v>
      </c>
      <c r="I347" s="7">
        <v>4.9060452999999997</v>
      </c>
      <c r="J347" s="8">
        <v>-73.942535300000003</v>
      </c>
    </row>
    <row r="348" spans="1:10" x14ac:dyDescent="0.35">
      <c r="A348" s="5" t="s">
        <v>10</v>
      </c>
      <c r="B348" s="6">
        <v>185973</v>
      </c>
      <c r="C348" s="6" t="s">
        <v>55</v>
      </c>
      <c r="D348" s="6" t="s">
        <v>56</v>
      </c>
      <c r="E348" s="6">
        <v>73001</v>
      </c>
      <c r="F348" s="6" t="s">
        <v>18</v>
      </c>
      <c r="G348" s="6" t="s">
        <v>860</v>
      </c>
      <c r="H348" s="6" t="s">
        <v>861</v>
      </c>
      <c r="I348" s="7">
        <v>4.4426226999999896</v>
      </c>
      <c r="J348" s="8">
        <v>-75.228892099999996</v>
      </c>
    </row>
    <row r="349" spans="1:10" x14ac:dyDescent="0.35">
      <c r="A349" s="5" t="s">
        <v>10</v>
      </c>
      <c r="B349" s="6">
        <v>240203</v>
      </c>
      <c r="C349" s="6" t="s">
        <v>24</v>
      </c>
      <c r="D349" s="6" t="s">
        <v>862</v>
      </c>
      <c r="E349" s="6">
        <v>15104</v>
      </c>
      <c r="F349" s="6" t="s">
        <v>18</v>
      </c>
      <c r="G349" s="6" t="s">
        <v>863</v>
      </c>
      <c r="H349" s="6" t="s">
        <v>864</v>
      </c>
      <c r="I349" s="7">
        <v>5.4545110000000001</v>
      </c>
      <c r="J349" s="8">
        <v>-73.362003000000001</v>
      </c>
    </row>
    <row r="350" spans="1:10" x14ac:dyDescent="0.35">
      <c r="A350" s="5" t="s">
        <v>10</v>
      </c>
      <c r="B350" s="6">
        <v>213856</v>
      </c>
      <c r="C350" s="6" t="s">
        <v>24</v>
      </c>
      <c r="D350" s="6" t="s">
        <v>168</v>
      </c>
      <c r="E350" s="6">
        <v>15572</v>
      </c>
      <c r="F350" s="6" t="s">
        <v>18</v>
      </c>
      <c r="G350" s="6" t="s">
        <v>865</v>
      </c>
      <c r="H350" s="6" t="s">
        <v>866</v>
      </c>
      <c r="I350" s="7">
        <v>5.9756766999999904</v>
      </c>
      <c r="J350" s="8">
        <v>-74.5922391</v>
      </c>
    </row>
    <row r="351" spans="1:10" x14ac:dyDescent="0.35">
      <c r="A351" s="5" t="s">
        <v>10</v>
      </c>
      <c r="B351" s="6">
        <v>183625</v>
      </c>
      <c r="C351" s="6" t="s">
        <v>28</v>
      </c>
      <c r="D351" s="6" t="s">
        <v>867</v>
      </c>
      <c r="E351" s="6">
        <v>54099</v>
      </c>
      <c r="F351" s="6" t="s">
        <v>18</v>
      </c>
      <c r="G351" s="6" t="s">
        <v>868</v>
      </c>
      <c r="H351" s="6" t="s">
        <v>869</v>
      </c>
      <c r="I351" s="7">
        <v>7.6112310999999897</v>
      </c>
      <c r="J351" s="8">
        <v>-72.648096699999996</v>
      </c>
    </row>
    <row r="352" spans="1:10" x14ac:dyDescent="0.35">
      <c r="A352" s="5" t="s">
        <v>10</v>
      </c>
      <c r="B352" s="6">
        <v>237752</v>
      </c>
      <c r="C352" s="6" t="s">
        <v>42</v>
      </c>
      <c r="D352" s="6" t="s">
        <v>43</v>
      </c>
      <c r="E352" s="6">
        <v>17001</v>
      </c>
      <c r="F352" s="6" t="s">
        <v>18</v>
      </c>
      <c r="G352" s="6" t="s">
        <v>870</v>
      </c>
      <c r="H352" s="6" t="s">
        <v>871</v>
      </c>
      <c r="I352" s="7">
        <v>5.0664670999999997</v>
      </c>
      <c r="J352" s="8">
        <v>-75.502279099999996</v>
      </c>
    </row>
    <row r="353" spans="1:10" x14ac:dyDescent="0.35">
      <c r="A353" s="5" t="s">
        <v>10</v>
      </c>
      <c r="B353" s="6">
        <v>207247</v>
      </c>
      <c r="C353" s="6" t="s">
        <v>42</v>
      </c>
      <c r="D353" s="6" t="s">
        <v>43</v>
      </c>
      <c r="E353" s="6">
        <v>17001</v>
      </c>
      <c r="F353" s="6" t="s">
        <v>18</v>
      </c>
      <c r="G353" s="6" t="s">
        <v>872</v>
      </c>
      <c r="H353" s="6" t="s">
        <v>873</v>
      </c>
      <c r="I353" s="7">
        <v>5.0628950000000001</v>
      </c>
      <c r="J353" s="8">
        <v>-75.498848100000004</v>
      </c>
    </row>
    <row r="354" spans="1:10" x14ac:dyDescent="0.35">
      <c r="A354" s="5" t="s">
        <v>10</v>
      </c>
      <c r="B354" s="6">
        <v>210667</v>
      </c>
      <c r="C354" s="6" t="s">
        <v>68</v>
      </c>
      <c r="D354" s="6" t="s">
        <v>69</v>
      </c>
      <c r="E354" s="6">
        <v>11001</v>
      </c>
      <c r="F354" s="6" t="s">
        <v>13</v>
      </c>
      <c r="G354" s="6" t="s">
        <v>874</v>
      </c>
      <c r="H354" s="6" t="s">
        <v>875</v>
      </c>
      <c r="I354" s="7">
        <v>4.6871995999999996</v>
      </c>
      <c r="J354" s="8">
        <v>-74.126811700000005</v>
      </c>
    </row>
    <row r="355" spans="1:10" x14ac:dyDescent="0.35">
      <c r="A355" s="5" t="s">
        <v>10</v>
      </c>
      <c r="B355" s="6">
        <v>116253</v>
      </c>
      <c r="C355" s="6" t="s">
        <v>11</v>
      </c>
      <c r="D355" s="6" t="s">
        <v>106</v>
      </c>
      <c r="E355" s="6">
        <v>25843</v>
      </c>
      <c r="F355" s="6" t="s">
        <v>18</v>
      </c>
      <c r="G355" s="6" t="s">
        <v>876</v>
      </c>
      <c r="H355" s="6" t="s">
        <v>877</v>
      </c>
      <c r="I355" s="7">
        <v>5.3101091999999896</v>
      </c>
      <c r="J355" s="8">
        <v>-73.8120464</v>
      </c>
    </row>
    <row r="356" spans="1:10" x14ac:dyDescent="0.35">
      <c r="A356" s="5" t="s">
        <v>10</v>
      </c>
      <c r="B356" s="6">
        <v>191822</v>
      </c>
      <c r="C356" s="6" t="s">
        <v>55</v>
      </c>
      <c r="D356" s="6" t="s">
        <v>56</v>
      </c>
      <c r="E356" s="6">
        <v>73001</v>
      </c>
      <c r="F356" s="6" t="s">
        <v>18</v>
      </c>
      <c r="G356" s="6" t="s">
        <v>878</v>
      </c>
      <c r="H356" s="6" t="s">
        <v>879</v>
      </c>
      <c r="I356" s="7">
        <v>4.4390137000000003</v>
      </c>
      <c r="J356" s="8">
        <v>-75.162433800000002</v>
      </c>
    </row>
    <row r="357" spans="1:10" x14ac:dyDescent="0.35">
      <c r="A357" s="5" t="s">
        <v>10</v>
      </c>
      <c r="B357" s="6">
        <v>239142</v>
      </c>
      <c r="C357" s="6" t="s">
        <v>24</v>
      </c>
      <c r="D357" s="6" t="s">
        <v>85</v>
      </c>
      <c r="E357" s="6">
        <v>15759</v>
      </c>
      <c r="F357" s="6" t="s">
        <v>18</v>
      </c>
      <c r="G357" s="6" t="s">
        <v>880</v>
      </c>
      <c r="H357" s="6" t="s">
        <v>881</v>
      </c>
      <c r="I357" s="7">
        <v>5.7221767999999997</v>
      </c>
      <c r="J357" s="8">
        <v>-72.927125000000004</v>
      </c>
    </row>
    <row r="358" spans="1:10" x14ac:dyDescent="0.35">
      <c r="A358" s="5" t="s">
        <v>10</v>
      </c>
      <c r="B358" s="6">
        <v>219840</v>
      </c>
      <c r="C358" s="6" t="s">
        <v>24</v>
      </c>
      <c r="D358" s="6" t="s">
        <v>882</v>
      </c>
      <c r="E358" s="6">
        <v>15189</v>
      </c>
      <c r="F358" s="6" t="s">
        <v>18</v>
      </c>
      <c r="G358" s="6" t="s">
        <v>883</v>
      </c>
      <c r="H358" s="6" t="s">
        <v>884</v>
      </c>
      <c r="I358" s="7">
        <v>5.8286569999999998</v>
      </c>
      <c r="J358" s="8">
        <v>-73.033993999999893</v>
      </c>
    </row>
    <row r="359" spans="1:10" x14ac:dyDescent="0.35">
      <c r="A359" s="5" t="s">
        <v>10</v>
      </c>
      <c r="B359" s="6">
        <v>233854</v>
      </c>
      <c r="C359" s="6" t="s">
        <v>28</v>
      </c>
      <c r="D359" s="6" t="s">
        <v>322</v>
      </c>
      <c r="E359" s="6">
        <v>54405</v>
      </c>
      <c r="F359" s="6" t="s">
        <v>18</v>
      </c>
      <c r="G359" s="6" t="s">
        <v>885</v>
      </c>
      <c r="H359" s="6" t="s">
        <v>886</v>
      </c>
      <c r="I359" s="7">
        <v>7.8371830999999998</v>
      </c>
      <c r="J359" s="8">
        <v>-72.508794499999993</v>
      </c>
    </row>
    <row r="360" spans="1:10" x14ac:dyDescent="0.35">
      <c r="A360" s="5" t="s">
        <v>10</v>
      </c>
      <c r="B360" s="6">
        <v>243924</v>
      </c>
      <c r="C360" s="6" t="s">
        <v>28</v>
      </c>
      <c r="D360" s="6" t="s">
        <v>887</v>
      </c>
      <c r="E360" s="6">
        <v>54670</v>
      </c>
      <c r="F360" s="6" t="s">
        <v>18</v>
      </c>
      <c r="G360" s="6" t="s">
        <v>888</v>
      </c>
      <c r="H360" s="6" t="s">
        <v>889</v>
      </c>
      <c r="I360" s="7">
        <v>8.4015988999999998</v>
      </c>
      <c r="J360" s="8">
        <v>-73.2089979</v>
      </c>
    </row>
    <row r="361" spans="1:10" x14ac:dyDescent="0.35">
      <c r="A361" s="5" t="s">
        <v>10</v>
      </c>
      <c r="B361" s="6">
        <v>210317</v>
      </c>
      <c r="C361" s="6" t="s">
        <v>61</v>
      </c>
      <c r="D361" s="6" t="s">
        <v>62</v>
      </c>
      <c r="E361" s="6">
        <v>63001</v>
      </c>
      <c r="F361" s="6" t="s">
        <v>18</v>
      </c>
      <c r="G361" s="6" t="s">
        <v>890</v>
      </c>
      <c r="H361" s="6" t="s">
        <v>891</v>
      </c>
      <c r="I361" s="7">
        <v>4.5451174999999999</v>
      </c>
      <c r="J361" s="8">
        <v>-75.672701399999994</v>
      </c>
    </row>
    <row r="362" spans="1:10" x14ac:dyDescent="0.35">
      <c r="A362" s="5" t="s">
        <v>10</v>
      </c>
      <c r="B362" s="6">
        <v>235546</v>
      </c>
      <c r="C362" s="6" t="s">
        <v>42</v>
      </c>
      <c r="D362" s="6" t="s">
        <v>46</v>
      </c>
      <c r="E362" s="6">
        <v>17174</v>
      </c>
      <c r="F362" s="6" t="s">
        <v>18</v>
      </c>
      <c r="G362" s="6" t="s">
        <v>892</v>
      </c>
      <c r="H362" s="6" t="s">
        <v>893</v>
      </c>
      <c r="I362" s="7">
        <v>4.9838997999999997</v>
      </c>
      <c r="J362" s="8">
        <v>-75.604044299999998</v>
      </c>
    </row>
    <row r="363" spans="1:10" x14ac:dyDescent="0.35">
      <c r="A363" s="5" t="s">
        <v>10</v>
      </c>
      <c r="B363" s="6">
        <v>235948</v>
      </c>
      <c r="C363" s="6" t="s">
        <v>94</v>
      </c>
      <c r="D363" s="6" t="s">
        <v>894</v>
      </c>
      <c r="E363" s="6">
        <v>66088</v>
      </c>
      <c r="F363" s="6" t="s">
        <v>18</v>
      </c>
      <c r="G363" s="6" t="s">
        <v>895</v>
      </c>
      <c r="H363" s="6" t="s">
        <v>896</v>
      </c>
      <c r="I363" s="7">
        <v>5.2013299999999996</v>
      </c>
      <c r="J363" s="8">
        <v>-75.870010300000004</v>
      </c>
    </row>
    <row r="364" spans="1:10" x14ac:dyDescent="0.35">
      <c r="A364" s="5" t="s">
        <v>10</v>
      </c>
      <c r="B364" s="6">
        <v>230792</v>
      </c>
      <c r="C364" s="6" t="s">
        <v>42</v>
      </c>
      <c r="D364" s="6" t="s">
        <v>46</v>
      </c>
      <c r="E364" s="6">
        <v>17174</v>
      </c>
      <c r="F364" s="6" t="s">
        <v>18</v>
      </c>
      <c r="G364" s="6" t="s">
        <v>897</v>
      </c>
      <c r="H364" s="6" t="s">
        <v>898</v>
      </c>
      <c r="I364" s="7">
        <v>4.9740951000000004</v>
      </c>
      <c r="J364" s="8">
        <v>-75.678990499999998</v>
      </c>
    </row>
    <row r="365" spans="1:10" x14ac:dyDescent="0.35">
      <c r="A365" s="5" t="s">
        <v>10</v>
      </c>
      <c r="B365" s="6">
        <v>226596</v>
      </c>
      <c r="C365" s="6" t="s">
        <v>190</v>
      </c>
      <c r="D365" s="6" t="s">
        <v>191</v>
      </c>
      <c r="E365" s="6">
        <v>5001</v>
      </c>
      <c r="F365" s="6" t="s">
        <v>13</v>
      </c>
      <c r="G365" s="6" t="s">
        <v>899</v>
      </c>
      <c r="H365" s="6" t="s">
        <v>900</v>
      </c>
      <c r="I365" s="7">
        <v>6.2327678000000004</v>
      </c>
      <c r="J365" s="8">
        <v>-75.604179500000001</v>
      </c>
    </row>
    <row r="366" spans="1:10" x14ac:dyDescent="0.35">
      <c r="A366" s="5" t="s">
        <v>10</v>
      </c>
      <c r="B366" s="6">
        <v>188166</v>
      </c>
      <c r="C366" s="6" t="s">
        <v>11</v>
      </c>
      <c r="D366" s="6" t="s">
        <v>901</v>
      </c>
      <c r="E366" s="6">
        <v>25307</v>
      </c>
      <c r="F366" s="6" t="s">
        <v>13</v>
      </c>
      <c r="G366" s="6" t="s">
        <v>160</v>
      </c>
      <c r="H366" s="6" t="s">
        <v>902</v>
      </c>
      <c r="I366" s="7">
        <v>4.2965492000000003</v>
      </c>
      <c r="J366" s="8">
        <v>-74.8055971</v>
      </c>
    </row>
    <row r="367" spans="1:10" x14ac:dyDescent="0.35">
      <c r="A367" s="5" t="s">
        <v>10</v>
      </c>
      <c r="B367" s="6">
        <v>160512</v>
      </c>
      <c r="C367" s="6" t="s">
        <v>16</v>
      </c>
      <c r="D367" s="6" t="s">
        <v>903</v>
      </c>
      <c r="E367" s="6">
        <v>68051</v>
      </c>
      <c r="F367" s="6" t="s">
        <v>18</v>
      </c>
      <c r="G367" s="6" t="s">
        <v>904</v>
      </c>
      <c r="H367" s="6" t="s">
        <v>905</v>
      </c>
      <c r="I367" s="7">
        <v>6.6948238999999896</v>
      </c>
      <c r="J367" s="8">
        <v>-73.0161205</v>
      </c>
    </row>
    <row r="368" spans="1:10" x14ac:dyDescent="0.35">
      <c r="A368" s="5" t="s">
        <v>10</v>
      </c>
      <c r="B368" s="6">
        <v>199620</v>
      </c>
      <c r="C368" s="6" t="s">
        <v>11</v>
      </c>
      <c r="D368" s="6" t="s">
        <v>221</v>
      </c>
      <c r="E368" s="6">
        <v>25430</v>
      </c>
      <c r="F368" s="6" t="s">
        <v>18</v>
      </c>
      <c r="G368" s="6" t="s">
        <v>906</v>
      </c>
      <c r="H368" s="6" t="s">
        <v>907</v>
      </c>
      <c r="I368" s="7">
        <v>4.7253321000000001</v>
      </c>
      <c r="J368" s="8">
        <v>-74.282585999999995</v>
      </c>
    </row>
    <row r="369" spans="1:10" x14ac:dyDescent="0.35">
      <c r="A369" s="5" t="s">
        <v>10</v>
      </c>
      <c r="B369" s="6">
        <v>211140</v>
      </c>
      <c r="C369" s="6" t="s">
        <v>55</v>
      </c>
      <c r="D369" s="6" t="s">
        <v>422</v>
      </c>
      <c r="E369" s="6">
        <v>73504</v>
      </c>
      <c r="F369" s="6" t="s">
        <v>18</v>
      </c>
      <c r="G369" s="6" t="s">
        <v>908</v>
      </c>
      <c r="H369" s="6" t="s">
        <v>909</v>
      </c>
      <c r="I369" s="7">
        <v>3.931994</v>
      </c>
      <c r="J369" s="8">
        <v>-75.2197338</v>
      </c>
    </row>
    <row r="370" spans="1:10" x14ac:dyDescent="0.35">
      <c r="A370" s="5" t="s">
        <v>10</v>
      </c>
      <c r="B370" s="6">
        <v>182258</v>
      </c>
      <c r="C370" s="6" t="s">
        <v>55</v>
      </c>
      <c r="D370" s="6" t="s">
        <v>56</v>
      </c>
      <c r="E370" s="6">
        <v>73001</v>
      </c>
      <c r="F370" s="6" t="s">
        <v>18</v>
      </c>
      <c r="G370" s="6" t="s">
        <v>910</v>
      </c>
      <c r="H370" s="6" t="s">
        <v>911</v>
      </c>
      <c r="I370" s="7">
        <v>4.4311226000000001</v>
      </c>
      <c r="J370" s="8">
        <v>-75.218816500000003</v>
      </c>
    </row>
    <row r="371" spans="1:10" x14ac:dyDescent="0.35">
      <c r="A371" s="5" t="s">
        <v>10</v>
      </c>
      <c r="B371" s="6">
        <v>205542</v>
      </c>
      <c r="C371" s="6" t="s">
        <v>24</v>
      </c>
      <c r="D371" s="6" t="s">
        <v>88</v>
      </c>
      <c r="E371" s="6">
        <v>15001</v>
      </c>
      <c r="F371" s="6" t="s">
        <v>18</v>
      </c>
      <c r="G371" s="6" t="s">
        <v>912</v>
      </c>
      <c r="H371" s="6" t="s">
        <v>913</v>
      </c>
      <c r="I371" s="7">
        <v>5.5339983999999998</v>
      </c>
      <c r="J371" s="8">
        <v>-73.363937100000001</v>
      </c>
    </row>
    <row r="372" spans="1:10" x14ac:dyDescent="0.35">
      <c r="A372" s="5" t="s">
        <v>10</v>
      </c>
      <c r="B372" s="6">
        <v>246499</v>
      </c>
      <c r="C372" s="6" t="s">
        <v>24</v>
      </c>
      <c r="D372" s="6" t="s">
        <v>168</v>
      </c>
      <c r="E372" s="6">
        <v>15572</v>
      </c>
      <c r="F372" s="6" t="s">
        <v>18</v>
      </c>
      <c r="G372" s="6" t="s">
        <v>914</v>
      </c>
      <c r="H372" s="6" t="s">
        <v>915</v>
      </c>
      <c r="I372" s="7">
        <v>5.9756767000000002</v>
      </c>
      <c r="J372" s="8">
        <v>-74.5922391</v>
      </c>
    </row>
    <row r="373" spans="1:10" x14ac:dyDescent="0.35">
      <c r="A373" s="5" t="s">
        <v>10</v>
      </c>
      <c r="B373" s="6">
        <v>235640</v>
      </c>
      <c r="C373" s="6" t="s">
        <v>24</v>
      </c>
      <c r="D373" s="6" t="s">
        <v>88</v>
      </c>
      <c r="E373" s="6">
        <v>15001</v>
      </c>
      <c r="F373" s="6" t="s">
        <v>18</v>
      </c>
      <c r="G373" s="6" t="s">
        <v>916</v>
      </c>
      <c r="H373" s="6" t="s">
        <v>917</v>
      </c>
      <c r="I373" s="7">
        <v>5.5476707999999997</v>
      </c>
      <c r="J373" s="8">
        <v>-73.367280100000002</v>
      </c>
    </row>
    <row r="374" spans="1:10" x14ac:dyDescent="0.35">
      <c r="A374" s="5" t="s">
        <v>10</v>
      </c>
      <c r="B374" s="6">
        <v>234195</v>
      </c>
      <c r="C374" s="6" t="s">
        <v>28</v>
      </c>
      <c r="D374" s="6" t="s">
        <v>29</v>
      </c>
      <c r="E374" s="6">
        <v>54001</v>
      </c>
      <c r="F374" s="6" t="s">
        <v>18</v>
      </c>
      <c r="G374" s="6" t="s">
        <v>918</v>
      </c>
      <c r="H374" s="6" t="s">
        <v>919</v>
      </c>
      <c r="I374" s="7">
        <v>7.9067616999999997</v>
      </c>
      <c r="J374" s="8">
        <v>-72.535340899999994</v>
      </c>
    </row>
    <row r="375" spans="1:10" x14ac:dyDescent="0.35">
      <c r="A375" s="5" t="s">
        <v>10</v>
      </c>
      <c r="B375" s="6">
        <v>243833</v>
      </c>
      <c r="C375" s="6" t="s">
        <v>28</v>
      </c>
      <c r="D375" s="6" t="s">
        <v>29</v>
      </c>
      <c r="E375" s="6">
        <v>54001</v>
      </c>
      <c r="F375" s="6" t="s">
        <v>18</v>
      </c>
      <c r="G375" s="6" t="s">
        <v>920</v>
      </c>
      <c r="H375" s="6" t="s">
        <v>921</v>
      </c>
      <c r="I375" s="7">
        <v>7.8801728999999998</v>
      </c>
      <c r="J375" s="8">
        <v>-72.500478799999996</v>
      </c>
    </row>
    <row r="376" spans="1:10" x14ac:dyDescent="0.35">
      <c r="A376" s="5" t="s">
        <v>10</v>
      </c>
      <c r="B376" s="6">
        <v>228973</v>
      </c>
      <c r="C376" s="6" t="s">
        <v>42</v>
      </c>
      <c r="D376" s="6" t="s">
        <v>396</v>
      </c>
      <c r="E376" s="6">
        <v>17380</v>
      </c>
      <c r="F376" s="6" t="s">
        <v>18</v>
      </c>
      <c r="G376" s="6" t="s">
        <v>922</v>
      </c>
      <c r="H376" s="6" t="s">
        <v>923</v>
      </c>
      <c r="I376" s="7">
        <v>5.4417067000000001</v>
      </c>
      <c r="J376" s="8">
        <v>-74.679545899999994</v>
      </c>
    </row>
    <row r="377" spans="1:10" x14ac:dyDescent="0.35">
      <c r="A377" s="5" t="s">
        <v>10</v>
      </c>
      <c r="B377" s="6">
        <v>236234</v>
      </c>
      <c r="C377" s="6" t="s">
        <v>42</v>
      </c>
      <c r="D377" s="6" t="s">
        <v>43</v>
      </c>
      <c r="E377" s="6">
        <v>17001</v>
      </c>
      <c r="F377" s="6" t="s">
        <v>18</v>
      </c>
      <c r="G377" s="6" t="s">
        <v>924</v>
      </c>
      <c r="H377" s="6" t="s">
        <v>925</v>
      </c>
      <c r="I377" s="7">
        <v>5.0630506000000004</v>
      </c>
      <c r="J377" s="8">
        <v>-75.478184900000002</v>
      </c>
    </row>
    <row r="378" spans="1:10" x14ac:dyDescent="0.35">
      <c r="A378" s="5" t="s">
        <v>10</v>
      </c>
      <c r="B378" s="6">
        <v>149844</v>
      </c>
      <c r="C378" s="6" t="s">
        <v>94</v>
      </c>
      <c r="D378" s="6" t="s">
        <v>178</v>
      </c>
      <c r="E378" s="6">
        <v>66318</v>
      </c>
      <c r="F378" s="6" t="s">
        <v>18</v>
      </c>
      <c r="G378" s="6" t="s">
        <v>926</v>
      </c>
      <c r="H378" s="6" t="s">
        <v>927</v>
      </c>
      <c r="I378" s="7">
        <v>5.3166345000000002</v>
      </c>
      <c r="J378" s="8">
        <v>-75.794228500000003</v>
      </c>
    </row>
    <row r="379" spans="1:10" x14ac:dyDescent="0.35">
      <c r="A379" s="5" t="s">
        <v>10</v>
      </c>
      <c r="B379" s="6">
        <v>230239</v>
      </c>
      <c r="C379" s="6" t="s">
        <v>94</v>
      </c>
      <c r="D379" s="6" t="s">
        <v>95</v>
      </c>
      <c r="E379" s="6">
        <v>66170</v>
      </c>
      <c r="F379" s="6" t="s">
        <v>18</v>
      </c>
      <c r="G379" s="6" t="s">
        <v>928</v>
      </c>
      <c r="H379" s="6" t="s">
        <v>929</v>
      </c>
      <c r="I379" s="7">
        <v>4.8349504000000003</v>
      </c>
      <c r="J379" s="8">
        <v>-75.6717534</v>
      </c>
    </row>
    <row r="380" spans="1:10" x14ac:dyDescent="0.35">
      <c r="A380" s="5" t="s">
        <v>10</v>
      </c>
      <c r="B380" s="6">
        <v>234628</v>
      </c>
      <c r="C380" s="6" t="s">
        <v>94</v>
      </c>
      <c r="D380" s="6" t="s">
        <v>930</v>
      </c>
      <c r="E380" s="6">
        <v>66045</v>
      </c>
      <c r="F380" s="6" t="s">
        <v>18</v>
      </c>
      <c r="G380" s="6" t="s">
        <v>931</v>
      </c>
      <c r="H380" s="6" t="s">
        <v>932</v>
      </c>
      <c r="I380" s="7">
        <v>5.1061037999999996</v>
      </c>
      <c r="J380" s="8">
        <v>-75.942511999999994</v>
      </c>
    </row>
    <row r="381" spans="1:10" x14ac:dyDescent="0.35">
      <c r="A381" s="5" t="s">
        <v>10</v>
      </c>
      <c r="B381" s="6">
        <v>214866</v>
      </c>
      <c r="C381" s="6" t="s">
        <v>24</v>
      </c>
      <c r="D381" s="6" t="s">
        <v>137</v>
      </c>
      <c r="E381" s="6">
        <v>15238</v>
      </c>
      <c r="F381" s="6" t="s">
        <v>13</v>
      </c>
      <c r="G381" s="6" t="s">
        <v>933</v>
      </c>
      <c r="H381" s="6" t="s">
        <v>934</v>
      </c>
      <c r="I381" s="7">
        <v>5.8107135999999997</v>
      </c>
      <c r="J381" s="8">
        <v>-73.023295700000006</v>
      </c>
    </row>
    <row r="382" spans="1:10" x14ac:dyDescent="0.35">
      <c r="A382" s="5" t="s">
        <v>10</v>
      </c>
      <c r="B382" s="6">
        <v>180542</v>
      </c>
      <c r="C382" s="6" t="s">
        <v>68</v>
      </c>
      <c r="D382" s="6" t="s">
        <v>69</v>
      </c>
      <c r="E382" s="6">
        <v>11001</v>
      </c>
      <c r="F382" s="6" t="s">
        <v>13</v>
      </c>
      <c r="G382" s="6" t="s">
        <v>362</v>
      </c>
      <c r="H382" s="6" t="s">
        <v>363</v>
      </c>
      <c r="I382" s="7">
        <v>4.5881699999999999</v>
      </c>
      <c r="J382" s="8">
        <v>-74.103965000000002</v>
      </c>
    </row>
    <row r="383" spans="1:10" x14ac:dyDescent="0.35">
      <c r="A383" s="5" t="s">
        <v>10</v>
      </c>
      <c r="B383" s="6">
        <v>241234</v>
      </c>
      <c r="C383" s="6" t="s">
        <v>55</v>
      </c>
      <c r="D383" s="6" t="s">
        <v>56</v>
      </c>
      <c r="E383" s="6">
        <v>73001</v>
      </c>
      <c r="F383" s="6" t="s">
        <v>18</v>
      </c>
      <c r="G383" s="6" t="s">
        <v>935</v>
      </c>
      <c r="H383" s="6" t="s">
        <v>936</v>
      </c>
      <c r="I383" s="7">
        <v>4.3929923999999998</v>
      </c>
      <c r="J383" s="8">
        <v>-75.141311299999998</v>
      </c>
    </row>
    <row r="384" spans="1:10" x14ac:dyDescent="0.35">
      <c r="A384" s="5" t="s">
        <v>10</v>
      </c>
      <c r="B384" s="6">
        <v>230891</v>
      </c>
      <c r="C384" s="6" t="s">
        <v>55</v>
      </c>
      <c r="D384" s="6" t="s">
        <v>937</v>
      </c>
      <c r="E384" s="6">
        <v>73585</v>
      </c>
      <c r="F384" s="6" t="s">
        <v>18</v>
      </c>
      <c r="G384" s="6" t="s">
        <v>938</v>
      </c>
      <c r="H384" s="6" t="s">
        <v>939</v>
      </c>
      <c r="I384" s="7">
        <v>3.8581750000000001</v>
      </c>
      <c r="J384" s="8">
        <v>-74.930256400000005</v>
      </c>
    </row>
    <row r="385" spans="1:10" x14ac:dyDescent="0.35">
      <c r="A385" s="5" t="s">
        <v>10</v>
      </c>
      <c r="B385" s="6">
        <v>248889</v>
      </c>
      <c r="C385" s="6" t="s">
        <v>55</v>
      </c>
      <c r="D385" s="6" t="s">
        <v>731</v>
      </c>
      <c r="E385" s="6">
        <v>73268</v>
      </c>
      <c r="F385" s="6" t="s">
        <v>18</v>
      </c>
      <c r="G385" s="6" t="s">
        <v>940</v>
      </c>
      <c r="H385" s="6" t="s">
        <v>941</v>
      </c>
      <c r="I385" s="7">
        <v>4.1488535000000004</v>
      </c>
      <c r="J385" s="8">
        <v>-74.884071199999994</v>
      </c>
    </row>
    <row r="386" spans="1:10" x14ac:dyDescent="0.35">
      <c r="A386" s="5" t="s">
        <v>10</v>
      </c>
      <c r="B386" s="6">
        <v>185145</v>
      </c>
      <c r="C386" s="6" t="s">
        <v>24</v>
      </c>
      <c r="D386" s="6" t="s">
        <v>282</v>
      </c>
      <c r="E386" s="6">
        <v>15407</v>
      </c>
      <c r="F386" s="6" t="s">
        <v>18</v>
      </c>
      <c r="G386" s="6" t="s">
        <v>942</v>
      </c>
      <c r="H386" s="6" t="s">
        <v>943</v>
      </c>
      <c r="I386" s="7">
        <v>5.6364989999999997</v>
      </c>
      <c r="J386" s="8">
        <v>-73.527057999999997</v>
      </c>
    </row>
    <row r="387" spans="1:10" x14ac:dyDescent="0.35">
      <c r="A387" s="5" t="s">
        <v>10</v>
      </c>
      <c r="B387" s="6">
        <v>234868</v>
      </c>
      <c r="C387" s="6" t="s">
        <v>24</v>
      </c>
      <c r="D387" s="6" t="s">
        <v>25</v>
      </c>
      <c r="E387" s="6">
        <v>15322</v>
      </c>
      <c r="F387" s="6" t="s">
        <v>18</v>
      </c>
      <c r="G387" s="6" t="s">
        <v>944</v>
      </c>
      <c r="H387" s="6" t="s">
        <v>945</v>
      </c>
      <c r="I387" s="7">
        <v>5.0081043000000003</v>
      </c>
      <c r="J387" s="8">
        <v>-73.473139099999997</v>
      </c>
    </row>
    <row r="388" spans="1:10" x14ac:dyDescent="0.35">
      <c r="A388" s="5" t="s">
        <v>10</v>
      </c>
      <c r="B388" s="6">
        <v>247993</v>
      </c>
      <c r="C388" s="6" t="s">
        <v>28</v>
      </c>
      <c r="D388" s="6" t="s">
        <v>91</v>
      </c>
      <c r="E388" s="6">
        <v>54874</v>
      </c>
      <c r="F388" s="6" t="s">
        <v>18</v>
      </c>
      <c r="G388" s="6" t="s">
        <v>946</v>
      </c>
      <c r="H388" s="6" t="s">
        <v>947</v>
      </c>
      <c r="I388" s="7">
        <v>7.8318123999999996</v>
      </c>
      <c r="J388" s="8">
        <v>-72.4748242</v>
      </c>
    </row>
    <row r="389" spans="1:10" x14ac:dyDescent="0.35">
      <c r="A389" s="5" t="s">
        <v>10</v>
      </c>
      <c r="B389" s="6">
        <v>206445</v>
      </c>
      <c r="C389" s="6" t="s">
        <v>28</v>
      </c>
      <c r="D389" s="6" t="s">
        <v>29</v>
      </c>
      <c r="E389" s="6">
        <v>54001</v>
      </c>
      <c r="F389" s="6" t="s">
        <v>18</v>
      </c>
      <c r="G389" s="6" t="s">
        <v>948</v>
      </c>
      <c r="H389" s="6" t="s">
        <v>949</v>
      </c>
      <c r="I389" s="7">
        <v>7.8988106999999896</v>
      </c>
      <c r="J389" s="8">
        <v>-72.529088099999996</v>
      </c>
    </row>
    <row r="390" spans="1:10" x14ac:dyDescent="0.35">
      <c r="A390" s="5" t="s">
        <v>10</v>
      </c>
      <c r="B390" s="6">
        <v>172654</v>
      </c>
      <c r="C390" s="6" t="s">
        <v>42</v>
      </c>
      <c r="D390" s="6" t="s">
        <v>43</v>
      </c>
      <c r="E390" s="6">
        <v>17001</v>
      </c>
      <c r="F390" s="6" t="s">
        <v>18</v>
      </c>
      <c r="G390" s="6" t="s">
        <v>950</v>
      </c>
      <c r="H390" s="6" t="s">
        <v>951</v>
      </c>
      <c r="I390" s="7">
        <v>5.0866499999999997</v>
      </c>
      <c r="J390" s="8">
        <v>-75.410049999999998</v>
      </c>
    </row>
    <row r="391" spans="1:10" x14ac:dyDescent="0.35">
      <c r="A391" s="5" t="s">
        <v>10</v>
      </c>
      <c r="B391" s="6">
        <v>237817</v>
      </c>
      <c r="C391" s="6" t="s">
        <v>278</v>
      </c>
      <c r="D391" s="6" t="s">
        <v>279</v>
      </c>
      <c r="E391" s="6">
        <v>50001</v>
      </c>
      <c r="F391" s="6" t="s">
        <v>18</v>
      </c>
      <c r="G391" s="6" t="s">
        <v>952</v>
      </c>
      <c r="H391" s="6" t="s">
        <v>953</v>
      </c>
      <c r="I391" s="7">
        <v>4.2164267000000004</v>
      </c>
      <c r="J391" s="8">
        <v>-73.814784599999996</v>
      </c>
    </row>
    <row r="392" spans="1:10" x14ac:dyDescent="0.35">
      <c r="A392" s="5" t="s">
        <v>10</v>
      </c>
      <c r="B392" s="6">
        <v>239277</v>
      </c>
      <c r="C392" s="6" t="s">
        <v>68</v>
      </c>
      <c r="D392" s="6" t="s">
        <v>69</v>
      </c>
      <c r="E392" s="6">
        <v>11001</v>
      </c>
      <c r="F392" s="6" t="s">
        <v>18</v>
      </c>
      <c r="G392" s="6" t="s">
        <v>954</v>
      </c>
      <c r="H392" s="6" t="s">
        <v>955</v>
      </c>
      <c r="I392" s="7">
        <v>4.7052018000000002</v>
      </c>
      <c r="J392" s="8">
        <v>-74.103773099999998</v>
      </c>
    </row>
    <row r="393" spans="1:10" x14ac:dyDescent="0.35">
      <c r="A393" s="5" t="s">
        <v>10</v>
      </c>
      <c r="B393" s="6">
        <v>245163</v>
      </c>
      <c r="C393" s="6" t="s">
        <v>109</v>
      </c>
      <c r="D393" s="6" t="s">
        <v>956</v>
      </c>
      <c r="E393" s="6">
        <v>13160</v>
      </c>
      <c r="F393" s="6" t="s">
        <v>18</v>
      </c>
      <c r="G393" s="6" t="s">
        <v>957</v>
      </c>
      <c r="H393" s="6" t="s">
        <v>958</v>
      </c>
      <c r="I393" s="7">
        <v>7.3760795000000003</v>
      </c>
      <c r="J393" s="8">
        <v>-73.914457200000001</v>
      </c>
    </row>
    <row r="394" spans="1:10" x14ac:dyDescent="0.35">
      <c r="A394" s="5" t="s">
        <v>10</v>
      </c>
      <c r="B394" s="6">
        <v>234718</v>
      </c>
      <c r="C394" s="6" t="s">
        <v>24</v>
      </c>
      <c r="D394" s="6" t="s">
        <v>137</v>
      </c>
      <c r="E394" s="6">
        <v>15238</v>
      </c>
      <c r="F394" s="6" t="s">
        <v>18</v>
      </c>
      <c r="G394" s="6" t="s">
        <v>959</v>
      </c>
      <c r="H394" s="6" t="s">
        <v>960</v>
      </c>
      <c r="I394" s="7">
        <v>5.8297704000000001</v>
      </c>
      <c r="J394" s="8">
        <v>-73.033766</v>
      </c>
    </row>
    <row r="395" spans="1:10" x14ac:dyDescent="0.35">
      <c r="A395" s="5" t="s">
        <v>10</v>
      </c>
      <c r="B395" s="6">
        <v>242821</v>
      </c>
      <c r="C395" s="6" t="s">
        <v>24</v>
      </c>
      <c r="D395" s="6" t="s">
        <v>85</v>
      </c>
      <c r="E395" s="6">
        <v>15759</v>
      </c>
      <c r="F395" s="6" t="s">
        <v>18</v>
      </c>
      <c r="G395" s="6" t="s">
        <v>961</v>
      </c>
      <c r="H395" s="6" t="s">
        <v>962</v>
      </c>
      <c r="I395" s="7">
        <v>5.7153692999999999</v>
      </c>
      <c r="J395" s="8">
        <v>-72.943963100000005</v>
      </c>
    </row>
    <row r="396" spans="1:10" x14ac:dyDescent="0.35">
      <c r="A396" s="5" t="s">
        <v>10</v>
      </c>
      <c r="B396" s="6">
        <v>212371</v>
      </c>
      <c r="C396" s="6" t="s">
        <v>28</v>
      </c>
      <c r="D396" s="6" t="s">
        <v>29</v>
      </c>
      <c r="E396" s="6">
        <v>54001</v>
      </c>
      <c r="F396" s="6" t="s">
        <v>18</v>
      </c>
      <c r="G396" s="6" t="s">
        <v>963</v>
      </c>
      <c r="H396" s="6" t="s">
        <v>964</v>
      </c>
      <c r="I396" s="7">
        <v>7.8905984</v>
      </c>
      <c r="J396" s="8">
        <v>-72.474262199999998</v>
      </c>
    </row>
    <row r="397" spans="1:10" x14ac:dyDescent="0.35">
      <c r="A397" s="5" t="s">
        <v>10</v>
      </c>
      <c r="B397" s="6">
        <v>230772</v>
      </c>
      <c r="C397" s="6" t="s">
        <v>42</v>
      </c>
      <c r="D397" s="6" t="s">
        <v>43</v>
      </c>
      <c r="E397" s="6">
        <v>17001</v>
      </c>
      <c r="F397" s="6" t="s">
        <v>18</v>
      </c>
      <c r="G397" s="6" t="s">
        <v>965</v>
      </c>
      <c r="H397" s="6" t="s">
        <v>966</v>
      </c>
      <c r="I397" s="7">
        <v>5.0438774999999998</v>
      </c>
      <c r="J397" s="8">
        <v>-75.500796199999996</v>
      </c>
    </row>
    <row r="398" spans="1:10" x14ac:dyDescent="0.35">
      <c r="A398" s="5" t="s">
        <v>10</v>
      </c>
      <c r="B398" s="6">
        <v>235551</v>
      </c>
      <c r="C398" s="6" t="s">
        <v>94</v>
      </c>
      <c r="D398" s="6" t="s">
        <v>98</v>
      </c>
      <c r="E398" s="6">
        <v>66001</v>
      </c>
      <c r="F398" s="6" t="s">
        <v>18</v>
      </c>
      <c r="G398" s="6" t="s">
        <v>967</v>
      </c>
      <c r="H398" s="6" t="s">
        <v>968</v>
      </c>
      <c r="I398" s="7">
        <v>4.8161766999999998</v>
      </c>
      <c r="J398" s="8">
        <v>-75.693574900000002</v>
      </c>
    </row>
    <row r="399" spans="1:10" x14ac:dyDescent="0.35">
      <c r="A399" s="5" t="s">
        <v>10</v>
      </c>
      <c r="B399" s="6">
        <v>235457</v>
      </c>
      <c r="C399" s="6" t="s">
        <v>61</v>
      </c>
      <c r="D399" s="6" t="s">
        <v>62</v>
      </c>
      <c r="E399" s="6">
        <v>63001</v>
      </c>
      <c r="F399" s="6" t="s">
        <v>18</v>
      </c>
      <c r="G399" s="6" t="s">
        <v>969</v>
      </c>
      <c r="H399" s="6" t="s">
        <v>970</v>
      </c>
      <c r="I399" s="7">
        <v>4.5394879000000001</v>
      </c>
      <c r="J399" s="8">
        <v>-75.667545700000005</v>
      </c>
    </row>
    <row r="400" spans="1:10" x14ac:dyDescent="0.35">
      <c r="A400" s="5" t="s">
        <v>10</v>
      </c>
      <c r="B400" s="6">
        <v>236713</v>
      </c>
      <c r="C400" s="6" t="s">
        <v>94</v>
      </c>
      <c r="D400" s="6" t="s">
        <v>98</v>
      </c>
      <c r="E400" s="6">
        <v>66001</v>
      </c>
      <c r="F400" s="6" t="s">
        <v>18</v>
      </c>
      <c r="G400" s="6" t="s">
        <v>971</v>
      </c>
      <c r="H400" s="6" t="s">
        <v>972</v>
      </c>
      <c r="I400" s="7">
        <v>4.9827300000000001</v>
      </c>
      <c r="J400" s="8">
        <v>-75.605260000000001</v>
      </c>
    </row>
    <row r="401" spans="1:10" x14ac:dyDescent="0.35">
      <c r="A401" s="5" t="s">
        <v>10</v>
      </c>
      <c r="B401" s="6">
        <v>236892</v>
      </c>
      <c r="C401" s="6" t="s">
        <v>24</v>
      </c>
      <c r="D401" s="6" t="s">
        <v>882</v>
      </c>
      <c r="E401" s="6">
        <v>15189</v>
      </c>
      <c r="F401" s="6" t="s">
        <v>18</v>
      </c>
      <c r="G401" s="6" t="s">
        <v>973</v>
      </c>
      <c r="H401" s="6" t="s">
        <v>974</v>
      </c>
      <c r="I401" s="7">
        <v>5.4083429000000001</v>
      </c>
      <c r="J401" s="8">
        <v>-73.295250600000003</v>
      </c>
    </row>
    <row r="402" spans="1:10" x14ac:dyDescent="0.35">
      <c r="A402" s="5" t="s">
        <v>10</v>
      </c>
      <c r="B402" s="6">
        <v>228825</v>
      </c>
      <c r="C402" s="6" t="s">
        <v>11</v>
      </c>
      <c r="D402" s="6" t="s">
        <v>337</v>
      </c>
      <c r="E402" s="6">
        <v>25290</v>
      </c>
      <c r="F402" s="6" t="s">
        <v>18</v>
      </c>
      <c r="G402" s="6" t="s">
        <v>975</v>
      </c>
      <c r="H402" s="6" t="s">
        <v>976</v>
      </c>
      <c r="I402" s="7">
        <v>4.3467000000000002</v>
      </c>
      <c r="J402" s="8">
        <v>-74.357719000000003</v>
      </c>
    </row>
    <row r="403" spans="1:10" x14ac:dyDescent="0.35">
      <c r="A403" s="5" t="s">
        <v>10</v>
      </c>
      <c r="B403" s="6">
        <v>184971</v>
      </c>
      <c r="C403" s="6" t="s">
        <v>551</v>
      </c>
      <c r="D403" s="6" t="s">
        <v>977</v>
      </c>
      <c r="E403" s="6">
        <v>20011</v>
      </c>
      <c r="F403" s="6" t="s">
        <v>18</v>
      </c>
      <c r="G403" s="6" t="s">
        <v>978</v>
      </c>
      <c r="H403" s="6" t="s">
        <v>979</v>
      </c>
      <c r="I403" s="7">
        <v>8.3097458999999994</v>
      </c>
      <c r="J403" s="8">
        <v>-73.614487099999906</v>
      </c>
    </row>
    <row r="404" spans="1:10" x14ac:dyDescent="0.35">
      <c r="A404" s="5" t="s">
        <v>10</v>
      </c>
      <c r="B404" s="6">
        <v>180760</v>
      </c>
      <c r="C404" s="6" t="s">
        <v>24</v>
      </c>
      <c r="D404" s="6" t="s">
        <v>137</v>
      </c>
      <c r="E404" s="6">
        <v>15238</v>
      </c>
      <c r="F404" s="6" t="s">
        <v>18</v>
      </c>
      <c r="G404" s="6" t="s">
        <v>980</v>
      </c>
      <c r="H404" s="6" t="s">
        <v>981</v>
      </c>
      <c r="I404" s="7">
        <v>5.5983899999999904</v>
      </c>
      <c r="J404" s="8">
        <v>-73.813279999999907</v>
      </c>
    </row>
    <row r="405" spans="1:10" x14ac:dyDescent="0.35">
      <c r="A405" s="5" t="s">
        <v>10</v>
      </c>
      <c r="B405" s="6">
        <v>183385</v>
      </c>
      <c r="C405" s="6" t="s">
        <v>24</v>
      </c>
      <c r="D405" s="6" t="s">
        <v>982</v>
      </c>
      <c r="E405" s="6">
        <v>15106</v>
      </c>
      <c r="F405" s="6" t="s">
        <v>18</v>
      </c>
      <c r="G405" s="6" t="s">
        <v>983</v>
      </c>
      <c r="H405" s="6" t="s">
        <v>984</v>
      </c>
      <c r="I405" s="7">
        <v>5.6900249999999897</v>
      </c>
      <c r="J405" s="8">
        <v>-73.922879999999907</v>
      </c>
    </row>
    <row r="406" spans="1:10" x14ac:dyDescent="0.35">
      <c r="A406" s="5" t="s">
        <v>10</v>
      </c>
      <c r="B406" s="6">
        <v>245296</v>
      </c>
      <c r="C406" s="6" t="s">
        <v>24</v>
      </c>
      <c r="D406" s="6" t="s">
        <v>985</v>
      </c>
      <c r="E406" s="6">
        <v>15224</v>
      </c>
      <c r="F406" s="6" t="s">
        <v>18</v>
      </c>
      <c r="G406" s="6" t="s">
        <v>986</v>
      </c>
      <c r="H406" s="6" t="s">
        <v>987</v>
      </c>
      <c r="I406" s="7">
        <v>5.5449662000000002</v>
      </c>
      <c r="J406" s="8">
        <v>-73.455488700000004</v>
      </c>
    </row>
    <row r="407" spans="1:10" x14ac:dyDescent="0.35">
      <c r="A407" s="5" t="s">
        <v>10</v>
      </c>
      <c r="B407" s="6">
        <v>239336</v>
      </c>
      <c r="C407" s="6" t="s">
        <v>24</v>
      </c>
      <c r="D407" s="6" t="s">
        <v>137</v>
      </c>
      <c r="E407" s="6">
        <v>15238</v>
      </c>
      <c r="F407" s="6" t="s">
        <v>18</v>
      </c>
      <c r="G407" s="6" t="s">
        <v>988</v>
      </c>
      <c r="H407" s="6" t="s">
        <v>989</v>
      </c>
      <c r="I407" s="7">
        <v>5.8130107000000004</v>
      </c>
      <c r="J407" s="8">
        <v>-73.031447900000003</v>
      </c>
    </row>
    <row r="408" spans="1:10" x14ac:dyDescent="0.35">
      <c r="A408" s="5" t="s">
        <v>10</v>
      </c>
      <c r="B408" s="6">
        <v>232365</v>
      </c>
      <c r="C408" s="6" t="s">
        <v>28</v>
      </c>
      <c r="D408" s="6" t="s">
        <v>29</v>
      </c>
      <c r="E408" s="6">
        <v>54001</v>
      </c>
      <c r="F408" s="6" t="s">
        <v>18</v>
      </c>
      <c r="G408" s="6" t="s">
        <v>990</v>
      </c>
      <c r="H408" s="6" t="s">
        <v>991</v>
      </c>
      <c r="I408" s="7">
        <v>7.8832402000000004</v>
      </c>
      <c r="J408" s="8">
        <v>-72.501599200000001</v>
      </c>
    </row>
    <row r="409" spans="1:10" x14ac:dyDescent="0.35">
      <c r="A409" s="5" t="s">
        <v>10</v>
      </c>
      <c r="B409" s="6">
        <v>235034</v>
      </c>
      <c r="C409" s="6" t="s">
        <v>117</v>
      </c>
      <c r="D409" s="6" t="s">
        <v>992</v>
      </c>
      <c r="E409" s="6">
        <v>76736</v>
      </c>
      <c r="F409" s="6" t="s">
        <v>18</v>
      </c>
      <c r="G409" s="6" t="s">
        <v>993</v>
      </c>
      <c r="H409" s="6" t="s">
        <v>994</v>
      </c>
      <c r="I409" s="7">
        <v>4.2652710999999996</v>
      </c>
      <c r="J409" s="8">
        <v>-75.933882199999999</v>
      </c>
    </row>
    <row r="410" spans="1:10" x14ac:dyDescent="0.35">
      <c r="A410" s="5" t="s">
        <v>10</v>
      </c>
      <c r="B410" s="6">
        <v>231983</v>
      </c>
      <c r="C410" s="6" t="s">
        <v>68</v>
      </c>
      <c r="D410" s="6" t="s">
        <v>69</v>
      </c>
      <c r="E410" s="6">
        <v>11001</v>
      </c>
      <c r="F410" s="6" t="s">
        <v>18</v>
      </c>
      <c r="G410" s="6" t="s">
        <v>995</v>
      </c>
      <c r="H410" s="6" t="s">
        <v>996</v>
      </c>
      <c r="I410" s="7">
        <v>4.7498570000000004</v>
      </c>
      <c r="J410" s="8">
        <v>-74.108575999999999</v>
      </c>
    </row>
    <row r="411" spans="1:10" x14ac:dyDescent="0.35">
      <c r="A411" s="5" t="s">
        <v>10</v>
      </c>
      <c r="B411" s="6">
        <v>134495</v>
      </c>
      <c r="C411" s="6" t="s">
        <v>11</v>
      </c>
      <c r="D411" s="6" t="s">
        <v>997</v>
      </c>
      <c r="E411" s="6">
        <v>25599</v>
      </c>
      <c r="F411" s="6" t="s">
        <v>18</v>
      </c>
      <c r="G411" s="6" t="s">
        <v>998</v>
      </c>
      <c r="H411" s="6" t="s">
        <v>999</v>
      </c>
      <c r="I411" s="7">
        <v>4.5213019999999897</v>
      </c>
      <c r="J411" s="8">
        <v>-74.593705999999997</v>
      </c>
    </row>
    <row r="412" spans="1:10" x14ac:dyDescent="0.35">
      <c r="A412" s="5" t="s">
        <v>10</v>
      </c>
      <c r="B412" s="6">
        <v>178784</v>
      </c>
      <c r="C412" s="6" t="s">
        <v>11</v>
      </c>
      <c r="D412" s="6" t="s">
        <v>1000</v>
      </c>
      <c r="E412" s="6">
        <v>25123</v>
      </c>
      <c r="F412" s="6" t="s">
        <v>18</v>
      </c>
      <c r="G412" s="6" t="s">
        <v>1001</v>
      </c>
      <c r="H412" s="6" t="s">
        <v>1002</v>
      </c>
      <c r="I412" s="7">
        <v>5.2667400000000004</v>
      </c>
      <c r="J412" s="8">
        <v>-74.566720000000004</v>
      </c>
    </row>
    <row r="413" spans="1:10" x14ac:dyDescent="0.35">
      <c r="A413" s="5" t="s">
        <v>10</v>
      </c>
      <c r="B413" s="6">
        <v>209009</v>
      </c>
      <c r="C413" s="6" t="s">
        <v>24</v>
      </c>
      <c r="D413" s="6" t="s">
        <v>88</v>
      </c>
      <c r="E413" s="6">
        <v>15001</v>
      </c>
      <c r="F413" s="6" t="s">
        <v>18</v>
      </c>
      <c r="G413" s="6" t="s">
        <v>1003</v>
      </c>
      <c r="H413" s="6" t="s">
        <v>1004</v>
      </c>
      <c r="I413" s="7">
        <v>5.5410230999999897</v>
      </c>
      <c r="J413" s="8">
        <v>-73.359792900000002</v>
      </c>
    </row>
    <row r="414" spans="1:10" x14ac:dyDescent="0.35">
      <c r="A414" s="5" t="s">
        <v>10</v>
      </c>
      <c r="B414" s="6">
        <v>245406</v>
      </c>
      <c r="C414" s="6" t="s">
        <v>28</v>
      </c>
      <c r="D414" s="6" t="s">
        <v>29</v>
      </c>
      <c r="E414" s="6">
        <v>54001</v>
      </c>
      <c r="F414" s="6" t="s">
        <v>18</v>
      </c>
      <c r="G414" s="6" t="s">
        <v>1005</v>
      </c>
      <c r="H414" s="6" t="s">
        <v>1006</v>
      </c>
      <c r="I414" s="7">
        <v>7.8832808999999999</v>
      </c>
      <c r="J414" s="8">
        <v>-72.500401400000001</v>
      </c>
    </row>
    <row r="415" spans="1:10" x14ac:dyDescent="0.35">
      <c r="A415" s="5" t="s">
        <v>10</v>
      </c>
      <c r="B415" s="6">
        <v>246263</v>
      </c>
      <c r="C415" s="6" t="s">
        <v>28</v>
      </c>
      <c r="D415" s="6" t="s">
        <v>322</v>
      </c>
      <c r="E415" s="6">
        <v>54405</v>
      </c>
      <c r="F415" s="6" t="s">
        <v>18</v>
      </c>
      <c r="G415" s="6" t="s">
        <v>1007</v>
      </c>
      <c r="H415" s="6" t="s">
        <v>1008</v>
      </c>
      <c r="I415" s="7">
        <v>7.8331989999999996</v>
      </c>
      <c r="J415" s="8">
        <v>-72.504391999999996</v>
      </c>
    </row>
    <row r="416" spans="1:10" x14ac:dyDescent="0.35">
      <c r="A416" s="5" t="s">
        <v>10</v>
      </c>
      <c r="B416" s="6">
        <v>235877</v>
      </c>
      <c r="C416" s="6" t="s">
        <v>94</v>
      </c>
      <c r="D416" s="6" t="s">
        <v>95</v>
      </c>
      <c r="E416" s="6">
        <v>66170</v>
      </c>
      <c r="F416" s="6" t="s">
        <v>18</v>
      </c>
      <c r="G416" s="6" t="s">
        <v>1009</v>
      </c>
      <c r="H416" s="6" t="s">
        <v>1010</v>
      </c>
      <c r="I416" s="7">
        <v>4.8147916000000004</v>
      </c>
      <c r="J416" s="8">
        <v>-75.688764300000003</v>
      </c>
    </row>
    <row r="417" spans="1:10" x14ac:dyDescent="0.35">
      <c r="A417" s="5" t="s">
        <v>10</v>
      </c>
      <c r="B417" s="6">
        <v>238577</v>
      </c>
      <c r="C417" s="6" t="s">
        <v>42</v>
      </c>
      <c r="D417" s="6" t="s">
        <v>46</v>
      </c>
      <c r="E417" s="6">
        <v>17174</v>
      </c>
      <c r="F417" s="6" t="s">
        <v>18</v>
      </c>
      <c r="G417" s="6" t="s">
        <v>1011</v>
      </c>
      <c r="H417" s="6" t="s">
        <v>1012</v>
      </c>
      <c r="I417" s="7">
        <v>10.4248695</v>
      </c>
      <c r="J417" s="8">
        <v>-75.546882400000001</v>
      </c>
    </row>
    <row r="418" spans="1:10" x14ac:dyDescent="0.35">
      <c r="A418" s="5" t="s">
        <v>10</v>
      </c>
      <c r="B418" s="6">
        <v>228812</v>
      </c>
      <c r="C418" s="6" t="s">
        <v>68</v>
      </c>
      <c r="D418" s="6" t="s">
        <v>69</v>
      </c>
      <c r="E418" s="6">
        <v>11001</v>
      </c>
      <c r="F418" s="6" t="s">
        <v>18</v>
      </c>
      <c r="G418" s="6" t="s">
        <v>1013</v>
      </c>
      <c r="H418" s="6" t="s">
        <v>1014</v>
      </c>
      <c r="I418" s="7">
        <v>4.6835684999999998</v>
      </c>
      <c r="J418" s="8">
        <v>-74.090980200000004</v>
      </c>
    </row>
    <row r="419" spans="1:10" x14ac:dyDescent="0.35">
      <c r="A419" s="5" t="s">
        <v>10</v>
      </c>
      <c r="B419" s="6">
        <v>207155</v>
      </c>
      <c r="C419" s="6" t="s">
        <v>55</v>
      </c>
      <c r="D419" s="6" t="s">
        <v>56</v>
      </c>
      <c r="E419" s="6">
        <v>73001</v>
      </c>
      <c r="F419" s="6" t="s">
        <v>18</v>
      </c>
      <c r="G419" s="6" t="s">
        <v>1015</v>
      </c>
      <c r="H419" s="6" t="s">
        <v>1016</v>
      </c>
      <c r="I419" s="7">
        <v>4.4228417999999996</v>
      </c>
      <c r="J419" s="8">
        <v>-75.191386999999906</v>
      </c>
    </row>
    <row r="420" spans="1:10" x14ac:dyDescent="0.35">
      <c r="A420" s="5" t="s">
        <v>10</v>
      </c>
      <c r="B420" s="6">
        <v>181193</v>
      </c>
      <c r="C420" s="6" t="s">
        <v>55</v>
      </c>
      <c r="D420" s="6" t="s">
        <v>56</v>
      </c>
      <c r="E420" s="6">
        <v>73001</v>
      </c>
      <c r="F420" s="6" t="s">
        <v>18</v>
      </c>
      <c r="G420" s="6" t="s">
        <v>1017</v>
      </c>
      <c r="H420" s="6" t="s">
        <v>1018</v>
      </c>
      <c r="I420" s="7">
        <v>4.4505290000000004</v>
      </c>
      <c r="J420" s="8">
        <v>-75.200468900000004</v>
      </c>
    </row>
    <row r="421" spans="1:10" x14ac:dyDescent="0.35">
      <c r="A421" s="5" t="s">
        <v>10</v>
      </c>
      <c r="B421" s="6">
        <v>227842</v>
      </c>
      <c r="C421" s="6" t="s">
        <v>55</v>
      </c>
      <c r="D421" s="6" t="s">
        <v>56</v>
      </c>
      <c r="E421" s="6">
        <v>73001</v>
      </c>
      <c r="F421" s="6" t="s">
        <v>18</v>
      </c>
      <c r="G421" s="6" t="s">
        <v>1019</v>
      </c>
      <c r="H421" s="6" t="s">
        <v>1020</v>
      </c>
      <c r="I421" s="7">
        <v>4.4540408999999999</v>
      </c>
      <c r="J421" s="8">
        <v>-75.250784999999993</v>
      </c>
    </row>
    <row r="422" spans="1:10" x14ac:dyDescent="0.35">
      <c r="A422" s="5" t="s">
        <v>10</v>
      </c>
      <c r="B422" s="6">
        <v>239846</v>
      </c>
      <c r="C422" s="6" t="s">
        <v>24</v>
      </c>
      <c r="D422" s="6" t="s">
        <v>88</v>
      </c>
      <c r="E422" s="6">
        <v>15001</v>
      </c>
      <c r="F422" s="6" t="s">
        <v>18</v>
      </c>
      <c r="G422" s="6" t="s">
        <v>1021</v>
      </c>
      <c r="H422" s="6" t="s">
        <v>1022</v>
      </c>
      <c r="I422" s="7">
        <v>5.5225078999999999</v>
      </c>
      <c r="J422" s="8">
        <v>-73.363372400000003</v>
      </c>
    </row>
    <row r="423" spans="1:10" x14ac:dyDescent="0.35">
      <c r="A423" s="5" t="s">
        <v>10</v>
      </c>
      <c r="B423" s="6">
        <v>246929</v>
      </c>
      <c r="C423" s="6" t="s">
        <v>24</v>
      </c>
      <c r="D423" s="6" t="s">
        <v>85</v>
      </c>
      <c r="E423" s="6">
        <v>15759</v>
      </c>
      <c r="F423" s="6" t="s">
        <v>18</v>
      </c>
      <c r="G423" s="6" t="s">
        <v>1023</v>
      </c>
      <c r="H423" s="6" t="s">
        <v>1024</v>
      </c>
      <c r="I423" s="7">
        <v>5.6884126999999998</v>
      </c>
      <c r="J423" s="8">
        <v>-72.947847899999999</v>
      </c>
    </row>
    <row r="424" spans="1:10" x14ac:dyDescent="0.35">
      <c r="A424" s="5" t="s">
        <v>10</v>
      </c>
      <c r="B424" s="6">
        <v>243672</v>
      </c>
      <c r="C424" s="6" t="s">
        <v>24</v>
      </c>
      <c r="D424" s="6" t="s">
        <v>1025</v>
      </c>
      <c r="E424" s="6">
        <v>15097</v>
      </c>
      <c r="F424" s="6" t="s">
        <v>18</v>
      </c>
      <c r="G424" s="6" t="s">
        <v>1026</v>
      </c>
      <c r="H424" s="6" t="s">
        <v>1027</v>
      </c>
      <c r="I424" s="7">
        <v>6.3310654</v>
      </c>
      <c r="J424" s="8">
        <v>-72.585931900000006</v>
      </c>
    </row>
    <row r="425" spans="1:10" x14ac:dyDescent="0.35">
      <c r="A425" s="5" t="s">
        <v>10</v>
      </c>
      <c r="B425" s="6">
        <v>237324</v>
      </c>
      <c r="C425" s="6" t="s">
        <v>24</v>
      </c>
      <c r="D425" s="6" t="s">
        <v>1028</v>
      </c>
      <c r="E425" s="6">
        <v>15299</v>
      </c>
      <c r="F425" s="6" t="s">
        <v>18</v>
      </c>
      <c r="G425" s="6" t="s">
        <v>1029</v>
      </c>
      <c r="H425" s="6" t="s">
        <v>1030</v>
      </c>
      <c r="I425" s="7">
        <v>5.0840781000000002</v>
      </c>
      <c r="J425" s="8">
        <v>-73.364362099999994</v>
      </c>
    </row>
    <row r="426" spans="1:10" x14ac:dyDescent="0.35">
      <c r="A426" s="5" t="s">
        <v>10</v>
      </c>
      <c r="B426" s="6">
        <v>244673</v>
      </c>
      <c r="C426" s="6" t="s">
        <v>28</v>
      </c>
      <c r="D426" s="6" t="s">
        <v>322</v>
      </c>
      <c r="E426" s="6">
        <v>54405</v>
      </c>
      <c r="F426" s="6" t="s">
        <v>18</v>
      </c>
      <c r="G426" s="6" t="s">
        <v>1031</v>
      </c>
      <c r="H426" s="6" t="s">
        <v>752</v>
      </c>
      <c r="I426" s="7">
        <v>5.8262888000000004</v>
      </c>
      <c r="J426" s="8">
        <v>-73.026222700000005</v>
      </c>
    </row>
    <row r="427" spans="1:10" x14ac:dyDescent="0.35">
      <c r="A427" s="5" t="s">
        <v>10</v>
      </c>
      <c r="B427" s="6">
        <v>219149</v>
      </c>
      <c r="C427" s="6" t="s">
        <v>42</v>
      </c>
      <c r="D427" s="6" t="s">
        <v>212</v>
      </c>
      <c r="E427" s="6">
        <v>17495</v>
      </c>
      <c r="F427" s="6" t="s">
        <v>18</v>
      </c>
      <c r="G427" s="6" t="s">
        <v>1032</v>
      </c>
      <c r="H427" s="6" t="s">
        <v>1033</v>
      </c>
      <c r="I427" s="7">
        <v>2.4405233000000002</v>
      </c>
      <c r="J427" s="8">
        <v>-76.608055399999998</v>
      </c>
    </row>
    <row r="428" spans="1:10" x14ac:dyDescent="0.35">
      <c r="A428" s="5" t="s">
        <v>10</v>
      </c>
      <c r="B428" s="6">
        <v>240178</v>
      </c>
      <c r="C428" s="6" t="s">
        <v>61</v>
      </c>
      <c r="D428" s="6" t="s">
        <v>121</v>
      </c>
      <c r="E428" s="6">
        <v>63130</v>
      </c>
      <c r="F428" s="6" t="s">
        <v>18</v>
      </c>
      <c r="G428" s="6" t="s">
        <v>1034</v>
      </c>
      <c r="H428" s="6" t="s">
        <v>1035</v>
      </c>
      <c r="I428" s="7">
        <v>4.5309767000000001</v>
      </c>
      <c r="J428" s="8">
        <v>-75.640197700000002</v>
      </c>
    </row>
    <row r="429" spans="1:10" x14ac:dyDescent="0.35">
      <c r="A429" s="5" t="s">
        <v>10</v>
      </c>
      <c r="B429" s="6">
        <v>234280</v>
      </c>
      <c r="C429" s="6" t="s">
        <v>42</v>
      </c>
      <c r="D429" s="6" t="s">
        <v>396</v>
      </c>
      <c r="E429" s="6">
        <v>17380</v>
      </c>
      <c r="F429" s="6" t="s">
        <v>18</v>
      </c>
      <c r="G429" s="6" t="s">
        <v>1036</v>
      </c>
      <c r="H429" s="6" t="s">
        <v>1037</v>
      </c>
      <c r="I429" s="7">
        <v>5.4234812999999997</v>
      </c>
      <c r="J429" s="8">
        <v>-74.725849600000004</v>
      </c>
    </row>
    <row r="430" spans="1:10" x14ac:dyDescent="0.35">
      <c r="A430" s="5" t="s">
        <v>10</v>
      </c>
      <c r="B430" s="6">
        <v>165815</v>
      </c>
      <c r="C430" s="6" t="s">
        <v>11</v>
      </c>
      <c r="D430" s="6" t="s">
        <v>159</v>
      </c>
      <c r="E430" s="6">
        <v>25175</v>
      </c>
      <c r="F430" s="6" t="s">
        <v>18</v>
      </c>
      <c r="G430" s="6" t="s">
        <v>262</v>
      </c>
      <c r="H430" s="6" t="s">
        <v>1038</v>
      </c>
      <c r="I430" s="7">
        <v>4.8419217000000003</v>
      </c>
      <c r="J430" s="8">
        <v>-74.068671800000004</v>
      </c>
    </row>
    <row r="431" spans="1:10" x14ac:dyDescent="0.35">
      <c r="A431" s="5" t="s">
        <v>10</v>
      </c>
      <c r="B431" s="6">
        <v>232643</v>
      </c>
      <c r="C431" s="6" t="s">
        <v>109</v>
      </c>
      <c r="D431" s="6" t="s">
        <v>1039</v>
      </c>
      <c r="E431" s="6">
        <v>13468</v>
      </c>
      <c r="F431" s="6" t="s">
        <v>18</v>
      </c>
      <c r="G431" s="6" t="s">
        <v>1040</v>
      </c>
      <c r="H431" s="6" t="s">
        <v>1041</v>
      </c>
      <c r="I431" s="7">
        <v>9.2396547000000009</v>
      </c>
      <c r="J431" s="8">
        <v>-74.425444499999998</v>
      </c>
    </row>
    <row r="432" spans="1:10" x14ac:dyDescent="0.35">
      <c r="A432" s="5" t="s">
        <v>10</v>
      </c>
      <c r="B432" s="6">
        <v>187768</v>
      </c>
      <c r="C432" s="6" t="s">
        <v>55</v>
      </c>
      <c r="D432" s="6" t="s">
        <v>56</v>
      </c>
      <c r="E432" s="6">
        <v>73001</v>
      </c>
      <c r="F432" s="6" t="s">
        <v>18</v>
      </c>
      <c r="G432" s="6" t="s">
        <v>1042</v>
      </c>
      <c r="H432" s="6" t="s">
        <v>1043</v>
      </c>
      <c r="I432" s="7">
        <v>4.4364450999999896</v>
      </c>
      <c r="J432" s="8">
        <v>-75.170390599999905</v>
      </c>
    </row>
    <row r="433" spans="1:10" x14ac:dyDescent="0.35">
      <c r="A433" s="5" t="s">
        <v>10</v>
      </c>
      <c r="B433" s="6">
        <v>207989</v>
      </c>
      <c r="C433" s="6" t="s">
        <v>24</v>
      </c>
      <c r="D433" s="6" t="s">
        <v>88</v>
      </c>
      <c r="E433" s="6">
        <v>15001</v>
      </c>
      <c r="F433" s="6" t="s">
        <v>18</v>
      </c>
      <c r="G433" s="6" t="s">
        <v>1044</v>
      </c>
      <c r="H433" s="6" t="s">
        <v>1045</v>
      </c>
      <c r="I433" s="7">
        <v>5.5711338000000001</v>
      </c>
      <c r="J433" s="8">
        <v>-73.340791299999907</v>
      </c>
    </row>
    <row r="434" spans="1:10" x14ac:dyDescent="0.35">
      <c r="A434" s="5" t="s">
        <v>10</v>
      </c>
      <c r="B434" s="6">
        <v>243891</v>
      </c>
      <c r="C434" s="6" t="s">
        <v>28</v>
      </c>
      <c r="D434" s="6" t="s">
        <v>1046</v>
      </c>
      <c r="E434" s="6">
        <v>54599</v>
      </c>
      <c r="F434" s="6" t="s">
        <v>18</v>
      </c>
      <c r="G434" s="6" t="s">
        <v>1047</v>
      </c>
      <c r="H434" s="6" t="s">
        <v>1048</v>
      </c>
      <c r="I434" s="7">
        <v>7.5787567999999998</v>
      </c>
      <c r="J434" s="8">
        <v>-72.476576199999997</v>
      </c>
    </row>
    <row r="435" spans="1:10" x14ac:dyDescent="0.35">
      <c r="A435" s="5" t="s">
        <v>10</v>
      </c>
      <c r="B435" s="6">
        <v>212121</v>
      </c>
      <c r="C435" s="6" t="s">
        <v>28</v>
      </c>
      <c r="D435" s="6" t="s">
        <v>29</v>
      </c>
      <c r="E435" s="6">
        <v>54001</v>
      </c>
      <c r="F435" s="6" t="s">
        <v>18</v>
      </c>
      <c r="G435" s="6" t="s">
        <v>1049</v>
      </c>
      <c r="H435" s="6" t="s">
        <v>1050</v>
      </c>
      <c r="I435" s="7">
        <v>7.9099469999999998</v>
      </c>
      <c r="J435" s="8">
        <v>-72.474452299999996</v>
      </c>
    </row>
    <row r="436" spans="1:10" x14ac:dyDescent="0.35">
      <c r="A436" s="5" t="s">
        <v>10</v>
      </c>
      <c r="B436" s="6">
        <v>210320</v>
      </c>
      <c r="C436" s="6" t="s">
        <v>42</v>
      </c>
      <c r="D436" s="6" t="s">
        <v>396</v>
      </c>
      <c r="E436" s="6">
        <v>17380</v>
      </c>
      <c r="F436" s="6" t="s">
        <v>18</v>
      </c>
      <c r="G436" s="6" t="s">
        <v>1051</v>
      </c>
      <c r="H436" s="6" t="s">
        <v>1052</v>
      </c>
      <c r="I436" s="7">
        <v>5.4436977999999998</v>
      </c>
      <c r="J436" s="8">
        <v>-74.659419</v>
      </c>
    </row>
    <row r="437" spans="1:10" x14ac:dyDescent="0.35">
      <c r="A437" s="5" t="s">
        <v>10</v>
      </c>
      <c r="B437" s="6">
        <v>224004</v>
      </c>
      <c r="C437" s="6" t="s">
        <v>42</v>
      </c>
      <c r="D437" s="6" t="s">
        <v>396</v>
      </c>
      <c r="E437" s="6">
        <v>17380</v>
      </c>
      <c r="F437" s="6" t="s">
        <v>18</v>
      </c>
      <c r="G437" s="6" t="s">
        <v>1053</v>
      </c>
      <c r="H437" s="6" t="s">
        <v>1054</v>
      </c>
      <c r="I437" s="7">
        <v>5.4774646999999996</v>
      </c>
      <c r="J437" s="8">
        <v>-74.674239799999995</v>
      </c>
    </row>
    <row r="438" spans="1:10" x14ac:dyDescent="0.35">
      <c r="A438" s="5" t="s">
        <v>10</v>
      </c>
      <c r="B438" s="6">
        <v>216677</v>
      </c>
      <c r="C438" s="6" t="s">
        <v>94</v>
      </c>
      <c r="D438" s="6" t="s">
        <v>242</v>
      </c>
      <c r="E438" s="6">
        <v>66682</v>
      </c>
      <c r="F438" s="6" t="s">
        <v>18</v>
      </c>
      <c r="G438" s="6" t="s">
        <v>1055</v>
      </c>
      <c r="H438" s="6" t="s">
        <v>1056</v>
      </c>
      <c r="I438" s="7">
        <v>4.8703551999999997</v>
      </c>
      <c r="J438" s="8">
        <v>-75.623266999999998</v>
      </c>
    </row>
    <row r="439" spans="1:10" x14ac:dyDescent="0.35">
      <c r="A439" s="5" t="s">
        <v>10</v>
      </c>
      <c r="B439" s="6">
        <v>216739</v>
      </c>
      <c r="C439" s="6" t="s">
        <v>55</v>
      </c>
      <c r="D439" s="6" t="s">
        <v>56</v>
      </c>
      <c r="E439" s="6">
        <v>73001</v>
      </c>
      <c r="F439" s="6" t="s">
        <v>18</v>
      </c>
      <c r="G439" s="6" t="s">
        <v>1057</v>
      </c>
      <c r="H439" s="6" t="s">
        <v>1058</v>
      </c>
      <c r="I439" s="7">
        <v>4.3961769999999998</v>
      </c>
      <c r="J439" s="8">
        <v>-75.144424200000003</v>
      </c>
    </row>
    <row r="440" spans="1:10" x14ac:dyDescent="0.35">
      <c r="A440" s="5" t="s">
        <v>10</v>
      </c>
      <c r="B440" s="6">
        <v>229887</v>
      </c>
      <c r="C440" s="6" t="s">
        <v>28</v>
      </c>
      <c r="D440" s="6" t="s">
        <v>29</v>
      </c>
      <c r="E440" s="6">
        <v>54001</v>
      </c>
      <c r="F440" s="6" t="s">
        <v>18</v>
      </c>
      <c r="G440" s="6" t="s">
        <v>1059</v>
      </c>
      <c r="H440" s="6" t="s">
        <v>1060</v>
      </c>
      <c r="I440" s="7">
        <v>7.8195252000000002</v>
      </c>
      <c r="J440" s="8">
        <v>-72.514670300000006</v>
      </c>
    </row>
    <row r="441" spans="1:10" x14ac:dyDescent="0.35">
      <c r="A441" s="5" t="s">
        <v>10</v>
      </c>
      <c r="B441" s="6">
        <v>235253</v>
      </c>
      <c r="C441" s="6" t="s">
        <v>55</v>
      </c>
      <c r="D441" s="6" t="s">
        <v>1061</v>
      </c>
      <c r="E441" s="6">
        <v>73030</v>
      </c>
      <c r="F441" s="6" t="s">
        <v>18</v>
      </c>
      <c r="G441" s="6" t="s">
        <v>1062</v>
      </c>
      <c r="H441" s="6" t="s">
        <v>1063</v>
      </c>
      <c r="I441" s="7">
        <v>4.7811779000000003</v>
      </c>
      <c r="J441" s="8">
        <v>-74.7644588</v>
      </c>
    </row>
    <row r="442" spans="1:10" x14ac:dyDescent="0.35">
      <c r="A442" s="5" t="s">
        <v>10</v>
      </c>
      <c r="B442" s="6">
        <v>247346</v>
      </c>
      <c r="C442" s="6" t="s">
        <v>42</v>
      </c>
      <c r="D442" s="6" t="s">
        <v>43</v>
      </c>
      <c r="E442" s="6">
        <v>17001</v>
      </c>
      <c r="F442" s="6" t="s">
        <v>18</v>
      </c>
      <c r="G442" s="6" t="s">
        <v>1064</v>
      </c>
      <c r="H442" s="6" t="s">
        <v>1065</v>
      </c>
      <c r="I442" s="7">
        <v>6.0774299999999997</v>
      </c>
      <c r="J442" s="8">
        <v>-75.032480000000007</v>
      </c>
    </row>
    <row r="443" spans="1:10" x14ac:dyDescent="0.35">
      <c r="A443" s="5" t="s">
        <v>10</v>
      </c>
      <c r="B443" s="6">
        <v>167805</v>
      </c>
      <c r="C443" s="6" t="s">
        <v>42</v>
      </c>
      <c r="D443" s="6" t="s">
        <v>1066</v>
      </c>
      <c r="E443" s="6">
        <v>17653</v>
      </c>
      <c r="F443" s="6" t="s">
        <v>18</v>
      </c>
      <c r="G443" s="6" t="s">
        <v>1067</v>
      </c>
      <c r="H443" s="6" t="s">
        <v>1068</v>
      </c>
      <c r="I443" s="7">
        <v>5.4023539999999999</v>
      </c>
      <c r="J443" s="8">
        <v>-75.486468000000002</v>
      </c>
    </row>
    <row r="444" spans="1:10" x14ac:dyDescent="0.35">
      <c r="A444" s="5" t="s">
        <v>10</v>
      </c>
      <c r="B444" s="6">
        <v>199693</v>
      </c>
      <c r="C444" s="6" t="s">
        <v>68</v>
      </c>
      <c r="D444" s="6" t="s">
        <v>69</v>
      </c>
      <c r="E444" s="6">
        <v>11001</v>
      </c>
      <c r="F444" s="6" t="s">
        <v>13</v>
      </c>
      <c r="G444" s="6" t="s">
        <v>785</v>
      </c>
      <c r="H444" s="6" t="s">
        <v>786</v>
      </c>
      <c r="I444" s="7">
        <v>4.6036903000000002</v>
      </c>
      <c r="J444" s="8">
        <v>-74.189706700000002</v>
      </c>
    </row>
    <row r="445" spans="1:10" x14ac:dyDescent="0.35">
      <c r="A445" s="5" t="s">
        <v>10</v>
      </c>
      <c r="B445" s="6">
        <v>230878</v>
      </c>
      <c r="C445" s="6" t="s">
        <v>16</v>
      </c>
      <c r="D445" s="6" t="s">
        <v>17</v>
      </c>
      <c r="E445" s="6">
        <v>68679</v>
      </c>
      <c r="F445" s="6" t="s">
        <v>18</v>
      </c>
      <c r="G445" s="6" t="s">
        <v>1069</v>
      </c>
      <c r="H445" s="6" t="s">
        <v>1070</v>
      </c>
      <c r="I445" s="7">
        <v>6.5623848000000002</v>
      </c>
      <c r="J445" s="8">
        <v>-73.137254299999995</v>
      </c>
    </row>
    <row r="446" spans="1:10" x14ac:dyDescent="0.35">
      <c r="A446" s="5" t="s">
        <v>10</v>
      </c>
      <c r="B446" s="6">
        <v>190462</v>
      </c>
      <c r="C446" s="6" t="s">
        <v>24</v>
      </c>
      <c r="D446" s="6" t="s">
        <v>137</v>
      </c>
      <c r="E446" s="6">
        <v>15238</v>
      </c>
      <c r="F446" s="6" t="s">
        <v>18</v>
      </c>
      <c r="G446" s="6" t="s">
        <v>1071</v>
      </c>
      <c r="H446" s="6" t="s">
        <v>1072</v>
      </c>
      <c r="I446" s="7">
        <v>5.8253781999999896</v>
      </c>
      <c r="J446" s="8">
        <v>-73.046061999999907</v>
      </c>
    </row>
    <row r="447" spans="1:10" x14ac:dyDescent="0.35">
      <c r="A447" s="5" t="s">
        <v>10</v>
      </c>
      <c r="B447" s="6">
        <v>176587</v>
      </c>
      <c r="C447" s="6" t="s">
        <v>28</v>
      </c>
      <c r="D447" s="6" t="s">
        <v>352</v>
      </c>
      <c r="E447" s="6">
        <v>54261</v>
      </c>
      <c r="F447" s="6" t="s">
        <v>18</v>
      </c>
      <c r="G447" s="6" t="s">
        <v>1073</v>
      </c>
      <c r="H447" s="6" t="s">
        <v>1074</v>
      </c>
      <c r="I447" s="7">
        <v>7.87696959999999</v>
      </c>
      <c r="J447" s="8">
        <v>-72.499075699999906</v>
      </c>
    </row>
    <row r="448" spans="1:10" x14ac:dyDescent="0.35">
      <c r="A448" s="5" t="s">
        <v>10</v>
      </c>
      <c r="B448" s="6">
        <v>202714</v>
      </c>
      <c r="C448" s="6" t="s">
        <v>28</v>
      </c>
      <c r="D448" s="6" t="s">
        <v>29</v>
      </c>
      <c r="E448" s="6">
        <v>54001</v>
      </c>
      <c r="F448" s="6" t="s">
        <v>18</v>
      </c>
      <c r="G448" s="6" t="s">
        <v>1075</v>
      </c>
      <c r="H448" s="6" t="s">
        <v>1076</v>
      </c>
      <c r="I448" s="7">
        <v>7.9298503</v>
      </c>
      <c r="J448" s="8">
        <v>-72.502482299999997</v>
      </c>
    </row>
    <row r="449" spans="1:10" x14ac:dyDescent="0.35">
      <c r="A449" s="5" t="s">
        <v>10</v>
      </c>
      <c r="B449" s="6">
        <v>141689</v>
      </c>
      <c r="C449" s="6" t="s">
        <v>11</v>
      </c>
      <c r="D449" s="6" t="s">
        <v>407</v>
      </c>
      <c r="E449" s="6">
        <v>25126</v>
      </c>
      <c r="F449" s="6" t="s">
        <v>13</v>
      </c>
      <c r="G449" s="6" t="s">
        <v>408</v>
      </c>
      <c r="H449" s="6" t="s">
        <v>409</v>
      </c>
      <c r="I449" s="7">
        <v>4.9167299</v>
      </c>
      <c r="J449" s="8">
        <v>-74.025903999999997</v>
      </c>
    </row>
    <row r="450" spans="1:10" x14ac:dyDescent="0.35">
      <c r="A450" s="5" t="s">
        <v>10</v>
      </c>
      <c r="B450" s="6">
        <v>208230</v>
      </c>
      <c r="C450" s="6" t="s">
        <v>55</v>
      </c>
      <c r="D450" s="6" t="s">
        <v>56</v>
      </c>
      <c r="E450" s="6">
        <v>73001</v>
      </c>
      <c r="F450" s="6" t="s">
        <v>18</v>
      </c>
      <c r="G450" s="6" t="s">
        <v>1077</v>
      </c>
      <c r="H450" s="6" t="s">
        <v>1078</v>
      </c>
      <c r="I450" s="7">
        <v>4.4404218000000002</v>
      </c>
      <c r="J450" s="8">
        <v>-75.170875699999996</v>
      </c>
    </row>
    <row r="451" spans="1:10" x14ac:dyDescent="0.35">
      <c r="A451" s="5" t="s">
        <v>10</v>
      </c>
      <c r="B451" s="6">
        <v>122577</v>
      </c>
      <c r="C451" s="6" t="s">
        <v>24</v>
      </c>
      <c r="D451" s="6" t="s">
        <v>1079</v>
      </c>
      <c r="E451" s="6">
        <v>15476</v>
      </c>
      <c r="F451" s="6" t="s">
        <v>18</v>
      </c>
      <c r="G451" s="6" t="s">
        <v>1080</v>
      </c>
      <c r="H451" s="6" t="s">
        <v>1081</v>
      </c>
      <c r="I451" s="7">
        <v>5.577547</v>
      </c>
      <c r="J451" s="8">
        <v>-73.368185999999994</v>
      </c>
    </row>
    <row r="452" spans="1:10" x14ac:dyDescent="0.35">
      <c r="A452" s="5" t="s">
        <v>10</v>
      </c>
      <c r="B452" s="6">
        <v>206253</v>
      </c>
      <c r="C452" s="6" t="s">
        <v>28</v>
      </c>
      <c r="D452" s="6" t="s">
        <v>29</v>
      </c>
      <c r="E452" s="6">
        <v>54001</v>
      </c>
      <c r="F452" s="6" t="s">
        <v>18</v>
      </c>
      <c r="G452" s="6" t="s">
        <v>1082</v>
      </c>
      <c r="H452" s="6" t="s">
        <v>1083</v>
      </c>
      <c r="I452" s="7">
        <v>7.8750421999999896</v>
      </c>
      <c r="J452" s="8">
        <v>-72.507946199999907</v>
      </c>
    </row>
    <row r="453" spans="1:10" x14ac:dyDescent="0.35">
      <c r="A453" s="5" t="s">
        <v>10</v>
      </c>
      <c r="B453" s="6">
        <v>236494</v>
      </c>
      <c r="C453" s="6" t="s">
        <v>94</v>
      </c>
      <c r="D453" s="6" t="s">
        <v>98</v>
      </c>
      <c r="E453" s="6">
        <v>66001</v>
      </c>
      <c r="F453" s="6" t="s">
        <v>18</v>
      </c>
      <c r="G453" s="6" t="s">
        <v>1084</v>
      </c>
      <c r="H453" s="6" t="s">
        <v>1085</v>
      </c>
      <c r="I453" s="7">
        <v>4.8035132000000003</v>
      </c>
      <c r="J453" s="8">
        <v>-75.684225900000001</v>
      </c>
    </row>
    <row r="454" spans="1:10" x14ac:dyDescent="0.35">
      <c r="A454" s="5" t="s">
        <v>10</v>
      </c>
      <c r="B454" s="6">
        <v>173726</v>
      </c>
      <c r="C454" s="6" t="s">
        <v>457</v>
      </c>
      <c r="D454" s="6" t="s">
        <v>1086</v>
      </c>
      <c r="E454" s="6">
        <v>52356</v>
      </c>
      <c r="F454" s="6" t="s">
        <v>13</v>
      </c>
      <c r="G454" s="6" t="s">
        <v>1087</v>
      </c>
      <c r="H454" s="6" t="s">
        <v>1088</v>
      </c>
      <c r="I454" s="7">
        <v>0.82333540000000005</v>
      </c>
      <c r="J454" s="8">
        <v>-77.636089200000001</v>
      </c>
    </row>
    <row r="455" spans="1:10" x14ac:dyDescent="0.35">
      <c r="A455" s="5" t="s">
        <v>10</v>
      </c>
      <c r="B455" s="6">
        <v>180545</v>
      </c>
      <c r="C455" s="6" t="s">
        <v>11</v>
      </c>
      <c r="D455" s="6" t="s">
        <v>12</v>
      </c>
      <c r="E455" s="6">
        <v>25899</v>
      </c>
      <c r="F455" s="6" t="s">
        <v>13</v>
      </c>
      <c r="G455" s="6" t="s">
        <v>14</v>
      </c>
      <c r="H455" s="6" t="s">
        <v>15</v>
      </c>
      <c r="I455" s="7">
        <v>5.0247472999999996</v>
      </c>
      <c r="J455" s="8">
        <v>-74.002766100000002</v>
      </c>
    </row>
    <row r="456" spans="1:10" x14ac:dyDescent="0.35">
      <c r="A456" s="5" t="s">
        <v>10</v>
      </c>
      <c r="B456" s="6">
        <v>218082</v>
      </c>
      <c r="C456" s="6" t="s">
        <v>68</v>
      </c>
      <c r="D456" s="6" t="s">
        <v>69</v>
      </c>
      <c r="E456" s="6">
        <v>11001</v>
      </c>
      <c r="F456" s="6" t="s">
        <v>13</v>
      </c>
      <c r="G456" s="6" t="s">
        <v>1089</v>
      </c>
      <c r="H456" s="6" t="s">
        <v>1090</v>
      </c>
      <c r="I456" s="7">
        <v>4.6328515000000001</v>
      </c>
      <c r="J456" s="8">
        <v>-74.079854400000002</v>
      </c>
    </row>
    <row r="457" spans="1:10" x14ac:dyDescent="0.35">
      <c r="A457" s="5" t="s">
        <v>10</v>
      </c>
      <c r="B457" s="6">
        <v>222492</v>
      </c>
      <c r="C457" s="6" t="s">
        <v>16</v>
      </c>
      <c r="D457" s="6" t="s">
        <v>1091</v>
      </c>
      <c r="E457" s="6">
        <v>68217</v>
      </c>
      <c r="F457" s="6" t="s">
        <v>18</v>
      </c>
      <c r="G457" s="6" t="s">
        <v>1092</v>
      </c>
      <c r="H457" s="6" t="s">
        <v>1093</v>
      </c>
      <c r="I457" s="7">
        <v>6.2956924999999897</v>
      </c>
      <c r="J457" s="8">
        <v>-73.040438399999999</v>
      </c>
    </row>
    <row r="458" spans="1:10" x14ac:dyDescent="0.35">
      <c r="A458" s="5" t="s">
        <v>10</v>
      </c>
      <c r="B458" s="6">
        <v>239583</v>
      </c>
      <c r="C458" s="6" t="s">
        <v>55</v>
      </c>
      <c r="D458" s="6" t="s">
        <v>56</v>
      </c>
      <c r="E458" s="6">
        <v>73001</v>
      </c>
      <c r="F458" s="6" t="s">
        <v>18</v>
      </c>
      <c r="G458" s="6" t="s">
        <v>1094</v>
      </c>
      <c r="H458" s="6" t="s">
        <v>1095</v>
      </c>
      <c r="I458" s="7">
        <v>4.4457969000000004</v>
      </c>
      <c r="J458" s="8">
        <v>-75.232951</v>
      </c>
    </row>
    <row r="459" spans="1:10" x14ac:dyDescent="0.35">
      <c r="A459" s="5" t="s">
        <v>10</v>
      </c>
      <c r="B459" s="6">
        <v>187785</v>
      </c>
      <c r="C459" s="6" t="s">
        <v>55</v>
      </c>
      <c r="D459" s="6" t="s">
        <v>165</v>
      </c>
      <c r="E459" s="6">
        <v>73449</v>
      </c>
      <c r="F459" s="6" t="s">
        <v>18</v>
      </c>
      <c r="G459" s="6" t="s">
        <v>1096</v>
      </c>
      <c r="H459" s="6" t="s">
        <v>1097</v>
      </c>
      <c r="I459" s="7">
        <v>4.2033923</v>
      </c>
      <c r="J459" s="8">
        <v>-74.644107300000002</v>
      </c>
    </row>
    <row r="460" spans="1:10" x14ac:dyDescent="0.35">
      <c r="A460" s="5" t="s">
        <v>10</v>
      </c>
      <c r="B460" s="6">
        <v>242840</v>
      </c>
      <c r="C460" s="6" t="s">
        <v>24</v>
      </c>
      <c r="D460" s="6" t="s">
        <v>25</v>
      </c>
      <c r="E460" s="6">
        <v>15322</v>
      </c>
      <c r="F460" s="6" t="s">
        <v>18</v>
      </c>
      <c r="G460" s="6" t="s">
        <v>1098</v>
      </c>
      <c r="H460" s="6" t="s">
        <v>1099</v>
      </c>
      <c r="I460" s="7">
        <v>5.0074171999999999</v>
      </c>
      <c r="J460" s="8">
        <v>-73.472459400000005</v>
      </c>
    </row>
    <row r="461" spans="1:10" x14ac:dyDescent="0.35">
      <c r="A461" s="5" t="s">
        <v>10</v>
      </c>
      <c r="B461" s="6">
        <v>237683</v>
      </c>
      <c r="C461" s="6" t="s">
        <v>24</v>
      </c>
      <c r="D461" s="6" t="s">
        <v>88</v>
      </c>
      <c r="E461" s="6">
        <v>15001</v>
      </c>
      <c r="F461" s="6" t="s">
        <v>18</v>
      </c>
      <c r="G461" s="6" t="s">
        <v>1100</v>
      </c>
      <c r="H461" s="6" t="s">
        <v>1101</v>
      </c>
      <c r="I461" s="7">
        <v>5.5208925000000004</v>
      </c>
      <c r="J461" s="8">
        <v>-73.367201699999995</v>
      </c>
    </row>
    <row r="462" spans="1:10" x14ac:dyDescent="0.35">
      <c r="A462" s="5" t="s">
        <v>10</v>
      </c>
      <c r="B462" s="6">
        <v>212896</v>
      </c>
      <c r="C462" s="6" t="s">
        <v>28</v>
      </c>
      <c r="D462" s="6" t="s">
        <v>29</v>
      </c>
      <c r="E462" s="6">
        <v>54001</v>
      </c>
      <c r="F462" s="6" t="s">
        <v>18</v>
      </c>
      <c r="G462" s="6" t="s">
        <v>1102</v>
      </c>
      <c r="H462" s="6" t="s">
        <v>1103</v>
      </c>
      <c r="I462" s="7">
        <v>7.8896482999999904</v>
      </c>
      <c r="J462" s="8">
        <v>-72.485155800000001</v>
      </c>
    </row>
    <row r="463" spans="1:10" x14ac:dyDescent="0.35">
      <c r="A463" s="5" t="s">
        <v>10</v>
      </c>
      <c r="B463" s="6">
        <v>237761</v>
      </c>
      <c r="C463" s="6" t="s">
        <v>42</v>
      </c>
      <c r="D463" s="6" t="s">
        <v>1104</v>
      </c>
      <c r="E463" s="6">
        <v>17272</v>
      </c>
      <c r="F463" s="6" t="s">
        <v>18</v>
      </c>
      <c r="G463" s="6" t="s">
        <v>1105</v>
      </c>
      <c r="H463" s="6" t="s">
        <v>1106</v>
      </c>
      <c r="I463" s="7">
        <v>5.2958109999999996</v>
      </c>
      <c r="J463" s="8">
        <v>-75.561345099999997</v>
      </c>
    </row>
    <row r="464" spans="1:10" x14ac:dyDescent="0.35">
      <c r="A464" s="5" t="s">
        <v>10</v>
      </c>
      <c r="B464" s="6">
        <v>98812</v>
      </c>
      <c r="C464" s="6" t="s">
        <v>294</v>
      </c>
      <c r="D464" s="6" t="s">
        <v>1107</v>
      </c>
      <c r="E464" s="6">
        <v>41006</v>
      </c>
      <c r="F464" s="6" t="s">
        <v>13</v>
      </c>
      <c r="G464" s="6" t="s">
        <v>544</v>
      </c>
      <c r="H464" s="6" t="s">
        <v>1108</v>
      </c>
      <c r="I464" s="7">
        <v>1.8036711000000001</v>
      </c>
      <c r="J464" s="8">
        <v>-75.891885900000005</v>
      </c>
    </row>
    <row r="465" spans="1:10" x14ac:dyDescent="0.35">
      <c r="A465" s="5" t="s">
        <v>10</v>
      </c>
      <c r="B465" s="6">
        <v>172042</v>
      </c>
      <c r="C465" s="6" t="s">
        <v>24</v>
      </c>
      <c r="D465" s="6" t="s">
        <v>88</v>
      </c>
      <c r="E465" s="6">
        <v>15001</v>
      </c>
      <c r="F465" s="6" t="s">
        <v>18</v>
      </c>
      <c r="G465" s="6" t="s">
        <v>1109</v>
      </c>
      <c r="H465" s="6" t="s">
        <v>1110</v>
      </c>
      <c r="I465" s="7">
        <v>5.5446422000000002</v>
      </c>
      <c r="J465" s="8">
        <v>-73.357557200000002</v>
      </c>
    </row>
    <row r="466" spans="1:10" x14ac:dyDescent="0.35">
      <c r="A466" s="5" t="s">
        <v>10</v>
      </c>
      <c r="B466" s="6">
        <v>172096</v>
      </c>
      <c r="C466" s="6" t="s">
        <v>24</v>
      </c>
      <c r="D466" s="6" t="s">
        <v>814</v>
      </c>
      <c r="E466" s="6">
        <v>15469</v>
      </c>
      <c r="F466" s="6" t="s">
        <v>18</v>
      </c>
      <c r="G466" s="6" t="s">
        <v>1111</v>
      </c>
      <c r="H466" s="6" t="s">
        <v>1112</v>
      </c>
      <c r="I466" s="7">
        <v>5.8772028000000001</v>
      </c>
      <c r="J466" s="8">
        <v>-73.572279799999905</v>
      </c>
    </row>
    <row r="467" spans="1:10" x14ac:dyDescent="0.35">
      <c r="A467" s="5" t="s">
        <v>10</v>
      </c>
      <c r="B467" s="6">
        <v>233299</v>
      </c>
      <c r="C467" s="6" t="s">
        <v>24</v>
      </c>
      <c r="D467" s="6" t="s">
        <v>1113</v>
      </c>
      <c r="E467" s="6">
        <v>15183</v>
      </c>
      <c r="F467" s="6" t="s">
        <v>18</v>
      </c>
      <c r="G467" s="6" t="s">
        <v>1114</v>
      </c>
      <c r="H467" s="6" t="s">
        <v>1115</v>
      </c>
      <c r="I467" s="7">
        <v>6.1858500000000003</v>
      </c>
      <c r="J467" s="8">
        <v>-72.470920000000007</v>
      </c>
    </row>
    <row r="468" spans="1:10" x14ac:dyDescent="0.35">
      <c r="A468" s="5" t="s">
        <v>10</v>
      </c>
      <c r="B468" s="6">
        <v>238844</v>
      </c>
      <c r="C468" s="6" t="s">
        <v>24</v>
      </c>
      <c r="D468" s="6" t="s">
        <v>1116</v>
      </c>
      <c r="E468" s="6">
        <v>15325</v>
      </c>
      <c r="F468" s="6" t="s">
        <v>18</v>
      </c>
      <c r="G468" s="6" t="s">
        <v>1117</v>
      </c>
      <c r="H468" s="6" t="s">
        <v>1118</v>
      </c>
      <c r="I468" s="7">
        <v>4.9647022999999999</v>
      </c>
      <c r="J468" s="8">
        <v>-73.490545800000007</v>
      </c>
    </row>
    <row r="469" spans="1:10" x14ac:dyDescent="0.35">
      <c r="A469" s="5" t="s">
        <v>10</v>
      </c>
      <c r="B469" s="6">
        <v>243821</v>
      </c>
      <c r="C469" s="6" t="s">
        <v>28</v>
      </c>
      <c r="D469" s="6" t="s">
        <v>29</v>
      </c>
      <c r="E469" s="6">
        <v>54001</v>
      </c>
      <c r="F469" s="6" t="s">
        <v>18</v>
      </c>
      <c r="G469" s="6" t="s">
        <v>1119</v>
      </c>
      <c r="H469" s="6" t="s">
        <v>1120</v>
      </c>
      <c r="I469" s="7">
        <v>7.8943306</v>
      </c>
      <c r="J469" s="8">
        <v>-72.510495700000007</v>
      </c>
    </row>
    <row r="470" spans="1:10" x14ac:dyDescent="0.35">
      <c r="A470" s="5" t="s">
        <v>10</v>
      </c>
      <c r="B470" s="6">
        <v>243900</v>
      </c>
      <c r="C470" s="6" t="s">
        <v>28</v>
      </c>
      <c r="D470" s="6" t="s">
        <v>49</v>
      </c>
      <c r="E470" s="6">
        <v>54498</v>
      </c>
      <c r="F470" s="6" t="s">
        <v>18</v>
      </c>
      <c r="G470" s="6" t="s">
        <v>1121</v>
      </c>
      <c r="H470" s="6" t="s">
        <v>1122</v>
      </c>
      <c r="I470" s="7">
        <v>8.2329298000000009</v>
      </c>
      <c r="J470" s="8">
        <v>-73.354095400000006</v>
      </c>
    </row>
    <row r="471" spans="1:10" x14ac:dyDescent="0.35">
      <c r="A471" s="5" t="s">
        <v>10</v>
      </c>
      <c r="B471" s="6">
        <v>206161</v>
      </c>
      <c r="C471" s="6" t="s">
        <v>28</v>
      </c>
      <c r="D471" s="6" t="s">
        <v>29</v>
      </c>
      <c r="E471" s="6">
        <v>54001</v>
      </c>
      <c r="F471" s="6" t="s">
        <v>18</v>
      </c>
      <c r="G471" s="6" t="s">
        <v>1123</v>
      </c>
      <c r="H471" s="6" t="s">
        <v>1124</v>
      </c>
      <c r="I471" s="7">
        <v>7.9481643999999996</v>
      </c>
      <c r="J471" s="8">
        <v>-72.519438999999906</v>
      </c>
    </row>
    <row r="472" spans="1:10" x14ac:dyDescent="0.35">
      <c r="A472" s="5" t="s">
        <v>10</v>
      </c>
      <c r="B472" s="6">
        <v>239089</v>
      </c>
      <c r="C472" s="6" t="s">
        <v>61</v>
      </c>
      <c r="D472" s="6" t="s">
        <v>62</v>
      </c>
      <c r="E472" s="6">
        <v>63001</v>
      </c>
      <c r="F472" s="6" t="s">
        <v>18</v>
      </c>
      <c r="G472" s="6" t="s">
        <v>1125</v>
      </c>
      <c r="H472" s="6" t="s">
        <v>1126</v>
      </c>
      <c r="I472" s="7">
        <v>4.5376503000000001</v>
      </c>
      <c r="J472" s="8">
        <v>-75.666587800000002</v>
      </c>
    </row>
    <row r="473" spans="1:10" x14ac:dyDescent="0.35">
      <c r="A473" s="5" t="s">
        <v>10</v>
      </c>
      <c r="B473" s="6">
        <v>141686</v>
      </c>
      <c r="C473" s="6" t="s">
        <v>11</v>
      </c>
      <c r="D473" s="6" t="s">
        <v>106</v>
      </c>
      <c r="E473" s="6">
        <v>25843</v>
      </c>
      <c r="F473" s="6" t="s">
        <v>13</v>
      </c>
      <c r="G473" s="6" t="s">
        <v>1127</v>
      </c>
      <c r="H473" s="6" t="s">
        <v>1128</v>
      </c>
      <c r="I473" s="7">
        <v>5.3078042999999999</v>
      </c>
      <c r="J473" s="8">
        <v>-73.816911200000007</v>
      </c>
    </row>
    <row r="474" spans="1:10" x14ac:dyDescent="0.35">
      <c r="A474" s="5" t="s">
        <v>10</v>
      </c>
      <c r="B474" s="6">
        <v>211722</v>
      </c>
      <c r="C474" s="6" t="s">
        <v>16</v>
      </c>
      <c r="D474" s="6" t="s">
        <v>1129</v>
      </c>
      <c r="E474" s="6">
        <v>68498</v>
      </c>
      <c r="F474" s="6" t="s">
        <v>18</v>
      </c>
      <c r="G474" s="6" t="s">
        <v>1130</v>
      </c>
      <c r="H474" s="6" t="s">
        <v>1131</v>
      </c>
      <c r="I474" s="7">
        <v>6.3397799999999904</v>
      </c>
      <c r="J474" s="8">
        <v>-73.122163</v>
      </c>
    </row>
    <row r="475" spans="1:10" x14ac:dyDescent="0.35">
      <c r="A475" s="5" t="s">
        <v>10</v>
      </c>
      <c r="B475" s="6">
        <v>222165</v>
      </c>
      <c r="C475" s="6" t="s">
        <v>109</v>
      </c>
      <c r="D475" s="6" t="s">
        <v>658</v>
      </c>
      <c r="E475" s="6">
        <v>13836</v>
      </c>
      <c r="F475" s="6" t="s">
        <v>18</v>
      </c>
      <c r="G475" s="6" t="s">
        <v>1132</v>
      </c>
      <c r="H475" s="6" t="s">
        <v>1133</v>
      </c>
      <c r="I475" s="7">
        <v>10.332827200000001</v>
      </c>
      <c r="J475" s="8">
        <v>-75.401127500000001</v>
      </c>
    </row>
    <row r="476" spans="1:10" x14ac:dyDescent="0.35">
      <c r="A476" s="5" t="s">
        <v>10</v>
      </c>
      <c r="B476" s="6">
        <v>232382</v>
      </c>
      <c r="C476" s="6" t="s">
        <v>109</v>
      </c>
      <c r="D476" s="6" t="s">
        <v>227</v>
      </c>
      <c r="E476" s="6">
        <v>13001</v>
      </c>
      <c r="F476" s="6" t="s">
        <v>18</v>
      </c>
      <c r="G476" s="6" t="s">
        <v>1134</v>
      </c>
      <c r="H476" s="6" t="s">
        <v>1135</v>
      </c>
      <c r="I476" s="7">
        <v>10.415263599999999</v>
      </c>
      <c r="J476" s="8">
        <v>-75.460474899999994</v>
      </c>
    </row>
    <row r="477" spans="1:10" x14ac:dyDescent="0.35">
      <c r="A477" s="5" t="s">
        <v>10</v>
      </c>
      <c r="B477" s="6">
        <v>206184</v>
      </c>
      <c r="C477" s="6" t="s">
        <v>55</v>
      </c>
      <c r="D477" s="6" t="s">
        <v>1136</v>
      </c>
      <c r="E477" s="6">
        <v>73483</v>
      </c>
      <c r="F477" s="6" t="s">
        <v>18</v>
      </c>
      <c r="G477" s="6" t="s">
        <v>1137</v>
      </c>
      <c r="H477" s="6" t="s">
        <v>1138</v>
      </c>
      <c r="I477" s="7">
        <v>10.4229301</v>
      </c>
      <c r="J477" s="8">
        <v>-75.550232399999999</v>
      </c>
    </row>
    <row r="478" spans="1:10" x14ac:dyDescent="0.35">
      <c r="A478" s="5" t="s">
        <v>10</v>
      </c>
      <c r="B478" s="6">
        <v>182325</v>
      </c>
      <c r="C478" s="6" t="s">
        <v>55</v>
      </c>
      <c r="D478" s="6" t="s">
        <v>573</v>
      </c>
      <c r="E478" s="6">
        <v>73026</v>
      </c>
      <c r="F478" s="6" t="s">
        <v>18</v>
      </c>
      <c r="G478" s="6" t="s">
        <v>1139</v>
      </c>
      <c r="H478" s="6" t="s">
        <v>1140</v>
      </c>
      <c r="I478" s="7">
        <v>4.4494904000000002</v>
      </c>
      <c r="J478" s="8">
        <v>-75.247313899999995</v>
      </c>
    </row>
    <row r="479" spans="1:10" x14ac:dyDescent="0.35">
      <c r="A479" s="5" t="s">
        <v>10</v>
      </c>
      <c r="B479" s="6">
        <v>238287</v>
      </c>
      <c r="C479" s="6" t="s">
        <v>24</v>
      </c>
      <c r="D479" s="6" t="s">
        <v>1141</v>
      </c>
      <c r="E479" s="6">
        <v>15763</v>
      </c>
      <c r="F479" s="6" t="s">
        <v>18</v>
      </c>
      <c r="G479" s="6" t="s">
        <v>1142</v>
      </c>
      <c r="H479" s="6" t="s">
        <v>1143</v>
      </c>
      <c r="I479" s="7">
        <v>5.7652882999999999</v>
      </c>
      <c r="J479" s="8">
        <v>-73.248079300000001</v>
      </c>
    </row>
    <row r="480" spans="1:10" x14ac:dyDescent="0.35">
      <c r="A480" s="5" t="s">
        <v>10</v>
      </c>
      <c r="B480" s="6">
        <v>235778</v>
      </c>
      <c r="C480" s="6" t="s">
        <v>28</v>
      </c>
      <c r="D480" s="6" t="s">
        <v>29</v>
      </c>
      <c r="E480" s="6">
        <v>54001</v>
      </c>
      <c r="F480" s="6" t="s">
        <v>18</v>
      </c>
      <c r="G480" s="6" t="s">
        <v>1144</v>
      </c>
      <c r="H480" s="6" t="s">
        <v>1145</v>
      </c>
      <c r="I480" s="7">
        <v>7.9186819000000002</v>
      </c>
      <c r="J480" s="8">
        <v>-72.525930500000001</v>
      </c>
    </row>
    <row r="481" spans="1:10" x14ac:dyDescent="0.35">
      <c r="A481" s="5" t="s">
        <v>10</v>
      </c>
      <c r="B481" s="6">
        <v>227054</v>
      </c>
      <c r="C481" s="6" t="s">
        <v>42</v>
      </c>
      <c r="D481" s="6" t="s">
        <v>46</v>
      </c>
      <c r="E481" s="6">
        <v>17174</v>
      </c>
      <c r="F481" s="6" t="s">
        <v>18</v>
      </c>
      <c r="G481" s="6" t="s">
        <v>1146</v>
      </c>
      <c r="H481" s="6" t="s">
        <v>1147</v>
      </c>
      <c r="I481" s="7">
        <v>4.9845385000000002</v>
      </c>
      <c r="J481" s="8">
        <v>-75.605859100000004</v>
      </c>
    </row>
    <row r="482" spans="1:10" x14ac:dyDescent="0.35">
      <c r="A482" s="5" t="s">
        <v>10</v>
      </c>
      <c r="B482" s="6">
        <v>188301</v>
      </c>
      <c r="C482" s="6" t="s">
        <v>16</v>
      </c>
      <c r="D482" s="6" t="s">
        <v>1148</v>
      </c>
      <c r="E482" s="6">
        <v>68673</v>
      </c>
      <c r="F482" s="6" t="s">
        <v>18</v>
      </c>
      <c r="G482" s="6" t="s">
        <v>1149</v>
      </c>
      <c r="H482" s="6" t="s">
        <v>1150</v>
      </c>
      <c r="I482" s="7">
        <v>6.1274259000000004</v>
      </c>
      <c r="J482" s="8">
        <v>-73.509400999999997</v>
      </c>
    </row>
    <row r="483" spans="1:10" x14ac:dyDescent="0.35">
      <c r="A483" s="5" t="s">
        <v>10</v>
      </c>
      <c r="B483" s="6">
        <v>190063</v>
      </c>
      <c r="C483" s="6" t="s">
        <v>55</v>
      </c>
      <c r="D483" s="6" t="s">
        <v>1151</v>
      </c>
      <c r="E483" s="6">
        <v>73349</v>
      </c>
      <c r="F483" s="6" t="s">
        <v>18</v>
      </c>
      <c r="G483" s="6" t="s">
        <v>1152</v>
      </c>
      <c r="H483" s="6" t="s">
        <v>1153</v>
      </c>
      <c r="I483" s="7">
        <v>5.2072097999999896</v>
      </c>
      <c r="J483" s="8">
        <v>-74.736324099999905</v>
      </c>
    </row>
    <row r="484" spans="1:10" x14ac:dyDescent="0.35">
      <c r="A484" s="5" t="s">
        <v>10</v>
      </c>
      <c r="B484" s="6">
        <v>233229</v>
      </c>
      <c r="C484" s="6" t="s">
        <v>24</v>
      </c>
      <c r="D484" s="6" t="s">
        <v>137</v>
      </c>
      <c r="E484" s="6">
        <v>15238</v>
      </c>
      <c r="F484" s="6" t="s">
        <v>18</v>
      </c>
      <c r="G484" s="6" t="s">
        <v>1154</v>
      </c>
      <c r="H484" s="6" t="s">
        <v>1155</v>
      </c>
      <c r="I484" s="7">
        <v>5.8266799999999996</v>
      </c>
      <c r="J484" s="8">
        <v>-73.032700000000006</v>
      </c>
    </row>
    <row r="485" spans="1:10" x14ac:dyDescent="0.35">
      <c r="A485" s="5" t="s">
        <v>10</v>
      </c>
      <c r="B485" s="6">
        <v>242803</v>
      </c>
      <c r="C485" s="6" t="s">
        <v>24</v>
      </c>
      <c r="D485" s="6" t="s">
        <v>85</v>
      </c>
      <c r="E485" s="6">
        <v>15759</v>
      </c>
      <c r="F485" s="6" t="s">
        <v>18</v>
      </c>
      <c r="G485" s="6" t="s">
        <v>1156</v>
      </c>
      <c r="H485" s="6" t="s">
        <v>1157</v>
      </c>
      <c r="I485" s="7">
        <v>5.7097778000000003</v>
      </c>
      <c r="J485" s="8">
        <v>-72.935902100000007</v>
      </c>
    </row>
    <row r="486" spans="1:10" x14ac:dyDescent="0.35">
      <c r="A486" s="5" t="s">
        <v>10</v>
      </c>
      <c r="B486" s="6">
        <v>233731</v>
      </c>
      <c r="C486" s="6" t="s">
        <v>28</v>
      </c>
      <c r="D486" s="6" t="s">
        <v>29</v>
      </c>
      <c r="E486" s="6">
        <v>54001</v>
      </c>
      <c r="F486" s="6" t="s">
        <v>18</v>
      </c>
      <c r="G486" s="6" t="s">
        <v>1158</v>
      </c>
      <c r="H486" s="6" t="s">
        <v>1159</v>
      </c>
      <c r="I486" s="7">
        <v>7.8842699999999999</v>
      </c>
      <c r="J486" s="8">
        <v>-72.51146</v>
      </c>
    </row>
    <row r="487" spans="1:10" x14ac:dyDescent="0.35">
      <c r="A487" s="5" t="s">
        <v>10</v>
      </c>
      <c r="B487" s="6">
        <v>235549</v>
      </c>
      <c r="C487" s="6" t="s">
        <v>42</v>
      </c>
      <c r="D487" s="6" t="s">
        <v>43</v>
      </c>
      <c r="E487" s="6">
        <v>17001</v>
      </c>
      <c r="F487" s="6" t="s">
        <v>18</v>
      </c>
      <c r="G487" s="6" t="s">
        <v>1160</v>
      </c>
      <c r="H487" s="6" t="s">
        <v>1161</v>
      </c>
      <c r="I487" s="7">
        <v>5.0594802000000003</v>
      </c>
      <c r="J487" s="8">
        <v>-75.474769699999996</v>
      </c>
    </row>
    <row r="488" spans="1:10" x14ac:dyDescent="0.35">
      <c r="A488" s="5" t="s">
        <v>10</v>
      </c>
      <c r="B488" s="6">
        <v>235581</v>
      </c>
      <c r="C488" s="6" t="s">
        <v>55</v>
      </c>
      <c r="D488" s="6" t="s">
        <v>1162</v>
      </c>
      <c r="E488" s="6">
        <v>73411</v>
      </c>
      <c r="F488" s="6" t="s">
        <v>18</v>
      </c>
      <c r="G488" s="6" t="s">
        <v>1163</v>
      </c>
      <c r="H488" s="6" t="s">
        <v>1164</v>
      </c>
      <c r="I488" s="7">
        <v>4.9217493000000001</v>
      </c>
      <c r="J488" s="8">
        <v>-75.062341200000006</v>
      </c>
    </row>
    <row r="489" spans="1:10" x14ac:dyDescent="0.35">
      <c r="A489" s="5" t="s">
        <v>10</v>
      </c>
      <c r="B489" s="6">
        <v>211431</v>
      </c>
      <c r="C489" s="6" t="s">
        <v>16</v>
      </c>
      <c r="D489" s="6" t="s">
        <v>17</v>
      </c>
      <c r="E489" s="6">
        <v>68679</v>
      </c>
      <c r="F489" s="6" t="s">
        <v>18</v>
      </c>
      <c r="G489" s="6" t="s">
        <v>1165</v>
      </c>
      <c r="H489" s="6" t="s">
        <v>1166</v>
      </c>
      <c r="I489" s="7">
        <v>6.5493099999999904</v>
      </c>
      <c r="J489" s="8">
        <v>-73.125519999999995</v>
      </c>
    </row>
    <row r="490" spans="1:10" x14ac:dyDescent="0.35">
      <c r="A490" s="5" t="s">
        <v>10</v>
      </c>
      <c r="B490" s="6">
        <v>181692</v>
      </c>
      <c r="C490" s="6" t="s">
        <v>55</v>
      </c>
      <c r="D490" s="6" t="s">
        <v>56</v>
      </c>
      <c r="E490" s="6">
        <v>73001</v>
      </c>
      <c r="F490" s="6" t="s">
        <v>18</v>
      </c>
      <c r="G490" s="6" t="s">
        <v>1167</v>
      </c>
      <c r="H490" s="6" t="s">
        <v>1168</v>
      </c>
      <c r="I490" s="7">
        <v>4.4365432</v>
      </c>
      <c r="J490" s="8">
        <v>-75.204360899999998</v>
      </c>
    </row>
    <row r="491" spans="1:10" x14ac:dyDescent="0.35">
      <c r="A491" s="5" t="s">
        <v>10</v>
      </c>
      <c r="B491" s="6">
        <v>180824</v>
      </c>
      <c r="C491" s="6" t="s">
        <v>24</v>
      </c>
      <c r="D491" s="6" t="s">
        <v>557</v>
      </c>
      <c r="E491" s="6">
        <v>15757</v>
      </c>
      <c r="F491" s="6" t="s">
        <v>18</v>
      </c>
      <c r="G491" s="6" t="s">
        <v>1169</v>
      </c>
      <c r="H491" s="6" t="s">
        <v>1170</v>
      </c>
      <c r="I491" s="7">
        <v>5.9971299999999896</v>
      </c>
      <c r="J491" s="8">
        <v>-72.692665000000005</v>
      </c>
    </row>
    <row r="492" spans="1:10" x14ac:dyDescent="0.35">
      <c r="A492" s="5" t="s">
        <v>10</v>
      </c>
      <c r="B492" s="6">
        <v>243888</v>
      </c>
      <c r="C492" s="6" t="s">
        <v>28</v>
      </c>
      <c r="D492" s="6" t="s">
        <v>1171</v>
      </c>
      <c r="E492" s="6">
        <v>54810</v>
      </c>
      <c r="F492" s="6" t="s">
        <v>18</v>
      </c>
      <c r="G492" s="6" t="s">
        <v>1172</v>
      </c>
      <c r="H492" s="6" t="s">
        <v>1173</v>
      </c>
      <c r="I492" s="7">
        <v>8.6423559999999995</v>
      </c>
      <c r="J492" s="8">
        <v>-72.737733000000006</v>
      </c>
    </row>
    <row r="493" spans="1:10" x14ac:dyDescent="0.35">
      <c r="A493" s="5" t="s">
        <v>10</v>
      </c>
      <c r="B493" s="6">
        <v>228147</v>
      </c>
      <c r="C493" s="6" t="s">
        <v>42</v>
      </c>
      <c r="D493" s="6" t="s">
        <v>43</v>
      </c>
      <c r="E493" s="6">
        <v>17001</v>
      </c>
      <c r="F493" s="6" t="s">
        <v>18</v>
      </c>
      <c r="G493" s="6" t="s">
        <v>1174</v>
      </c>
      <c r="H493" s="6" t="s">
        <v>1175</v>
      </c>
      <c r="I493" s="7">
        <v>5.0776994999999996</v>
      </c>
      <c r="J493" s="8">
        <v>-75.490572200000003</v>
      </c>
    </row>
    <row r="494" spans="1:10" x14ac:dyDescent="0.35">
      <c r="A494" s="5" t="s">
        <v>10</v>
      </c>
      <c r="B494" s="6">
        <v>232766</v>
      </c>
      <c r="C494" s="6" t="s">
        <v>55</v>
      </c>
      <c r="D494" s="6" t="s">
        <v>56</v>
      </c>
      <c r="E494" s="6">
        <v>73001</v>
      </c>
      <c r="F494" s="6" t="s">
        <v>18</v>
      </c>
      <c r="G494" s="6" t="s">
        <v>1176</v>
      </c>
      <c r="H494" s="6" t="s">
        <v>1177</v>
      </c>
      <c r="I494" s="7">
        <v>4.4580682999999999</v>
      </c>
      <c r="J494" s="8">
        <v>-75.181768000000005</v>
      </c>
    </row>
    <row r="495" spans="1:10" x14ac:dyDescent="0.35">
      <c r="A495" s="5" t="s">
        <v>10</v>
      </c>
      <c r="B495" s="6">
        <v>41250</v>
      </c>
      <c r="C495" s="6" t="s">
        <v>308</v>
      </c>
      <c r="D495" s="6" t="s">
        <v>309</v>
      </c>
      <c r="E495" s="6">
        <v>23001</v>
      </c>
      <c r="F495" s="6" t="s">
        <v>13</v>
      </c>
      <c r="G495" s="6" t="s">
        <v>1178</v>
      </c>
      <c r="H495" s="6" t="s">
        <v>1179</v>
      </c>
      <c r="I495" s="7">
        <v>8.7376690999999997</v>
      </c>
      <c r="J495" s="8">
        <v>-75.892413899999994</v>
      </c>
    </row>
    <row r="496" spans="1:10" x14ac:dyDescent="0.35">
      <c r="A496" s="5" t="s">
        <v>10</v>
      </c>
      <c r="B496" s="6">
        <v>165241</v>
      </c>
      <c r="C496" s="6" t="s">
        <v>16</v>
      </c>
      <c r="D496" s="6" t="s">
        <v>224</v>
      </c>
      <c r="E496" s="6">
        <v>68755</v>
      </c>
      <c r="F496" s="6" t="s">
        <v>18</v>
      </c>
      <c r="G496" s="6" t="s">
        <v>1180</v>
      </c>
      <c r="H496" s="6" t="s">
        <v>1181</v>
      </c>
      <c r="I496" s="7">
        <v>7.3820276999999903</v>
      </c>
      <c r="J496" s="8">
        <v>-72.645558499999893</v>
      </c>
    </row>
    <row r="497" spans="1:10" x14ac:dyDescent="0.35">
      <c r="A497" s="5" t="s">
        <v>10</v>
      </c>
      <c r="B497" s="6">
        <v>216292</v>
      </c>
      <c r="C497" s="6" t="s">
        <v>42</v>
      </c>
      <c r="D497" s="6" t="s">
        <v>1182</v>
      </c>
      <c r="E497" s="6">
        <v>17541</v>
      </c>
      <c r="F497" s="6" t="s">
        <v>18</v>
      </c>
      <c r="G497" s="6" t="s">
        <v>1183</v>
      </c>
      <c r="H497" s="6" t="s">
        <v>1184</v>
      </c>
      <c r="I497" s="7">
        <v>2.4405233000000002</v>
      </c>
      <c r="J497" s="8">
        <v>-76.608055399999998</v>
      </c>
    </row>
    <row r="498" spans="1:10" x14ac:dyDescent="0.35">
      <c r="A498" s="5" t="s">
        <v>10</v>
      </c>
      <c r="B498" s="6">
        <v>237757</v>
      </c>
      <c r="C498" s="6" t="s">
        <v>42</v>
      </c>
      <c r="D498" s="6" t="s">
        <v>602</v>
      </c>
      <c r="E498" s="6">
        <v>17777</v>
      </c>
      <c r="F498" s="6" t="s">
        <v>18</v>
      </c>
      <c r="G498" s="6" t="s">
        <v>1185</v>
      </c>
      <c r="H498" s="6" t="s">
        <v>1186</v>
      </c>
      <c r="I498" s="7">
        <v>5.4565717999999999</v>
      </c>
      <c r="J498" s="8">
        <v>-75.648986500000007</v>
      </c>
    </row>
    <row r="499" spans="1:10" x14ac:dyDescent="0.35">
      <c r="A499" s="5" t="s">
        <v>10</v>
      </c>
      <c r="B499" s="6">
        <v>212944</v>
      </c>
      <c r="C499" s="6" t="s">
        <v>278</v>
      </c>
      <c r="D499" s="6" t="s">
        <v>279</v>
      </c>
      <c r="E499" s="6">
        <v>50001</v>
      </c>
      <c r="F499" s="6" t="s">
        <v>18</v>
      </c>
      <c r="G499" s="6" t="s">
        <v>1187</v>
      </c>
      <c r="H499" s="6" t="s">
        <v>1188</v>
      </c>
      <c r="I499" s="7">
        <v>4.1325881000000004</v>
      </c>
      <c r="J499" s="8">
        <v>-73.618840800000001</v>
      </c>
    </row>
    <row r="500" spans="1:10" x14ac:dyDescent="0.35">
      <c r="A500" s="5" t="s">
        <v>10</v>
      </c>
      <c r="B500" s="6">
        <v>240012</v>
      </c>
      <c r="C500" s="6" t="s">
        <v>278</v>
      </c>
      <c r="D500" s="6" t="s">
        <v>279</v>
      </c>
      <c r="E500" s="6">
        <v>50001</v>
      </c>
      <c r="F500" s="6" t="s">
        <v>18</v>
      </c>
      <c r="G500" s="6" t="s">
        <v>1189</v>
      </c>
      <c r="H500" s="6" t="s">
        <v>1190</v>
      </c>
      <c r="I500" s="7">
        <v>4.1362781999999996</v>
      </c>
      <c r="J500" s="8">
        <v>-73.606885599999998</v>
      </c>
    </row>
    <row r="501" spans="1:10" x14ac:dyDescent="0.35">
      <c r="A501" s="5" t="s">
        <v>10</v>
      </c>
      <c r="B501" s="6">
        <v>206580</v>
      </c>
      <c r="C501" s="6" t="s">
        <v>16</v>
      </c>
      <c r="D501" s="6" t="s">
        <v>17</v>
      </c>
      <c r="E501" s="6">
        <v>68679</v>
      </c>
      <c r="F501" s="6" t="s">
        <v>18</v>
      </c>
      <c r="G501" s="6" t="s">
        <v>1191</v>
      </c>
      <c r="H501" s="6" t="s">
        <v>1192</v>
      </c>
      <c r="I501" s="7">
        <v>6.5559481999999996</v>
      </c>
      <c r="J501" s="8">
        <v>-73.134591700000001</v>
      </c>
    </row>
    <row r="502" spans="1:10" x14ac:dyDescent="0.35">
      <c r="A502" s="5" t="s">
        <v>10</v>
      </c>
      <c r="B502" s="6">
        <v>79434</v>
      </c>
      <c r="C502" s="6" t="s">
        <v>11</v>
      </c>
      <c r="D502" s="6" t="s">
        <v>1193</v>
      </c>
      <c r="E502" s="6">
        <v>25035</v>
      </c>
      <c r="F502" s="6" t="s">
        <v>18</v>
      </c>
      <c r="G502" s="6" t="s">
        <v>1194</v>
      </c>
      <c r="H502" s="6" t="s">
        <v>1195</v>
      </c>
      <c r="I502" s="7">
        <v>4.5489419999999896</v>
      </c>
      <c r="J502" s="8">
        <v>-74.535235</v>
      </c>
    </row>
    <row r="503" spans="1:10" x14ac:dyDescent="0.35">
      <c r="A503" s="5" t="s">
        <v>10</v>
      </c>
      <c r="B503" s="6">
        <v>207438</v>
      </c>
      <c r="C503" s="6" t="s">
        <v>11</v>
      </c>
      <c r="D503" s="6" t="s">
        <v>21</v>
      </c>
      <c r="E503" s="6">
        <v>25386</v>
      </c>
      <c r="F503" s="6" t="s">
        <v>18</v>
      </c>
      <c r="G503" s="6" t="s">
        <v>1196</v>
      </c>
      <c r="H503" s="6" t="s">
        <v>1197</v>
      </c>
      <c r="I503" s="7">
        <v>4.6333655</v>
      </c>
      <c r="J503" s="8">
        <v>-74.463691599999905</v>
      </c>
    </row>
    <row r="504" spans="1:10" x14ac:dyDescent="0.35">
      <c r="A504" s="5" t="s">
        <v>10</v>
      </c>
      <c r="B504" s="6">
        <v>208646</v>
      </c>
      <c r="C504" s="6" t="s">
        <v>55</v>
      </c>
      <c r="D504" s="6" t="s">
        <v>56</v>
      </c>
      <c r="E504" s="6">
        <v>73001</v>
      </c>
      <c r="F504" s="6" t="s">
        <v>18</v>
      </c>
      <c r="G504" s="6" t="s">
        <v>1198</v>
      </c>
      <c r="H504" s="6" t="s">
        <v>1199</v>
      </c>
      <c r="I504" s="7">
        <v>4.4403082999999999</v>
      </c>
      <c r="J504" s="8">
        <v>-75.226300699999996</v>
      </c>
    </row>
    <row r="505" spans="1:10" x14ac:dyDescent="0.35">
      <c r="A505" s="5" t="s">
        <v>10</v>
      </c>
      <c r="B505" s="6">
        <v>232162</v>
      </c>
      <c r="C505" s="6" t="s">
        <v>28</v>
      </c>
      <c r="D505" s="6" t="s">
        <v>29</v>
      </c>
      <c r="E505" s="6">
        <v>54001</v>
      </c>
      <c r="F505" s="6" t="s">
        <v>18</v>
      </c>
      <c r="G505" s="6" t="s">
        <v>1200</v>
      </c>
      <c r="H505" s="6" t="s">
        <v>1201</v>
      </c>
      <c r="I505" s="7">
        <v>7.9116004000000002</v>
      </c>
      <c r="J505" s="8">
        <v>-72.473654600000003</v>
      </c>
    </row>
    <row r="506" spans="1:10" x14ac:dyDescent="0.35">
      <c r="A506" s="5" t="s">
        <v>10</v>
      </c>
      <c r="B506" s="6">
        <v>204111</v>
      </c>
      <c r="C506" s="6" t="s">
        <v>61</v>
      </c>
      <c r="D506" s="6" t="s">
        <v>62</v>
      </c>
      <c r="E506" s="6">
        <v>63001</v>
      </c>
      <c r="F506" s="6" t="s">
        <v>18</v>
      </c>
      <c r="G506" s="6" t="s">
        <v>1202</v>
      </c>
      <c r="H506" s="6" t="s">
        <v>1203</v>
      </c>
      <c r="I506" s="7">
        <v>4.5373798000000001</v>
      </c>
      <c r="J506" s="8">
        <v>-75.676448600000001</v>
      </c>
    </row>
    <row r="507" spans="1:10" x14ac:dyDescent="0.35">
      <c r="A507" s="5" t="s">
        <v>10</v>
      </c>
      <c r="B507" s="6">
        <v>228903</v>
      </c>
      <c r="C507" s="6" t="s">
        <v>42</v>
      </c>
      <c r="D507" s="6" t="s">
        <v>275</v>
      </c>
      <c r="E507" s="6">
        <v>17614</v>
      </c>
      <c r="F507" s="6" t="s">
        <v>18</v>
      </c>
      <c r="G507" s="6" t="s">
        <v>1204</v>
      </c>
      <c r="H507" s="6" t="s">
        <v>1205</v>
      </c>
      <c r="I507" s="7">
        <v>5.4206839000000002</v>
      </c>
      <c r="J507" s="8">
        <v>-75.705387999999999</v>
      </c>
    </row>
    <row r="508" spans="1:10" x14ac:dyDescent="0.35">
      <c r="A508" s="5" t="s">
        <v>10</v>
      </c>
      <c r="B508" s="6">
        <v>190317</v>
      </c>
      <c r="C508" s="6" t="s">
        <v>11</v>
      </c>
      <c r="D508" s="6" t="s">
        <v>1206</v>
      </c>
      <c r="E508" s="6">
        <v>25875</v>
      </c>
      <c r="F508" s="6" t="s">
        <v>13</v>
      </c>
      <c r="G508" s="6" t="s">
        <v>1207</v>
      </c>
      <c r="H508" s="6" t="s">
        <v>1208</v>
      </c>
      <c r="I508" s="7">
        <v>5.0100749000000002</v>
      </c>
      <c r="J508" s="8">
        <v>-74.470858199999995</v>
      </c>
    </row>
    <row r="509" spans="1:10" x14ac:dyDescent="0.35">
      <c r="A509" s="5" t="s">
        <v>10</v>
      </c>
      <c r="B509" s="6">
        <v>239635</v>
      </c>
      <c r="C509" s="6" t="s">
        <v>55</v>
      </c>
      <c r="D509" s="6" t="s">
        <v>56</v>
      </c>
      <c r="E509" s="6">
        <v>73001</v>
      </c>
      <c r="F509" s="6" t="s">
        <v>18</v>
      </c>
      <c r="G509" s="6" t="s">
        <v>1209</v>
      </c>
      <c r="H509" s="6" t="s">
        <v>1210</v>
      </c>
      <c r="I509" s="7">
        <v>4.4100288000000001</v>
      </c>
      <c r="J509" s="8">
        <v>-75.159841799999995</v>
      </c>
    </row>
    <row r="510" spans="1:10" x14ac:dyDescent="0.35">
      <c r="A510" s="5" t="s">
        <v>10</v>
      </c>
      <c r="B510" s="6">
        <v>217925</v>
      </c>
      <c r="C510" s="6" t="s">
        <v>55</v>
      </c>
      <c r="D510" s="6" t="s">
        <v>56</v>
      </c>
      <c r="E510" s="6">
        <v>73001</v>
      </c>
      <c r="F510" s="6" t="s">
        <v>18</v>
      </c>
      <c r="G510" s="6" t="s">
        <v>1211</v>
      </c>
      <c r="H510" s="6" t="s">
        <v>1212</v>
      </c>
      <c r="I510" s="7">
        <v>4.4298228000000002</v>
      </c>
      <c r="J510" s="8">
        <v>-75.226694199999997</v>
      </c>
    </row>
    <row r="511" spans="1:10" x14ac:dyDescent="0.35">
      <c r="A511" s="5" t="s">
        <v>10</v>
      </c>
      <c r="B511" s="6">
        <v>241303</v>
      </c>
      <c r="C511" s="6" t="s">
        <v>55</v>
      </c>
      <c r="D511" s="6" t="s">
        <v>56</v>
      </c>
      <c r="E511" s="6">
        <v>73001</v>
      </c>
      <c r="F511" s="6" t="s">
        <v>18</v>
      </c>
      <c r="G511" s="6" t="s">
        <v>1213</v>
      </c>
      <c r="H511" s="6" t="s">
        <v>1214</v>
      </c>
      <c r="I511" s="7">
        <v>4.2057194000000004</v>
      </c>
      <c r="J511" s="8">
        <v>-74.6228093</v>
      </c>
    </row>
    <row r="512" spans="1:10" x14ac:dyDescent="0.35">
      <c r="A512" s="5" t="s">
        <v>10</v>
      </c>
      <c r="B512" s="6">
        <v>239293</v>
      </c>
      <c r="C512" s="6" t="s">
        <v>24</v>
      </c>
      <c r="D512" s="6" t="s">
        <v>1215</v>
      </c>
      <c r="E512" s="6">
        <v>15835</v>
      </c>
      <c r="F512" s="6" t="s">
        <v>18</v>
      </c>
      <c r="G512" s="6" t="s">
        <v>1216</v>
      </c>
      <c r="H512" s="6" t="s">
        <v>1217</v>
      </c>
      <c r="I512" s="7">
        <v>5.3227953000000001</v>
      </c>
      <c r="J512" s="8">
        <v>-73.489583499999995</v>
      </c>
    </row>
    <row r="513" spans="1:10" x14ac:dyDescent="0.35">
      <c r="A513" s="5" t="s">
        <v>10</v>
      </c>
      <c r="B513" s="6">
        <v>213246</v>
      </c>
      <c r="C513" s="6" t="s">
        <v>28</v>
      </c>
      <c r="D513" s="6" t="s">
        <v>29</v>
      </c>
      <c r="E513" s="6">
        <v>54001</v>
      </c>
      <c r="F513" s="6" t="s">
        <v>18</v>
      </c>
      <c r="G513" s="6" t="s">
        <v>1218</v>
      </c>
      <c r="H513" s="6" t="s">
        <v>1219</v>
      </c>
      <c r="I513" s="7">
        <v>7.8744723999999904</v>
      </c>
      <c r="J513" s="8">
        <v>-72.529010900000003</v>
      </c>
    </row>
    <row r="514" spans="1:10" x14ac:dyDescent="0.35">
      <c r="A514" s="5" t="s">
        <v>10</v>
      </c>
      <c r="B514" s="6">
        <v>223288</v>
      </c>
      <c r="C514" s="6" t="s">
        <v>61</v>
      </c>
      <c r="D514" s="6" t="s">
        <v>121</v>
      </c>
      <c r="E514" s="6">
        <v>63130</v>
      </c>
      <c r="F514" s="6" t="s">
        <v>18</v>
      </c>
      <c r="G514" s="6" t="s">
        <v>1220</v>
      </c>
      <c r="H514" s="6" t="s">
        <v>1221</v>
      </c>
      <c r="I514" s="7">
        <v>4.5372237999999996</v>
      </c>
      <c r="J514" s="8">
        <v>-75.683920900000004</v>
      </c>
    </row>
    <row r="515" spans="1:10" x14ac:dyDescent="0.35">
      <c r="A515" s="5" t="s">
        <v>10</v>
      </c>
      <c r="B515" s="6">
        <v>232693</v>
      </c>
      <c r="C515" s="6" t="s">
        <v>278</v>
      </c>
      <c r="D515" s="6" t="s">
        <v>279</v>
      </c>
      <c r="E515" s="6">
        <v>50001</v>
      </c>
      <c r="F515" s="6" t="s">
        <v>18</v>
      </c>
      <c r="G515" s="6" t="s">
        <v>1222</v>
      </c>
      <c r="H515" s="6" t="s">
        <v>1223</v>
      </c>
      <c r="I515" s="7">
        <v>4.1181299999999998</v>
      </c>
      <c r="J515" s="8">
        <v>-73.596990000000005</v>
      </c>
    </row>
    <row r="516" spans="1:10" x14ac:dyDescent="0.35">
      <c r="A516" s="5" t="s">
        <v>10</v>
      </c>
      <c r="B516" s="6">
        <v>41255</v>
      </c>
      <c r="C516" s="6" t="s">
        <v>308</v>
      </c>
      <c r="D516" s="6" t="s">
        <v>309</v>
      </c>
      <c r="E516" s="6">
        <v>23001</v>
      </c>
      <c r="F516" s="6" t="s">
        <v>13</v>
      </c>
      <c r="G516" s="6" t="s">
        <v>1224</v>
      </c>
      <c r="H516" s="6" t="s">
        <v>1225</v>
      </c>
      <c r="I516" s="7">
        <v>8.7761361999999998</v>
      </c>
      <c r="J516" s="8">
        <v>-75.870104999999995</v>
      </c>
    </row>
    <row r="517" spans="1:10" x14ac:dyDescent="0.35">
      <c r="A517" s="5" t="s">
        <v>10</v>
      </c>
      <c r="B517" s="6">
        <v>147209</v>
      </c>
      <c r="C517" s="6" t="s">
        <v>16</v>
      </c>
      <c r="D517" s="6" t="s">
        <v>790</v>
      </c>
      <c r="E517" s="6">
        <v>68229</v>
      </c>
      <c r="F517" s="6" t="s">
        <v>18</v>
      </c>
      <c r="G517" s="6" t="s">
        <v>1226</v>
      </c>
      <c r="H517" s="6" t="s">
        <v>1227</v>
      </c>
      <c r="I517" s="7">
        <v>7.8313620000000004</v>
      </c>
      <c r="J517" s="8">
        <v>-72.471182599999906</v>
      </c>
    </row>
    <row r="518" spans="1:10" x14ac:dyDescent="0.35">
      <c r="A518" s="5" t="s">
        <v>10</v>
      </c>
      <c r="B518" s="6">
        <v>229305</v>
      </c>
      <c r="C518" s="6" t="s">
        <v>16</v>
      </c>
      <c r="D518" s="6" t="s">
        <v>17</v>
      </c>
      <c r="E518" s="6">
        <v>68679</v>
      </c>
      <c r="F518" s="6" t="s">
        <v>18</v>
      </c>
      <c r="G518" s="6" t="s">
        <v>1228</v>
      </c>
      <c r="H518" s="6" t="s">
        <v>1229</v>
      </c>
      <c r="I518" s="7">
        <v>6.5526949999999999</v>
      </c>
      <c r="J518" s="8">
        <v>-73.130849600000005</v>
      </c>
    </row>
    <row r="519" spans="1:10" x14ac:dyDescent="0.35">
      <c r="A519" s="5" t="s">
        <v>10</v>
      </c>
      <c r="B519" s="6">
        <v>230071</v>
      </c>
      <c r="C519" s="6" t="s">
        <v>16</v>
      </c>
      <c r="D519" s="6" t="s">
        <v>224</v>
      </c>
      <c r="E519" s="6">
        <v>68755</v>
      </c>
      <c r="F519" s="6" t="s">
        <v>18</v>
      </c>
      <c r="G519" s="6" t="s">
        <v>1230</v>
      </c>
      <c r="H519" s="6" t="s">
        <v>1231</v>
      </c>
      <c r="I519" s="7">
        <v>6.4429141000000003</v>
      </c>
      <c r="J519" s="8">
        <v>-73.337366900000006</v>
      </c>
    </row>
    <row r="520" spans="1:10" x14ac:dyDescent="0.35">
      <c r="A520" s="5" t="s">
        <v>10</v>
      </c>
      <c r="B520" s="6">
        <v>235330</v>
      </c>
      <c r="C520" s="6" t="s">
        <v>16</v>
      </c>
      <c r="D520" s="6" t="s">
        <v>17</v>
      </c>
      <c r="E520" s="6">
        <v>68679</v>
      </c>
      <c r="F520" s="6" t="s">
        <v>18</v>
      </c>
      <c r="G520" s="6" t="s">
        <v>1232</v>
      </c>
      <c r="H520" s="6" t="s">
        <v>1233</v>
      </c>
      <c r="I520" s="7">
        <v>6.5654731999999996</v>
      </c>
      <c r="J520" s="8">
        <v>-73.149718899999996</v>
      </c>
    </row>
    <row r="521" spans="1:10" x14ac:dyDescent="0.35">
      <c r="A521" s="5" t="s">
        <v>10</v>
      </c>
      <c r="B521" s="6">
        <v>215033</v>
      </c>
      <c r="C521" s="6" t="s">
        <v>109</v>
      </c>
      <c r="D521" s="6" t="s">
        <v>227</v>
      </c>
      <c r="E521" s="6">
        <v>13001</v>
      </c>
      <c r="F521" s="6" t="s">
        <v>18</v>
      </c>
      <c r="G521" s="6" t="s">
        <v>113</v>
      </c>
      <c r="H521" s="6" t="s">
        <v>1234</v>
      </c>
      <c r="I521" s="7">
        <v>10.3854878</v>
      </c>
      <c r="J521" s="8">
        <v>-75.483757599999905</v>
      </c>
    </row>
    <row r="522" spans="1:10" x14ac:dyDescent="0.35">
      <c r="A522" s="5" t="s">
        <v>10</v>
      </c>
      <c r="B522" s="6">
        <v>208101</v>
      </c>
      <c r="C522" s="6" t="s">
        <v>55</v>
      </c>
      <c r="D522" s="6" t="s">
        <v>56</v>
      </c>
      <c r="E522" s="6">
        <v>73001</v>
      </c>
      <c r="F522" s="6" t="s">
        <v>18</v>
      </c>
      <c r="G522" s="6" t="s">
        <v>1235</v>
      </c>
      <c r="H522" s="6" t="s">
        <v>1236</v>
      </c>
      <c r="I522" s="7">
        <v>4.4434626000000002</v>
      </c>
      <c r="J522" s="8">
        <v>-75.235439900000003</v>
      </c>
    </row>
    <row r="523" spans="1:10" x14ac:dyDescent="0.35">
      <c r="A523" s="5" t="s">
        <v>10</v>
      </c>
      <c r="B523" s="6">
        <v>105618</v>
      </c>
      <c r="C523" s="6" t="s">
        <v>55</v>
      </c>
      <c r="D523" s="6" t="s">
        <v>56</v>
      </c>
      <c r="E523" s="6">
        <v>73001</v>
      </c>
      <c r="F523" s="6" t="s">
        <v>18</v>
      </c>
      <c r="G523" s="6" t="s">
        <v>1237</v>
      </c>
      <c r="H523" s="6" t="s">
        <v>1238</v>
      </c>
      <c r="I523" s="7">
        <v>4.5406009999999997</v>
      </c>
      <c r="J523" s="8">
        <v>-75.076563999999905</v>
      </c>
    </row>
    <row r="524" spans="1:10" x14ac:dyDescent="0.35">
      <c r="A524" s="5" t="s">
        <v>10</v>
      </c>
      <c r="B524" s="6">
        <v>213313</v>
      </c>
      <c r="C524" s="6" t="s">
        <v>55</v>
      </c>
      <c r="D524" s="6" t="s">
        <v>165</v>
      </c>
      <c r="E524" s="6">
        <v>73449</v>
      </c>
      <c r="F524" s="6" t="s">
        <v>18</v>
      </c>
      <c r="G524" s="6" t="s">
        <v>1239</v>
      </c>
      <c r="H524" s="6" t="s">
        <v>1240</v>
      </c>
      <c r="I524" s="7">
        <v>4.2053022000000002</v>
      </c>
      <c r="J524" s="8">
        <v>-74.6275081</v>
      </c>
    </row>
    <row r="525" spans="1:10" x14ac:dyDescent="0.35">
      <c r="A525" s="5" t="s">
        <v>10</v>
      </c>
      <c r="B525" s="6">
        <v>225733</v>
      </c>
      <c r="C525" s="6" t="s">
        <v>24</v>
      </c>
      <c r="D525" s="6" t="s">
        <v>688</v>
      </c>
      <c r="E525" s="6">
        <v>15667</v>
      </c>
      <c r="F525" s="6" t="s">
        <v>18</v>
      </c>
      <c r="G525" s="6" t="s">
        <v>1241</v>
      </c>
      <c r="H525" s="6" t="s">
        <v>1242</v>
      </c>
      <c r="I525" s="7">
        <v>4.8191575000000002</v>
      </c>
      <c r="J525" s="8">
        <v>-73.169132300000001</v>
      </c>
    </row>
    <row r="526" spans="1:10" x14ac:dyDescent="0.35">
      <c r="A526" s="5" t="s">
        <v>10</v>
      </c>
      <c r="B526" s="6">
        <v>235984</v>
      </c>
      <c r="C526" s="6" t="s">
        <v>24</v>
      </c>
      <c r="D526" s="6" t="s">
        <v>814</v>
      </c>
      <c r="E526" s="6">
        <v>15469</v>
      </c>
      <c r="F526" s="6" t="s">
        <v>18</v>
      </c>
      <c r="G526" s="6" t="s">
        <v>1243</v>
      </c>
      <c r="H526" s="6" t="s">
        <v>1244</v>
      </c>
      <c r="I526" s="7">
        <v>5.8771380000000004</v>
      </c>
      <c r="J526" s="8">
        <v>-73.571442899999994</v>
      </c>
    </row>
    <row r="527" spans="1:10" x14ac:dyDescent="0.35">
      <c r="A527" s="5" t="s">
        <v>10</v>
      </c>
      <c r="B527" s="6">
        <v>180664</v>
      </c>
      <c r="C527" s="6" t="s">
        <v>24</v>
      </c>
      <c r="D527" s="6" t="s">
        <v>621</v>
      </c>
      <c r="E527" s="6">
        <v>15646</v>
      </c>
      <c r="F527" s="6" t="s">
        <v>18</v>
      </c>
      <c r="G527" s="6" t="s">
        <v>1245</v>
      </c>
      <c r="H527" s="6" t="s">
        <v>1246</v>
      </c>
      <c r="I527" s="7">
        <v>5.4923419999999998</v>
      </c>
      <c r="J527" s="8">
        <v>-73.486159000000001</v>
      </c>
    </row>
    <row r="528" spans="1:10" x14ac:dyDescent="0.35">
      <c r="A528" s="5" t="s">
        <v>10</v>
      </c>
      <c r="B528" s="6">
        <v>190609</v>
      </c>
      <c r="C528" s="6" t="s">
        <v>24</v>
      </c>
      <c r="D528" s="6" t="s">
        <v>137</v>
      </c>
      <c r="E528" s="6">
        <v>15238</v>
      </c>
      <c r="F528" s="6" t="s">
        <v>18</v>
      </c>
      <c r="G528" s="6" t="s">
        <v>1247</v>
      </c>
      <c r="H528" s="6" t="s">
        <v>1248</v>
      </c>
      <c r="I528" s="7">
        <v>5.8267531999999997</v>
      </c>
      <c r="J528" s="8">
        <v>-73.032119799999904</v>
      </c>
    </row>
    <row r="529" spans="1:10" x14ac:dyDescent="0.35">
      <c r="A529" s="5" t="s">
        <v>10</v>
      </c>
      <c r="B529" s="6">
        <v>238227</v>
      </c>
      <c r="C529" s="6" t="s">
        <v>24</v>
      </c>
      <c r="D529" s="6" t="s">
        <v>137</v>
      </c>
      <c r="E529" s="6">
        <v>15238</v>
      </c>
      <c r="F529" s="6" t="s">
        <v>18</v>
      </c>
      <c r="G529" s="6" t="s">
        <v>1249</v>
      </c>
      <c r="H529" s="6" t="s">
        <v>1250</v>
      </c>
      <c r="I529" s="7">
        <v>5.8206848000000004</v>
      </c>
      <c r="J529" s="8">
        <v>-73.024597</v>
      </c>
    </row>
    <row r="530" spans="1:10" x14ac:dyDescent="0.35">
      <c r="A530" s="5" t="s">
        <v>10</v>
      </c>
      <c r="B530" s="6">
        <v>200597</v>
      </c>
      <c r="C530" s="6" t="s">
        <v>42</v>
      </c>
      <c r="D530" s="6" t="s">
        <v>396</v>
      </c>
      <c r="E530" s="6">
        <v>17380</v>
      </c>
      <c r="F530" s="6" t="s">
        <v>18</v>
      </c>
      <c r="G530" s="6" t="s">
        <v>1251</v>
      </c>
      <c r="H530" s="6" t="s">
        <v>1252</v>
      </c>
      <c r="I530" s="7">
        <v>5.4733761999999997</v>
      </c>
      <c r="J530" s="8">
        <v>-74.671385999999998</v>
      </c>
    </row>
    <row r="531" spans="1:10" x14ac:dyDescent="0.35">
      <c r="A531" s="5" t="s">
        <v>10</v>
      </c>
      <c r="B531" s="6">
        <v>231307</v>
      </c>
      <c r="C531" s="6" t="s">
        <v>16</v>
      </c>
      <c r="D531" s="6" t="s">
        <v>78</v>
      </c>
      <c r="E531" s="6">
        <v>68001</v>
      </c>
      <c r="F531" s="6" t="s">
        <v>18</v>
      </c>
      <c r="G531" s="6" t="s">
        <v>1253</v>
      </c>
      <c r="H531" s="6" t="s">
        <v>1254</v>
      </c>
      <c r="I531" s="7">
        <v>7.1193489999999997</v>
      </c>
      <c r="J531" s="8">
        <v>-73.122742000000002</v>
      </c>
    </row>
    <row r="532" spans="1:10" x14ac:dyDescent="0.35">
      <c r="A532" s="5" t="s">
        <v>10</v>
      </c>
      <c r="B532" s="6">
        <v>154507</v>
      </c>
      <c r="C532" s="6" t="s">
        <v>16</v>
      </c>
      <c r="D532" s="6" t="s">
        <v>370</v>
      </c>
      <c r="E532" s="6">
        <v>68872</v>
      </c>
      <c r="F532" s="6" t="s">
        <v>18</v>
      </c>
      <c r="G532" s="6" t="s">
        <v>1255</v>
      </c>
      <c r="H532" s="6" t="s">
        <v>1256</v>
      </c>
      <c r="I532" s="7">
        <v>10.443598400000001</v>
      </c>
      <c r="J532" s="8">
        <v>-75.272134499999893</v>
      </c>
    </row>
    <row r="533" spans="1:10" x14ac:dyDescent="0.35">
      <c r="A533" s="5" t="s">
        <v>10</v>
      </c>
      <c r="B533" s="6">
        <v>190038</v>
      </c>
      <c r="C533" s="6" t="s">
        <v>16</v>
      </c>
      <c r="D533" s="6" t="s">
        <v>1257</v>
      </c>
      <c r="E533" s="6">
        <v>68770</v>
      </c>
      <c r="F533" s="6" t="s">
        <v>18</v>
      </c>
      <c r="G533" s="6" t="s">
        <v>1258</v>
      </c>
      <c r="H533" s="6" t="s">
        <v>1259</v>
      </c>
      <c r="I533" s="7">
        <v>6.0692211999999897</v>
      </c>
      <c r="J533" s="8">
        <v>-73.413076699999905</v>
      </c>
    </row>
    <row r="534" spans="1:10" x14ac:dyDescent="0.35">
      <c r="A534" s="5" t="s">
        <v>10</v>
      </c>
      <c r="B534" s="6">
        <v>235693</v>
      </c>
      <c r="C534" s="6" t="s">
        <v>466</v>
      </c>
      <c r="D534" s="6" t="s">
        <v>467</v>
      </c>
      <c r="E534" s="6">
        <v>81736</v>
      </c>
      <c r="F534" s="6" t="s">
        <v>18</v>
      </c>
      <c r="G534" s="6" t="s">
        <v>1260</v>
      </c>
      <c r="H534" s="6" t="s">
        <v>1261</v>
      </c>
      <c r="I534" s="7">
        <v>6.9470666999999997</v>
      </c>
      <c r="J534" s="8">
        <v>-71.881455900000006</v>
      </c>
    </row>
    <row r="535" spans="1:10" x14ac:dyDescent="0.35">
      <c r="A535" s="5" t="s">
        <v>10</v>
      </c>
      <c r="B535" s="6">
        <v>204326</v>
      </c>
      <c r="C535" s="6" t="s">
        <v>466</v>
      </c>
      <c r="D535" s="6" t="s">
        <v>1262</v>
      </c>
      <c r="E535" s="6">
        <v>81001</v>
      </c>
      <c r="F535" s="6" t="s">
        <v>18</v>
      </c>
      <c r="G535" s="6" t="s">
        <v>1263</v>
      </c>
      <c r="H535" s="6" t="s">
        <v>1264</v>
      </c>
      <c r="I535" s="7">
        <v>6.7801280999999998</v>
      </c>
      <c r="J535" s="8">
        <v>-70.716846899999993</v>
      </c>
    </row>
    <row r="536" spans="1:10" x14ac:dyDescent="0.35">
      <c r="A536" s="5" t="s">
        <v>10</v>
      </c>
      <c r="B536" s="6">
        <v>130606</v>
      </c>
      <c r="C536" s="6" t="s">
        <v>28</v>
      </c>
      <c r="D536" s="6" t="s">
        <v>29</v>
      </c>
      <c r="E536" s="6">
        <v>54001</v>
      </c>
      <c r="F536" s="6" t="s">
        <v>13</v>
      </c>
      <c r="G536" s="6" t="s">
        <v>50</v>
      </c>
      <c r="H536" s="6" t="s">
        <v>1265</v>
      </c>
      <c r="I536" s="7">
        <v>7.9147987999999998</v>
      </c>
      <c r="J536" s="8">
        <v>-72.492836800000006</v>
      </c>
    </row>
    <row r="537" spans="1:10" x14ac:dyDescent="0.35">
      <c r="A537" s="5" t="s">
        <v>10</v>
      </c>
      <c r="B537" s="6">
        <v>232373</v>
      </c>
      <c r="C537" s="6" t="s">
        <v>16</v>
      </c>
      <c r="D537" s="6" t="s">
        <v>1266</v>
      </c>
      <c r="E537" s="6">
        <v>68081</v>
      </c>
      <c r="F537" s="6" t="s">
        <v>18</v>
      </c>
      <c r="G537" s="6" t="s">
        <v>1267</v>
      </c>
      <c r="H537" s="6" t="s">
        <v>1268</v>
      </c>
      <c r="I537" s="7">
        <v>7.0459228999999999</v>
      </c>
      <c r="J537" s="8">
        <v>-73.825981799999994</v>
      </c>
    </row>
    <row r="538" spans="1:10" x14ac:dyDescent="0.35">
      <c r="A538" s="5" t="s">
        <v>10</v>
      </c>
      <c r="B538" s="6">
        <v>212717</v>
      </c>
      <c r="C538" s="6" t="s">
        <v>16</v>
      </c>
      <c r="D538" s="6" t="s">
        <v>78</v>
      </c>
      <c r="E538" s="6">
        <v>68001</v>
      </c>
      <c r="F538" s="6" t="s">
        <v>18</v>
      </c>
      <c r="G538" s="6" t="s">
        <v>1269</v>
      </c>
      <c r="H538" s="6" t="s">
        <v>1270</v>
      </c>
      <c r="I538" s="7">
        <v>7.1440836999999897</v>
      </c>
      <c r="J538" s="8">
        <v>-73.124191400000001</v>
      </c>
    </row>
    <row r="539" spans="1:10" x14ac:dyDescent="0.35">
      <c r="A539" s="5" t="s">
        <v>10</v>
      </c>
      <c r="B539" s="6">
        <v>234892</v>
      </c>
      <c r="C539" s="6" t="s">
        <v>11</v>
      </c>
      <c r="D539" s="6" t="s">
        <v>857</v>
      </c>
      <c r="E539" s="6">
        <v>25758</v>
      </c>
      <c r="F539" s="6" t="s">
        <v>18</v>
      </c>
      <c r="G539" s="6" t="s">
        <v>1271</v>
      </c>
      <c r="H539" s="6" t="s">
        <v>1272</v>
      </c>
      <c r="I539" s="7">
        <v>5.0252131999999996</v>
      </c>
      <c r="J539" s="8">
        <v>-74.004583199999999</v>
      </c>
    </row>
    <row r="540" spans="1:10" x14ac:dyDescent="0.35">
      <c r="A540" s="5" t="s">
        <v>10</v>
      </c>
      <c r="B540" s="6">
        <v>232893</v>
      </c>
      <c r="C540" s="6" t="s">
        <v>109</v>
      </c>
      <c r="D540" s="6" t="s">
        <v>227</v>
      </c>
      <c r="E540" s="6">
        <v>13001</v>
      </c>
      <c r="F540" s="6" t="s">
        <v>18</v>
      </c>
      <c r="G540" s="6" t="s">
        <v>1273</v>
      </c>
      <c r="H540" s="6" t="s">
        <v>1274</v>
      </c>
      <c r="I540" s="7">
        <v>10.5345195</v>
      </c>
      <c r="J540" s="8">
        <v>-75.397645199999999</v>
      </c>
    </row>
    <row r="541" spans="1:10" x14ac:dyDescent="0.35">
      <c r="A541" s="5" t="s">
        <v>10</v>
      </c>
      <c r="B541" s="6">
        <v>182651</v>
      </c>
      <c r="C541" s="6" t="s">
        <v>55</v>
      </c>
      <c r="D541" s="6" t="s">
        <v>56</v>
      </c>
      <c r="E541" s="6">
        <v>73001</v>
      </c>
      <c r="F541" s="6" t="s">
        <v>18</v>
      </c>
      <c r="G541" s="6" t="s">
        <v>1275</v>
      </c>
      <c r="H541" s="6" t="s">
        <v>1276</v>
      </c>
      <c r="I541" s="7">
        <v>4.4417947</v>
      </c>
      <c r="J541" s="8">
        <v>-75.211171899999997</v>
      </c>
    </row>
    <row r="542" spans="1:10" x14ac:dyDescent="0.35">
      <c r="A542" s="5" t="s">
        <v>10</v>
      </c>
      <c r="B542" s="6">
        <v>235517</v>
      </c>
      <c r="C542" s="6" t="s">
        <v>24</v>
      </c>
      <c r="D542" s="6" t="s">
        <v>88</v>
      </c>
      <c r="E542" s="6">
        <v>15001</v>
      </c>
      <c r="F542" s="6" t="s">
        <v>18</v>
      </c>
      <c r="G542" s="6" t="s">
        <v>1277</v>
      </c>
      <c r="H542" s="6" t="s">
        <v>1278</v>
      </c>
      <c r="I542" s="7">
        <v>5.5491302999999998</v>
      </c>
      <c r="J542" s="8">
        <v>-73.363208400000005</v>
      </c>
    </row>
    <row r="543" spans="1:10" x14ac:dyDescent="0.35">
      <c r="A543" s="5" t="s">
        <v>10</v>
      </c>
      <c r="B543" s="6">
        <v>239133</v>
      </c>
      <c r="C543" s="6" t="s">
        <v>24</v>
      </c>
      <c r="D543" s="6" t="s">
        <v>137</v>
      </c>
      <c r="E543" s="6">
        <v>15238</v>
      </c>
      <c r="F543" s="6" t="s">
        <v>18</v>
      </c>
      <c r="G543" s="6" t="s">
        <v>1279</v>
      </c>
      <c r="H543" s="6" t="s">
        <v>1280</v>
      </c>
      <c r="I543" s="7">
        <v>5.8270660000000003</v>
      </c>
      <c r="J543" s="8">
        <v>-73.029220800000004</v>
      </c>
    </row>
    <row r="544" spans="1:10" x14ac:dyDescent="0.35">
      <c r="A544" s="5" t="s">
        <v>10</v>
      </c>
      <c r="B544" s="6">
        <v>171701</v>
      </c>
      <c r="C544" s="6" t="s">
        <v>24</v>
      </c>
      <c r="D544" s="6" t="s">
        <v>317</v>
      </c>
      <c r="E544" s="6">
        <v>15176</v>
      </c>
      <c r="F544" s="6" t="s">
        <v>18</v>
      </c>
      <c r="G544" s="6" t="s">
        <v>1281</v>
      </c>
      <c r="H544" s="6" t="s">
        <v>1282</v>
      </c>
      <c r="I544" s="7">
        <v>5.6147749999999998</v>
      </c>
      <c r="J544" s="8">
        <v>-73.819570999999996</v>
      </c>
    </row>
    <row r="545" spans="1:10" x14ac:dyDescent="0.35">
      <c r="A545" s="5" t="s">
        <v>10</v>
      </c>
      <c r="B545" s="6">
        <v>213049</v>
      </c>
      <c r="C545" s="6" t="s">
        <v>28</v>
      </c>
      <c r="D545" s="6" t="s">
        <v>29</v>
      </c>
      <c r="E545" s="6">
        <v>54001</v>
      </c>
      <c r="F545" s="6" t="s">
        <v>18</v>
      </c>
      <c r="G545" s="6" t="s">
        <v>1283</v>
      </c>
      <c r="H545" s="6" t="s">
        <v>1284</v>
      </c>
      <c r="I545" s="7">
        <v>7.9472058999999904</v>
      </c>
      <c r="J545" s="8">
        <v>-72.490786200000002</v>
      </c>
    </row>
    <row r="546" spans="1:10" x14ac:dyDescent="0.35">
      <c r="A546" s="5" t="s">
        <v>10</v>
      </c>
      <c r="B546" s="6">
        <v>237968</v>
      </c>
      <c r="C546" s="6" t="s">
        <v>94</v>
      </c>
      <c r="D546" s="6" t="s">
        <v>930</v>
      </c>
      <c r="E546" s="6">
        <v>66045</v>
      </c>
      <c r="F546" s="6" t="s">
        <v>18</v>
      </c>
      <c r="G546" s="6" t="s">
        <v>1285</v>
      </c>
      <c r="H546" s="6" t="s">
        <v>1286</v>
      </c>
      <c r="I546" s="7">
        <v>5.1063419000000003</v>
      </c>
      <c r="J546" s="8">
        <v>-75.942814799999994</v>
      </c>
    </row>
    <row r="547" spans="1:10" x14ac:dyDescent="0.35">
      <c r="A547" s="5" t="s">
        <v>10</v>
      </c>
      <c r="B547" s="6">
        <v>239118</v>
      </c>
      <c r="C547" s="6" t="s">
        <v>61</v>
      </c>
      <c r="D547" s="6" t="s">
        <v>121</v>
      </c>
      <c r="E547" s="6">
        <v>63130</v>
      </c>
      <c r="F547" s="6" t="s">
        <v>18</v>
      </c>
      <c r="G547" s="6" t="s">
        <v>1287</v>
      </c>
      <c r="H547" s="6" t="s">
        <v>1288</v>
      </c>
      <c r="I547" s="7">
        <v>4.5266935999999998</v>
      </c>
      <c r="J547" s="8">
        <v>-75.640957400000005</v>
      </c>
    </row>
    <row r="548" spans="1:10" x14ac:dyDescent="0.35">
      <c r="A548" s="5" t="s">
        <v>10</v>
      </c>
      <c r="B548" s="6">
        <v>239800</v>
      </c>
      <c r="C548" s="6" t="s">
        <v>55</v>
      </c>
      <c r="D548" s="6" t="s">
        <v>56</v>
      </c>
      <c r="E548" s="6">
        <v>73001</v>
      </c>
      <c r="F548" s="6" t="s">
        <v>18</v>
      </c>
      <c r="G548" s="6" t="s">
        <v>1289</v>
      </c>
      <c r="H548" s="6" t="s">
        <v>1290</v>
      </c>
      <c r="I548" s="7">
        <v>4.4435874000000002</v>
      </c>
      <c r="J548" s="8">
        <v>-75.230508299999997</v>
      </c>
    </row>
    <row r="549" spans="1:10" x14ac:dyDescent="0.35">
      <c r="A549" s="5" t="s">
        <v>10</v>
      </c>
      <c r="B549" s="6">
        <v>207046</v>
      </c>
      <c r="C549" s="6" t="s">
        <v>117</v>
      </c>
      <c r="D549" s="6" t="s">
        <v>1291</v>
      </c>
      <c r="E549" s="6">
        <v>76834</v>
      </c>
      <c r="F549" s="6" t="s">
        <v>18</v>
      </c>
      <c r="G549" s="6" t="s">
        <v>1292</v>
      </c>
      <c r="H549" s="6" t="s">
        <v>1293</v>
      </c>
      <c r="I549" s="7">
        <v>4.0839156000000001</v>
      </c>
      <c r="J549" s="8">
        <v>-76.194181899999904</v>
      </c>
    </row>
    <row r="550" spans="1:10" x14ac:dyDescent="0.35">
      <c r="A550" s="5" t="s">
        <v>10</v>
      </c>
      <c r="B550" s="6">
        <v>216941</v>
      </c>
      <c r="C550" s="6" t="s">
        <v>11</v>
      </c>
      <c r="D550" s="6" t="s">
        <v>1294</v>
      </c>
      <c r="E550" s="6">
        <v>25873</v>
      </c>
      <c r="F550" s="6" t="s">
        <v>18</v>
      </c>
      <c r="G550" s="6" t="s">
        <v>1295</v>
      </c>
      <c r="H550" s="6" t="s">
        <v>1296</v>
      </c>
      <c r="I550" s="7">
        <v>5.2152089999999998</v>
      </c>
      <c r="J550" s="8">
        <v>-73.594624899999999</v>
      </c>
    </row>
    <row r="551" spans="1:10" x14ac:dyDescent="0.35">
      <c r="A551" s="5" t="s">
        <v>10</v>
      </c>
      <c r="B551" s="6">
        <v>175065</v>
      </c>
      <c r="C551" s="6" t="s">
        <v>68</v>
      </c>
      <c r="D551" s="6" t="s">
        <v>69</v>
      </c>
      <c r="E551" s="6">
        <v>11001</v>
      </c>
      <c r="F551" s="6" t="s">
        <v>13</v>
      </c>
      <c r="G551" s="6" t="s">
        <v>1297</v>
      </c>
      <c r="H551" s="6" t="s">
        <v>1298</v>
      </c>
      <c r="I551" s="7">
        <v>4.5779008000000001</v>
      </c>
      <c r="J551" s="8">
        <v>-74.130235400000004</v>
      </c>
    </row>
    <row r="552" spans="1:10" x14ac:dyDescent="0.35">
      <c r="A552" s="5" t="s">
        <v>10</v>
      </c>
      <c r="B552" s="6">
        <v>220037</v>
      </c>
      <c r="C552" s="6" t="s">
        <v>11</v>
      </c>
      <c r="D552" s="6" t="s">
        <v>106</v>
      </c>
      <c r="E552" s="6">
        <v>25843</v>
      </c>
      <c r="F552" s="6" t="s">
        <v>18</v>
      </c>
      <c r="G552" s="6" t="s">
        <v>1299</v>
      </c>
      <c r="H552" s="6" t="s">
        <v>1300</v>
      </c>
      <c r="I552" s="7">
        <v>5.3101091999999896</v>
      </c>
      <c r="J552" s="8">
        <v>-73.8120464</v>
      </c>
    </row>
    <row r="553" spans="1:10" x14ac:dyDescent="0.35">
      <c r="A553" s="5" t="s">
        <v>10</v>
      </c>
      <c r="B553" s="6">
        <v>149962</v>
      </c>
      <c r="C553" s="6" t="s">
        <v>11</v>
      </c>
      <c r="D553" s="6" t="s">
        <v>21</v>
      </c>
      <c r="E553" s="6">
        <v>25386</v>
      </c>
      <c r="F553" s="6" t="s">
        <v>18</v>
      </c>
      <c r="G553" s="6" t="s">
        <v>1301</v>
      </c>
      <c r="H553" s="6" t="s">
        <v>1302</v>
      </c>
      <c r="I553" s="7">
        <v>4.6321469999999998</v>
      </c>
      <c r="J553" s="8">
        <v>-74.463014000000001</v>
      </c>
    </row>
    <row r="554" spans="1:10" x14ac:dyDescent="0.35">
      <c r="A554" s="5" t="s">
        <v>10</v>
      </c>
      <c r="B554" s="6">
        <v>205610</v>
      </c>
      <c r="C554" s="6" t="s">
        <v>55</v>
      </c>
      <c r="D554" s="6" t="s">
        <v>56</v>
      </c>
      <c r="E554" s="6">
        <v>73001</v>
      </c>
      <c r="F554" s="6" t="s">
        <v>18</v>
      </c>
      <c r="G554" s="6" t="s">
        <v>1303</v>
      </c>
      <c r="H554" s="6" t="s">
        <v>1304</v>
      </c>
      <c r="I554" s="7">
        <v>4.4465699999999897</v>
      </c>
      <c r="J554" s="8">
        <v>-75.140761999999995</v>
      </c>
    </row>
    <row r="555" spans="1:10" x14ac:dyDescent="0.35">
      <c r="A555" s="5" t="s">
        <v>10</v>
      </c>
      <c r="B555" s="6">
        <v>239632</v>
      </c>
      <c r="C555" s="6" t="s">
        <v>24</v>
      </c>
      <c r="D555" s="6" t="s">
        <v>814</v>
      </c>
      <c r="E555" s="6">
        <v>15469</v>
      </c>
      <c r="F555" s="6" t="s">
        <v>18</v>
      </c>
      <c r="G555" s="6" t="s">
        <v>1305</v>
      </c>
      <c r="H555" s="6" t="s">
        <v>1306</v>
      </c>
      <c r="I555" s="7">
        <v>5.8693505000000004</v>
      </c>
      <c r="J555" s="8">
        <v>-73.574313000000004</v>
      </c>
    </row>
    <row r="556" spans="1:10" x14ac:dyDescent="0.35">
      <c r="A556" s="5" t="s">
        <v>10</v>
      </c>
      <c r="B556" s="6">
        <v>243850</v>
      </c>
      <c r="C556" s="6" t="s">
        <v>28</v>
      </c>
      <c r="D556" s="6" t="s">
        <v>29</v>
      </c>
      <c r="E556" s="6">
        <v>54001</v>
      </c>
      <c r="F556" s="6" t="s">
        <v>18</v>
      </c>
      <c r="G556" s="6" t="s">
        <v>1307</v>
      </c>
      <c r="H556" s="6" t="s">
        <v>1308</v>
      </c>
      <c r="I556" s="7">
        <v>7.8847645000000002</v>
      </c>
      <c r="J556" s="8">
        <v>-72.507597399999995</v>
      </c>
    </row>
    <row r="557" spans="1:10" x14ac:dyDescent="0.35">
      <c r="A557" s="5" t="s">
        <v>10</v>
      </c>
      <c r="B557" s="6">
        <v>239090</v>
      </c>
      <c r="C557" s="6" t="s">
        <v>61</v>
      </c>
      <c r="D557" s="6" t="s">
        <v>62</v>
      </c>
      <c r="E557" s="6">
        <v>63001</v>
      </c>
      <c r="F557" s="6" t="s">
        <v>18</v>
      </c>
      <c r="G557" s="6" t="s">
        <v>1309</v>
      </c>
      <c r="H557" s="6" t="s">
        <v>1310</v>
      </c>
      <c r="I557" s="7">
        <v>4.5348712999999998</v>
      </c>
      <c r="J557" s="8">
        <v>-75.698837400000002</v>
      </c>
    </row>
    <row r="558" spans="1:10" x14ac:dyDescent="0.35">
      <c r="A558" s="5" t="s">
        <v>10</v>
      </c>
      <c r="B558" s="6">
        <v>229817</v>
      </c>
      <c r="C558" s="6" t="s">
        <v>55</v>
      </c>
      <c r="D558" s="6" t="s">
        <v>56</v>
      </c>
      <c r="E558" s="6">
        <v>73001</v>
      </c>
      <c r="F558" s="6" t="s">
        <v>18</v>
      </c>
      <c r="G558" s="6" t="s">
        <v>1311</v>
      </c>
      <c r="H558" s="6" t="s">
        <v>1312</v>
      </c>
      <c r="I558" s="7">
        <v>4.3930410000000002</v>
      </c>
      <c r="J558" s="8">
        <v>-75.140418999999994</v>
      </c>
    </row>
    <row r="559" spans="1:10" x14ac:dyDescent="0.35">
      <c r="A559" s="5" t="s">
        <v>10</v>
      </c>
      <c r="B559" s="6">
        <v>238334</v>
      </c>
      <c r="C559" s="6" t="s">
        <v>11</v>
      </c>
      <c r="D559" s="6" t="s">
        <v>21</v>
      </c>
      <c r="E559" s="6">
        <v>25386</v>
      </c>
      <c r="F559" s="6" t="s">
        <v>18</v>
      </c>
      <c r="G559" s="6" t="s">
        <v>1313</v>
      </c>
      <c r="H559" s="6" t="s">
        <v>1314</v>
      </c>
      <c r="I559" s="7">
        <v>4.6291416999999999</v>
      </c>
      <c r="J559" s="8">
        <v>-74.462324499999994</v>
      </c>
    </row>
    <row r="560" spans="1:10" x14ac:dyDescent="0.35">
      <c r="A560" s="5" t="s">
        <v>10</v>
      </c>
      <c r="B560" s="6">
        <v>131652</v>
      </c>
      <c r="C560" s="6" t="s">
        <v>28</v>
      </c>
      <c r="D560" s="6" t="s">
        <v>29</v>
      </c>
      <c r="E560" s="6">
        <v>54001</v>
      </c>
      <c r="F560" s="6" t="s">
        <v>13</v>
      </c>
      <c r="G560" s="6" t="s">
        <v>50</v>
      </c>
      <c r="H560" s="6" t="s">
        <v>1315</v>
      </c>
      <c r="I560" s="7">
        <v>7.939457</v>
      </c>
      <c r="J560" s="8">
        <v>-72.521224599999996</v>
      </c>
    </row>
    <row r="561" spans="1:10" x14ac:dyDescent="0.35">
      <c r="A561" s="5" t="s">
        <v>10</v>
      </c>
      <c r="B561" s="6">
        <v>225346</v>
      </c>
      <c r="C561" s="6" t="s">
        <v>38</v>
      </c>
      <c r="D561" s="6" t="s">
        <v>39</v>
      </c>
      <c r="E561" s="6">
        <v>19001</v>
      </c>
      <c r="F561" s="6" t="s">
        <v>13</v>
      </c>
      <c r="G561" s="6" t="s">
        <v>1316</v>
      </c>
      <c r="H561" s="6" t="s">
        <v>1317</v>
      </c>
      <c r="I561" s="7">
        <v>2.4527320000000001</v>
      </c>
      <c r="J561" s="8">
        <v>-76.603680499999996</v>
      </c>
    </row>
    <row r="562" spans="1:10" x14ac:dyDescent="0.35">
      <c r="A562" s="5" t="s">
        <v>10</v>
      </c>
      <c r="B562" s="6">
        <v>234801</v>
      </c>
      <c r="C562" s="6" t="s">
        <v>366</v>
      </c>
      <c r="D562" s="6" t="s">
        <v>370</v>
      </c>
      <c r="E562" s="6">
        <v>44874</v>
      </c>
      <c r="F562" s="6" t="s">
        <v>18</v>
      </c>
      <c r="G562" s="6" t="s">
        <v>1318</v>
      </c>
      <c r="H562" s="6" t="s">
        <v>1319</v>
      </c>
      <c r="I562" s="7">
        <v>10.606395300000001</v>
      </c>
      <c r="J562" s="8">
        <v>-72.981250000000003</v>
      </c>
    </row>
    <row r="563" spans="1:10" x14ac:dyDescent="0.35">
      <c r="A563" s="5" t="s">
        <v>10</v>
      </c>
      <c r="B563" s="6">
        <v>200965</v>
      </c>
      <c r="C563" s="6" t="s">
        <v>16</v>
      </c>
      <c r="D563" s="6" t="s">
        <v>17</v>
      </c>
      <c r="E563" s="6">
        <v>68679</v>
      </c>
      <c r="F563" s="6" t="s">
        <v>18</v>
      </c>
      <c r="G563" s="6" t="s">
        <v>1320</v>
      </c>
      <c r="H563" s="6" t="s">
        <v>1321</v>
      </c>
      <c r="I563" s="7">
        <v>6.5541261000000004</v>
      </c>
      <c r="J563" s="8">
        <v>-73.133062100000004</v>
      </c>
    </row>
    <row r="564" spans="1:10" x14ac:dyDescent="0.35">
      <c r="A564" s="5" t="s">
        <v>10</v>
      </c>
      <c r="B564" s="6">
        <v>214213</v>
      </c>
      <c r="C564" s="6" t="s">
        <v>55</v>
      </c>
      <c r="D564" s="6" t="s">
        <v>56</v>
      </c>
      <c r="E564" s="6">
        <v>73001</v>
      </c>
      <c r="F564" s="6" t="s">
        <v>18</v>
      </c>
      <c r="G564" s="6" t="s">
        <v>1322</v>
      </c>
      <c r="H564" s="6" t="s">
        <v>1323</v>
      </c>
      <c r="I564" s="7">
        <v>4.4479575000000002</v>
      </c>
      <c r="J564" s="8">
        <v>-75.177879300000001</v>
      </c>
    </row>
    <row r="565" spans="1:10" x14ac:dyDescent="0.35">
      <c r="A565" s="5" t="s">
        <v>10</v>
      </c>
      <c r="B565" s="6">
        <v>236223</v>
      </c>
      <c r="C565" s="6" t="s">
        <v>24</v>
      </c>
      <c r="D565" s="6" t="s">
        <v>1324</v>
      </c>
      <c r="E565" s="6">
        <v>15464</v>
      </c>
      <c r="F565" s="6" t="s">
        <v>18</v>
      </c>
      <c r="G565" s="6" t="s">
        <v>1325</v>
      </c>
      <c r="H565" s="6" t="s">
        <v>1326</v>
      </c>
      <c r="I565" s="7">
        <v>5.7213339000000003</v>
      </c>
      <c r="J565" s="8">
        <v>-72.847486500000002</v>
      </c>
    </row>
    <row r="566" spans="1:10" x14ac:dyDescent="0.35">
      <c r="A566" s="5" t="s">
        <v>10</v>
      </c>
      <c r="B566" s="6">
        <v>171895</v>
      </c>
      <c r="C566" s="6" t="s">
        <v>28</v>
      </c>
      <c r="D566" s="6" t="s">
        <v>29</v>
      </c>
      <c r="E566" s="6">
        <v>54001</v>
      </c>
      <c r="F566" s="6" t="s">
        <v>18</v>
      </c>
      <c r="G566" s="6" t="s">
        <v>1327</v>
      </c>
      <c r="H566" s="6" t="s">
        <v>1328</v>
      </c>
      <c r="I566" s="7">
        <v>7.8870934000000004</v>
      </c>
      <c r="J566" s="8">
        <v>-72.476701499999905</v>
      </c>
    </row>
    <row r="567" spans="1:10" x14ac:dyDescent="0.35">
      <c r="A567" s="5" t="s">
        <v>10</v>
      </c>
      <c r="B567" s="6">
        <v>171054</v>
      </c>
      <c r="C567" s="6" t="s">
        <v>42</v>
      </c>
      <c r="D567" s="6" t="s">
        <v>43</v>
      </c>
      <c r="E567" s="6">
        <v>17001</v>
      </c>
      <c r="F567" s="6" t="s">
        <v>18</v>
      </c>
      <c r="G567" s="6" t="s">
        <v>1329</v>
      </c>
      <c r="H567" s="6" t="s">
        <v>1330</v>
      </c>
      <c r="I567" s="7">
        <v>5.0629742999999996</v>
      </c>
      <c r="J567" s="8">
        <v>-75.502769799999996</v>
      </c>
    </row>
    <row r="568" spans="1:10" x14ac:dyDescent="0.35">
      <c r="A568" s="5" t="s">
        <v>10</v>
      </c>
      <c r="B568" s="6">
        <v>212993</v>
      </c>
      <c r="C568" s="6" t="s">
        <v>278</v>
      </c>
      <c r="D568" s="6" t="s">
        <v>1331</v>
      </c>
      <c r="E568" s="6">
        <v>50006</v>
      </c>
      <c r="F568" s="6" t="s">
        <v>18</v>
      </c>
      <c r="G568" s="6" t="s">
        <v>1332</v>
      </c>
      <c r="H568" s="6" t="s">
        <v>1333</v>
      </c>
      <c r="I568" s="7">
        <v>3.9859518</v>
      </c>
      <c r="J568" s="8">
        <v>-73.7619294</v>
      </c>
    </row>
    <row r="569" spans="1:10" x14ac:dyDescent="0.35">
      <c r="A569" s="5" t="s">
        <v>10</v>
      </c>
      <c r="B569" s="6">
        <v>172839</v>
      </c>
      <c r="C569" s="6" t="s">
        <v>117</v>
      </c>
      <c r="D569" s="6" t="s">
        <v>1334</v>
      </c>
      <c r="E569" s="6">
        <v>76001</v>
      </c>
      <c r="F569" s="6" t="s">
        <v>13</v>
      </c>
      <c r="G569" s="6" t="s">
        <v>1335</v>
      </c>
      <c r="H569" s="6" t="s">
        <v>1336</v>
      </c>
      <c r="I569" s="7">
        <v>3.4894444999999998</v>
      </c>
      <c r="J569" s="8">
        <v>-76.489276599999997</v>
      </c>
    </row>
    <row r="570" spans="1:10" x14ac:dyDescent="0.35">
      <c r="A570" s="5" t="s">
        <v>10</v>
      </c>
      <c r="B570" s="6">
        <v>145716</v>
      </c>
      <c r="C570" s="6" t="s">
        <v>366</v>
      </c>
      <c r="D570" s="6" t="s">
        <v>370</v>
      </c>
      <c r="E570" s="6">
        <v>44874</v>
      </c>
      <c r="F570" s="6" t="s">
        <v>18</v>
      </c>
      <c r="G570" s="6" t="s">
        <v>1337</v>
      </c>
      <c r="H570" s="6" t="s">
        <v>1338</v>
      </c>
      <c r="I570" s="7">
        <v>10.603721</v>
      </c>
      <c r="J570" s="8">
        <v>-72.981935999999905</v>
      </c>
    </row>
    <row r="571" spans="1:10" x14ac:dyDescent="0.35">
      <c r="A571" s="5" t="s">
        <v>10</v>
      </c>
      <c r="B571" s="6">
        <v>72363</v>
      </c>
      <c r="C571" s="6" t="s">
        <v>16</v>
      </c>
      <c r="D571" s="6" t="s">
        <v>1339</v>
      </c>
      <c r="E571" s="6">
        <v>68121</v>
      </c>
      <c r="F571" s="6" t="s">
        <v>18</v>
      </c>
      <c r="G571" s="6" t="s">
        <v>1340</v>
      </c>
      <c r="H571" s="6" t="s">
        <v>1341</v>
      </c>
      <c r="I571" s="7">
        <v>6.5542559999999996</v>
      </c>
      <c r="J571" s="8">
        <v>-73.127911099999906</v>
      </c>
    </row>
    <row r="572" spans="1:10" x14ac:dyDescent="0.35">
      <c r="A572" s="5" t="s">
        <v>10</v>
      </c>
      <c r="B572" s="6">
        <v>206822</v>
      </c>
      <c r="C572" s="6" t="s">
        <v>109</v>
      </c>
      <c r="D572" s="6" t="s">
        <v>227</v>
      </c>
      <c r="E572" s="6">
        <v>13001</v>
      </c>
      <c r="F572" s="6" t="s">
        <v>18</v>
      </c>
      <c r="G572" s="6" t="s">
        <v>1342</v>
      </c>
      <c r="H572" s="6" t="s">
        <v>1343</v>
      </c>
      <c r="I572" s="7">
        <v>10.4117798</v>
      </c>
      <c r="J572" s="8">
        <v>-75.512831800000001</v>
      </c>
    </row>
    <row r="573" spans="1:10" x14ac:dyDescent="0.35">
      <c r="A573" s="5" t="s">
        <v>10</v>
      </c>
      <c r="B573" s="6">
        <v>243871</v>
      </c>
      <c r="C573" s="6" t="s">
        <v>28</v>
      </c>
      <c r="D573" s="6" t="s">
        <v>29</v>
      </c>
      <c r="E573" s="6">
        <v>54001</v>
      </c>
      <c r="F573" s="6" t="s">
        <v>18</v>
      </c>
      <c r="G573" s="6" t="s">
        <v>1344</v>
      </c>
      <c r="H573" s="6" t="s">
        <v>1345</v>
      </c>
      <c r="I573" s="7">
        <v>7.8960340000000002</v>
      </c>
      <c r="J573" s="8">
        <v>-72.506031300000004</v>
      </c>
    </row>
    <row r="574" spans="1:10" x14ac:dyDescent="0.35">
      <c r="A574" s="5" t="s">
        <v>10</v>
      </c>
      <c r="B574" s="6">
        <v>149846</v>
      </c>
      <c r="C574" s="6" t="s">
        <v>94</v>
      </c>
      <c r="D574" s="6" t="s">
        <v>930</v>
      </c>
      <c r="E574" s="6">
        <v>66045</v>
      </c>
      <c r="F574" s="6" t="s">
        <v>18</v>
      </c>
      <c r="G574" s="6" t="s">
        <v>1346</v>
      </c>
      <c r="H574" s="6" t="s">
        <v>1347</v>
      </c>
      <c r="I574" s="7">
        <v>5.1066630000000002</v>
      </c>
      <c r="J574" s="8">
        <v>-75.940865000000002</v>
      </c>
    </row>
    <row r="575" spans="1:10" x14ac:dyDescent="0.35">
      <c r="A575" s="5" t="s">
        <v>10</v>
      </c>
      <c r="B575" s="6">
        <v>218018</v>
      </c>
      <c r="C575" s="6" t="s">
        <v>16</v>
      </c>
      <c r="D575" s="6" t="s">
        <v>1348</v>
      </c>
      <c r="E575" s="6">
        <v>68167</v>
      </c>
      <c r="F575" s="6" t="s">
        <v>18</v>
      </c>
      <c r="G575" s="6" t="s">
        <v>1349</v>
      </c>
      <c r="H575" s="6" t="s">
        <v>1350</v>
      </c>
      <c r="I575" s="7">
        <v>6.2859226000000001</v>
      </c>
      <c r="J575" s="8">
        <v>-73.147033100000002</v>
      </c>
    </row>
    <row r="576" spans="1:10" x14ac:dyDescent="0.35">
      <c r="A576" s="5" t="s">
        <v>10</v>
      </c>
      <c r="B576" s="6">
        <v>198311</v>
      </c>
      <c r="C576" s="6" t="s">
        <v>24</v>
      </c>
      <c r="D576" s="6" t="s">
        <v>85</v>
      </c>
      <c r="E576" s="6">
        <v>15759</v>
      </c>
      <c r="F576" s="6" t="s">
        <v>18</v>
      </c>
      <c r="G576" s="6" t="s">
        <v>1351</v>
      </c>
      <c r="H576" s="6" t="s">
        <v>1352</v>
      </c>
      <c r="I576" s="7">
        <v>5.7087900999999999</v>
      </c>
      <c r="J576" s="8">
        <v>-72.918059900000003</v>
      </c>
    </row>
    <row r="577" spans="1:10" x14ac:dyDescent="0.35">
      <c r="A577" s="5" t="s">
        <v>10</v>
      </c>
      <c r="B577" s="6">
        <v>227438</v>
      </c>
      <c r="C577" s="6" t="s">
        <v>24</v>
      </c>
      <c r="D577" s="6" t="s">
        <v>85</v>
      </c>
      <c r="E577" s="6">
        <v>15759</v>
      </c>
      <c r="F577" s="6" t="s">
        <v>18</v>
      </c>
      <c r="G577" s="6" t="s">
        <v>1353</v>
      </c>
      <c r="H577" s="6" t="s">
        <v>1354</v>
      </c>
      <c r="I577" s="7">
        <v>5.7163905000000002</v>
      </c>
      <c r="J577" s="8">
        <v>-72.929561899999996</v>
      </c>
    </row>
    <row r="578" spans="1:10" x14ac:dyDescent="0.35">
      <c r="A578" s="5" t="s">
        <v>10</v>
      </c>
      <c r="B578" s="6">
        <v>235356</v>
      </c>
      <c r="C578" s="6" t="s">
        <v>24</v>
      </c>
      <c r="D578" s="6" t="s">
        <v>1355</v>
      </c>
      <c r="E578" s="6">
        <v>15204</v>
      </c>
      <c r="F578" s="6" t="s">
        <v>18</v>
      </c>
      <c r="G578" s="6" t="s">
        <v>1356</v>
      </c>
      <c r="H578" s="6" t="s">
        <v>1357</v>
      </c>
      <c r="I578" s="7">
        <v>5.6342650000000001</v>
      </c>
      <c r="J578" s="8">
        <v>-73.323285600000006</v>
      </c>
    </row>
    <row r="579" spans="1:10" x14ac:dyDescent="0.35">
      <c r="A579" s="5" t="s">
        <v>10</v>
      </c>
      <c r="B579" s="6">
        <v>200010</v>
      </c>
      <c r="C579" s="6" t="s">
        <v>466</v>
      </c>
      <c r="D579" s="6" t="s">
        <v>1358</v>
      </c>
      <c r="E579" s="6">
        <v>81300</v>
      </c>
      <c r="F579" s="6" t="s">
        <v>18</v>
      </c>
      <c r="G579" s="6" t="s">
        <v>1359</v>
      </c>
      <c r="H579" s="6" t="s">
        <v>1360</v>
      </c>
      <c r="I579" s="7">
        <v>6.7943669999999896</v>
      </c>
      <c r="J579" s="8">
        <v>-71.771548899999999</v>
      </c>
    </row>
    <row r="580" spans="1:10" x14ac:dyDescent="0.35">
      <c r="A580" s="5" t="s">
        <v>10</v>
      </c>
      <c r="B580" s="6">
        <v>232328</v>
      </c>
      <c r="C580" s="6" t="s">
        <v>55</v>
      </c>
      <c r="D580" s="6" t="s">
        <v>56</v>
      </c>
      <c r="E580" s="6">
        <v>73001</v>
      </c>
      <c r="F580" s="6" t="s">
        <v>18</v>
      </c>
      <c r="G580" s="6" t="s">
        <v>1361</v>
      </c>
      <c r="H580" s="6" t="s">
        <v>1362</v>
      </c>
      <c r="I580" s="7">
        <v>4.4134473999999999</v>
      </c>
      <c r="J580" s="8">
        <v>-75.265021399999995</v>
      </c>
    </row>
    <row r="581" spans="1:10" x14ac:dyDescent="0.35">
      <c r="A581" s="5" t="s">
        <v>10</v>
      </c>
      <c r="B581" s="6">
        <v>247387</v>
      </c>
      <c r="C581" s="6" t="s">
        <v>61</v>
      </c>
      <c r="D581" s="6" t="s">
        <v>1363</v>
      </c>
      <c r="E581" s="6">
        <v>63212</v>
      </c>
      <c r="F581" s="6" t="s">
        <v>18</v>
      </c>
      <c r="G581" s="6" t="s">
        <v>1364</v>
      </c>
      <c r="H581" s="6" t="s">
        <v>1365</v>
      </c>
      <c r="I581" s="7">
        <v>4.3902232000000003</v>
      </c>
      <c r="J581" s="8">
        <v>-75.686161900000002</v>
      </c>
    </row>
    <row r="582" spans="1:10" x14ac:dyDescent="0.35">
      <c r="A582" s="5" t="s">
        <v>10</v>
      </c>
      <c r="B582" s="6">
        <v>244048</v>
      </c>
      <c r="C582" s="6" t="s">
        <v>24</v>
      </c>
      <c r="D582" s="6" t="s">
        <v>1366</v>
      </c>
      <c r="E582" s="6">
        <v>15051</v>
      </c>
      <c r="F582" s="6" t="s">
        <v>18</v>
      </c>
      <c r="G582" s="6" t="s">
        <v>1367</v>
      </c>
      <c r="H582" s="6" t="s">
        <v>1368</v>
      </c>
      <c r="I582" s="7">
        <v>5.7550442000000004</v>
      </c>
      <c r="J582" s="8">
        <v>-73.436718999999997</v>
      </c>
    </row>
    <row r="583" spans="1:10" x14ac:dyDescent="0.35">
      <c r="A583" s="5" t="s">
        <v>10</v>
      </c>
      <c r="B583" s="6">
        <v>218178</v>
      </c>
      <c r="C583" s="6" t="s">
        <v>278</v>
      </c>
      <c r="D583" s="6" t="s">
        <v>279</v>
      </c>
      <c r="E583" s="6">
        <v>50001</v>
      </c>
      <c r="F583" s="6" t="s">
        <v>18</v>
      </c>
      <c r="G583" s="6" t="s">
        <v>1369</v>
      </c>
      <c r="H583" s="6" t="s">
        <v>1370</v>
      </c>
      <c r="I583" s="7">
        <v>4.1448893</v>
      </c>
      <c r="J583" s="8">
        <v>-73.626905899999997</v>
      </c>
    </row>
    <row r="584" spans="1:10" x14ac:dyDescent="0.35">
      <c r="A584" s="5" t="s">
        <v>10</v>
      </c>
      <c r="B584" s="6">
        <v>187497</v>
      </c>
      <c r="C584" s="6" t="s">
        <v>68</v>
      </c>
      <c r="D584" s="6" t="s">
        <v>69</v>
      </c>
      <c r="E584" s="6">
        <v>11001</v>
      </c>
      <c r="F584" s="6" t="s">
        <v>13</v>
      </c>
      <c r="G584" s="6" t="s">
        <v>1371</v>
      </c>
      <c r="H584" s="6" t="s">
        <v>1372</v>
      </c>
      <c r="I584" s="7">
        <v>4.6366999</v>
      </c>
      <c r="J584" s="8">
        <v>-74.159858900000003</v>
      </c>
    </row>
    <row r="585" spans="1:10" x14ac:dyDescent="0.35">
      <c r="A585" s="5" t="s">
        <v>10</v>
      </c>
      <c r="B585" s="6">
        <v>249531</v>
      </c>
      <c r="C585" s="6" t="s">
        <v>16</v>
      </c>
      <c r="D585" s="6" t="s">
        <v>17</v>
      </c>
      <c r="E585" s="6">
        <v>68679</v>
      </c>
      <c r="F585" s="6" t="s">
        <v>18</v>
      </c>
      <c r="G585" s="6" t="s">
        <v>1373</v>
      </c>
      <c r="H585" s="6" t="s">
        <v>1374</v>
      </c>
      <c r="I585" s="7">
        <v>6.554824</v>
      </c>
      <c r="J585" s="8">
        <v>-73.134119999999996</v>
      </c>
    </row>
    <row r="586" spans="1:10" x14ac:dyDescent="0.35">
      <c r="A586" s="5" t="s">
        <v>10</v>
      </c>
      <c r="B586" s="6">
        <v>206554</v>
      </c>
      <c r="C586" s="6" t="s">
        <v>11</v>
      </c>
      <c r="D586" s="6" t="s">
        <v>21</v>
      </c>
      <c r="E586" s="6">
        <v>25386</v>
      </c>
      <c r="F586" s="6" t="s">
        <v>18</v>
      </c>
      <c r="G586" s="6" t="s">
        <v>1375</v>
      </c>
      <c r="H586" s="6" t="s">
        <v>1376</v>
      </c>
      <c r="I586" s="7">
        <v>4.6321469999999998</v>
      </c>
      <c r="J586" s="8">
        <v>-74.463014000000001</v>
      </c>
    </row>
    <row r="587" spans="1:10" x14ac:dyDescent="0.35">
      <c r="A587" s="5" t="s">
        <v>10</v>
      </c>
      <c r="B587" s="6">
        <v>179983</v>
      </c>
      <c r="C587" s="6" t="s">
        <v>294</v>
      </c>
      <c r="D587" s="6" t="s">
        <v>1377</v>
      </c>
      <c r="E587" s="6">
        <v>41244</v>
      </c>
      <c r="F587" s="6" t="s">
        <v>18</v>
      </c>
      <c r="G587" s="6" t="s">
        <v>1378</v>
      </c>
      <c r="H587" s="6" t="s">
        <v>1379</v>
      </c>
      <c r="I587" s="7">
        <v>2.0137130999999999</v>
      </c>
      <c r="J587" s="8">
        <v>-75.937935600000003</v>
      </c>
    </row>
    <row r="588" spans="1:10" x14ac:dyDescent="0.35">
      <c r="A588" s="5" t="s">
        <v>10</v>
      </c>
      <c r="B588" s="6">
        <v>215385</v>
      </c>
      <c r="C588" s="6" t="s">
        <v>24</v>
      </c>
      <c r="D588" s="6" t="s">
        <v>88</v>
      </c>
      <c r="E588" s="6">
        <v>15001</v>
      </c>
      <c r="F588" s="6" t="s">
        <v>18</v>
      </c>
      <c r="G588" s="6" t="s">
        <v>1380</v>
      </c>
      <c r="H588" s="6" t="s">
        <v>1381</v>
      </c>
      <c r="I588" s="7">
        <v>5.5244203000000001</v>
      </c>
      <c r="J588" s="8">
        <v>-73.355429899999905</v>
      </c>
    </row>
    <row r="589" spans="1:10" x14ac:dyDescent="0.35">
      <c r="A589" s="5" t="s">
        <v>10</v>
      </c>
      <c r="B589" s="6">
        <v>222041</v>
      </c>
      <c r="C589" s="6" t="s">
        <v>24</v>
      </c>
      <c r="D589" s="6" t="s">
        <v>88</v>
      </c>
      <c r="E589" s="6">
        <v>15001</v>
      </c>
      <c r="F589" s="6" t="s">
        <v>18</v>
      </c>
      <c r="G589" s="6" t="s">
        <v>1382</v>
      </c>
      <c r="H589" s="6" t="s">
        <v>1383</v>
      </c>
      <c r="I589" s="7">
        <v>5.5191720000000002</v>
      </c>
      <c r="J589" s="8">
        <v>-73.360155800000001</v>
      </c>
    </row>
    <row r="590" spans="1:10" x14ac:dyDescent="0.35">
      <c r="A590" s="5" t="s">
        <v>10</v>
      </c>
      <c r="B590" s="6">
        <v>216317</v>
      </c>
      <c r="C590" s="6" t="s">
        <v>24</v>
      </c>
      <c r="D590" s="6" t="s">
        <v>266</v>
      </c>
      <c r="E590" s="6">
        <v>15172</v>
      </c>
      <c r="F590" s="6" t="s">
        <v>18</v>
      </c>
      <c r="G590" s="6" t="s">
        <v>1384</v>
      </c>
      <c r="H590" s="6" t="s">
        <v>1385</v>
      </c>
      <c r="I590" s="7">
        <v>5.1666150000000002</v>
      </c>
      <c r="J590" s="8">
        <v>-73.368769999999998</v>
      </c>
    </row>
    <row r="591" spans="1:10" x14ac:dyDescent="0.35">
      <c r="A591" s="5" t="s">
        <v>10</v>
      </c>
      <c r="B591" s="6">
        <v>171897</v>
      </c>
      <c r="C591" s="6" t="s">
        <v>28</v>
      </c>
      <c r="D591" s="6" t="s">
        <v>1386</v>
      </c>
      <c r="E591" s="6">
        <v>54660</v>
      </c>
      <c r="F591" s="6" t="s">
        <v>18</v>
      </c>
      <c r="G591" s="6" t="s">
        <v>1387</v>
      </c>
      <c r="H591" s="6" t="s">
        <v>1388</v>
      </c>
      <c r="I591" s="7">
        <v>7.7733885000000003</v>
      </c>
      <c r="J591" s="8">
        <v>-72.809457699999996</v>
      </c>
    </row>
    <row r="592" spans="1:10" x14ac:dyDescent="0.35">
      <c r="A592" s="5" t="s">
        <v>10</v>
      </c>
      <c r="B592" s="6">
        <v>237516</v>
      </c>
      <c r="C592" s="6" t="s">
        <v>28</v>
      </c>
      <c r="D592" s="6" t="s">
        <v>91</v>
      </c>
      <c r="E592" s="6">
        <v>54874</v>
      </c>
      <c r="F592" s="6" t="s">
        <v>18</v>
      </c>
      <c r="G592" s="6" t="s">
        <v>1389</v>
      </c>
      <c r="H592" s="6" t="s">
        <v>1390</v>
      </c>
      <c r="I592" s="7">
        <v>7.8388156000000002</v>
      </c>
      <c r="J592" s="8">
        <v>-72.475436900000005</v>
      </c>
    </row>
    <row r="593" spans="1:10" x14ac:dyDescent="0.35">
      <c r="A593" s="5" t="s">
        <v>10</v>
      </c>
      <c r="B593" s="6">
        <v>190763</v>
      </c>
      <c r="C593" s="6" t="s">
        <v>11</v>
      </c>
      <c r="D593" s="6" t="s">
        <v>106</v>
      </c>
      <c r="E593" s="6">
        <v>25843</v>
      </c>
      <c r="F593" s="6" t="s">
        <v>18</v>
      </c>
      <c r="G593" s="6" t="s">
        <v>1391</v>
      </c>
      <c r="H593" s="6" t="s">
        <v>1392</v>
      </c>
      <c r="I593" s="7">
        <v>4.5959848000000001</v>
      </c>
      <c r="J593" s="8">
        <v>-74.076516900000001</v>
      </c>
    </row>
    <row r="594" spans="1:10" x14ac:dyDescent="0.35">
      <c r="A594" s="5" t="s">
        <v>10</v>
      </c>
      <c r="B594" s="6">
        <v>244112</v>
      </c>
      <c r="C594" s="6" t="s">
        <v>24</v>
      </c>
      <c r="D594" s="6" t="s">
        <v>88</v>
      </c>
      <c r="E594" s="6">
        <v>15001</v>
      </c>
      <c r="F594" s="6" t="s">
        <v>18</v>
      </c>
      <c r="G594" s="6" t="s">
        <v>1393</v>
      </c>
      <c r="H594" s="6" t="s">
        <v>383</v>
      </c>
      <c r="I594" s="7">
        <v>5.5187350999999998</v>
      </c>
      <c r="J594" s="8">
        <v>-73.354003399999996</v>
      </c>
    </row>
    <row r="595" spans="1:10" x14ac:dyDescent="0.35">
      <c r="A595" s="5" t="s">
        <v>10</v>
      </c>
      <c r="B595" s="6">
        <v>190659</v>
      </c>
      <c r="C595" s="6" t="s">
        <v>24</v>
      </c>
      <c r="D595" s="6" t="s">
        <v>1394</v>
      </c>
      <c r="E595" s="6">
        <v>15808</v>
      </c>
      <c r="F595" s="6" t="s">
        <v>18</v>
      </c>
      <c r="G595" s="6" t="s">
        <v>1395</v>
      </c>
      <c r="H595" s="6" t="s">
        <v>1396</v>
      </c>
      <c r="I595" s="7">
        <v>11.2423039</v>
      </c>
      <c r="J595" s="8">
        <v>-74.210595499999997</v>
      </c>
    </row>
    <row r="596" spans="1:10" x14ac:dyDescent="0.35">
      <c r="A596" s="5" t="s">
        <v>10</v>
      </c>
      <c r="B596" s="6">
        <v>232349</v>
      </c>
      <c r="C596" s="6" t="s">
        <v>24</v>
      </c>
      <c r="D596" s="6" t="s">
        <v>88</v>
      </c>
      <c r="E596" s="6">
        <v>15001</v>
      </c>
      <c r="F596" s="6" t="s">
        <v>18</v>
      </c>
      <c r="G596" s="6" t="s">
        <v>1397</v>
      </c>
      <c r="H596" s="6" t="s">
        <v>1398</v>
      </c>
      <c r="I596" s="7">
        <v>5.5224396000000002</v>
      </c>
      <c r="J596" s="8">
        <v>-73.370513599999995</v>
      </c>
    </row>
    <row r="597" spans="1:10" x14ac:dyDescent="0.35">
      <c r="A597" s="5" t="s">
        <v>10</v>
      </c>
      <c r="B597" s="6">
        <v>243890</v>
      </c>
      <c r="C597" s="6" t="s">
        <v>28</v>
      </c>
      <c r="D597" s="6" t="s">
        <v>867</v>
      </c>
      <c r="E597" s="6">
        <v>54099</v>
      </c>
      <c r="F597" s="6" t="s">
        <v>18</v>
      </c>
      <c r="G597" s="6" t="s">
        <v>1399</v>
      </c>
      <c r="H597" s="6" t="s">
        <v>1400</v>
      </c>
      <c r="I597" s="7">
        <v>7.6112311000000004</v>
      </c>
      <c r="J597" s="8">
        <v>-72.648096699999996</v>
      </c>
    </row>
    <row r="598" spans="1:10" x14ac:dyDescent="0.35">
      <c r="A598" s="5" t="s">
        <v>10</v>
      </c>
      <c r="B598" s="6">
        <v>179583</v>
      </c>
      <c r="C598" s="6" t="s">
        <v>16</v>
      </c>
      <c r="D598" s="6" t="s">
        <v>1401</v>
      </c>
      <c r="E598" s="6">
        <v>68307</v>
      </c>
      <c r="F598" s="6" t="s">
        <v>18</v>
      </c>
      <c r="G598" s="6" t="s">
        <v>1402</v>
      </c>
      <c r="H598" s="6" t="s">
        <v>1403</v>
      </c>
      <c r="I598" s="7">
        <v>7.1009631000000004</v>
      </c>
      <c r="J598" s="8">
        <v>-73.1249909</v>
      </c>
    </row>
    <row r="599" spans="1:10" x14ac:dyDescent="0.35">
      <c r="A599" s="5" t="s">
        <v>10</v>
      </c>
      <c r="B599" s="6">
        <v>224443</v>
      </c>
      <c r="C599" s="6" t="s">
        <v>42</v>
      </c>
      <c r="D599" s="6" t="s">
        <v>275</v>
      </c>
      <c r="E599" s="6">
        <v>17614</v>
      </c>
      <c r="F599" s="6" t="s">
        <v>18</v>
      </c>
      <c r="G599" s="6" t="s">
        <v>1404</v>
      </c>
      <c r="H599" s="6" t="s">
        <v>1405</v>
      </c>
      <c r="I599" s="7">
        <v>5.4206838999999896</v>
      </c>
      <c r="J599" s="8">
        <v>-75.705387999999999</v>
      </c>
    </row>
    <row r="600" spans="1:10" x14ac:dyDescent="0.35">
      <c r="A600" s="5" t="s">
        <v>10</v>
      </c>
      <c r="B600" s="6">
        <v>224444</v>
      </c>
      <c r="C600" s="6" t="s">
        <v>42</v>
      </c>
      <c r="D600" s="6" t="s">
        <v>1182</v>
      </c>
      <c r="E600" s="6">
        <v>17541</v>
      </c>
      <c r="F600" s="6" t="s">
        <v>18</v>
      </c>
      <c r="G600" s="6" t="s">
        <v>1406</v>
      </c>
      <c r="H600" s="6" t="s">
        <v>1407</v>
      </c>
      <c r="I600" s="7">
        <v>5.3271375000000001</v>
      </c>
      <c r="J600" s="8">
        <v>-75.1120217</v>
      </c>
    </row>
    <row r="601" spans="1:10" x14ac:dyDescent="0.35">
      <c r="A601" s="5" t="s">
        <v>10</v>
      </c>
      <c r="B601" s="6">
        <v>228931</v>
      </c>
      <c r="C601" s="6" t="s">
        <v>68</v>
      </c>
      <c r="D601" s="6" t="s">
        <v>69</v>
      </c>
      <c r="E601" s="6">
        <v>11001</v>
      </c>
      <c r="F601" s="6" t="s">
        <v>18</v>
      </c>
      <c r="G601" s="6" t="s">
        <v>1408</v>
      </c>
      <c r="H601" s="6" t="s">
        <v>1409</v>
      </c>
      <c r="I601" s="7">
        <v>4.5432601999999997</v>
      </c>
      <c r="J601" s="8">
        <v>-74.082591899999997</v>
      </c>
    </row>
    <row r="602" spans="1:10" x14ac:dyDescent="0.35">
      <c r="A602" s="5" t="s">
        <v>10</v>
      </c>
      <c r="B602" s="6">
        <v>155560</v>
      </c>
      <c r="C602" s="6" t="s">
        <v>68</v>
      </c>
      <c r="D602" s="6" t="s">
        <v>69</v>
      </c>
      <c r="E602" s="6">
        <v>11001</v>
      </c>
      <c r="F602" s="6" t="s">
        <v>18</v>
      </c>
      <c r="G602" s="6" t="s">
        <v>514</v>
      </c>
      <c r="H602" s="6" t="s">
        <v>1410</v>
      </c>
      <c r="I602" s="7">
        <v>4.5878642999999997</v>
      </c>
      <c r="J602" s="8">
        <v>-74.104170199999999</v>
      </c>
    </row>
    <row r="603" spans="1:10" x14ac:dyDescent="0.35">
      <c r="A603" s="5" t="s">
        <v>10</v>
      </c>
      <c r="B603" s="6">
        <v>142642</v>
      </c>
      <c r="C603" s="6" t="s">
        <v>11</v>
      </c>
      <c r="D603" s="6" t="s">
        <v>1411</v>
      </c>
      <c r="E603" s="6">
        <v>25279</v>
      </c>
      <c r="F603" s="6" t="s">
        <v>13</v>
      </c>
      <c r="G603" s="6" t="s">
        <v>1412</v>
      </c>
      <c r="H603" s="6" t="s">
        <v>1413</v>
      </c>
      <c r="I603" s="7">
        <v>4.4858219999999998</v>
      </c>
      <c r="J603" s="8">
        <v>-73.894165000000001</v>
      </c>
    </row>
    <row r="604" spans="1:10" x14ac:dyDescent="0.35">
      <c r="A604" s="5" t="s">
        <v>10</v>
      </c>
      <c r="B604" s="6">
        <v>130606</v>
      </c>
      <c r="C604" s="6" t="s">
        <v>28</v>
      </c>
      <c r="D604" s="6" t="s">
        <v>29</v>
      </c>
      <c r="E604" s="6">
        <v>54001</v>
      </c>
      <c r="F604" s="6" t="s">
        <v>13</v>
      </c>
      <c r="G604" s="6" t="s">
        <v>50</v>
      </c>
      <c r="H604" s="6" t="s">
        <v>1265</v>
      </c>
      <c r="I604" s="7">
        <v>7.9147987999999998</v>
      </c>
      <c r="J604" s="8">
        <v>-72.492836800000006</v>
      </c>
    </row>
    <row r="605" spans="1:10" x14ac:dyDescent="0.35">
      <c r="A605" s="5" t="s">
        <v>10</v>
      </c>
      <c r="B605" s="6">
        <v>183968</v>
      </c>
      <c r="C605" s="6" t="s">
        <v>11</v>
      </c>
      <c r="D605" s="6" t="s">
        <v>159</v>
      </c>
      <c r="E605" s="6">
        <v>25175</v>
      </c>
      <c r="F605" s="6" t="s">
        <v>13</v>
      </c>
      <c r="G605" s="6" t="s">
        <v>160</v>
      </c>
      <c r="H605" s="6" t="s">
        <v>161</v>
      </c>
      <c r="I605" s="7">
        <v>4.8611145000000002</v>
      </c>
      <c r="J605" s="8">
        <v>-74.062570699999995</v>
      </c>
    </row>
    <row r="606" spans="1:10" x14ac:dyDescent="0.35">
      <c r="A606" s="5" t="s">
        <v>10</v>
      </c>
      <c r="B606" s="6">
        <v>112589</v>
      </c>
      <c r="C606" s="6" t="s">
        <v>16</v>
      </c>
      <c r="D606" s="6" t="s">
        <v>1091</v>
      </c>
      <c r="E606" s="6">
        <v>68217</v>
      </c>
      <c r="F606" s="6" t="s">
        <v>18</v>
      </c>
      <c r="G606" s="6" t="s">
        <v>1414</v>
      </c>
      <c r="H606" s="6" t="s">
        <v>1415</v>
      </c>
      <c r="I606" s="7">
        <v>6.2387867999999997</v>
      </c>
      <c r="J606" s="8">
        <v>-73.077670999999995</v>
      </c>
    </row>
    <row r="607" spans="1:10" x14ac:dyDescent="0.35">
      <c r="A607" s="5" t="s">
        <v>10</v>
      </c>
      <c r="B607" s="6">
        <v>234335</v>
      </c>
      <c r="C607" s="6" t="s">
        <v>16</v>
      </c>
      <c r="D607" s="6" t="s">
        <v>17</v>
      </c>
      <c r="E607" s="6">
        <v>68679</v>
      </c>
      <c r="F607" s="6" t="s">
        <v>18</v>
      </c>
      <c r="G607" s="6" t="s">
        <v>1416</v>
      </c>
      <c r="H607" s="6" t="s">
        <v>1417</v>
      </c>
      <c r="I607" s="7">
        <v>6.5515157000000004</v>
      </c>
      <c r="J607" s="8">
        <v>-73.138053099999993</v>
      </c>
    </row>
    <row r="608" spans="1:10" x14ac:dyDescent="0.35">
      <c r="A608" s="5" t="s">
        <v>10</v>
      </c>
      <c r="B608" s="6">
        <v>204514</v>
      </c>
      <c r="C608" s="6" t="s">
        <v>16</v>
      </c>
      <c r="D608" s="6" t="s">
        <v>224</v>
      </c>
      <c r="E608" s="6">
        <v>68755</v>
      </c>
      <c r="F608" s="6" t="s">
        <v>18</v>
      </c>
      <c r="G608" s="6" t="s">
        <v>1418</v>
      </c>
      <c r="H608" s="6" t="s">
        <v>1419</v>
      </c>
      <c r="I608" s="7">
        <v>6.4683253000000001</v>
      </c>
      <c r="J608" s="8">
        <v>-73.263255700000002</v>
      </c>
    </row>
    <row r="609" spans="1:10" x14ac:dyDescent="0.35">
      <c r="A609" s="5" t="s">
        <v>10</v>
      </c>
      <c r="B609" s="6">
        <v>229727</v>
      </c>
      <c r="C609" s="6" t="s">
        <v>16</v>
      </c>
      <c r="D609" s="6" t="s">
        <v>17</v>
      </c>
      <c r="E609" s="6">
        <v>68679</v>
      </c>
      <c r="F609" s="6" t="s">
        <v>18</v>
      </c>
      <c r="G609" s="6" t="s">
        <v>1420</v>
      </c>
      <c r="H609" s="6" t="s">
        <v>1421</v>
      </c>
      <c r="I609" s="7">
        <v>6.5513893999999997</v>
      </c>
      <c r="J609" s="8">
        <v>-73.1275811</v>
      </c>
    </row>
    <row r="610" spans="1:10" x14ac:dyDescent="0.35">
      <c r="A610" s="5" t="s">
        <v>10</v>
      </c>
      <c r="B610" s="6">
        <v>237039</v>
      </c>
      <c r="C610" s="6" t="s">
        <v>55</v>
      </c>
      <c r="D610" s="6" t="s">
        <v>1422</v>
      </c>
      <c r="E610" s="6">
        <v>73055</v>
      </c>
      <c r="F610" s="6" t="s">
        <v>18</v>
      </c>
      <c r="G610" s="6" t="s">
        <v>1423</v>
      </c>
      <c r="H610" s="6" t="s">
        <v>1424</v>
      </c>
      <c r="I610" s="7">
        <v>5.0353358000000004</v>
      </c>
      <c r="J610" s="8">
        <v>-74.885422500000004</v>
      </c>
    </row>
    <row r="611" spans="1:10" x14ac:dyDescent="0.35">
      <c r="A611" s="5" t="s">
        <v>10</v>
      </c>
      <c r="B611" s="6">
        <v>217260</v>
      </c>
      <c r="C611" s="6" t="s">
        <v>55</v>
      </c>
      <c r="D611" s="6" t="s">
        <v>56</v>
      </c>
      <c r="E611" s="6">
        <v>73001</v>
      </c>
      <c r="F611" s="6" t="s">
        <v>18</v>
      </c>
      <c r="G611" s="6" t="s">
        <v>1425</v>
      </c>
      <c r="H611" s="6" t="s">
        <v>1426</v>
      </c>
      <c r="I611" s="7">
        <v>4.4419677999999996</v>
      </c>
      <c r="J611" s="8">
        <v>-75.237899999999996</v>
      </c>
    </row>
    <row r="612" spans="1:10" x14ac:dyDescent="0.35">
      <c r="A612" s="5" t="s">
        <v>10</v>
      </c>
      <c r="B612" s="6">
        <v>231509</v>
      </c>
      <c r="C612" s="6" t="s">
        <v>24</v>
      </c>
      <c r="D612" s="6" t="s">
        <v>1427</v>
      </c>
      <c r="E612" s="6">
        <v>15494</v>
      </c>
      <c r="F612" s="6" t="s">
        <v>18</v>
      </c>
      <c r="G612" s="6" t="s">
        <v>1428</v>
      </c>
      <c r="H612" s="6" t="s">
        <v>1429</v>
      </c>
      <c r="I612" s="7">
        <v>5.3541929000000001</v>
      </c>
      <c r="J612" s="8">
        <v>-73.457391700000002</v>
      </c>
    </row>
    <row r="613" spans="1:10" x14ac:dyDescent="0.35">
      <c r="A613" s="5" t="s">
        <v>10</v>
      </c>
      <c r="B613" s="6">
        <v>231932</v>
      </c>
      <c r="C613" s="6" t="s">
        <v>24</v>
      </c>
      <c r="D613" s="6" t="s">
        <v>1430</v>
      </c>
      <c r="E613" s="6">
        <v>15466</v>
      </c>
      <c r="F613" s="6" t="s">
        <v>18</v>
      </c>
      <c r="G613" s="6" t="s">
        <v>1431</v>
      </c>
      <c r="H613" s="6" t="s">
        <v>1432</v>
      </c>
      <c r="I613" s="7">
        <v>5.7240624000000002</v>
      </c>
      <c r="J613" s="8">
        <v>-72.848744199999999</v>
      </c>
    </row>
    <row r="614" spans="1:10" x14ac:dyDescent="0.35">
      <c r="A614" s="5" t="s">
        <v>10</v>
      </c>
      <c r="B614" s="6">
        <v>237469</v>
      </c>
      <c r="C614" s="6" t="s">
        <v>28</v>
      </c>
      <c r="D614" s="6" t="s">
        <v>1433</v>
      </c>
      <c r="E614" s="6">
        <v>54553</v>
      </c>
      <c r="F614" s="6" t="s">
        <v>18</v>
      </c>
      <c r="G614" s="6" t="s">
        <v>1434</v>
      </c>
      <c r="H614" s="6" t="s">
        <v>1435</v>
      </c>
      <c r="I614" s="7">
        <v>8.3613230000000005</v>
      </c>
      <c r="J614" s="8">
        <v>-72.408389</v>
      </c>
    </row>
    <row r="615" spans="1:10" x14ac:dyDescent="0.35">
      <c r="A615" s="5" t="s">
        <v>10</v>
      </c>
      <c r="B615" s="6">
        <v>232401</v>
      </c>
      <c r="C615" s="6" t="s">
        <v>94</v>
      </c>
      <c r="D615" s="6" t="s">
        <v>178</v>
      </c>
      <c r="E615" s="6">
        <v>66318</v>
      </c>
      <c r="F615" s="6" t="s">
        <v>18</v>
      </c>
      <c r="G615" s="6" t="s">
        <v>1436</v>
      </c>
      <c r="H615" s="6" t="s">
        <v>1437</v>
      </c>
      <c r="I615" s="7">
        <v>4.8218534999999996</v>
      </c>
      <c r="J615" s="8">
        <v>-75.698732899999996</v>
      </c>
    </row>
    <row r="616" spans="1:10" x14ac:dyDescent="0.35">
      <c r="A616" s="5" t="s">
        <v>10</v>
      </c>
      <c r="B616" s="6">
        <v>233146</v>
      </c>
      <c r="C616" s="6" t="s">
        <v>42</v>
      </c>
      <c r="D616" s="6" t="s">
        <v>1438</v>
      </c>
      <c r="E616" s="6">
        <v>17513</v>
      </c>
      <c r="F616" s="6" t="s">
        <v>18</v>
      </c>
      <c r="G616" s="6" t="s">
        <v>1439</v>
      </c>
      <c r="H616" s="6" t="s">
        <v>1440</v>
      </c>
      <c r="I616" s="7">
        <v>5.5279999999999996</v>
      </c>
      <c r="J616" s="8">
        <v>-75.459879999999998</v>
      </c>
    </row>
    <row r="617" spans="1:10" x14ac:dyDescent="0.35">
      <c r="A617" s="5" t="s">
        <v>10</v>
      </c>
      <c r="B617" s="6">
        <v>212979</v>
      </c>
      <c r="C617" s="6" t="s">
        <v>68</v>
      </c>
      <c r="D617" s="6" t="s">
        <v>69</v>
      </c>
      <c r="E617" s="6">
        <v>11001</v>
      </c>
      <c r="F617" s="6" t="s">
        <v>18</v>
      </c>
      <c r="G617" s="6" t="s">
        <v>1441</v>
      </c>
      <c r="H617" s="6" t="s">
        <v>1442</v>
      </c>
      <c r="I617" s="7">
        <v>4.5787167999999996</v>
      </c>
      <c r="J617" s="8">
        <v>-74.1985758</v>
      </c>
    </row>
    <row r="618" spans="1:10" x14ac:dyDescent="0.35">
      <c r="A618" s="5" t="s">
        <v>10</v>
      </c>
      <c r="B618" s="6">
        <v>247458</v>
      </c>
      <c r="C618" s="6" t="s">
        <v>16</v>
      </c>
      <c r="D618" s="6" t="s">
        <v>17</v>
      </c>
      <c r="E618" s="6">
        <v>68679</v>
      </c>
      <c r="F618" s="6" t="s">
        <v>18</v>
      </c>
      <c r="G618" s="6" t="s">
        <v>1443</v>
      </c>
      <c r="H618" s="6" t="s">
        <v>1444</v>
      </c>
      <c r="I618" s="7">
        <v>6.5546119999999997</v>
      </c>
      <c r="J618" s="8">
        <v>-73.134366999999997</v>
      </c>
    </row>
    <row r="619" spans="1:10" x14ac:dyDescent="0.35">
      <c r="A619" s="5" t="s">
        <v>10</v>
      </c>
      <c r="B619" s="6">
        <v>241816</v>
      </c>
      <c r="C619" s="6" t="s">
        <v>109</v>
      </c>
      <c r="D619" s="6" t="s">
        <v>1445</v>
      </c>
      <c r="E619" s="6">
        <v>13688</v>
      </c>
      <c r="F619" s="6" t="s">
        <v>18</v>
      </c>
      <c r="G619" s="6" t="s">
        <v>1446</v>
      </c>
      <c r="H619" s="6" t="s">
        <v>1447</v>
      </c>
      <c r="I619" s="7">
        <v>7.9630637999999996</v>
      </c>
      <c r="J619" s="8">
        <v>-74.050974800000006</v>
      </c>
    </row>
    <row r="620" spans="1:10" x14ac:dyDescent="0.35">
      <c r="A620" s="5" t="s">
        <v>10</v>
      </c>
      <c r="B620" s="6">
        <v>171180</v>
      </c>
      <c r="C620" s="6" t="s">
        <v>24</v>
      </c>
      <c r="D620" s="6" t="s">
        <v>137</v>
      </c>
      <c r="E620" s="6">
        <v>15238</v>
      </c>
      <c r="F620" s="6" t="s">
        <v>18</v>
      </c>
      <c r="G620" s="6" t="s">
        <v>1448</v>
      </c>
      <c r="H620" s="6" t="s">
        <v>1449</v>
      </c>
      <c r="I620" s="7">
        <v>5.8268950999999998</v>
      </c>
      <c r="J620" s="8">
        <v>-73.032927299999997</v>
      </c>
    </row>
    <row r="621" spans="1:10" x14ac:dyDescent="0.35">
      <c r="A621" s="5" t="s">
        <v>10</v>
      </c>
      <c r="B621" s="6">
        <v>184701</v>
      </c>
      <c r="C621" s="6" t="s">
        <v>24</v>
      </c>
      <c r="D621" s="6" t="s">
        <v>137</v>
      </c>
      <c r="E621" s="6">
        <v>15238</v>
      </c>
      <c r="F621" s="6" t="s">
        <v>18</v>
      </c>
      <c r="G621" s="6" t="s">
        <v>1450</v>
      </c>
      <c r="H621" s="6" t="s">
        <v>1451</v>
      </c>
      <c r="I621" s="7">
        <v>5.8160590000000001</v>
      </c>
      <c r="J621" s="8">
        <v>-73.036434</v>
      </c>
    </row>
    <row r="622" spans="1:10" x14ac:dyDescent="0.35">
      <c r="A622" s="5" t="s">
        <v>10</v>
      </c>
      <c r="B622" s="6">
        <v>239196</v>
      </c>
      <c r="C622" s="6" t="s">
        <v>28</v>
      </c>
      <c r="D622" s="6" t="s">
        <v>29</v>
      </c>
      <c r="E622" s="6">
        <v>54001</v>
      </c>
      <c r="F622" s="6" t="s">
        <v>18</v>
      </c>
      <c r="G622" s="6" t="s">
        <v>1452</v>
      </c>
      <c r="H622" s="6" t="s">
        <v>1453</v>
      </c>
      <c r="I622" s="7">
        <v>7.8864675999999996</v>
      </c>
      <c r="J622" s="8">
        <v>-72.501794099999998</v>
      </c>
    </row>
    <row r="623" spans="1:10" x14ac:dyDescent="0.35">
      <c r="A623" s="5" t="s">
        <v>10</v>
      </c>
      <c r="B623" s="6">
        <v>178835</v>
      </c>
      <c r="C623" s="6" t="s">
        <v>28</v>
      </c>
      <c r="D623" s="6" t="s">
        <v>1454</v>
      </c>
      <c r="E623" s="6">
        <v>54344</v>
      </c>
      <c r="F623" s="6" t="s">
        <v>18</v>
      </c>
      <c r="G623" s="6" t="s">
        <v>1455</v>
      </c>
      <c r="H623" s="6" t="s">
        <v>1456</v>
      </c>
      <c r="I623" s="7">
        <v>8.3206800999999899</v>
      </c>
      <c r="J623" s="8">
        <v>-73.146195800000001</v>
      </c>
    </row>
    <row r="624" spans="1:10" x14ac:dyDescent="0.35">
      <c r="A624" s="5" t="s">
        <v>10</v>
      </c>
      <c r="B624" s="6">
        <v>192925</v>
      </c>
      <c r="C624" s="6" t="s">
        <v>42</v>
      </c>
      <c r="D624" s="6" t="s">
        <v>275</v>
      </c>
      <c r="E624" s="6">
        <v>17614</v>
      </c>
      <c r="F624" s="6" t="s">
        <v>18</v>
      </c>
      <c r="G624" s="6" t="s">
        <v>1457</v>
      </c>
      <c r="H624" s="6" t="s">
        <v>1458</v>
      </c>
      <c r="I624" s="7">
        <v>2.4400468000000002</v>
      </c>
      <c r="J624" s="8">
        <v>-76.606373399999995</v>
      </c>
    </row>
    <row r="625" spans="1:10" x14ac:dyDescent="0.35">
      <c r="A625" s="5" t="s">
        <v>10</v>
      </c>
      <c r="B625" s="6">
        <v>239290</v>
      </c>
      <c r="C625" s="6" t="s">
        <v>42</v>
      </c>
      <c r="D625" s="6" t="s">
        <v>396</v>
      </c>
      <c r="E625" s="6">
        <v>17380</v>
      </c>
      <c r="F625" s="6" t="s">
        <v>18</v>
      </c>
      <c r="G625" s="6" t="s">
        <v>1459</v>
      </c>
      <c r="H625" s="6" t="s">
        <v>1460</v>
      </c>
      <c r="I625" s="7">
        <v>5.472709</v>
      </c>
      <c r="J625" s="8">
        <v>-74.667984000000004</v>
      </c>
    </row>
    <row r="626" spans="1:10" x14ac:dyDescent="0.35">
      <c r="A626" s="5" t="s">
        <v>10</v>
      </c>
      <c r="B626" s="6">
        <v>235873</v>
      </c>
      <c r="C626" s="6" t="s">
        <v>61</v>
      </c>
      <c r="D626" s="6" t="s">
        <v>62</v>
      </c>
      <c r="E626" s="6">
        <v>63001</v>
      </c>
      <c r="F626" s="6" t="s">
        <v>18</v>
      </c>
      <c r="G626" s="6" t="s">
        <v>1461</v>
      </c>
      <c r="H626" s="6" t="s">
        <v>1462</v>
      </c>
      <c r="I626" s="7">
        <v>4.5427201000000004</v>
      </c>
      <c r="J626" s="8">
        <v>-75.690110799999999</v>
      </c>
    </row>
    <row r="627" spans="1:10" x14ac:dyDescent="0.35">
      <c r="A627" s="5" t="s">
        <v>10</v>
      </c>
      <c r="B627" s="6">
        <v>207249</v>
      </c>
      <c r="C627" s="6" t="s">
        <v>94</v>
      </c>
      <c r="D627" s="6" t="s">
        <v>248</v>
      </c>
      <c r="E627" s="6">
        <v>66594</v>
      </c>
      <c r="F627" s="6" t="s">
        <v>18</v>
      </c>
      <c r="G627" s="6" t="s">
        <v>1463</v>
      </c>
      <c r="H627" s="6" t="s">
        <v>1464</v>
      </c>
      <c r="I627" s="7">
        <v>5.3411190999999896</v>
      </c>
      <c r="J627" s="8">
        <v>-75.730475599999906</v>
      </c>
    </row>
    <row r="628" spans="1:10" x14ac:dyDescent="0.35">
      <c r="A628" s="5" t="s">
        <v>10</v>
      </c>
      <c r="B628" s="6">
        <v>227055</v>
      </c>
      <c r="C628" s="6" t="s">
        <v>94</v>
      </c>
      <c r="D628" s="6" t="s">
        <v>1465</v>
      </c>
      <c r="E628" s="6">
        <v>66572</v>
      </c>
      <c r="F628" s="6" t="s">
        <v>18</v>
      </c>
      <c r="G628" s="6" t="s">
        <v>1466</v>
      </c>
      <c r="H628" s="6" t="s">
        <v>1467</v>
      </c>
      <c r="I628" s="7">
        <v>5.3158474999999896</v>
      </c>
      <c r="J628" s="8">
        <v>-75.992765199999994</v>
      </c>
    </row>
    <row r="629" spans="1:10" x14ac:dyDescent="0.35">
      <c r="A629" s="5" t="s">
        <v>10</v>
      </c>
      <c r="B629" s="6">
        <v>239410</v>
      </c>
      <c r="C629" s="6" t="s">
        <v>11</v>
      </c>
      <c r="D629" s="6" t="s">
        <v>337</v>
      </c>
      <c r="E629" s="6">
        <v>25290</v>
      </c>
      <c r="F629" s="6" t="s">
        <v>18</v>
      </c>
      <c r="G629" s="6" t="s">
        <v>1468</v>
      </c>
      <c r="H629" s="6" t="s">
        <v>1469</v>
      </c>
      <c r="I629" s="7">
        <v>4.3477651000000002</v>
      </c>
      <c r="J629" s="8">
        <v>-74.356340099999997</v>
      </c>
    </row>
    <row r="630" spans="1:10" x14ac:dyDescent="0.35">
      <c r="A630" s="5" t="s">
        <v>10</v>
      </c>
      <c r="B630" s="6">
        <v>225306</v>
      </c>
      <c r="C630" s="6" t="s">
        <v>24</v>
      </c>
      <c r="D630" s="6" t="s">
        <v>88</v>
      </c>
      <c r="E630" s="6">
        <v>15001</v>
      </c>
      <c r="F630" s="6" t="s">
        <v>13</v>
      </c>
      <c r="G630" s="6" t="s">
        <v>1470</v>
      </c>
      <c r="H630" s="6" t="s">
        <v>1471</v>
      </c>
      <c r="I630" s="7">
        <v>5.5323285000000002</v>
      </c>
      <c r="J630" s="8">
        <v>-73.364278799999994</v>
      </c>
    </row>
    <row r="631" spans="1:10" x14ac:dyDescent="0.35">
      <c r="A631" s="5" t="s">
        <v>10</v>
      </c>
      <c r="B631" s="6">
        <v>197977</v>
      </c>
      <c r="C631" s="6" t="s">
        <v>16</v>
      </c>
      <c r="D631" s="6" t="s">
        <v>1266</v>
      </c>
      <c r="E631" s="6">
        <v>68081</v>
      </c>
      <c r="F631" s="6" t="s">
        <v>13</v>
      </c>
      <c r="G631" s="6" t="s">
        <v>160</v>
      </c>
      <c r="H631" s="6" t="s">
        <v>1472</v>
      </c>
      <c r="I631" s="7">
        <v>7.0617084999999999</v>
      </c>
      <c r="J631" s="8">
        <v>-73.851931899999997</v>
      </c>
    </row>
    <row r="632" spans="1:10" x14ac:dyDescent="0.35">
      <c r="A632" s="5" t="s">
        <v>10</v>
      </c>
      <c r="B632" s="6">
        <v>246002</v>
      </c>
      <c r="C632" s="6" t="s">
        <v>16</v>
      </c>
      <c r="D632" s="6" t="s">
        <v>17</v>
      </c>
      <c r="E632" s="6">
        <v>68679</v>
      </c>
      <c r="F632" s="6" t="s">
        <v>18</v>
      </c>
      <c r="G632" s="6" t="s">
        <v>1473</v>
      </c>
      <c r="H632" s="6" t="s">
        <v>1474</v>
      </c>
      <c r="I632" s="7">
        <v>6.5538325000000004</v>
      </c>
      <c r="J632" s="8">
        <v>-73.151443400000005</v>
      </c>
    </row>
    <row r="633" spans="1:10" x14ac:dyDescent="0.35">
      <c r="A633" s="5" t="s">
        <v>10</v>
      </c>
      <c r="B633" s="6">
        <v>238390</v>
      </c>
      <c r="C633" s="6" t="s">
        <v>109</v>
      </c>
      <c r="D633" s="6" t="s">
        <v>1445</v>
      </c>
      <c r="E633" s="6">
        <v>13688</v>
      </c>
      <c r="F633" s="6" t="s">
        <v>18</v>
      </c>
      <c r="G633" s="6" t="s">
        <v>1475</v>
      </c>
      <c r="H633" s="6" t="s">
        <v>1476</v>
      </c>
      <c r="I633" s="7">
        <v>7.9630637999999996</v>
      </c>
      <c r="J633" s="8">
        <v>-74.050974800000006</v>
      </c>
    </row>
    <row r="634" spans="1:10" x14ac:dyDescent="0.35">
      <c r="A634" s="5" t="s">
        <v>10</v>
      </c>
      <c r="B634" s="6">
        <v>209295</v>
      </c>
      <c r="C634" s="6" t="s">
        <v>55</v>
      </c>
      <c r="D634" s="6" t="s">
        <v>56</v>
      </c>
      <c r="E634" s="6">
        <v>73001</v>
      </c>
      <c r="F634" s="6" t="s">
        <v>18</v>
      </c>
      <c r="G634" s="6" t="s">
        <v>1477</v>
      </c>
      <c r="H634" s="6" t="s">
        <v>1478</v>
      </c>
      <c r="I634" s="7">
        <v>4.4468842999999998</v>
      </c>
      <c r="J634" s="8">
        <v>-75.176538800000003</v>
      </c>
    </row>
    <row r="635" spans="1:10" x14ac:dyDescent="0.35">
      <c r="A635" s="5" t="s">
        <v>10</v>
      </c>
      <c r="B635" s="6">
        <v>204941</v>
      </c>
      <c r="C635" s="6" t="s">
        <v>24</v>
      </c>
      <c r="D635" s="6" t="s">
        <v>137</v>
      </c>
      <c r="E635" s="6">
        <v>15238</v>
      </c>
      <c r="F635" s="6" t="s">
        <v>18</v>
      </c>
      <c r="G635" s="6" t="s">
        <v>1479</v>
      </c>
      <c r="H635" s="6" t="s">
        <v>1480</v>
      </c>
      <c r="I635" s="7">
        <v>5.8286423000000003</v>
      </c>
      <c r="J635" s="8">
        <v>-73.047617000000002</v>
      </c>
    </row>
    <row r="636" spans="1:10" x14ac:dyDescent="0.35">
      <c r="A636" s="5" t="s">
        <v>10</v>
      </c>
      <c r="B636" s="6">
        <v>201053</v>
      </c>
      <c r="C636" s="6" t="s">
        <v>24</v>
      </c>
      <c r="D636" s="6" t="s">
        <v>814</v>
      </c>
      <c r="E636" s="6">
        <v>15469</v>
      </c>
      <c r="F636" s="6" t="s">
        <v>18</v>
      </c>
      <c r="G636" s="6" t="s">
        <v>1481</v>
      </c>
      <c r="H636" s="6" t="s">
        <v>1482</v>
      </c>
      <c r="I636" s="7">
        <v>3.4493223999999998</v>
      </c>
      <c r="J636" s="8">
        <v>-76.525775400000001</v>
      </c>
    </row>
    <row r="637" spans="1:10" x14ac:dyDescent="0.35">
      <c r="A637" s="5" t="s">
        <v>10</v>
      </c>
      <c r="B637" s="6">
        <v>230483</v>
      </c>
      <c r="C637" s="6" t="s">
        <v>28</v>
      </c>
      <c r="D637" s="6" t="s">
        <v>352</v>
      </c>
      <c r="E637" s="6">
        <v>54261</v>
      </c>
      <c r="F637" s="6" t="s">
        <v>18</v>
      </c>
      <c r="G637" s="6" t="s">
        <v>1483</v>
      </c>
      <c r="H637" s="6" t="s">
        <v>1484</v>
      </c>
      <c r="I637" s="7">
        <v>7.9337228</v>
      </c>
      <c r="J637" s="8">
        <v>-72.602762200000001</v>
      </c>
    </row>
    <row r="638" spans="1:10" x14ac:dyDescent="0.35">
      <c r="A638" s="5" t="s">
        <v>10</v>
      </c>
      <c r="B638" s="6">
        <v>228151</v>
      </c>
      <c r="C638" s="6" t="s">
        <v>42</v>
      </c>
      <c r="D638" s="6" t="s">
        <v>43</v>
      </c>
      <c r="E638" s="6">
        <v>17001</v>
      </c>
      <c r="F638" s="6" t="s">
        <v>18</v>
      </c>
      <c r="G638" s="6" t="s">
        <v>1485</v>
      </c>
      <c r="H638" s="6" t="s">
        <v>1486</v>
      </c>
      <c r="I638" s="7">
        <v>5.0540246</v>
      </c>
      <c r="J638" s="8">
        <v>-75.494614200000001</v>
      </c>
    </row>
    <row r="639" spans="1:10" x14ac:dyDescent="0.35">
      <c r="A639" s="5" t="s">
        <v>10</v>
      </c>
      <c r="B639" s="6">
        <v>237860</v>
      </c>
      <c r="C639" s="6" t="s">
        <v>55</v>
      </c>
      <c r="D639" s="6" t="s">
        <v>1136</v>
      </c>
      <c r="E639" s="6">
        <v>73483</v>
      </c>
      <c r="F639" s="6" t="s">
        <v>18</v>
      </c>
      <c r="G639" s="6" t="s">
        <v>1487</v>
      </c>
      <c r="H639" s="6" t="s">
        <v>1488</v>
      </c>
      <c r="I639" s="7">
        <v>3.6173565999999999</v>
      </c>
      <c r="J639" s="8">
        <v>-75.094023899999996</v>
      </c>
    </row>
    <row r="640" spans="1:10" x14ac:dyDescent="0.35">
      <c r="A640" s="5" t="s">
        <v>10</v>
      </c>
      <c r="B640" s="6">
        <v>239792</v>
      </c>
      <c r="C640" s="6" t="s">
        <v>55</v>
      </c>
      <c r="D640" s="6" t="s">
        <v>56</v>
      </c>
      <c r="E640" s="6">
        <v>73001</v>
      </c>
      <c r="F640" s="6" t="s">
        <v>18</v>
      </c>
      <c r="G640" s="6" t="s">
        <v>1489</v>
      </c>
      <c r="H640" s="6" t="s">
        <v>1490</v>
      </c>
      <c r="I640" s="7">
        <v>4.4349759000000004</v>
      </c>
      <c r="J640" s="8">
        <v>-75.191221900000002</v>
      </c>
    </row>
    <row r="641" spans="1:10" x14ac:dyDescent="0.35">
      <c r="A641" s="5" t="s">
        <v>10</v>
      </c>
      <c r="B641" s="6">
        <v>235513</v>
      </c>
      <c r="C641" s="6" t="s">
        <v>24</v>
      </c>
      <c r="D641" s="6" t="s">
        <v>88</v>
      </c>
      <c r="E641" s="6">
        <v>15001</v>
      </c>
      <c r="F641" s="6" t="s">
        <v>18</v>
      </c>
      <c r="G641" s="6" t="s">
        <v>1491</v>
      </c>
      <c r="H641" s="6" t="s">
        <v>1492</v>
      </c>
      <c r="I641" s="7">
        <v>5.5322562</v>
      </c>
      <c r="J641" s="8">
        <v>-73.363223300000001</v>
      </c>
    </row>
    <row r="642" spans="1:10" x14ac:dyDescent="0.35">
      <c r="A642" s="5" t="s">
        <v>10</v>
      </c>
      <c r="B642" s="6">
        <v>233163</v>
      </c>
      <c r="C642" s="6" t="s">
        <v>42</v>
      </c>
      <c r="D642" s="6" t="s">
        <v>1493</v>
      </c>
      <c r="E642" s="6">
        <v>17873</v>
      </c>
      <c r="F642" s="6" t="s">
        <v>18</v>
      </c>
      <c r="G642" s="6" t="s">
        <v>1494</v>
      </c>
      <c r="H642" s="6" t="s">
        <v>1495</v>
      </c>
      <c r="I642" s="7">
        <v>5.0409600000000001</v>
      </c>
      <c r="J642" s="8">
        <v>-75.513450000000006</v>
      </c>
    </row>
    <row r="643" spans="1:10" x14ac:dyDescent="0.35">
      <c r="A643" s="5" t="s">
        <v>10</v>
      </c>
      <c r="B643" s="6">
        <v>223215</v>
      </c>
      <c r="C643" s="6" t="s">
        <v>94</v>
      </c>
      <c r="D643" s="6" t="s">
        <v>98</v>
      </c>
      <c r="E643" s="6">
        <v>66001</v>
      </c>
      <c r="F643" s="6" t="s">
        <v>18</v>
      </c>
      <c r="G643" s="6" t="s">
        <v>1496</v>
      </c>
      <c r="H643" s="6" t="s">
        <v>1497</v>
      </c>
      <c r="I643" s="7">
        <v>4.8250921999999896</v>
      </c>
      <c r="J643" s="8">
        <v>-75.729880499999993</v>
      </c>
    </row>
    <row r="644" spans="1:10" x14ac:dyDescent="0.35">
      <c r="A644" s="5" t="s">
        <v>10</v>
      </c>
      <c r="B644" s="6">
        <v>239684</v>
      </c>
      <c r="C644" s="6" t="s">
        <v>42</v>
      </c>
      <c r="D644" s="6" t="s">
        <v>43</v>
      </c>
      <c r="E644" s="6">
        <v>17001</v>
      </c>
      <c r="F644" s="6" t="s">
        <v>18</v>
      </c>
      <c r="G644" s="6" t="s">
        <v>1498</v>
      </c>
      <c r="H644" s="6" t="s">
        <v>1499</v>
      </c>
      <c r="I644" s="7">
        <v>5.0587067000000001</v>
      </c>
      <c r="J644" s="8">
        <v>-75.489523899999995</v>
      </c>
    </row>
    <row r="645" spans="1:10" x14ac:dyDescent="0.35">
      <c r="A645" s="5" t="s">
        <v>10</v>
      </c>
      <c r="B645" s="6">
        <v>175059</v>
      </c>
      <c r="C645" s="6" t="s">
        <v>11</v>
      </c>
      <c r="D645" s="6" t="s">
        <v>513</v>
      </c>
      <c r="E645" s="6">
        <v>25286</v>
      </c>
      <c r="F645" s="6" t="s">
        <v>13</v>
      </c>
      <c r="G645" s="6" t="s">
        <v>1500</v>
      </c>
      <c r="H645" s="6" t="s">
        <v>1501</v>
      </c>
      <c r="I645" s="7">
        <v>4.6918715999999998</v>
      </c>
      <c r="J645" s="8">
        <v>-74.171311700000004</v>
      </c>
    </row>
    <row r="646" spans="1:10" x14ac:dyDescent="0.35">
      <c r="A646" s="5" t="s">
        <v>10</v>
      </c>
      <c r="B646" s="6">
        <v>209086</v>
      </c>
      <c r="C646" s="6" t="s">
        <v>16</v>
      </c>
      <c r="D646" s="6" t="s">
        <v>224</v>
      </c>
      <c r="E646" s="6">
        <v>68755</v>
      </c>
      <c r="F646" s="6" t="s">
        <v>18</v>
      </c>
      <c r="G646" s="6" t="s">
        <v>1502</v>
      </c>
      <c r="H646" s="6" t="s">
        <v>1503</v>
      </c>
      <c r="I646" s="7">
        <v>6.4686649999999997</v>
      </c>
      <c r="J646" s="8">
        <v>-73.264040999999906</v>
      </c>
    </row>
    <row r="647" spans="1:10" x14ac:dyDescent="0.35">
      <c r="A647" s="5" t="s">
        <v>10</v>
      </c>
      <c r="B647" s="6">
        <v>224976</v>
      </c>
      <c r="C647" s="6" t="s">
        <v>24</v>
      </c>
      <c r="D647" s="6" t="s">
        <v>88</v>
      </c>
      <c r="E647" s="6">
        <v>15001</v>
      </c>
      <c r="F647" s="6" t="s">
        <v>18</v>
      </c>
      <c r="G647" s="6" t="s">
        <v>1504</v>
      </c>
      <c r="H647" s="6" t="s">
        <v>1505</v>
      </c>
      <c r="I647" s="7">
        <v>5.5447613999999996</v>
      </c>
      <c r="J647" s="8">
        <v>-73.363203200000001</v>
      </c>
    </row>
    <row r="648" spans="1:10" x14ac:dyDescent="0.35">
      <c r="A648" s="5" t="s">
        <v>10</v>
      </c>
      <c r="B648" s="6">
        <v>245460</v>
      </c>
      <c r="C648" s="6" t="s">
        <v>24</v>
      </c>
      <c r="D648" s="6" t="s">
        <v>1506</v>
      </c>
      <c r="E648" s="6">
        <v>15236</v>
      </c>
      <c r="F648" s="6" t="s">
        <v>18</v>
      </c>
      <c r="G648" s="6" t="s">
        <v>1507</v>
      </c>
      <c r="H648" s="6" t="s">
        <v>1508</v>
      </c>
      <c r="I648" s="7">
        <v>4.888109</v>
      </c>
      <c r="J648" s="8">
        <v>-73.366926000000007</v>
      </c>
    </row>
    <row r="649" spans="1:10" x14ac:dyDescent="0.35">
      <c r="A649" s="5" t="s">
        <v>10</v>
      </c>
      <c r="B649" s="6">
        <v>232926</v>
      </c>
      <c r="C649" s="6" t="s">
        <v>28</v>
      </c>
      <c r="D649" s="6" t="s">
        <v>29</v>
      </c>
      <c r="E649" s="6">
        <v>54001</v>
      </c>
      <c r="F649" s="6" t="s">
        <v>18</v>
      </c>
      <c r="G649" s="6" t="s">
        <v>1509</v>
      </c>
      <c r="H649" s="6" t="s">
        <v>1510</v>
      </c>
      <c r="I649" s="7">
        <v>7.8832649999999997</v>
      </c>
      <c r="J649" s="8">
        <v>-72.500436199999996</v>
      </c>
    </row>
    <row r="650" spans="1:10" x14ac:dyDescent="0.35">
      <c r="A650" s="5" t="s">
        <v>10</v>
      </c>
      <c r="B650" s="6">
        <v>187503</v>
      </c>
      <c r="C650" s="6" t="s">
        <v>68</v>
      </c>
      <c r="D650" s="6" t="s">
        <v>69</v>
      </c>
      <c r="E650" s="6">
        <v>11001</v>
      </c>
      <c r="F650" s="6" t="s">
        <v>13</v>
      </c>
      <c r="G650" s="6" t="s">
        <v>1511</v>
      </c>
      <c r="H650" s="6" t="s">
        <v>1512</v>
      </c>
      <c r="I650" s="7">
        <v>4.6392625000000001</v>
      </c>
      <c r="J650" s="8">
        <v>-74.065098000000006</v>
      </c>
    </row>
    <row r="651" spans="1:10" x14ac:dyDescent="0.35">
      <c r="A651" s="5" t="s">
        <v>10</v>
      </c>
      <c r="B651" s="6">
        <v>239221</v>
      </c>
      <c r="C651" s="6" t="s">
        <v>24</v>
      </c>
      <c r="D651" s="6" t="s">
        <v>85</v>
      </c>
      <c r="E651" s="6">
        <v>15759</v>
      </c>
      <c r="F651" s="6" t="s">
        <v>18</v>
      </c>
      <c r="G651" s="6" t="s">
        <v>1513</v>
      </c>
      <c r="H651" s="6" t="s">
        <v>1514</v>
      </c>
      <c r="I651" s="7">
        <v>5.724844</v>
      </c>
      <c r="J651" s="8">
        <v>-72.9235927</v>
      </c>
    </row>
    <row r="652" spans="1:10" x14ac:dyDescent="0.35">
      <c r="A652" s="5" t="s">
        <v>10</v>
      </c>
      <c r="B652" s="6">
        <v>212886</v>
      </c>
      <c r="C652" s="6" t="s">
        <v>28</v>
      </c>
      <c r="D652" s="6" t="s">
        <v>1515</v>
      </c>
      <c r="E652" s="6">
        <v>54239</v>
      </c>
      <c r="F652" s="6" t="s">
        <v>18</v>
      </c>
      <c r="G652" s="6" t="s">
        <v>1516</v>
      </c>
      <c r="H652" s="6" t="s">
        <v>1517</v>
      </c>
      <c r="I652" s="7">
        <v>7.7146850000000002</v>
      </c>
      <c r="J652" s="8">
        <v>-72.656218899999999</v>
      </c>
    </row>
    <row r="653" spans="1:10" x14ac:dyDescent="0.35">
      <c r="A653" s="5" t="s">
        <v>10</v>
      </c>
      <c r="B653" s="6">
        <v>238824</v>
      </c>
      <c r="C653" s="6" t="s">
        <v>28</v>
      </c>
      <c r="D653" s="6" t="s">
        <v>867</v>
      </c>
      <c r="E653" s="6">
        <v>54099</v>
      </c>
      <c r="F653" s="6" t="s">
        <v>18</v>
      </c>
      <c r="G653" s="6" t="s">
        <v>1518</v>
      </c>
      <c r="H653" s="6" t="s">
        <v>1519</v>
      </c>
      <c r="I653" s="7">
        <v>7.6902973000000001</v>
      </c>
      <c r="J653" s="8">
        <v>-72.608074700000003</v>
      </c>
    </row>
    <row r="654" spans="1:10" x14ac:dyDescent="0.35">
      <c r="A654" s="5" t="s">
        <v>10</v>
      </c>
      <c r="B654" s="6">
        <v>243814</v>
      </c>
      <c r="C654" s="6" t="s">
        <v>28</v>
      </c>
      <c r="D654" s="6" t="s">
        <v>322</v>
      </c>
      <c r="E654" s="6">
        <v>54405</v>
      </c>
      <c r="F654" s="6" t="s">
        <v>18</v>
      </c>
      <c r="G654" s="6" t="s">
        <v>1520</v>
      </c>
      <c r="H654" s="6" t="s">
        <v>1521</v>
      </c>
      <c r="I654" s="7">
        <v>7.8331989999999996</v>
      </c>
      <c r="J654" s="8">
        <v>-72.504391999999996</v>
      </c>
    </row>
    <row r="655" spans="1:10" x14ac:dyDescent="0.35">
      <c r="A655" s="5" t="s">
        <v>10</v>
      </c>
      <c r="B655" s="6">
        <v>233030</v>
      </c>
      <c r="C655" s="6" t="s">
        <v>42</v>
      </c>
      <c r="D655" s="6" t="s">
        <v>1066</v>
      </c>
      <c r="E655" s="6">
        <v>17653</v>
      </c>
      <c r="F655" s="6" t="s">
        <v>18</v>
      </c>
      <c r="G655" s="6" t="s">
        <v>1522</v>
      </c>
      <c r="H655" s="6" t="s">
        <v>1523</v>
      </c>
      <c r="I655" s="7">
        <v>5.3752800000000001</v>
      </c>
      <c r="J655" s="8">
        <v>-75.372500000000002</v>
      </c>
    </row>
    <row r="656" spans="1:10" x14ac:dyDescent="0.35">
      <c r="A656" s="5" t="s">
        <v>10</v>
      </c>
      <c r="B656" s="6">
        <v>217056</v>
      </c>
      <c r="C656" s="6" t="s">
        <v>278</v>
      </c>
      <c r="D656" s="6" t="s">
        <v>1524</v>
      </c>
      <c r="E656" s="6">
        <v>50318</v>
      </c>
      <c r="F656" s="6" t="s">
        <v>18</v>
      </c>
      <c r="G656" s="6" t="s">
        <v>1525</v>
      </c>
      <c r="H656" s="6" t="s">
        <v>1526</v>
      </c>
      <c r="I656" s="7">
        <v>3.8804750000000001</v>
      </c>
      <c r="J656" s="8">
        <v>-73.7698769</v>
      </c>
    </row>
    <row r="657" spans="1:10" x14ac:dyDescent="0.35">
      <c r="A657" s="5" t="s">
        <v>10</v>
      </c>
      <c r="B657" s="6">
        <v>141716</v>
      </c>
      <c r="C657" s="6" t="s">
        <v>11</v>
      </c>
      <c r="D657" s="6" t="s">
        <v>1294</v>
      </c>
      <c r="E657" s="6">
        <v>25873</v>
      </c>
      <c r="F657" s="6" t="s">
        <v>13</v>
      </c>
      <c r="G657" s="6" t="s">
        <v>1527</v>
      </c>
      <c r="H657" s="6" t="s">
        <v>1528</v>
      </c>
      <c r="I657" s="7">
        <v>5.2138103999999998</v>
      </c>
      <c r="J657" s="8">
        <v>-73.596881100000004</v>
      </c>
    </row>
    <row r="658" spans="1:10" x14ac:dyDescent="0.35">
      <c r="A658" s="5" t="s">
        <v>10</v>
      </c>
      <c r="B658" s="6">
        <v>234081</v>
      </c>
      <c r="C658" s="6" t="s">
        <v>551</v>
      </c>
      <c r="D658" s="6" t="s">
        <v>1529</v>
      </c>
      <c r="E658" s="6">
        <v>20400</v>
      </c>
      <c r="F658" s="6" t="s">
        <v>18</v>
      </c>
      <c r="G658" s="6" t="s">
        <v>1530</v>
      </c>
      <c r="H658" s="6" t="s">
        <v>1531</v>
      </c>
      <c r="I658" s="7">
        <v>9.5671906999999994</v>
      </c>
      <c r="J658" s="8">
        <v>-73.338965200000004</v>
      </c>
    </row>
    <row r="659" spans="1:10" x14ac:dyDescent="0.35">
      <c r="A659" s="5" t="s">
        <v>10</v>
      </c>
      <c r="B659" s="6">
        <v>185341</v>
      </c>
      <c r="C659" s="6" t="s">
        <v>109</v>
      </c>
      <c r="D659" s="6" t="s">
        <v>227</v>
      </c>
      <c r="E659" s="6">
        <v>13001</v>
      </c>
      <c r="F659" s="6" t="s">
        <v>18</v>
      </c>
      <c r="G659" s="6" t="s">
        <v>1532</v>
      </c>
      <c r="H659" s="6" t="s">
        <v>1533</v>
      </c>
      <c r="I659" s="7">
        <v>10.4229301</v>
      </c>
      <c r="J659" s="8">
        <v>-75.550232399999999</v>
      </c>
    </row>
    <row r="660" spans="1:10" x14ac:dyDescent="0.35">
      <c r="A660" s="5" t="s">
        <v>10</v>
      </c>
      <c r="B660" s="6">
        <v>212856</v>
      </c>
      <c r="C660" s="6" t="s">
        <v>24</v>
      </c>
      <c r="D660" s="6" t="s">
        <v>137</v>
      </c>
      <c r="E660" s="6">
        <v>15238</v>
      </c>
      <c r="F660" s="6" t="s">
        <v>18</v>
      </c>
      <c r="G660" s="6" t="s">
        <v>113</v>
      </c>
      <c r="H660" s="6" t="s">
        <v>1534</v>
      </c>
      <c r="I660" s="7">
        <v>5.8077784000000001</v>
      </c>
      <c r="J660" s="8">
        <v>-73.022380099999907</v>
      </c>
    </row>
    <row r="661" spans="1:10" x14ac:dyDescent="0.35">
      <c r="A661" s="5" t="s">
        <v>10</v>
      </c>
      <c r="B661" s="6">
        <v>219031</v>
      </c>
      <c r="C661" s="6" t="s">
        <v>24</v>
      </c>
      <c r="D661" s="6" t="s">
        <v>137</v>
      </c>
      <c r="E661" s="6">
        <v>15238</v>
      </c>
      <c r="F661" s="6" t="s">
        <v>18</v>
      </c>
      <c r="G661" s="6" t="s">
        <v>1535</v>
      </c>
      <c r="H661" s="6" t="s">
        <v>1536</v>
      </c>
      <c r="I661" s="7">
        <v>5.8269796999999999</v>
      </c>
      <c r="J661" s="8">
        <v>-73.040390399999893</v>
      </c>
    </row>
    <row r="662" spans="1:10" x14ac:dyDescent="0.35">
      <c r="A662" s="5" t="s">
        <v>10</v>
      </c>
      <c r="B662" s="6">
        <v>231189</v>
      </c>
      <c r="C662" s="6" t="s">
        <v>24</v>
      </c>
      <c r="D662" s="6" t="s">
        <v>1394</v>
      </c>
      <c r="E662" s="6">
        <v>15808</v>
      </c>
      <c r="F662" s="6" t="s">
        <v>18</v>
      </c>
      <c r="G662" s="6" t="s">
        <v>1537</v>
      </c>
      <c r="H662" s="6" t="s">
        <v>1538</v>
      </c>
      <c r="I662" s="7">
        <v>5.5794825000000001</v>
      </c>
      <c r="J662" s="8">
        <v>-73.646404399999994</v>
      </c>
    </row>
    <row r="663" spans="1:10" x14ac:dyDescent="0.35">
      <c r="A663" s="5" t="s">
        <v>10</v>
      </c>
      <c r="B663" s="6">
        <v>239006</v>
      </c>
      <c r="C663" s="6" t="s">
        <v>24</v>
      </c>
      <c r="D663" s="6" t="s">
        <v>476</v>
      </c>
      <c r="E663" s="6">
        <v>15693</v>
      </c>
      <c r="F663" s="6" t="s">
        <v>18</v>
      </c>
      <c r="G663" s="6" t="s">
        <v>1539</v>
      </c>
      <c r="H663" s="6" t="s">
        <v>1540</v>
      </c>
      <c r="I663" s="7">
        <v>5.8741303</v>
      </c>
      <c r="J663" s="8">
        <v>-72.982869699999995</v>
      </c>
    </row>
    <row r="664" spans="1:10" x14ac:dyDescent="0.35">
      <c r="A664" s="5" t="s">
        <v>10</v>
      </c>
      <c r="B664" s="6">
        <v>243887</v>
      </c>
      <c r="C664" s="6" t="s">
        <v>28</v>
      </c>
      <c r="D664" s="6" t="s">
        <v>1541</v>
      </c>
      <c r="E664" s="6">
        <v>54720</v>
      </c>
      <c r="F664" s="6" t="s">
        <v>18</v>
      </c>
      <c r="G664" s="6" t="s">
        <v>1542</v>
      </c>
      <c r="H664" s="6" t="s">
        <v>1543</v>
      </c>
      <c r="I664" s="7">
        <v>8.0850919999999995</v>
      </c>
      <c r="J664" s="8">
        <v>-72.799937</v>
      </c>
    </row>
    <row r="665" spans="1:10" x14ac:dyDescent="0.35">
      <c r="A665" s="5" t="s">
        <v>10</v>
      </c>
      <c r="B665" s="6">
        <v>235821</v>
      </c>
      <c r="C665" s="6" t="s">
        <v>61</v>
      </c>
      <c r="D665" s="6" t="s">
        <v>1544</v>
      </c>
      <c r="E665" s="6">
        <v>63548</v>
      </c>
      <c r="F665" s="6" t="s">
        <v>18</v>
      </c>
      <c r="G665" s="6" t="s">
        <v>1545</v>
      </c>
      <c r="H665" s="6" t="s">
        <v>1546</v>
      </c>
      <c r="I665" s="7">
        <v>4.5353678000000004</v>
      </c>
      <c r="J665" s="8">
        <v>-75.669449299999997</v>
      </c>
    </row>
    <row r="666" spans="1:10" x14ac:dyDescent="0.35">
      <c r="A666" s="5" t="s">
        <v>10</v>
      </c>
      <c r="B666" s="6">
        <v>189749</v>
      </c>
      <c r="C666" s="6" t="s">
        <v>11</v>
      </c>
      <c r="D666" s="6" t="s">
        <v>1547</v>
      </c>
      <c r="E666" s="6">
        <v>25817</v>
      </c>
      <c r="F666" s="6" t="s">
        <v>13</v>
      </c>
      <c r="G666" s="6" t="s">
        <v>1548</v>
      </c>
      <c r="H666" s="6" t="s">
        <v>1549</v>
      </c>
      <c r="I666" s="7">
        <v>4.9646302999999996</v>
      </c>
      <c r="J666" s="8">
        <v>-73.913374399999995</v>
      </c>
    </row>
    <row r="667" spans="1:10" x14ac:dyDescent="0.35">
      <c r="A667" s="5" t="s">
        <v>10</v>
      </c>
      <c r="B667" s="6">
        <v>211204</v>
      </c>
      <c r="C667" s="6" t="s">
        <v>551</v>
      </c>
      <c r="D667" s="6" t="s">
        <v>1550</v>
      </c>
      <c r="E667" s="6">
        <v>20710</v>
      </c>
      <c r="F667" s="6" t="s">
        <v>18</v>
      </c>
      <c r="G667" s="6" t="s">
        <v>1551</v>
      </c>
      <c r="H667" s="6" t="s">
        <v>1552</v>
      </c>
      <c r="I667" s="7">
        <v>7.7632903999999998</v>
      </c>
      <c r="J667" s="8">
        <v>-73.393358499999906</v>
      </c>
    </row>
    <row r="668" spans="1:10" x14ac:dyDescent="0.35">
      <c r="A668" s="5" t="s">
        <v>10</v>
      </c>
      <c r="B668" s="6">
        <v>206158</v>
      </c>
      <c r="C668" s="6" t="s">
        <v>16</v>
      </c>
      <c r="D668" s="6" t="s">
        <v>17</v>
      </c>
      <c r="E668" s="6">
        <v>68679</v>
      </c>
      <c r="F668" s="6" t="s">
        <v>18</v>
      </c>
      <c r="G668" s="6" t="s">
        <v>1553</v>
      </c>
      <c r="H668" s="6" t="s">
        <v>1554</v>
      </c>
      <c r="I668" s="7">
        <v>6.5509949000000001</v>
      </c>
      <c r="J668" s="8">
        <v>-73.138433599999999</v>
      </c>
    </row>
    <row r="669" spans="1:10" x14ac:dyDescent="0.35">
      <c r="A669" s="5" t="s">
        <v>10</v>
      </c>
      <c r="B669" s="6">
        <v>145956</v>
      </c>
      <c r="C669" s="6" t="s">
        <v>55</v>
      </c>
      <c r="D669" s="6" t="s">
        <v>56</v>
      </c>
      <c r="E669" s="6">
        <v>73001</v>
      </c>
      <c r="F669" s="6" t="s">
        <v>18</v>
      </c>
      <c r="G669" s="6" t="s">
        <v>1555</v>
      </c>
      <c r="H669" s="6" t="s">
        <v>1556</v>
      </c>
      <c r="I669" s="7">
        <v>4.4446759999999896</v>
      </c>
      <c r="J669" s="8">
        <v>-75.242437999999893</v>
      </c>
    </row>
    <row r="670" spans="1:10" x14ac:dyDescent="0.35">
      <c r="A670" s="5" t="s">
        <v>10</v>
      </c>
      <c r="B670" s="6">
        <v>215428</v>
      </c>
      <c r="C670" s="6" t="s">
        <v>55</v>
      </c>
      <c r="D670" s="6" t="s">
        <v>56</v>
      </c>
      <c r="E670" s="6">
        <v>73001</v>
      </c>
      <c r="F670" s="6" t="s">
        <v>18</v>
      </c>
      <c r="G670" s="6" t="s">
        <v>1557</v>
      </c>
      <c r="H670" s="6" t="s">
        <v>1558</v>
      </c>
      <c r="I670" s="7">
        <v>4.4378769999999896</v>
      </c>
      <c r="J670" s="8">
        <v>-75.204524599999999</v>
      </c>
    </row>
    <row r="671" spans="1:10" x14ac:dyDescent="0.35">
      <c r="A671" s="5" t="s">
        <v>10</v>
      </c>
      <c r="B671" s="6">
        <v>237518</v>
      </c>
      <c r="C671" s="6" t="s">
        <v>55</v>
      </c>
      <c r="D671" s="6" t="s">
        <v>1559</v>
      </c>
      <c r="E671" s="6">
        <v>73217</v>
      </c>
      <c r="F671" s="6" t="s">
        <v>18</v>
      </c>
      <c r="G671" s="6" t="s">
        <v>1560</v>
      </c>
      <c r="H671" s="6" t="s">
        <v>1561</v>
      </c>
      <c r="I671" s="7">
        <v>3.7984610999999999</v>
      </c>
      <c r="J671" s="8">
        <v>-75.1944199</v>
      </c>
    </row>
    <row r="672" spans="1:10" x14ac:dyDescent="0.35">
      <c r="A672" s="5" t="s">
        <v>10</v>
      </c>
      <c r="B672" s="6">
        <v>232741</v>
      </c>
      <c r="C672" s="6" t="s">
        <v>24</v>
      </c>
      <c r="D672" s="6" t="s">
        <v>527</v>
      </c>
      <c r="E672" s="6">
        <v>15223</v>
      </c>
      <c r="F672" s="6" t="s">
        <v>18</v>
      </c>
      <c r="G672" s="6" t="s">
        <v>1562</v>
      </c>
      <c r="H672" s="6" t="s">
        <v>1563</v>
      </c>
      <c r="I672" s="7">
        <v>4.6905079000000001</v>
      </c>
      <c r="J672" s="8">
        <v>-74.024546799999996</v>
      </c>
    </row>
    <row r="673" spans="1:10" x14ac:dyDescent="0.35">
      <c r="A673" s="5" t="s">
        <v>10</v>
      </c>
      <c r="B673" s="6">
        <v>237530</v>
      </c>
      <c r="C673" s="6" t="s">
        <v>24</v>
      </c>
      <c r="D673" s="6" t="s">
        <v>530</v>
      </c>
      <c r="E673" s="6">
        <v>15516</v>
      </c>
      <c r="F673" s="6" t="s">
        <v>18</v>
      </c>
      <c r="G673" s="6" t="s">
        <v>1564</v>
      </c>
      <c r="H673" s="6" t="s">
        <v>1565</v>
      </c>
      <c r="I673" s="7">
        <v>5.7814072000000003</v>
      </c>
      <c r="J673" s="8">
        <v>-73.117081499999998</v>
      </c>
    </row>
    <row r="674" spans="1:10" x14ac:dyDescent="0.35">
      <c r="A674" s="5" t="s">
        <v>10</v>
      </c>
      <c r="B674" s="6">
        <v>239851</v>
      </c>
      <c r="C674" s="6" t="s">
        <v>24</v>
      </c>
      <c r="D674" s="6" t="s">
        <v>1566</v>
      </c>
      <c r="E674" s="6">
        <v>15755</v>
      </c>
      <c r="F674" s="6" t="s">
        <v>18</v>
      </c>
      <c r="G674" s="6" t="s">
        <v>1567</v>
      </c>
      <c r="H674" s="6" t="s">
        <v>1568</v>
      </c>
      <c r="I674" s="7">
        <v>6.0401094999999998</v>
      </c>
      <c r="J674" s="8">
        <v>-72.636930599999999</v>
      </c>
    </row>
    <row r="675" spans="1:10" x14ac:dyDescent="0.35">
      <c r="A675" s="5" t="s">
        <v>10</v>
      </c>
      <c r="B675" s="6">
        <v>222626</v>
      </c>
      <c r="C675" s="6" t="s">
        <v>24</v>
      </c>
      <c r="D675" s="6" t="s">
        <v>88</v>
      </c>
      <c r="E675" s="6">
        <v>15001</v>
      </c>
      <c r="F675" s="6" t="s">
        <v>18</v>
      </c>
      <c r="G675" s="6" t="s">
        <v>1569</v>
      </c>
      <c r="H675" s="6" t="s">
        <v>1570</v>
      </c>
      <c r="I675" s="7">
        <v>5.8265880000000001</v>
      </c>
      <c r="J675" s="8">
        <v>-73.033886499999994</v>
      </c>
    </row>
    <row r="676" spans="1:10" x14ac:dyDescent="0.35">
      <c r="A676" s="5" t="s">
        <v>10</v>
      </c>
      <c r="B676" s="6">
        <v>183640</v>
      </c>
      <c r="C676" s="6" t="s">
        <v>28</v>
      </c>
      <c r="D676" s="6" t="s">
        <v>1571</v>
      </c>
      <c r="E676" s="6">
        <v>54743</v>
      </c>
      <c r="F676" s="6" t="s">
        <v>18</v>
      </c>
      <c r="G676" s="6" t="s">
        <v>1572</v>
      </c>
      <c r="H676" s="6" t="s">
        <v>1573</v>
      </c>
      <c r="I676" s="7">
        <v>7.2044683999999997</v>
      </c>
      <c r="J676" s="8">
        <v>-72.757111199999997</v>
      </c>
    </row>
    <row r="677" spans="1:10" x14ac:dyDescent="0.35">
      <c r="A677" s="5" t="s">
        <v>10</v>
      </c>
      <c r="B677" s="6">
        <v>177212</v>
      </c>
      <c r="C677" s="6" t="s">
        <v>28</v>
      </c>
      <c r="D677" s="6" t="s">
        <v>29</v>
      </c>
      <c r="E677" s="6">
        <v>54001</v>
      </c>
      <c r="F677" s="6" t="s">
        <v>18</v>
      </c>
      <c r="G677" s="6" t="s">
        <v>1574</v>
      </c>
      <c r="H677" s="6" t="s">
        <v>1575</v>
      </c>
      <c r="I677" s="7">
        <v>7.8815013999999897</v>
      </c>
      <c r="J677" s="8">
        <v>-72.502693199999996</v>
      </c>
    </row>
    <row r="678" spans="1:10" x14ac:dyDescent="0.35">
      <c r="A678" s="5" t="s">
        <v>10</v>
      </c>
      <c r="B678" s="6">
        <v>214189</v>
      </c>
      <c r="C678" s="6" t="s">
        <v>466</v>
      </c>
      <c r="D678" s="6" t="s">
        <v>1576</v>
      </c>
      <c r="E678" s="6">
        <v>81065</v>
      </c>
      <c r="F678" s="6" t="s">
        <v>18</v>
      </c>
      <c r="G678" s="6" t="s">
        <v>1577</v>
      </c>
      <c r="H678" s="6" t="s">
        <v>1578</v>
      </c>
      <c r="I678" s="7">
        <v>7.0740774999999996</v>
      </c>
      <c r="J678" s="8">
        <v>-70.7522223</v>
      </c>
    </row>
    <row r="679" spans="1:10" x14ac:dyDescent="0.35">
      <c r="A679" s="5" t="s">
        <v>10</v>
      </c>
      <c r="B679" s="6">
        <v>239873</v>
      </c>
      <c r="C679" s="6" t="s">
        <v>42</v>
      </c>
      <c r="D679" s="6" t="s">
        <v>43</v>
      </c>
      <c r="E679" s="6">
        <v>17001</v>
      </c>
      <c r="F679" s="6" t="s">
        <v>18</v>
      </c>
      <c r="G679" s="6" t="s">
        <v>1579</v>
      </c>
      <c r="H679" s="6" t="s">
        <v>1580</v>
      </c>
      <c r="I679" s="7">
        <v>5.0604861999999997</v>
      </c>
      <c r="J679" s="8">
        <v>-75.480478399999996</v>
      </c>
    </row>
    <row r="680" spans="1:10" x14ac:dyDescent="0.35">
      <c r="A680" s="5" t="s">
        <v>10</v>
      </c>
      <c r="B680" s="6">
        <v>228138</v>
      </c>
      <c r="C680" s="6" t="s">
        <v>42</v>
      </c>
      <c r="D680" s="6" t="s">
        <v>43</v>
      </c>
      <c r="E680" s="6">
        <v>17001</v>
      </c>
      <c r="F680" s="6" t="s">
        <v>18</v>
      </c>
      <c r="G680" s="6" t="s">
        <v>1581</v>
      </c>
      <c r="H680" s="6" t="s">
        <v>1582</v>
      </c>
      <c r="I680" s="7">
        <v>5.0708791</v>
      </c>
      <c r="J680" s="8">
        <v>-75.516723400000004</v>
      </c>
    </row>
    <row r="681" spans="1:10" x14ac:dyDescent="0.35">
      <c r="A681" s="5" t="s">
        <v>10</v>
      </c>
      <c r="B681" s="6">
        <v>238932</v>
      </c>
      <c r="C681" s="6" t="s">
        <v>42</v>
      </c>
      <c r="D681" s="6" t="s">
        <v>327</v>
      </c>
      <c r="E681" s="6">
        <v>17042</v>
      </c>
      <c r="F681" s="6" t="s">
        <v>18</v>
      </c>
      <c r="G681" s="6" t="s">
        <v>1583</v>
      </c>
      <c r="H681" s="6" t="s">
        <v>1584</v>
      </c>
      <c r="I681" s="7">
        <v>5.4478695999999998</v>
      </c>
      <c r="J681" s="8">
        <v>-74.6612911</v>
      </c>
    </row>
    <row r="682" spans="1:10" x14ac:dyDescent="0.35">
      <c r="A682" s="5" t="s">
        <v>10</v>
      </c>
      <c r="B682" s="6">
        <v>172837</v>
      </c>
      <c r="C682" s="6" t="s">
        <v>117</v>
      </c>
      <c r="D682" s="6" t="s">
        <v>1334</v>
      </c>
      <c r="E682" s="6">
        <v>76001</v>
      </c>
      <c r="F682" s="6" t="s">
        <v>13</v>
      </c>
      <c r="G682" s="6" t="s">
        <v>1585</v>
      </c>
      <c r="H682" s="6" t="s">
        <v>1586</v>
      </c>
      <c r="I682" s="7">
        <v>3.4509188000000002</v>
      </c>
      <c r="J682" s="8">
        <v>-76.533302699999993</v>
      </c>
    </row>
    <row r="683" spans="1:10" x14ac:dyDescent="0.35">
      <c r="A683" s="5" t="s">
        <v>10</v>
      </c>
      <c r="B683" s="6">
        <v>187501</v>
      </c>
      <c r="C683" s="6" t="s">
        <v>68</v>
      </c>
      <c r="D683" s="6" t="s">
        <v>69</v>
      </c>
      <c r="E683" s="6">
        <v>11001</v>
      </c>
      <c r="F683" s="6" t="s">
        <v>13</v>
      </c>
      <c r="G683" s="6" t="s">
        <v>1587</v>
      </c>
      <c r="H683" s="6" t="s">
        <v>1588</v>
      </c>
      <c r="I683" s="7">
        <v>4.6807945000000002</v>
      </c>
      <c r="J683" s="8">
        <v>-74.082468599999999</v>
      </c>
    </row>
    <row r="684" spans="1:10" x14ac:dyDescent="0.35">
      <c r="A684" s="5" t="s">
        <v>10</v>
      </c>
      <c r="B684" s="6">
        <v>180548</v>
      </c>
      <c r="C684" s="6" t="s">
        <v>294</v>
      </c>
      <c r="D684" s="6" t="s">
        <v>703</v>
      </c>
      <c r="E684" s="6">
        <v>41001</v>
      </c>
      <c r="F684" s="6" t="s">
        <v>13</v>
      </c>
      <c r="G684" s="6" t="s">
        <v>1589</v>
      </c>
      <c r="H684" s="6" t="s">
        <v>1590</v>
      </c>
      <c r="I684" s="7">
        <v>2.9520488999999999</v>
      </c>
      <c r="J684" s="8">
        <v>-75.286836699999995</v>
      </c>
    </row>
    <row r="685" spans="1:10" x14ac:dyDescent="0.35">
      <c r="A685" s="5" t="s">
        <v>10</v>
      </c>
      <c r="B685" s="6">
        <v>179307</v>
      </c>
      <c r="C685" s="6" t="s">
        <v>16</v>
      </c>
      <c r="D685" s="6" t="s">
        <v>1591</v>
      </c>
      <c r="E685" s="6">
        <v>68773</v>
      </c>
      <c r="F685" s="6" t="s">
        <v>18</v>
      </c>
      <c r="G685" s="6" t="s">
        <v>1592</v>
      </c>
      <c r="H685" s="6" t="s">
        <v>1593</v>
      </c>
      <c r="I685" s="7">
        <v>5.8921723000000004</v>
      </c>
      <c r="J685" s="8">
        <v>-73.804251800000003</v>
      </c>
    </row>
    <row r="686" spans="1:10" x14ac:dyDescent="0.35">
      <c r="A686" s="5" t="s">
        <v>10</v>
      </c>
      <c r="B686" s="6">
        <v>211535</v>
      </c>
      <c r="C686" s="6" t="s">
        <v>68</v>
      </c>
      <c r="D686" s="6" t="s">
        <v>69</v>
      </c>
      <c r="E686" s="6">
        <v>11001</v>
      </c>
      <c r="F686" s="6" t="s">
        <v>18</v>
      </c>
      <c r="G686" s="6" t="s">
        <v>1594</v>
      </c>
      <c r="H686" s="6" t="s">
        <v>1595</v>
      </c>
      <c r="I686" s="7">
        <v>4.7318897999999896</v>
      </c>
      <c r="J686" s="8">
        <v>-74.024922899999893</v>
      </c>
    </row>
    <row r="687" spans="1:10" x14ac:dyDescent="0.35">
      <c r="A687" s="5" t="s">
        <v>10</v>
      </c>
      <c r="B687" s="6">
        <v>236871</v>
      </c>
      <c r="C687" s="6" t="s">
        <v>24</v>
      </c>
      <c r="D687" s="6" t="s">
        <v>1596</v>
      </c>
      <c r="E687" s="6">
        <v>15542</v>
      </c>
      <c r="F687" s="6" t="s">
        <v>18</v>
      </c>
      <c r="G687" s="6" t="s">
        <v>1597</v>
      </c>
      <c r="H687" s="6" t="s">
        <v>1598</v>
      </c>
      <c r="I687" s="7">
        <v>5.5589151000000001</v>
      </c>
      <c r="J687" s="8">
        <v>-73.051218899999995</v>
      </c>
    </row>
    <row r="688" spans="1:10" x14ac:dyDescent="0.35">
      <c r="A688" s="5" t="s">
        <v>10</v>
      </c>
      <c r="B688" s="6">
        <v>230953</v>
      </c>
      <c r="C688" s="6" t="s">
        <v>24</v>
      </c>
      <c r="D688" s="6" t="s">
        <v>137</v>
      </c>
      <c r="E688" s="6">
        <v>15238</v>
      </c>
      <c r="F688" s="6" t="s">
        <v>18</v>
      </c>
      <c r="G688" s="6" t="s">
        <v>1599</v>
      </c>
      <c r="H688" s="6" t="s">
        <v>1600</v>
      </c>
      <c r="I688" s="7">
        <v>5.8264768</v>
      </c>
      <c r="J688" s="8">
        <v>-73.029792499999999</v>
      </c>
    </row>
    <row r="689" spans="1:10" x14ac:dyDescent="0.35">
      <c r="A689" s="5" t="s">
        <v>10</v>
      </c>
      <c r="B689" s="6">
        <v>199481</v>
      </c>
      <c r="C689" s="6" t="s">
        <v>28</v>
      </c>
      <c r="D689" s="6" t="s">
        <v>29</v>
      </c>
      <c r="E689" s="6">
        <v>54001</v>
      </c>
      <c r="F689" s="6" t="s">
        <v>18</v>
      </c>
      <c r="G689" s="6" t="s">
        <v>1601</v>
      </c>
      <c r="H689" s="6" t="s">
        <v>1602</v>
      </c>
      <c r="I689" s="7">
        <v>7.8988356</v>
      </c>
      <c r="J689" s="8">
        <v>-72.535084999999995</v>
      </c>
    </row>
    <row r="690" spans="1:10" x14ac:dyDescent="0.35">
      <c r="A690" s="5" t="s">
        <v>10</v>
      </c>
      <c r="B690" s="6">
        <v>222803</v>
      </c>
      <c r="C690" s="6" t="s">
        <v>38</v>
      </c>
      <c r="D690" s="6" t="s">
        <v>39</v>
      </c>
      <c r="E690" s="6">
        <v>19001</v>
      </c>
      <c r="F690" s="6" t="s">
        <v>18</v>
      </c>
      <c r="G690" s="6" t="s">
        <v>1603</v>
      </c>
      <c r="H690" s="6" t="s">
        <v>1604</v>
      </c>
      <c r="I690" s="7">
        <v>2.4607486999999999</v>
      </c>
      <c r="J690" s="8">
        <v>-76.644101599999999</v>
      </c>
    </row>
    <row r="691" spans="1:10" x14ac:dyDescent="0.35">
      <c r="A691" s="5" t="s">
        <v>10</v>
      </c>
      <c r="B691" s="6">
        <v>200020</v>
      </c>
      <c r="C691" s="6" t="s">
        <v>42</v>
      </c>
      <c r="D691" s="6" t="s">
        <v>43</v>
      </c>
      <c r="E691" s="6">
        <v>17001</v>
      </c>
      <c r="F691" s="6" t="s">
        <v>18</v>
      </c>
      <c r="G691" s="6" t="s">
        <v>1605</v>
      </c>
      <c r="H691" s="6" t="s">
        <v>1606</v>
      </c>
      <c r="I691" s="7">
        <v>5.0619084999999897</v>
      </c>
      <c r="J691" s="8">
        <v>-75.494889799999996</v>
      </c>
    </row>
    <row r="692" spans="1:10" x14ac:dyDescent="0.35">
      <c r="A692" s="5" t="s">
        <v>10</v>
      </c>
      <c r="B692" s="6">
        <v>232763</v>
      </c>
      <c r="C692" s="6" t="s">
        <v>55</v>
      </c>
      <c r="D692" s="6" t="s">
        <v>56</v>
      </c>
      <c r="E692" s="6">
        <v>73001</v>
      </c>
      <c r="F692" s="6" t="s">
        <v>18</v>
      </c>
      <c r="G692" s="6" t="s">
        <v>1607</v>
      </c>
      <c r="H692" s="6" t="s">
        <v>1608</v>
      </c>
      <c r="I692" s="7">
        <v>4.4421751</v>
      </c>
      <c r="J692" s="8">
        <v>-75.227030999999997</v>
      </c>
    </row>
    <row r="693" spans="1:10" x14ac:dyDescent="0.35">
      <c r="A693" s="5" t="s">
        <v>10</v>
      </c>
      <c r="B693" s="6">
        <v>213185</v>
      </c>
      <c r="C693" s="6" t="s">
        <v>94</v>
      </c>
      <c r="D693" s="6" t="s">
        <v>98</v>
      </c>
      <c r="E693" s="6">
        <v>66001</v>
      </c>
      <c r="F693" s="6" t="s">
        <v>18</v>
      </c>
      <c r="G693" s="6" t="s">
        <v>1609</v>
      </c>
      <c r="H693" s="6" t="s">
        <v>1610</v>
      </c>
      <c r="I693" s="7">
        <v>4.8152813999999999</v>
      </c>
      <c r="J693" s="8">
        <v>-75.700178699999995</v>
      </c>
    </row>
    <row r="694" spans="1:10" x14ac:dyDescent="0.35">
      <c r="A694" s="5" t="s">
        <v>10</v>
      </c>
      <c r="B694" s="6">
        <v>209593</v>
      </c>
      <c r="C694" s="6" t="s">
        <v>28</v>
      </c>
      <c r="D694" s="6" t="s">
        <v>29</v>
      </c>
      <c r="E694" s="6">
        <v>54001</v>
      </c>
      <c r="F694" s="6" t="s">
        <v>13</v>
      </c>
      <c r="G694" s="6" t="s">
        <v>1611</v>
      </c>
      <c r="H694" s="6" t="s">
        <v>1612</v>
      </c>
      <c r="I694" s="7">
        <v>7.9154093000000003</v>
      </c>
      <c r="J694" s="8">
        <v>-72.487658800000005</v>
      </c>
    </row>
    <row r="695" spans="1:10" x14ac:dyDescent="0.35">
      <c r="A695" s="5" t="s">
        <v>10</v>
      </c>
      <c r="B695" s="6">
        <v>198042</v>
      </c>
      <c r="C695" s="6" t="s">
        <v>16</v>
      </c>
      <c r="D695" s="6" t="s">
        <v>17</v>
      </c>
      <c r="E695" s="6">
        <v>68679</v>
      </c>
      <c r="F695" s="6" t="s">
        <v>18</v>
      </c>
      <c r="G695" s="6" t="s">
        <v>1613</v>
      </c>
      <c r="H695" s="6" t="s">
        <v>1614</v>
      </c>
      <c r="I695" s="7">
        <v>6.5548516000000001</v>
      </c>
      <c r="J695" s="8">
        <v>-73.130280999999997</v>
      </c>
    </row>
    <row r="696" spans="1:10" x14ac:dyDescent="0.35">
      <c r="A696" s="5" t="s">
        <v>10</v>
      </c>
      <c r="B696" s="6">
        <v>208046</v>
      </c>
      <c r="C696" s="6" t="s">
        <v>24</v>
      </c>
      <c r="D696" s="6" t="s">
        <v>88</v>
      </c>
      <c r="E696" s="6">
        <v>15001</v>
      </c>
      <c r="F696" s="6" t="s">
        <v>18</v>
      </c>
      <c r="G696" s="6" t="s">
        <v>1615</v>
      </c>
      <c r="H696" s="6" t="s">
        <v>1616</v>
      </c>
      <c r="I696" s="7">
        <v>5.5351667000000004</v>
      </c>
      <c r="J696" s="8">
        <v>-73.360062900000003</v>
      </c>
    </row>
    <row r="697" spans="1:10" x14ac:dyDescent="0.35">
      <c r="A697" s="5" t="s">
        <v>10</v>
      </c>
      <c r="B697" s="6">
        <v>222524</v>
      </c>
      <c r="C697" s="6" t="s">
        <v>42</v>
      </c>
      <c r="D697" s="6" t="s">
        <v>1617</v>
      </c>
      <c r="E697" s="6">
        <v>17524</v>
      </c>
      <c r="F697" s="6" t="s">
        <v>18</v>
      </c>
      <c r="G697" s="6" t="s">
        <v>1618</v>
      </c>
      <c r="H697" s="6" t="s">
        <v>1619</v>
      </c>
      <c r="I697" s="7">
        <v>5.0201846999999997</v>
      </c>
      <c r="J697" s="8">
        <v>-75.620171999999997</v>
      </c>
    </row>
    <row r="698" spans="1:10" x14ac:dyDescent="0.35">
      <c r="A698" s="5" t="s">
        <v>10</v>
      </c>
      <c r="B698" s="6">
        <v>165738</v>
      </c>
      <c r="C698" s="6" t="s">
        <v>16</v>
      </c>
      <c r="D698" s="6" t="s">
        <v>790</v>
      </c>
      <c r="E698" s="6">
        <v>68229</v>
      </c>
      <c r="F698" s="6" t="s">
        <v>18</v>
      </c>
      <c r="G698" s="6" t="s">
        <v>1620</v>
      </c>
      <c r="H698" s="6" t="s">
        <v>1621</v>
      </c>
      <c r="I698" s="7">
        <v>6.6063320000000001</v>
      </c>
      <c r="J698" s="8">
        <v>-73.068749299999993</v>
      </c>
    </row>
    <row r="699" spans="1:10" x14ac:dyDescent="0.35">
      <c r="A699" s="5" t="s">
        <v>10</v>
      </c>
      <c r="B699" s="6">
        <v>235923</v>
      </c>
      <c r="C699" s="6" t="s">
        <v>55</v>
      </c>
      <c r="D699" s="6" t="s">
        <v>1622</v>
      </c>
      <c r="E699" s="6">
        <v>73861</v>
      </c>
      <c r="F699" s="6" t="s">
        <v>18</v>
      </c>
      <c r="G699" s="6" t="s">
        <v>1623</v>
      </c>
      <c r="H699" s="6" t="s">
        <v>1624</v>
      </c>
      <c r="I699" s="7">
        <v>4.7148149999999998</v>
      </c>
      <c r="J699" s="8">
        <v>-74.931161000000003</v>
      </c>
    </row>
    <row r="700" spans="1:10" x14ac:dyDescent="0.35">
      <c r="A700" s="5" t="s">
        <v>10</v>
      </c>
      <c r="B700" s="6">
        <v>238065</v>
      </c>
      <c r="C700" s="6" t="s">
        <v>24</v>
      </c>
      <c r="D700" s="6" t="s">
        <v>148</v>
      </c>
      <c r="E700" s="6">
        <v>15537</v>
      </c>
      <c r="F700" s="6" t="s">
        <v>18</v>
      </c>
      <c r="G700" s="6" t="s">
        <v>1625</v>
      </c>
      <c r="H700" s="6" t="s">
        <v>1626</v>
      </c>
      <c r="I700" s="7">
        <v>5.9860822999999996</v>
      </c>
      <c r="J700" s="8">
        <v>-72.748667400000002</v>
      </c>
    </row>
    <row r="701" spans="1:10" x14ac:dyDescent="0.35">
      <c r="A701" s="5" t="s">
        <v>10</v>
      </c>
      <c r="B701" s="6">
        <v>243825</v>
      </c>
      <c r="C701" s="6" t="s">
        <v>28</v>
      </c>
      <c r="D701" s="6" t="s">
        <v>29</v>
      </c>
      <c r="E701" s="6">
        <v>54001</v>
      </c>
      <c r="F701" s="6" t="s">
        <v>18</v>
      </c>
      <c r="G701" s="6" t="s">
        <v>1627</v>
      </c>
      <c r="H701" s="6" t="s">
        <v>1628</v>
      </c>
      <c r="I701" s="7">
        <v>7.9163056999999997</v>
      </c>
      <c r="J701" s="8">
        <v>-72.465912299999999</v>
      </c>
    </row>
    <row r="702" spans="1:10" x14ac:dyDescent="0.35">
      <c r="A702" s="5" t="s">
        <v>10</v>
      </c>
      <c r="B702" s="6">
        <v>247388</v>
      </c>
      <c r="C702" s="6" t="s">
        <v>61</v>
      </c>
      <c r="D702" s="6" t="s">
        <v>121</v>
      </c>
      <c r="E702" s="6">
        <v>63130</v>
      </c>
      <c r="F702" s="6" t="s">
        <v>18</v>
      </c>
      <c r="G702" s="6" t="s">
        <v>1629</v>
      </c>
      <c r="H702" s="6" t="s">
        <v>1630</v>
      </c>
      <c r="I702" s="7">
        <v>4.5197346999999999</v>
      </c>
      <c r="J702" s="8">
        <v>-75.698633000000001</v>
      </c>
    </row>
    <row r="703" spans="1:10" x14ac:dyDescent="0.35">
      <c r="A703" s="5" t="s">
        <v>10</v>
      </c>
      <c r="B703" s="6">
        <v>227863</v>
      </c>
      <c r="C703" s="6" t="s">
        <v>42</v>
      </c>
      <c r="D703" s="6" t="s">
        <v>396</v>
      </c>
      <c r="E703" s="6">
        <v>17380</v>
      </c>
      <c r="F703" s="6" t="s">
        <v>18</v>
      </c>
      <c r="G703" s="6" t="s">
        <v>1631</v>
      </c>
      <c r="H703" s="6" t="s">
        <v>1632</v>
      </c>
      <c r="I703" s="7">
        <v>5.472709</v>
      </c>
      <c r="J703" s="8">
        <v>-74.667983999999905</v>
      </c>
    </row>
    <row r="704" spans="1:10" x14ac:dyDescent="0.35">
      <c r="A704" s="5" t="s">
        <v>10</v>
      </c>
      <c r="B704" s="6">
        <v>236005</v>
      </c>
      <c r="C704" s="6" t="s">
        <v>11</v>
      </c>
      <c r="D704" s="6" t="s">
        <v>1633</v>
      </c>
      <c r="E704" s="6">
        <v>25151</v>
      </c>
      <c r="F704" s="6" t="s">
        <v>18</v>
      </c>
      <c r="G704" s="6" t="s">
        <v>1634</v>
      </c>
      <c r="H704" s="6" t="s">
        <v>1635</v>
      </c>
      <c r="I704" s="7">
        <v>4.4068803000000001</v>
      </c>
      <c r="J704" s="8">
        <v>-73.947907099999995</v>
      </c>
    </row>
    <row r="705" spans="1:10" x14ac:dyDescent="0.35">
      <c r="A705" s="5" t="s">
        <v>10</v>
      </c>
      <c r="B705" s="6">
        <v>143492</v>
      </c>
      <c r="C705" s="6" t="s">
        <v>278</v>
      </c>
      <c r="D705" s="6" t="s">
        <v>1331</v>
      </c>
      <c r="E705" s="6">
        <v>50006</v>
      </c>
      <c r="F705" s="6" t="s">
        <v>13</v>
      </c>
      <c r="G705" s="6" t="s">
        <v>1636</v>
      </c>
      <c r="H705" s="6" t="s">
        <v>1637</v>
      </c>
      <c r="I705" s="7">
        <v>3.991663</v>
      </c>
      <c r="J705" s="8">
        <v>-73.766129000000006</v>
      </c>
    </row>
    <row r="706" spans="1:10" x14ac:dyDescent="0.35">
      <c r="A706" s="5" t="s">
        <v>10</v>
      </c>
      <c r="B706" s="6">
        <v>207480</v>
      </c>
      <c r="C706" s="6" t="s">
        <v>16</v>
      </c>
      <c r="D706" s="6" t="s">
        <v>790</v>
      </c>
      <c r="E706" s="6">
        <v>68229</v>
      </c>
      <c r="F706" s="6" t="s">
        <v>18</v>
      </c>
      <c r="G706" s="6" t="s">
        <v>1638</v>
      </c>
      <c r="H706" s="6" t="s">
        <v>1639</v>
      </c>
      <c r="I706" s="7">
        <v>6.6063320000000001</v>
      </c>
      <c r="J706" s="8">
        <v>-73.068749299999993</v>
      </c>
    </row>
    <row r="707" spans="1:10" x14ac:dyDescent="0.35">
      <c r="A707" s="5" t="s">
        <v>10</v>
      </c>
      <c r="B707" s="6">
        <v>208292</v>
      </c>
      <c r="C707" s="6" t="s">
        <v>16</v>
      </c>
      <c r="D707" s="6" t="s">
        <v>1640</v>
      </c>
      <c r="E707" s="6">
        <v>68344</v>
      </c>
      <c r="F707" s="6" t="s">
        <v>18</v>
      </c>
      <c r="G707" s="6" t="s">
        <v>1641</v>
      </c>
      <c r="H707" s="6" t="s">
        <v>1642</v>
      </c>
      <c r="I707" s="7">
        <v>6.5429991999999997</v>
      </c>
      <c r="J707" s="8">
        <v>-73.308081599999994</v>
      </c>
    </row>
    <row r="708" spans="1:10" x14ac:dyDescent="0.35">
      <c r="A708" s="5" t="s">
        <v>10</v>
      </c>
      <c r="B708" s="6">
        <v>172693</v>
      </c>
      <c r="C708" s="6" t="s">
        <v>24</v>
      </c>
      <c r="D708" s="6" t="s">
        <v>1643</v>
      </c>
      <c r="E708" s="6">
        <v>15762</v>
      </c>
      <c r="F708" s="6" t="s">
        <v>18</v>
      </c>
      <c r="G708" s="6" t="s">
        <v>1644</v>
      </c>
      <c r="H708" s="6" t="s">
        <v>1645</v>
      </c>
      <c r="I708" s="7">
        <v>5.5668379999999997</v>
      </c>
      <c r="J708" s="8">
        <v>-73.450094999999905</v>
      </c>
    </row>
    <row r="709" spans="1:10" x14ac:dyDescent="0.35">
      <c r="A709" s="5" t="s">
        <v>10</v>
      </c>
      <c r="B709" s="6">
        <v>203925</v>
      </c>
      <c r="C709" s="6" t="s">
        <v>28</v>
      </c>
      <c r="D709" s="6" t="s">
        <v>49</v>
      </c>
      <c r="E709" s="6">
        <v>54498</v>
      </c>
      <c r="F709" s="6" t="s">
        <v>18</v>
      </c>
      <c r="G709" s="6" t="s">
        <v>1646</v>
      </c>
      <c r="H709" s="6" t="s">
        <v>1647</v>
      </c>
      <c r="I709" s="7">
        <v>8.2683351999999992</v>
      </c>
      <c r="J709" s="8">
        <v>-73.366513499999996</v>
      </c>
    </row>
    <row r="710" spans="1:10" x14ac:dyDescent="0.35">
      <c r="A710" s="5" t="s">
        <v>10</v>
      </c>
      <c r="B710" s="6">
        <v>230932</v>
      </c>
      <c r="C710" s="6" t="s">
        <v>42</v>
      </c>
      <c r="D710" s="6" t="s">
        <v>43</v>
      </c>
      <c r="E710" s="6">
        <v>17001</v>
      </c>
      <c r="F710" s="6" t="s">
        <v>18</v>
      </c>
      <c r="G710" s="6" t="s">
        <v>1648</v>
      </c>
      <c r="H710" s="6" t="s">
        <v>1649</v>
      </c>
      <c r="I710" s="7">
        <v>5.0692766999999996</v>
      </c>
      <c r="J710" s="8">
        <v>-75.514734300000001</v>
      </c>
    </row>
    <row r="711" spans="1:10" x14ac:dyDescent="0.35">
      <c r="A711" s="5" t="s">
        <v>10</v>
      </c>
      <c r="B711" s="6">
        <v>141688</v>
      </c>
      <c r="C711" s="6" t="s">
        <v>11</v>
      </c>
      <c r="D711" s="6" t="s">
        <v>513</v>
      </c>
      <c r="E711" s="6">
        <v>25286</v>
      </c>
      <c r="F711" s="6" t="s">
        <v>13</v>
      </c>
      <c r="G711" s="6" t="s">
        <v>1650</v>
      </c>
      <c r="H711" s="6" t="s">
        <v>1651</v>
      </c>
      <c r="I711" s="7">
        <v>4.7162769999999998</v>
      </c>
      <c r="J711" s="8">
        <v>-74.213265300000003</v>
      </c>
    </row>
    <row r="712" spans="1:10" x14ac:dyDescent="0.35">
      <c r="A712" s="5" t="s">
        <v>10</v>
      </c>
      <c r="B712" s="6">
        <v>178968</v>
      </c>
      <c r="C712" s="6" t="s">
        <v>68</v>
      </c>
      <c r="D712" s="6" t="s">
        <v>69</v>
      </c>
      <c r="E712" s="6">
        <v>11001</v>
      </c>
      <c r="F712" s="6" t="s">
        <v>13</v>
      </c>
      <c r="G712" s="6" t="s">
        <v>1652</v>
      </c>
      <c r="H712" s="6" t="s">
        <v>1653</v>
      </c>
      <c r="I712" s="7">
        <v>4.7444683000000003</v>
      </c>
      <c r="J712" s="8">
        <v>-74.109220199999996</v>
      </c>
    </row>
    <row r="713" spans="1:10" x14ac:dyDescent="0.35">
      <c r="A713" s="5" t="s">
        <v>10</v>
      </c>
      <c r="B713" s="6">
        <v>199693</v>
      </c>
      <c r="C713" s="6" t="s">
        <v>68</v>
      </c>
      <c r="D713" s="6" t="s">
        <v>69</v>
      </c>
      <c r="E713" s="6">
        <v>11001</v>
      </c>
      <c r="F713" s="6" t="s">
        <v>13</v>
      </c>
      <c r="G713" s="6" t="s">
        <v>785</v>
      </c>
      <c r="H713" s="6" t="s">
        <v>786</v>
      </c>
      <c r="I713" s="7">
        <v>4.6036903000000002</v>
      </c>
      <c r="J713" s="8">
        <v>-74.189706700000002</v>
      </c>
    </row>
    <row r="714" spans="1:10" x14ac:dyDescent="0.35">
      <c r="A714" s="5" t="s">
        <v>10</v>
      </c>
      <c r="B714" s="6">
        <v>225340</v>
      </c>
      <c r="C714" s="6" t="s">
        <v>294</v>
      </c>
      <c r="D714" s="6" t="s">
        <v>703</v>
      </c>
      <c r="E714" s="6">
        <v>41001</v>
      </c>
      <c r="F714" s="6" t="s">
        <v>13</v>
      </c>
      <c r="G714" s="6" t="s">
        <v>1654</v>
      </c>
      <c r="H714" s="6" t="s">
        <v>1655</v>
      </c>
      <c r="I714" s="7">
        <v>2.9417620000000002</v>
      </c>
      <c r="J714" s="8">
        <v>-75.287768700000001</v>
      </c>
    </row>
    <row r="715" spans="1:10" x14ac:dyDescent="0.35">
      <c r="A715" s="5" t="s">
        <v>10</v>
      </c>
      <c r="B715" s="6">
        <v>238946</v>
      </c>
      <c r="C715" s="6" t="s">
        <v>16</v>
      </c>
      <c r="D715" s="6" t="s">
        <v>546</v>
      </c>
      <c r="E715" s="6">
        <v>68464</v>
      </c>
      <c r="F715" s="6" t="s">
        <v>18</v>
      </c>
      <c r="G715" s="6" t="s">
        <v>1656</v>
      </c>
      <c r="H715" s="6" t="s">
        <v>1657</v>
      </c>
      <c r="I715" s="7">
        <v>7.1104149000000003</v>
      </c>
      <c r="J715" s="8">
        <v>-73.140833499999999</v>
      </c>
    </row>
    <row r="716" spans="1:10" x14ac:dyDescent="0.35">
      <c r="A716" s="5" t="s">
        <v>10</v>
      </c>
      <c r="B716" s="6">
        <v>201011</v>
      </c>
      <c r="C716" s="6" t="s">
        <v>55</v>
      </c>
      <c r="D716" s="6" t="s">
        <v>1658</v>
      </c>
      <c r="E716" s="6">
        <v>73622</v>
      </c>
      <c r="F716" s="6" t="s">
        <v>18</v>
      </c>
      <c r="G716" s="6" t="s">
        <v>1659</v>
      </c>
      <c r="H716" s="6" t="s">
        <v>1660</v>
      </c>
      <c r="I716" s="7">
        <v>11.2423039</v>
      </c>
      <c r="J716" s="8">
        <v>-74.210595499999997</v>
      </c>
    </row>
    <row r="717" spans="1:10" x14ac:dyDescent="0.35">
      <c r="A717" s="5" t="s">
        <v>10</v>
      </c>
      <c r="B717" s="6">
        <v>233931</v>
      </c>
      <c r="C717" s="6" t="s">
        <v>55</v>
      </c>
      <c r="D717" s="6" t="s">
        <v>56</v>
      </c>
      <c r="E717" s="6">
        <v>73001</v>
      </c>
      <c r="F717" s="6" t="s">
        <v>18</v>
      </c>
      <c r="G717" s="6" t="s">
        <v>1661</v>
      </c>
      <c r="H717" s="6" t="s">
        <v>1662</v>
      </c>
      <c r="I717" s="7">
        <v>4.4448777000000002</v>
      </c>
      <c r="J717" s="8">
        <v>-75.242691500000006</v>
      </c>
    </row>
    <row r="718" spans="1:10" x14ac:dyDescent="0.35">
      <c r="A718" s="5" t="s">
        <v>10</v>
      </c>
      <c r="B718" s="6">
        <v>199905</v>
      </c>
      <c r="C718" s="6" t="s">
        <v>55</v>
      </c>
      <c r="D718" s="6" t="s">
        <v>937</v>
      </c>
      <c r="E718" s="6">
        <v>73585</v>
      </c>
      <c r="F718" s="6" t="s">
        <v>18</v>
      </c>
      <c r="G718" s="6" t="s">
        <v>1663</v>
      </c>
      <c r="H718" s="6" t="s">
        <v>1664</v>
      </c>
      <c r="I718" s="7">
        <v>3.8631734</v>
      </c>
      <c r="J718" s="8">
        <v>-74.931880100000001</v>
      </c>
    </row>
    <row r="719" spans="1:10" x14ac:dyDescent="0.35">
      <c r="A719" s="5" t="s">
        <v>10</v>
      </c>
      <c r="B719" s="6">
        <v>232924</v>
      </c>
      <c r="C719" s="6" t="s">
        <v>24</v>
      </c>
      <c r="D719" s="6" t="s">
        <v>202</v>
      </c>
      <c r="E719" s="6">
        <v>15806</v>
      </c>
      <c r="F719" s="6" t="s">
        <v>18</v>
      </c>
      <c r="G719" s="6" t="s">
        <v>1665</v>
      </c>
      <c r="H719" s="6" t="s">
        <v>1666</v>
      </c>
      <c r="I719" s="7">
        <v>5.7458144999999998</v>
      </c>
      <c r="J719" s="8">
        <v>-73.002027799999993</v>
      </c>
    </row>
    <row r="720" spans="1:10" x14ac:dyDescent="0.35">
      <c r="A720" s="5" t="s">
        <v>10</v>
      </c>
      <c r="B720" s="6">
        <v>235242</v>
      </c>
      <c r="C720" s="6" t="s">
        <v>24</v>
      </c>
      <c r="D720" s="6" t="s">
        <v>1667</v>
      </c>
      <c r="E720" s="6">
        <v>15822</v>
      </c>
      <c r="F720" s="6" t="s">
        <v>18</v>
      </c>
      <c r="G720" s="6" t="s">
        <v>1668</v>
      </c>
      <c r="H720" s="6" t="s">
        <v>1669</v>
      </c>
      <c r="I720" s="7">
        <v>5.5605877000000001</v>
      </c>
      <c r="J720" s="8">
        <v>-72.985063499999995</v>
      </c>
    </row>
    <row r="721" spans="1:10" x14ac:dyDescent="0.35">
      <c r="A721" s="5" t="s">
        <v>10</v>
      </c>
      <c r="B721" s="6">
        <v>202570</v>
      </c>
      <c r="C721" s="6" t="s">
        <v>28</v>
      </c>
      <c r="D721" s="6" t="s">
        <v>29</v>
      </c>
      <c r="E721" s="6">
        <v>54001</v>
      </c>
      <c r="F721" s="6" t="s">
        <v>18</v>
      </c>
      <c r="G721" s="6" t="s">
        <v>1670</v>
      </c>
      <c r="H721" s="6" t="s">
        <v>1671</v>
      </c>
      <c r="I721" s="7">
        <v>7.8961012999999998</v>
      </c>
      <c r="J721" s="8">
        <v>-72.498029099999997</v>
      </c>
    </row>
    <row r="722" spans="1:10" x14ac:dyDescent="0.35">
      <c r="A722" s="5" t="s">
        <v>10</v>
      </c>
      <c r="B722" s="6">
        <v>173767</v>
      </c>
      <c r="C722" s="6" t="s">
        <v>366</v>
      </c>
      <c r="D722" s="6" t="s">
        <v>367</v>
      </c>
      <c r="E722" s="6">
        <v>44430</v>
      </c>
      <c r="F722" s="6" t="s">
        <v>13</v>
      </c>
      <c r="G722" s="6" t="s">
        <v>1087</v>
      </c>
      <c r="H722" s="6" t="s">
        <v>1672</v>
      </c>
      <c r="I722" s="7">
        <v>11.3778012</v>
      </c>
      <c r="J722" s="8">
        <v>-72.237508199999994</v>
      </c>
    </row>
    <row r="723" spans="1:10" x14ac:dyDescent="0.35">
      <c r="A723" s="5" t="s">
        <v>10</v>
      </c>
      <c r="B723" s="6">
        <v>215337</v>
      </c>
      <c r="C723" s="6" t="s">
        <v>16</v>
      </c>
      <c r="D723" s="6" t="s">
        <v>291</v>
      </c>
      <c r="E723" s="6">
        <v>68533</v>
      </c>
      <c r="F723" s="6" t="s">
        <v>18</v>
      </c>
      <c r="G723" s="6" t="s">
        <v>1673</v>
      </c>
      <c r="H723" s="6" t="s">
        <v>1674</v>
      </c>
      <c r="I723" s="7">
        <v>6.4320524999999904</v>
      </c>
      <c r="J723" s="8">
        <v>-73.170362799999893</v>
      </c>
    </row>
    <row r="724" spans="1:10" x14ac:dyDescent="0.35">
      <c r="A724" s="5" t="s">
        <v>10</v>
      </c>
      <c r="B724" s="6">
        <v>230781</v>
      </c>
      <c r="C724" s="6" t="s">
        <v>16</v>
      </c>
      <c r="D724" s="6" t="s">
        <v>1129</v>
      </c>
      <c r="E724" s="6">
        <v>68498</v>
      </c>
      <c r="F724" s="6" t="s">
        <v>18</v>
      </c>
      <c r="G724" s="6" t="s">
        <v>1675</v>
      </c>
      <c r="H724" s="6" t="s">
        <v>1131</v>
      </c>
      <c r="I724" s="7">
        <v>6.3397800000000002</v>
      </c>
      <c r="J724" s="8">
        <v>-73.122163</v>
      </c>
    </row>
    <row r="725" spans="1:10" x14ac:dyDescent="0.35">
      <c r="A725" s="5" t="s">
        <v>10</v>
      </c>
      <c r="B725" s="6">
        <v>235776</v>
      </c>
      <c r="C725" s="6" t="s">
        <v>16</v>
      </c>
      <c r="D725" s="6" t="s">
        <v>1129</v>
      </c>
      <c r="E725" s="6">
        <v>68498</v>
      </c>
      <c r="F725" s="6" t="s">
        <v>18</v>
      </c>
      <c r="G725" s="6" t="s">
        <v>1676</v>
      </c>
      <c r="H725" s="6" t="s">
        <v>1677</v>
      </c>
      <c r="I725" s="7">
        <v>6.3397800000000002</v>
      </c>
      <c r="J725" s="8">
        <v>-73.122163</v>
      </c>
    </row>
    <row r="726" spans="1:10" x14ac:dyDescent="0.35">
      <c r="A726" s="5" t="s">
        <v>10</v>
      </c>
      <c r="B726" s="6">
        <v>240220</v>
      </c>
      <c r="C726" s="6" t="s">
        <v>16</v>
      </c>
      <c r="D726" s="6" t="s">
        <v>705</v>
      </c>
      <c r="E726" s="6">
        <v>68077</v>
      </c>
      <c r="F726" s="6" t="s">
        <v>18</v>
      </c>
      <c r="G726" s="6" t="s">
        <v>1678</v>
      </c>
      <c r="H726" s="6" t="s">
        <v>1679</v>
      </c>
      <c r="I726" s="7">
        <v>5.9326504</v>
      </c>
      <c r="J726" s="8">
        <v>-73.616066399999994</v>
      </c>
    </row>
    <row r="727" spans="1:10" x14ac:dyDescent="0.35">
      <c r="A727" s="5" t="s">
        <v>10</v>
      </c>
      <c r="B727" s="6">
        <v>236590</v>
      </c>
      <c r="C727" s="6" t="s">
        <v>109</v>
      </c>
      <c r="D727" s="6" t="s">
        <v>658</v>
      </c>
      <c r="E727" s="6">
        <v>13836</v>
      </c>
      <c r="F727" s="6" t="s">
        <v>18</v>
      </c>
      <c r="G727" s="6" t="s">
        <v>1680</v>
      </c>
      <c r="H727" s="6" t="s">
        <v>1681</v>
      </c>
      <c r="I727" s="7">
        <v>10.3278029</v>
      </c>
      <c r="J727" s="8">
        <v>-75.420028400000007</v>
      </c>
    </row>
    <row r="728" spans="1:10" x14ac:dyDescent="0.35">
      <c r="A728" s="5" t="s">
        <v>10</v>
      </c>
      <c r="B728" s="6">
        <v>236571</v>
      </c>
      <c r="C728" s="6" t="s">
        <v>55</v>
      </c>
      <c r="D728" s="6" t="s">
        <v>56</v>
      </c>
      <c r="E728" s="6">
        <v>73001</v>
      </c>
      <c r="F728" s="6" t="s">
        <v>18</v>
      </c>
      <c r="G728" s="6" t="s">
        <v>1682</v>
      </c>
      <c r="H728" s="6" t="s">
        <v>1683</v>
      </c>
      <c r="I728" s="7">
        <v>4.4409786999999996</v>
      </c>
      <c r="J728" s="8">
        <v>-75.166301000000004</v>
      </c>
    </row>
    <row r="729" spans="1:10" x14ac:dyDescent="0.35">
      <c r="A729" s="5" t="s">
        <v>10</v>
      </c>
      <c r="B729" s="6">
        <v>238733</v>
      </c>
      <c r="C729" s="6" t="s">
        <v>24</v>
      </c>
      <c r="D729" s="6" t="s">
        <v>85</v>
      </c>
      <c r="E729" s="6">
        <v>15759</v>
      </c>
      <c r="F729" s="6" t="s">
        <v>18</v>
      </c>
      <c r="G729" s="6" t="s">
        <v>1684</v>
      </c>
      <c r="H729" s="6" t="s">
        <v>1685</v>
      </c>
      <c r="I729" s="7">
        <v>5.7093739000000001</v>
      </c>
      <c r="J729" s="8">
        <v>-72.938899000000006</v>
      </c>
    </row>
    <row r="730" spans="1:10" x14ac:dyDescent="0.35">
      <c r="A730" s="5" t="s">
        <v>10</v>
      </c>
      <c r="B730" s="6">
        <v>240337</v>
      </c>
      <c r="C730" s="6" t="s">
        <v>24</v>
      </c>
      <c r="D730" s="6" t="s">
        <v>1686</v>
      </c>
      <c r="E730" s="6">
        <v>15673</v>
      </c>
      <c r="F730" s="6" t="s">
        <v>18</v>
      </c>
      <c r="G730" s="6" t="s">
        <v>1687</v>
      </c>
      <c r="H730" s="6" t="s">
        <v>1688</v>
      </c>
      <c r="I730" s="7">
        <v>6.4017584000000003</v>
      </c>
      <c r="J730" s="8">
        <v>-72.556279700000005</v>
      </c>
    </row>
    <row r="731" spans="1:10" x14ac:dyDescent="0.35">
      <c r="A731" s="5" t="s">
        <v>10</v>
      </c>
      <c r="B731" s="6">
        <v>208038</v>
      </c>
      <c r="C731" s="6" t="s">
        <v>24</v>
      </c>
      <c r="D731" s="6" t="s">
        <v>340</v>
      </c>
      <c r="E731" s="6">
        <v>15897</v>
      </c>
      <c r="F731" s="6" t="s">
        <v>18</v>
      </c>
      <c r="G731" s="6" t="s">
        <v>1689</v>
      </c>
      <c r="H731" s="6" t="s">
        <v>1690</v>
      </c>
      <c r="I731" s="7">
        <v>5.282203</v>
      </c>
      <c r="J731" s="8">
        <v>-73.169049700000002</v>
      </c>
    </row>
    <row r="732" spans="1:10" x14ac:dyDescent="0.35">
      <c r="A732" s="5" t="s">
        <v>10</v>
      </c>
      <c r="B732" s="6">
        <v>231128</v>
      </c>
      <c r="C732" s="6" t="s">
        <v>24</v>
      </c>
      <c r="D732" s="6" t="s">
        <v>88</v>
      </c>
      <c r="E732" s="6">
        <v>15001</v>
      </c>
      <c r="F732" s="6" t="s">
        <v>18</v>
      </c>
      <c r="G732" s="6" t="s">
        <v>1691</v>
      </c>
      <c r="H732" s="6" t="s">
        <v>1692</v>
      </c>
      <c r="I732" s="7">
        <v>5.5383212999999998</v>
      </c>
      <c r="J732" s="8">
        <v>-73.362877299999994</v>
      </c>
    </row>
    <row r="733" spans="1:10" x14ac:dyDescent="0.35">
      <c r="A733" s="5" t="s">
        <v>10</v>
      </c>
      <c r="B733" s="6">
        <v>237561</v>
      </c>
      <c r="C733" s="6" t="s">
        <v>24</v>
      </c>
      <c r="D733" s="6" t="s">
        <v>137</v>
      </c>
      <c r="E733" s="6">
        <v>15238</v>
      </c>
      <c r="F733" s="6" t="s">
        <v>18</v>
      </c>
      <c r="G733" s="6" t="s">
        <v>1693</v>
      </c>
      <c r="H733" s="6" t="s">
        <v>1694</v>
      </c>
      <c r="I733" s="7">
        <v>5.8156569999999999</v>
      </c>
      <c r="J733" s="8">
        <v>-73.028703699999994</v>
      </c>
    </row>
    <row r="734" spans="1:10" x14ac:dyDescent="0.35">
      <c r="A734" s="5" t="s">
        <v>10</v>
      </c>
      <c r="B734" s="6">
        <v>248814</v>
      </c>
      <c r="C734" s="6" t="s">
        <v>24</v>
      </c>
      <c r="D734" s="6" t="s">
        <v>609</v>
      </c>
      <c r="E734" s="6">
        <v>15455</v>
      </c>
      <c r="F734" s="6" t="s">
        <v>18</v>
      </c>
      <c r="G734" s="6" t="s">
        <v>1695</v>
      </c>
      <c r="H734" s="6" t="s">
        <v>1696</v>
      </c>
      <c r="I734" s="7">
        <v>5.1968294999999998</v>
      </c>
      <c r="J734" s="8">
        <v>-73.149847699999995</v>
      </c>
    </row>
    <row r="735" spans="1:10" x14ac:dyDescent="0.35">
      <c r="A735" s="5" t="s">
        <v>10</v>
      </c>
      <c r="B735" s="6">
        <v>213201</v>
      </c>
      <c r="C735" s="6" t="s">
        <v>42</v>
      </c>
      <c r="D735" s="6" t="s">
        <v>1697</v>
      </c>
      <c r="E735" s="6">
        <v>17433</v>
      </c>
      <c r="F735" s="6" t="s">
        <v>18</v>
      </c>
      <c r="G735" s="6" t="s">
        <v>1698</v>
      </c>
      <c r="H735" s="6" t="s">
        <v>1699</v>
      </c>
      <c r="I735" s="7">
        <v>5.2536585000000002</v>
      </c>
      <c r="J735" s="8">
        <v>-75.154549000000003</v>
      </c>
    </row>
    <row r="736" spans="1:10" x14ac:dyDescent="0.35">
      <c r="A736" s="5" t="s">
        <v>10</v>
      </c>
      <c r="B736" s="6">
        <v>233868</v>
      </c>
      <c r="C736" s="6" t="s">
        <v>94</v>
      </c>
      <c r="D736" s="6" t="s">
        <v>1700</v>
      </c>
      <c r="E736" s="6">
        <v>66440</v>
      </c>
      <c r="F736" s="6" t="s">
        <v>18</v>
      </c>
      <c r="G736" s="6" t="s">
        <v>1701</v>
      </c>
      <c r="H736" s="6" t="s">
        <v>1702</v>
      </c>
      <c r="I736" s="7">
        <v>4.9371714000000004</v>
      </c>
      <c r="J736" s="8">
        <v>-75.739581700000002</v>
      </c>
    </row>
    <row r="737" spans="1:10" x14ac:dyDescent="0.35">
      <c r="A737" s="5" t="s">
        <v>10</v>
      </c>
      <c r="B737" s="6">
        <v>224593</v>
      </c>
      <c r="C737" s="6" t="s">
        <v>42</v>
      </c>
      <c r="D737" s="6" t="s">
        <v>43</v>
      </c>
      <c r="E737" s="6">
        <v>17001</v>
      </c>
      <c r="F737" s="6" t="s">
        <v>18</v>
      </c>
      <c r="G737" s="6" t="s">
        <v>1703</v>
      </c>
      <c r="H737" s="6" t="s">
        <v>1704</v>
      </c>
      <c r="I737" s="7">
        <v>5.0556009999999896</v>
      </c>
      <c r="J737" s="8">
        <v>-75.487740099999996</v>
      </c>
    </row>
    <row r="738" spans="1:10" x14ac:dyDescent="0.35">
      <c r="A738" s="5" t="s">
        <v>10</v>
      </c>
      <c r="B738" s="6">
        <v>237907</v>
      </c>
      <c r="C738" s="6" t="s">
        <v>55</v>
      </c>
      <c r="D738" s="6" t="s">
        <v>1705</v>
      </c>
      <c r="E738" s="6">
        <v>73443</v>
      </c>
      <c r="F738" s="6" t="s">
        <v>18</v>
      </c>
      <c r="G738" s="6" t="s">
        <v>1706</v>
      </c>
      <c r="H738" s="6" t="s">
        <v>1707</v>
      </c>
      <c r="I738" s="7">
        <v>5.1925464000000003</v>
      </c>
      <c r="J738" s="8">
        <v>-74.891532100000006</v>
      </c>
    </row>
    <row r="739" spans="1:10" x14ac:dyDescent="0.35">
      <c r="A739" s="5" t="s">
        <v>10</v>
      </c>
      <c r="B739" s="6">
        <v>248730</v>
      </c>
      <c r="C739" s="6" t="s">
        <v>42</v>
      </c>
      <c r="D739" s="6" t="s">
        <v>275</v>
      </c>
      <c r="E739" s="6">
        <v>17614</v>
      </c>
      <c r="F739" s="6" t="s">
        <v>18</v>
      </c>
      <c r="G739" s="6" t="s">
        <v>1708</v>
      </c>
      <c r="H739" s="6" t="s">
        <v>1709</v>
      </c>
      <c r="I739" s="7">
        <v>5.420617</v>
      </c>
      <c r="J739" s="8">
        <v>-75.701863099999997</v>
      </c>
    </row>
    <row r="740" spans="1:10" x14ac:dyDescent="0.35">
      <c r="A740" s="5" t="s">
        <v>10</v>
      </c>
      <c r="B740" s="6">
        <v>235494</v>
      </c>
      <c r="C740" s="6" t="s">
        <v>68</v>
      </c>
      <c r="D740" s="6" t="s">
        <v>69</v>
      </c>
      <c r="E740" s="6">
        <v>11001</v>
      </c>
      <c r="F740" s="6" t="s">
        <v>18</v>
      </c>
      <c r="G740" s="6" t="s">
        <v>1710</v>
      </c>
      <c r="H740" s="6" t="s">
        <v>1711</v>
      </c>
      <c r="I740" s="7">
        <v>4.6300679999999996</v>
      </c>
      <c r="J740" s="8">
        <v>-74.195894499999994</v>
      </c>
    </row>
    <row r="741" spans="1:10" x14ac:dyDescent="0.35">
      <c r="A741" s="5" t="s">
        <v>10</v>
      </c>
      <c r="B741" s="6">
        <v>154120</v>
      </c>
      <c r="C741" s="6" t="s">
        <v>38</v>
      </c>
      <c r="D741" s="6" t="s">
        <v>39</v>
      </c>
      <c r="E741" s="6">
        <v>19001</v>
      </c>
      <c r="F741" s="6" t="s">
        <v>18</v>
      </c>
      <c r="G741" s="6" t="s">
        <v>1712</v>
      </c>
      <c r="H741" s="6" t="s">
        <v>1713</v>
      </c>
      <c r="I741" s="7">
        <v>2.4555178</v>
      </c>
      <c r="J741" s="8">
        <v>-76.596638400000003</v>
      </c>
    </row>
    <row r="742" spans="1:10" x14ac:dyDescent="0.35">
      <c r="A742" s="5" t="s">
        <v>10</v>
      </c>
      <c r="B742" s="6">
        <v>218752</v>
      </c>
      <c r="C742" s="6" t="s">
        <v>94</v>
      </c>
      <c r="D742" s="6" t="s">
        <v>98</v>
      </c>
      <c r="E742" s="6">
        <v>66001</v>
      </c>
      <c r="F742" s="6" t="s">
        <v>18</v>
      </c>
      <c r="G742" s="6" t="s">
        <v>1714</v>
      </c>
      <c r="H742" s="6" t="s">
        <v>1715</v>
      </c>
      <c r="I742" s="7">
        <v>4.8096804999999998</v>
      </c>
      <c r="J742" s="8">
        <v>-75.764130199999997</v>
      </c>
    </row>
    <row r="743" spans="1:10" x14ac:dyDescent="0.35">
      <c r="A743" s="5" t="s">
        <v>10</v>
      </c>
      <c r="B743" s="6">
        <v>223287</v>
      </c>
      <c r="C743" s="6" t="s">
        <v>61</v>
      </c>
      <c r="D743" s="6" t="s">
        <v>62</v>
      </c>
      <c r="E743" s="6">
        <v>63001</v>
      </c>
      <c r="F743" s="6" t="s">
        <v>18</v>
      </c>
      <c r="G743" s="6" t="s">
        <v>1716</v>
      </c>
      <c r="H743" s="6" t="s">
        <v>1717</v>
      </c>
      <c r="I743" s="7">
        <v>4.5350003999999897</v>
      </c>
      <c r="J743" s="8">
        <v>-75.675688800000003</v>
      </c>
    </row>
    <row r="744" spans="1:10" x14ac:dyDescent="0.35">
      <c r="A744" s="5" t="s">
        <v>10</v>
      </c>
      <c r="B744" s="6">
        <v>209922</v>
      </c>
      <c r="C744" s="6" t="s">
        <v>42</v>
      </c>
      <c r="D744" s="6" t="s">
        <v>396</v>
      </c>
      <c r="E744" s="6">
        <v>17380</v>
      </c>
      <c r="F744" s="6" t="s">
        <v>18</v>
      </c>
      <c r="G744" s="6" t="s">
        <v>1718</v>
      </c>
      <c r="H744" s="6" t="s">
        <v>1719</v>
      </c>
      <c r="I744" s="7">
        <v>5.4791756999999999</v>
      </c>
      <c r="J744" s="8">
        <v>-74.672629099999995</v>
      </c>
    </row>
    <row r="745" spans="1:10" x14ac:dyDescent="0.35">
      <c r="A745" s="5" t="s">
        <v>10</v>
      </c>
      <c r="B745" s="6">
        <v>210674</v>
      </c>
      <c r="C745" s="6" t="s">
        <v>68</v>
      </c>
      <c r="D745" s="6" t="s">
        <v>69</v>
      </c>
      <c r="E745" s="6">
        <v>11001</v>
      </c>
      <c r="F745" s="6" t="s">
        <v>13</v>
      </c>
      <c r="G745" s="6" t="s">
        <v>1720</v>
      </c>
      <c r="H745" s="6" t="s">
        <v>1721</v>
      </c>
      <c r="I745" s="7">
        <v>4.6259763999999999</v>
      </c>
      <c r="J745" s="8">
        <v>-74.098393200000004</v>
      </c>
    </row>
    <row r="746" spans="1:10" x14ac:dyDescent="0.35">
      <c r="A746" s="5" t="s">
        <v>10</v>
      </c>
      <c r="B746" s="6">
        <v>98872</v>
      </c>
      <c r="C746" s="6" t="s">
        <v>294</v>
      </c>
      <c r="D746" s="6" t="s">
        <v>1722</v>
      </c>
      <c r="E746" s="6">
        <v>41797</v>
      </c>
      <c r="F746" s="6" t="s">
        <v>13</v>
      </c>
      <c r="G746" s="6" t="s">
        <v>544</v>
      </c>
      <c r="H746" s="6" t="s">
        <v>1723</v>
      </c>
      <c r="I746" s="7">
        <v>2.4855155</v>
      </c>
      <c r="J746" s="8">
        <v>-75.728459700000002</v>
      </c>
    </row>
    <row r="747" spans="1:10" x14ac:dyDescent="0.35">
      <c r="A747" s="5" t="s">
        <v>10</v>
      </c>
      <c r="B747" s="6">
        <v>121145</v>
      </c>
      <c r="C747" s="6" t="s">
        <v>16</v>
      </c>
      <c r="D747" s="6" t="s">
        <v>1724</v>
      </c>
      <c r="E747" s="6">
        <v>68855</v>
      </c>
      <c r="F747" s="6" t="s">
        <v>18</v>
      </c>
      <c r="G747" s="6" t="s">
        <v>1725</v>
      </c>
      <c r="H747" s="6" t="s">
        <v>1726</v>
      </c>
      <c r="I747" s="7">
        <v>6.4403135999999996</v>
      </c>
      <c r="J747" s="8">
        <v>-73.111356000000001</v>
      </c>
    </row>
    <row r="748" spans="1:10" x14ac:dyDescent="0.35">
      <c r="A748" s="5" t="s">
        <v>10</v>
      </c>
      <c r="B748" s="6">
        <v>162938</v>
      </c>
      <c r="C748" s="6" t="s">
        <v>16</v>
      </c>
      <c r="D748" s="6" t="s">
        <v>846</v>
      </c>
      <c r="E748" s="6">
        <v>68500</v>
      </c>
      <c r="F748" s="6" t="s">
        <v>18</v>
      </c>
      <c r="G748" s="6" t="s">
        <v>1727</v>
      </c>
      <c r="H748" s="6" t="s">
        <v>1728</v>
      </c>
      <c r="I748" s="7">
        <v>9.32986</v>
      </c>
      <c r="J748" s="8">
        <v>-75.399940000000001</v>
      </c>
    </row>
    <row r="749" spans="1:10" x14ac:dyDescent="0.35">
      <c r="A749" s="5" t="s">
        <v>10</v>
      </c>
      <c r="B749" s="6">
        <v>238942</v>
      </c>
      <c r="C749" s="6" t="s">
        <v>16</v>
      </c>
      <c r="D749" s="6" t="s">
        <v>17</v>
      </c>
      <c r="E749" s="6">
        <v>68679</v>
      </c>
      <c r="F749" s="6" t="s">
        <v>18</v>
      </c>
      <c r="G749" s="6" t="s">
        <v>1729</v>
      </c>
      <c r="H749" s="6" t="s">
        <v>1730</v>
      </c>
      <c r="I749" s="7">
        <v>6.5641433999999999</v>
      </c>
      <c r="J749" s="8">
        <v>-73.093757499999995</v>
      </c>
    </row>
    <row r="750" spans="1:10" x14ac:dyDescent="0.35">
      <c r="A750" s="5" t="s">
        <v>10</v>
      </c>
      <c r="B750" s="6">
        <v>211882</v>
      </c>
      <c r="C750" s="6" t="s">
        <v>11</v>
      </c>
      <c r="D750" s="6" t="s">
        <v>334</v>
      </c>
      <c r="E750" s="6">
        <v>25754</v>
      </c>
      <c r="F750" s="6" t="s">
        <v>18</v>
      </c>
      <c r="G750" s="6" t="s">
        <v>1731</v>
      </c>
      <c r="H750" s="6" t="s">
        <v>1732</v>
      </c>
      <c r="I750" s="7">
        <v>4.5635789999999998</v>
      </c>
      <c r="J750" s="8">
        <v>-74.235744199999999</v>
      </c>
    </row>
    <row r="751" spans="1:10" x14ac:dyDescent="0.35">
      <c r="A751" s="5" t="s">
        <v>10</v>
      </c>
      <c r="B751" s="6">
        <v>116425</v>
      </c>
      <c r="C751" s="6" t="s">
        <v>11</v>
      </c>
      <c r="D751" s="6" t="s">
        <v>106</v>
      </c>
      <c r="E751" s="6">
        <v>25843</v>
      </c>
      <c r="F751" s="6" t="s">
        <v>18</v>
      </c>
      <c r="G751" s="6" t="s">
        <v>131</v>
      </c>
      <c r="H751" s="6" t="s">
        <v>1733</v>
      </c>
      <c r="I751" s="7">
        <v>5.3070966999999998</v>
      </c>
      <c r="J751" s="8">
        <v>-73.815107699999999</v>
      </c>
    </row>
    <row r="752" spans="1:10" x14ac:dyDescent="0.35">
      <c r="A752" s="5" t="s">
        <v>10</v>
      </c>
      <c r="B752" s="6">
        <v>229178</v>
      </c>
      <c r="C752" s="6" t="s">
        <v>24</v>
      </c>
      <c r="D752" s="6" t="s">
        <v>88</v>
      </c>
      <c r="E752" s="6">
        <v>15001</v>
      </c>
      <c r="F752" s="6" t="s">
        <v>18</v>
      </c>
      <c r="G752" s="6" t="s">
        <v>1734</v>
      </c>
      <c r="H752" s="6" t="s">
        <v>1735</v>
      </c>
      <c r="I752" s="7">
        <v>5.5538410000000002</v>
      </c>
      <c r="J752" s="8">
        <v>-73.354578500000002</v>
      </c>
    </row>
    <row r="753" spans="1:10" x14ac:dyDescent="0.35">
      <c r="A753" s="5" t="s">
        <v>10</v>
      </c>
      <c r="B753" s="6">
        <v>195958</v>
      </c>
      <c r="C753" s="6" t="s">
        <v>28</v>
      </c>
      <c r="D753" s="6" t="s">
        <v>29</v>
      </c>
      <c r="E753" s="6">
        <v>54001</v>
      </c>
      <c r="F753" s="6" t="s">
        <v>18</v>
      </c>
      <c r="G753" s="6" t="s">
        <v>1736</v>
      </c>
      <c r="H753" s="6" t="s">
        <v>1737</v>
      </c>
      <c r="I753" s="7">
        <v>7.8745766999999898</v>
      </c>
      <c r="J753" s="8">
        <v>-72.500889999999998</v>
      </c>
    </row>
    <row r="754" spans="1:10" x14ac:dyDescent="0.35">
      <c r="A754" s="5" t="s">
        <v>10</v>
      </c>
      <c r="B754" s="6">
        <v>223519</v>
      </c>
      <c r="C754" s="6" t="s">
        <v>466</v>
      </c>
      <c r="D754" s="6" t="s">
        <v>1262</v>
      </c>
      <c r="E754" s="6">
        <v>81001</v>
      </c>
      <c r="F754" s="6" t="s">
        <v>18</v>
      </c>
      <c r="G754" s="6" t="s">
        <v>1738</v>
      </c>
      <c r="H754" s="6" t="s">
        <v>1739</v>
      </c>
      <c r="I754" s="7">
        <v>6.7801280999999998</v>
      </c>
      <c r="J754" s="8">
        <v>-70.716846899999993</v>
      </c>
    </row>
    <row r="755" spans="1:10" x14ac:dyDescent="0.35">
      <c r="A755" s="5" t="s">
        <v>10</v>
      </c>
      <c r="B755" s="6">
        <v>195843</v>
      </c>
      <c r="C755" s="6" t="s">
        <v>94</v>
      </c>
      <c r="D755" s="6" t="s">
        <v>95</v>
      </c>
      <c r="E755" s="6">
        <v>66170</v>
      </c>
      <c r="F755" s="6" t="s">
        <v>18</v>
      </c>
      <c r="G755" s="6" t="s">
        <v>1740</v>
      </c>
      <c r="H755" s="6" t="s">
        <v>1741</v>
      </c>
      <c r="I755" s="7">
        <v>4.8255336999999896</v>
      </c>
      <c r="J755" s="8">
        <v>-75.693075399999998</v>
      </c>
    </row>
    <row r="756" spans="1:10" x14ac:dyDescent="0.35">
      <c r="A756" s="5" t="s">
        <v>10</v>
      </c>
      <c r="B756" s="6">
        <v>215997</v>
      </c>
      <c r="C756" s="6" t="s">
        <v>42</v>
      </c>
      <c r="D756" s="6" t="s">
        <v>396</v>
      </c>
      <c r="E756" s="6">
        <v>17380</v>
      </c>
      <c r="F756" s="6" t="s">
        <v>18</v>
      </c>
      <c r="G756" s="6" t="s">
        <v>1742</v>
      </c>
      <c r="H756" s="6" t="s">
        <v>1743</v>
      </c>
      <c r="I756" s="7">
        <v>5.4547764999999897</v>
      </c>
      <c r="J756" s="8">
        <v>-74.664906099999996</v>
      </c>
    </row>
    <row r="757" spans="1:10" x14ac:dyDescent="0.35">
      <c r="A757" s="5" t="s">
        <v>10</v>
      </c>
      <c r="B757" s="6">
        <v>218083</v>
      </c>
      <c r="C757" s="6" t="s">
        <v>42</v>
      </c>
      <c r="D757" s="6" t="s">
        <v>43</v>
      </c>
      <c r="E757" s="6">
        <v>17001</v>
      </c>
      <c r="F757" s="6" t="s">
        <v>18</v>
      </c>
      <c r="G757" s="6" t="s">
        <v>1744</v>
      </c>
      <c r="H757" s="6" t="s">
        <v>1745</v>
      </c>
      <c r="I757" s="7">
        <v>5.0735492999999998</v>
      </c>
      <c r="J757" s="8">
        <v>-75.497358199999994</v>
      </c>
    </row>
    <row r="758" spans="1:10" x14ac:dyDescent="0.35">
      <c r="A758" s="5" t="s">
        <v>10</v>
      </c>
      <c r="B758" s="6">
        <v>234630</v>
      </c>
      <c r="C758" s="6" t="s">
        <v>61</v>
      </c>
      <c r="D758" s="6" t="s">
        <v>62</v>
      </c>
      <c r="E758" s="6">
        <v>63001</v>
      </c>
      <c r="F758" s="6" t="s">
        <v>18</v>
      </c>
      <c r="G758" s="6" t="s">
        <v>1746</v>
      </c>
      <c r="H758" s="6" t="s">
        <v>1747</v>
      </c>
      <c r="I758" s="7">
        <v>4.5468457999999998</v>
      </c>
      <c r="J758" s="8">
        <v>-75.666259100000005</v>
      </c>
    </row>
    <row r="759" spans="1:10" x14ac:dyDescent="0.35">
      <c r="A759" s="5" t="s">
        <v>10</v>
      </c>
      <c r="B759" s="6">
        <v>206283</v>
      </c>
      <c r="C759" s="6" t="s">
        <v>42</v>
      </c>
      <c r="D759" s="6" t="s">
        <v>396</v>
      </c>
      <c r="E759" s="6">
        <v>17380</v>
      </c>
      <c r="F759" s="6" t="s">
        <v>18</v>
      </c>
      <c r="G759" s="6" t="s">
        <v>1748</v>
      </c>
      <c r="H759" s="6" t="s">
        <v>1749</v>
      </c>
      <c r="I759" s="7">
        <v>5.4752931</v>
      </c>
      <c r="J759" s="8">
        <v>-74.677357599999993</v>
      </c>
    </row>
    <row r="760" spans="1:10" x14ac:dyDescent="0.35">
      <c r="A760" s="5" t="s">
        <v>10</v>
      </c>
      <c r="B760" s="6">
        <v>233442</v>
      </c>
      <c r="C760" s="6" t="s">
        <v>68</v>
      </c>
      <c r="D760" s="6" t="s">
        <v>69</v>
      </c>
      <c r="E760" s="6">
        <v>11001</v>
      </c>
      <c r="F760" s="6" t="s">
        <v>18</v>
      </c>
      <c r="G760" s="6" t="s">
        <v>1750</v>
      </c>
      <c r="H760" s="6" t="s">
        <v>1751</v>
      </c>
      <c r="I760" s="7">
        <v>4.6361600000000003</v>
      </c>
      <c r="J760" s="8">
        <v>-74.205759999999998</v>
      </c>
    </row>
    <row r="761" spans="1:10" x14ac:dyDescent="0.35">
      <c r="A761" s="5" t="s">
        <v>10</v>
      </c>
      <c r="B761" s="6">
        <v>141709</v>
      </c>
      <c r="C761" s="6" t="s">
        <v>11</v>
      </c>
      <c r="D761" s="6" t="s">
        <v>1752</v>
      </c>
      <c r="E761" s="6">
        <v>25799</v>
      </c>
      <c r="F761" s="6" t="s">
        <v>13</v>
      </c>
      <c r="G761" s="6" t="s">
        <v>1753</v>
      </c>
      <c r="H761" s="6" t="s">
        <v>1754</v>
      </c>
      <c r="I761" s="7">
        <v>4.8727109999999998</v>
      </c>
      <c r="J761" s="8">
        <v>-74.144870100000006</v>
      </c>
    </row>
    <row r="762" spans="1:10" x14ac:dyDescent="0.35">
      <c r="A762" s="5" t="s">
        <v>10</v>
      </c>
      <c r="B762" s="6">
        <v>141698</v>
      </c>
      <c r="C762" s="6" t="s">
        <v>11</v>
      </c>
      <c r="D762" s="6" t="s">
        <v>1755</v>
      </c>
      <c r="E762" s="6">
        <v>25001</v>
      </c>
      <c r="F762" s="6" t="s">
        <v>13</v>
      </c>
      <c r="G762" s="6" t="s">
        <v>1756</v>
      </c>
      <c r="H762" s="6" t="s">
        <v>1757</v>
      </c>
      <c r="I762" s="7">
        <v>4.3766334000000002</v>
      </c>
      <c r="J762" s="8">
        <v>-74.669945499999997</v>
      </c>
    </row>
    <row r="763" spans="1:10" x14ac:dyDescent="0.35">
      <c r="A763" s="5" t="s">
        <v>10</v>
      </c>
      <c r="B763" s="6">
        <v>225298</v>
      </c>
      <c r="C763" s="6" t="s">
        <v>190</v>
      </c>
      <c r="D763" s="6" t="s">
        <v>191</v>
      </c>
      <c r="E763" s="6">
        <v>5001</v>
      </c>
      <c r="F763" s="6" t="s">
        <v>13</v>
      </c>
      <c r="G763" s="6" t="s">
        <v>1758</v>
      </c>
      <c r="H763" s="6" t="s">
        <v>1759</v>
      </c>
      <c r="I763" s="7">
        <v>6.1618171999999998</v>
      </c>
      <c r="J763" s="8">
        <v>-75.605515299999993</v>
      </c>
    </row>
    <row r="764" spans="1:10" x14ac:dyDescent="0.35">
      <c r="A764" s="5" t="s">
        <v>10</v>
      </c>
      <c r="B764" s="6">
        <v>230018</v>
      </c>
      <c r="C764" s="6" t="s">
        <v>24</v>
      </c>
      <c r="D764" s="6" t="s">
        <v>137</v>
      </c>
      <c r="E764" s="6">
        <v>15238</v>
      </c>
      <c r="F764" s="6" t="s">
        <v>18</v>
      </c>
      <c r="G764" s="6" t="s">
        <v>1760</v>
      </c>
      <c r="H764" s="6" t="s">
        <v>1761</v>
      </c>
      <c r="I764" s="7">
        <v>5.8163988</v>
      </c>
      <c r="J764" s="8">
        <v>-73.019705500000001</v>
      </c>
    </row>
    <row r="765" spans="1:10" x14ac:dyDescent="0.35">
      <c r="A765" s="5" t="s">
        <v>10</v>
      </c>
      <c r="B765" s="6">
        <v>231933</v>
      </c>
      <c r="C765" s="6" t="s">
        <v>24</v>
      </c>
      <c r="D765" s="6" t="s">
        <v>1762</v>
      </c>
      <c r="E765" s="6">
        <v>15215</v>
      </c>
      <c r="F765" s="6" t="s">
        <v>18</v>
      </c>
      <c r="G765" s="6" t="s">
        <v>1763</v>
      </c>
      <c r="H765" s="6" t="s">
        <v>1764</v>
      </c>
      <c r="I765" s="7">
        <v>5.8302458000000001</v>
      </c>
      <c r="J765" s="8">
        <v>-72.844066600000005</v>
      </c>
    </row>
    <row r="766" spans="1:10" x14ac:dyDescent="0.35">
      <c r="A766" s="5" t="s">
        <v>10</v>
      </c>
      <c r="B766" s="6">
        <v>243860</v>
      </c>
      <c r="C766" s="6" t="s">
        <v>28</v>
      </c>
      <c r="D766" s="6" t="s">
        <v>29</v>
      </c>
      <c r="E766" s="6">
        <v>54001</v>
      </c>
      <c r="F766" s="6" t="s">
        <v>18</v>
      </c>
      <c r="G766" s="6" t="s">
        <v>1765</v>
      </c>
      <c r="H766" s="6" t="s">
        <v>1766</v>
      </c>
      <c r="I766" s="7">
        <v>7.9106829000000003</v>
      </c>
      <c r="J766" s="8">
        <v>-72.500486199999997</v>
      </c>
    </row>
    <row r="767" spans="1:10" x14ac:dyDescent="0.35">
      <c r="A767" s="5" t="s">
        <v>10</v>
      </c>
      <c r="B767" s="6">
        <v>243872</v>
      </c>
      <c r="C767" s="6" t="s">
        <v>28</v>
      </c>
      <c r="D767" s="6" t="s">
        <v>29</v>
      </c>
      <c r="E767" s="6">
        <v>54001</v>
      </c>
      <c r="F767" s="6" t="s">
        <v>18</v>
      </c>
      <c r="G767" s="6" t="s">
        <v>1767</v>
      </c>
      <c r="H767" s="6" t="s">
        <v>1768</v>
      </c>
      <c r="I767" s="7">
        <v>7.9160119</v>
      </c>
      <c r="J767" s="8">
        <v>-72.526656799999998</v>
      </c>
    </row>
    <row r="768" spans="1:10" x14ac:dyDescent="0.35">
      <c r="A768" s="5" t="s">
        <v>10</v>
      </c>
      <c r="B768" s="6">
        <v>230896</v>
      </c>
      <c r="C768" s="6" t="s">
        <v>42</v>
      </c>
      <c r="D768" s="6" t="s">
        <v>46</v>
      </c>
      <c r="E768" s="6">
        <v>17174</v>
      </c>
      <c r="F768" s="6" t="s">
        <v>18</v>
      </c>
      <c r="G768" s="6" t="s">
        <v>1769</v>
      </c>
      <c r="H768" s="6" t="s">
        <v>1770</v>
      </c>
      <c r="I768" s="7">
        <v>5.4538359999999999</v>
      </c>
      <c r="J768" s="8">
        <v>-74.665477999999993</v>
      </c>
    </row>
    <row r="769" spans="1:10" x14ac:dyDescent="0.35">
      <c r="A769" s="5" t="s">
        <v>10</v>
      </c>
      <c r="B769" s="6">
        <v>245360</v>
      </c>
      <c r="C769" s="6" t="s">
        <v>55</v>
      </c>
      <c r="D769" s="6" t="s">
        <v>56</v>
      </c>
      <c r="E769" s="6">
        <v>73001</v>
      </c>
      <c r="F769" s="6" t="s">
        <v>18</v>
      </c>
      <c r="G769" s="6" t="s">
        <v>1771</v>
      </c>
      <c r="H769" s="6" t="s">
        <v>1772</v>
      </c>
      <c r="I769" s="7">
        <v>4.4258918999999999</v>
      </c>
      <c r="J769" s="8">
        <v>-75.253522500000003</v>
      </c>
    </row>
    <row r="770" spans="1:10" x14ac:dyDescent="0.35">
      <c r="A770" s="5" t="s">
        <v>10</v>
      </c>
      <c r="B770" s="6">
        <v>180982</v>
      </c>
      <c r="C770" s="6" t="s">
        <v>366</v>
      </c>
      <c r="D770" s="6" t="s">
        <v>367</v>
      </c>
      <c r="E770" s="6">
        <v>44430</v>
      </c>
      <c r="F770" s="6" t="s">
        <v>18</v>
      </c>
      <c r="G770" s="6" t="s">
        <v>1773</v>
      </c>
      <c r="H770" s="6" t="s">
        <v>1774</v>
      </c>
      <c r="I770" s="7">
        <v>11.378470999999999</v>
      </c>
      <c r="J770" s="8">
        <v>-72.236543600000005</v>
      </c>
    </row>
    <row r="771" spans="1:10" x14ac:dyDescent="0.35">
      <c r="A771" s="5" t="s">
        <v>10</v>
      </c>
      <c r="B771" s="6">
        <v>235389</v>
      </c>
      <c r="C771" s="6" t="s">
        <v>28</v>
      </c>
      <c r="D771" s="6" t="s">
        <v>29</v>
      </c>
      <c r="E771" s="6">
        <v>54001</v>
      </c>
      <c r="F771" s="6" t="s">
        <v>18</v>
      </c>
      <c r="G771" s="6" t="s">
        <v>1775</v>
      </c>
      <c r="H771" s="6" t="s">
        <v>1776</v>
      </c>
      <c r="I771" s="7">
        <v>7.8871500000000001</v>
      </c>
      <c r="J771" s="8">
        <v>-72.504856500000002</v>
      </c>
    </row>
    <row r="772" spans="1:10" x14ac:dyDescent="0.35">
      <c r="A772" s="5" t="s">
        <v>10</v>
      </c>
      <c r="B772" s="6">
        <v>136351</v>
      </c>
      <c r="C772" s="6" t="s">
        <v>38</v>
      </c>
      <c r="D772" s="6" t="s">
        <v>39</v>
      </c>
      <c r="E772" s="6">
        <v>19001</v>
      </c>
      <c r="F772" s="6" t="s">
        <v>18</v>
      </c>
      <c r="G772" s="6" t="s">
        <v>1777</v>
      </c>
      <c r="H772" s="6" t="s">
        <v>1778</v>
      </c>
      <c r="I772" s="7">
        <v>2.4445225000000002</v>
      </c>
      <c r="J772" s="8">
        <v>-76.620423899999906</v>
      </c>
    </row>
    <row r="773" spans="1:10" x14ac:dyDescent="0.35">
      <c r="A773" s="5" t="s">
        <v>10</v>
      </c>
      <c r="B773" s="6">
        <v>218079</v>
      </c>
      <c r="C773" s="6" t="s">
        <v>68</v>
      </c>
      <c r="D773" s="6" t="s">
        <v>69</v>
      </c>
      <c r="E773" s="6">
        <v>11001</v>
      </c>
      <c r="F773" s="6" t="s">
        <v>13</v>
      </c>
      <c r="G773" s="6" t="s">
        <v>1779</v>
      </c>
      <c r="H773" s="6" t="s">
        <v>1780</v>
      </c>
      <c r="I773" s="7">
        <v>4.5030614</v>
      </c>
      <c r="J773" s="8">
        <v>-74.115899600000006</v>
      </c>
    </row>
    <row r="774" spans="1:10" x14ac:dyDescent="0.35">
      <c r="A774" s="5" t="s">
        <v>10</v>
      </c>
      <c r="B774" s="6">
        <v>229215</v>
      </c>
      <c r="C774" s="6" t="s">
        <v>11</v>
      </c>
      <c r="D774" s="6" t="s">
        <v>101</v>
      </c>
      <c r="E774" s="6">
        <v>25473</v>
      </c>
      <c r="F774" s="6" t="s">
        <v>18</v>
      </c>
      <c r="G774" s="6" t="s">
        <v>1781</v>
      </c>
      <c r="H774" s="6" t="s">
        <v>1782</v>
      </c>
      <c r="I774" s="7">
        <v>4.7133984</v>
      </c>
      <c r="J774" s="8">
        <v>-74.205317399999998</v>
      </c>
    </row>
    <row r="775" spans="1:10" x14ac:dyDescent="0.35">
      <c r="A775" s="5" t="s">
        <v>10</v>
      </c>
      <c r="B775" s="6">
        <v>145602</v>
      </c>
      <c r="C775" s="6" t="s">
        <v>16</v>
      </c>
      <c r="D775" s="6" t="s">
        <v>1783</v>
      </c>
      <c r="E775" s="6">
        <v>68745</v>
      </c>
      <c r="F775" s="6" t="s">
        <v>18</v>
      </c>
      <c r="G775" s="6" t="s">
        <v>1784</v>
      </c>
      <c r="H775" s="6" t="s">
        <v>1785</v>
      </c>
      <c r="I775" s="7">
        <v>6.4435880000000001</v>
      </c>
      <c r="J775" s="8">
        <v>-73.337533999999906</v>
      </c>
    </row>
    <row r="776" spans="1:10" x14ac:dyDescent="0.35">
      <c r="A776" s="5" t="s">
        <v>10</v>
      </c>
      <c r="B776" s="6">
        <v>223755</v>
      </c>
      <c r="C776" s="6" t="s">
        <v>24</v>
      </c>
      <c r="D776" s="6" t="s">
        <v>530</v>
      </c>
      <c r="E776" s="6">
        <v>15516</v>
      </c>
      <c r="F776" s="6" t="s">
        <v>18</v>
      </c>
      <c r="G776" s="6" t="s">
        <v>1786</v>
      </c>
      <c r="H776" s="6" t="s">
        <v>1787</v>
      </c>
      <c r="I776" s="7">
        <v>5.7786764000000002</v>
      </c>
      <c r="J776" s="8">
        <v>-73.102197699999905</v>
      </c>
    </row>
    <row r="777" spans="1:10" x14ac:dyDescent="0.35">
      <c r="A777" s="5" t="s">
        <v>10</v>
      </c>
      <c r="B777" s="6">
        <v>238521</v>
      </c>
      <c r="C777" s="6" t="s">
        <v>24</v>
      </c>
      <c r="D777" s="6" t="s">
        <v>317</v>
      </c>
      <c r="E777" s="6">
        <v>15176</v>
      </c>
      <c r="F777" s="6" t="s">
        <v>18</v>
      </c>
      <c r="G777" s="6" t="s">
        <v>1788</v>
      </c>
      <c r="H777" s="6" t="s">
        <v>1789</v>
      </c>
      <c r="I777" s="7">
        <v>5.6180713999999998</v>
      </c>
      <c r="J777" s="8">
        <v>-73.816204999999997</v>
      </c>
    </row>
    <row r="778" spans="1:10" x14ac:dyDescent="0.35">
      <c r="A778" s="5" t="s">
        <v>10</v>
      </c>
      <c r="B778" s="6">
        <v>228245</v>
      </c>
      <c r="C778" s="6" t="s">
        <v>24</v>
      </c>
      <c r="D778" s="6" t="s">
        <v>88</v>
      </c>
      <c r="E778" s="6">
        <v>15001</v>
      </c>
      <c r="F778" s="6" t="s">
        <v>18</v>
      </c>
      <c r="G778" s="6" t="s">
        <v>1790</v>
      </c>
      <c r="H778" s="6" t="s">
        <v>1791</v>
      </c>
      <c r="I778" s="7">
        <v>5.5305377999999896</v>
      </c>
      <c r="J778" s="8">
        <v>-73.362798999999995</v>
      </c>
    </row>
    <row r="779" spans="1:10" x14ac:dyDescent="0.35">
      <c r="A779" s="5" t="s">
        <v>10</v>
      </c>
      <c r="B779" s="6">
        <v>201419</v>
      </c>
      <c r="C779" s="6" t="s">
        <v>28</v>
      </c>
      <c r="D779" s="6" t="s">
        <v>29</v>
      </c>
      <c r="E779" s="6">
        <v>54001</v>
      </c>
      <c r="F779" s="6" t="s">
        <v>18</v>
      </c>
      <c r="G779" s="6" t="s">
        <v>1792</v>
      </c>
      <c r="H779" s="6" t="s">
        <v>1793</v>
      </c>
      <c r="I779" s="7">
        <v>7.8863334999999903</v>
      </c>
      <c r="J779" s="8">
        <v>-72.511008199999907</v>
      </c>
    </row>
    <row r="780" spans="1:10" x14ac:dyDescent="0.35">
      <c r="A780" s="5" t="s">
        <v>10</v>
      </c>
      <c r="B780" s="6">
        <v>233169</v>
      </c>
      <c r="C780" s="6" t="s">
        <v>55</v>
      </c>
      <c r="D780" s="6" t="s">
        <v>56</v>
      </c>
      <c r="E780" s="6">
        <v>73001</v>
      </c>
      <c r="F780" s="6" t="s">
        <v>18</v>
      </c>
      <c r="G780" s="6" t="s">
        <v>1794</v>
      </c>
      <c r="H780" s="6" t="s">
        <v>1795</v>
      </c>
      <c r="I780" s="7">
        <v>4.4122199999999996</v>
      </c>
      <c r="J780" s="8">
        <v>-75.170270000000002</v>
      </c>
    </row>
    <row r="781" spans="1:10" x14ac:dyDescent="0.35">
      <c r="A781" s="5" t="s">
        <v>10</v>
      </c>
      <c r="B781" s="6">
        <v>151201</v>
      </c>
      <c r="C781" s="6" t="s">
        <v>42</v>
      </c>
      <c r="D781" s="6" t="s">
        <v>46</v>
      </c>
      <c r="E781" s="6">
        <v>17174</v>
      </c>
      <c r="F781" s="6" t="s">
        <v>18</v>
      </c>
      <c r="G781" s="6" t="s">
        <v>1796</v>
      </c>
      <c r="H781" s="6" t="s">
        <v>1797</v>
      </c>
      <c r="I781" s="7">
        <v>4.9827300000000001</v>
      </c>
      <c r="J781" s="8">
        <v>-75.605260000000001</v>
      </c>
    </row>
    <row r="782" spans="1:10" x14ac:dyDescent="0.35">
      <c r="A782" s="5" t="s">
        <v>10</v>
      </c>
      <c r="B782" s="6">
        <v>227348</v>
      </c>
      <c r="C782" s="6" t="s">
        <v>42</v>
      </c>
      <c r="D782" s="6" t="s">
        <v>1798</v>
      </c>
      <c r="E782" s="6">
        <v>17486</v>
      </c>
      <c r="F782" s="6" t="s">
        <v>18</v>
      </c>
      <c r="G782" s="6" t="s">
        <v>1799</v>
      </c>
      <c r="H782" s="6" t="s">
        <v>1800</v>
      </c>
      <c r="I782" s="7">
        <v>10.4229301</v>
      </c>
      <c r="J782" s="8">
        <v>-75.550232399999999</v>
      </c>
    </row>
    <row r="783" spans="1:10" x14ac:dyDescent="0.35">
      <c r="A783" s="5" t="s">
        <v>10</v>
      </c>
      <c r="B783" s="6">
        <v>159268</v>
      </c>
      <c r="C783" s="6" t="s">
        <v>28</v>
      </c>
      <c r="D783" s="6" t="s">
        <v>29</v>
      </c>
      <c r="E783" s="6">
        <v>54001</v>
      </c>
      <c r="F783" s="6" t="s">
        <v>13</v>
      </c>
      <c r="G783" s="6" t="s">
        <v>50</v>
      </c>
      <c r="H783" s="6" t="s">
        <v>1801</v>
      </c>
      <c r="I783" s="7">
        <v>7.8894792999999996</v>
      </c>
      <c r="J783" s="8">
        <v>-72.490790399999995</v>
      </c>
    </row>
    <row r="784" spans="1:10" x14ac:dyDescent="0.35">
      <c r="A784" s="5" t="s">
        <v>10</v>
      </c>
      <c r="B784" s="6">
        <v>187492</v>
      </c>
      <c r="C784" s="6" t="s">
        <v>11</v>
      </c>
      <c r="D784" s="6" t="s">
        <v>334</v>
      </c>
      <c r="E784" s="6">
        <v>25754</v>
      </c>
      <c r="F784" s="6" t="s">
        <v>13</v>
      </c>
      <c r="G784" s="6" t="s">
        <v>1802</v>
      </c>
      <c r="H784" s="6" t="s">
        <v>1803</v>
      </c>
      <c r="I784" s="7">
        <v>4.5781624000000001</v>
      </c>
      <c r="J784" s="8">
        <v>-74.215442199999998</v>
      </c>
    </row>
    <row r="785" spans="1:10" x14ac:dyDescent="0.35">
      <c r="A785" s="5" t="s">
        <v>10</v>
      </c>
      <c r="B785" s="6">
        <v>206558</v>
      </c>
      <c r="C785" s="6" t="s">
        <v>68</v>
      </c>
      <c r="D785" s="6" t="s">
        <v>69</v>
      </c>
      <c r="E785" s="6">
        <v>11001</v>
      </c>
      <c r="F785" s="6" t="s">
        <v>18</v>
      </c>
      <c r="G785" s="6" t="s">
        <v>1804</v>
      </c>
      <c r="H785" s="6" t="s">
        <v>1805</v>
      </c>
      <c r="I785" s="7">
        <v>4.5727380999999996</v>
      </c>
      <c r="J785" s="8">
        <v>-74.076059299999997</v>
      </c>
    </row>
    <row r="786" spans="1:10" x14ac:dyDescent="0.35">
      <c r="A786" s="5" t="s">
        <v>10</v>
      </c>
      <c r="B786" s="6">
        <v>246308</v>
      </c>
      <c r="C786" s="6" t="s">
        <v>55</v>
      </c>
      <c r="D786" s="6" t="s">
        <v>56</v>
      </c>
      <c r="E786" s="6">
        <v>73001</v>
      </c>
      <c r="F786" s="6" t="s">
        <v>18</v>
      </c>
      <c r="G786" s="6" t="s">
        <v>1806</v>
      </c>
      <c r="H786" s="6" t="s">
        <v>1807</v>
      </c>
      <c r="I786" s="7">
        <v>4.4406828999999997</v>
      </c>
      <c r="J786" s="8">
        <v>-75.243601499999997</v>
      </c>
    </row>
    <row r="787" spans="1:10" x14ac:dyDescent="0.35">
      <c r="A787" s="5" t="s">
        <v>10</v>
      </c>
      <c r="B787" s="6">
        <v>215567</v>
      </c>
      <c r="C787" s="6" t="s">
        <v>24</v>
      </c>
      <c r="D787" s="6" t="s">
        <v>317</v>
      </c>
      <c r="E787" s="6">
        <v>15176</v>
      </c>
      <c r="F787" s="6" t="s">
        <v>18</v>
      </c>
      <c r="G787" s="6" t="s">
        <v>1808</v>
      </c>
      <c r="H787" s="6" t="s">
        <v>1809</v>
      </c>
      <c r="I787" s="7">
        <v>5.6056831999999996</v>
      </c>
      <c r="J787" s="8">
        <v>-73.826915299999996</v>
      </c>
    </row>
    <row r="788" spans="1:10" x14ac:dyDescent="0.35">
      <c r="A788" s="5" t="s">
        <v>10</v>
      </c>
      <c r="B788" s="6">
        <v>236937</v>
      </c>
      <c r="C788" s="6" t="s">
        <v>24</v>
      </c>
      <c r="D788" s="6" t="s">
        <v>168</v>
      </c>
      <c r="E788" s="6">
        <v>15572</v>
      </c>
      <c r="F788" s="6" t="s">
        <v>18</v>
      </c>
      <c r="G788" s="6" t="s">
        <v>1810</v>
      </c>
      <c r="H788" s="6" t="s">
        <v>1811</v>
      </c>
      <c r="I788" s="7">
        <v>5.9756767000000002</v>
      </c>
      <c r="J788" s="8">
        <v>-74.5922391</v>
      </c>
    </row>
    <row r="789" spans="1:10" x14ac:dyDescent="0.35">
      <c r="A789" s="5" t="s">
        <v>10</v>
      </c>
      <c r="B789" s="6">
        <v>237769</v>
      </c>
      <c r="C789" s="6" t="s">
        <v>24</v>
      </c>
      <c r="D789" s="6" t="s">
        <v>1812</v>
      </c>
      <c r="E789" s="6">
        <v>15621</v>
      </c>
      <c r="F789" s="6" t="s">
        <v>18</v>
      </c>
      <c r="G789" s="6" t="s">
        <v>1813</v>
      </c>
      <c r="H789" s="6" t="s">
        <v>1814</v>
      </c>
      <c r="I789" s="7">
        <v>5.3567147000000004</v>
      </c>
      <c r="J789" s="8">
        <v>-73.209011599999997</v>
      </c>
    </row>
    <row r="790" spans="1:10" x14ac:dyDescent="0.35">
      <c r="A790" s="5" t="s">
        <v>10</v>
      </c>
      <c r="B790" s="6">
        <v>226776</v>
      </c>
      <c r="C790" s="6" t="s">
        <v>28</v>
      </c>
      <c r="D790" s="6" t="s">
        <v>29</v>
      </c>
      <c r="E790" s="6">
        <v>54001</v>
      </c>
      <c r="F790" s="6" t="s">
        <v>18</v>
      </c>
      <c r="G790" s="6" t="s">
        <v>1815</v>
      </c>
      <c r="H790" s="6" t="s">
        <v>1816</v>
      </c>
      <c r="I790" s="7">
        <v>7.9078974999999998</v>
      </c>
      <c r="J790" s="8">
        <v>-72.537152300000002</v>
      </c>
    </row>
    <row r="791" spans="1:10" x14ac:dyDescent="0.35">
      <c r="A791" s="5" t="s">
        <v>10</v>
      </c>
      <c r="B791" s="6">
        <v>204815</v>
      </c>
      <c r="C791" s="6" t="s">
        <v>28</v>
      </c>
      <c r="D791" s="6" t="s">
        <v>29</v>
      </c>
      <c r="E791" s="6">
        <v>54001</v>
      </c>
      <c r="F791" s="6" t="s">
        <v>18</v>
      </c>
      <c r="G791" s="6" t="s">
        <v>1452</v>
      </c>
      <c r="H791" s="6" t="s">
        <v>1817</v>
      </c>
      <c r="I791" s="7">
        <v>7.8865071999999996</v>
      </c>
      <c r="J791" s="8">
        <v>-72.501570200000003</v>
      </c>
    </row>
    <row r="792" spans="1:10" x14ac:dyDescent="0.35">
      <c r="A792" s="5" t="s">
        <v>10</v>
      </c>
      <c r="B792" s="6">
        <v>234272</v>
      </c>
      <c r="C792" s="6" t="s">
        <v>11</v>
      </c>
      <c r="D792" s="6" t="s">
        <v>65</v>
      </c>
      <c r="E792" s="6">
        <v>25572</v>
      </c>
      <c r="F792" s="6" t="s">
        <v>18</v>
      </c>
      <c r="G792" s="6" t="s">
        <v>1818</v>
      </c>
      <c r="H792" s="6" t="s">
        <v>1819</v>
      </c>
      <c r="I792" s="7">
        <v>5.4674139999999998</v>
      </c>
      <c r="J792" s="8">
        <v>-74.652692999999999</v>
      </c>
    </row>
    <row r="793" spans="1:10" x14ac:dyDescent="0.35">
      <c r="A793" s="5" t="s">
        <v>10</v>
      </c>
      <c r="B793" s="6">
        <v>216727</v>
      </c>
      <c r="C793" s="6" t="s">
        <v>11</v>
      </c>
      <c r="D793" s="6" t="s">
        <v>1294</v>
      </c>
      <c r="E793" s="6">
        <v>25873</v>
      </c>
      <c r="F793" s="6" t="s">
        <v>18</v>
      </c>
      <c r="G793" s="6" t="s">
        <v>1820</v>
      </c>
      <c r="H793" s="6" t="s">
        <v>1821</v>
      </c>
      <c r="I793" s="7">
        <v>4.5792598999999896</v>
      </c>
      <c r="J793" s="8">
        <v>-74.2263363</v>
      </c>
    </row>
    <row r="794" spans="1:10" x14ac:dyDescent="0.35">
      <c r="A794" s="5" t="s">
        <v>10</v>
      </c>
      <c r="B794" s="6">
        <v>238210</v>
      </c>
      <c r="C794" s="6" t="s">
        <v>24</v>
      </c>
      <c r="D794" s="6" t="s">
        <v>1025</v>
      </c>
      <c r="E794" s="6">
        <v>15097</v>
      </c>
      <c r="F794" s="6" t="s">
        <v>18</v>
      </c>
      <c r="G794" s="6" t="s">
        <v>1822</v>
      </c>
      <c r="H794" s="6" t="s">
        <v>1823</v>
      </c>
      <c r="I794" s="7">
        <v>6.3303569</v>
      </c>
      <c r="J794" s="8">
        <v>-72.585437299999995</v>
      </c>
    </row>
    <row r="795" spans="1:10" x14ac:dyDescent="0.35">
      <c r="A795" s="5" t="s">
        <v>10</v>
      </c>
      <c r="B795" s="6">
        <v>191758</v>
      </c>
      <c r="C795" s="6" t="s">
        <v>24</v>
      </c>
      <c r="D795" s="6" t="s">
        <v>317</v>
      </c>
      <c r="E795" s="6">
        <v>15176</v>
      </c>
      <c r="F795" s="6" t="s">
        <v>18</v>
      </c>
      <c r="G795" s="6" t="s">
        <v>1824</v>
      </c>
      <c r="H795" s="6" t="s">
        <v>1825</v>
      </c>
      <c r="I795" s="7">
        <v>5.6147749999999998</v>
      </c>
      <c r="J795" s="8">
        <v>-73.819570999999996</v>
      </c>
    </row>
    <row r="796" spans="1:10" x14ac:dyDescent="0.35">
      <c r="A796" s="5" t="s">
        <v>10</v>
      </c>
      <c r="B796" s="6">
        <v>232823</v>
      </c>
      <c r="C796" s="6" t="s">
        <v>24</v>
      </c>
      <c r="D796" s="6" t="s">
        <v>621</v>
      </c>
      <c r="E796" s="6">
        <v>15646</v>
      </c>
      <c r="F796" s="6" t="s">
        <v>18</v>
      </c>
      <c r="G796" s="6" t="s">
        <v>1826</v>
      </c>
      <c r="H796" s="6" t="s">
        <v>1827</v>
      </c>
      <c r="I796" s="7">
        <v>5.4937595999999997</v>
      </c>
      <c r="J796" s="8">
        <v>-73.485274399999994</v>
      </c>
    </row>
    <row r="797" spans="1:10" x14ac:dyDescent="0.35">
      <c r="A797" s="5" t="s">
        <v>10</v>
      </c>
      <c r="B797" s="6">
        <v>206102</v>
      </c>
      <c r="C797" s="6" t="s">
        <v>28</v>
      </c>
      <c r="D797" s="6" t="s">
        <v>29</v>
      </c>
      <c r="E797" s="6">
        <v>54001</v>
      </c>
      <c r="F797" s="6" t="s">
        <v>18</v>
      </c>
      <c r="G797" s="6" t="s">
        <v>1828</v>
      </c>
      <c r="H797" s="6" t="s">
        <v>1829</v>
      </c>
      <c r="I797" s="7">
        <v>7.8967872999999997</v>
      </c>
      <c r="J797" s="8">
        <v>-72.492252999999906</v>
      </c>
    </row>
    <row r="798" spans="1:10" x14ac:dyDescent="0.35">
      <c r="A798" s="5" t="s">
        <v>10</v>
      </c>
      <c r="B798" s="6">
        <v>230797</v>
      </c>
      <c r="C798" s="6" t="s">
        <v>42</v>
      </c>
      <c r="D798" s="6" t="s">
        <v>46</v>
      </c>
      <c r="E798" s="6">
        <v>17174</v>
      </c>
      <c r="F798" s="6" t="s">
        <v>18</v>
      </c>
      <c r="G798" s="6" t="s">
        <v>1830</v>
      </c>
      <c r="H798" s="6" t="s">
        <v>1831</v>
      </c>
      <c r="I798" s="7">
        <v>4.9740951000000004</v>
      </c>
      <c r="J798" s="8">
        <v>-75.678990499999998</v>
      </c>
    </row>
    <row r="799" spans="1:10" x14ac:dyDescent="0.35">
      <c r="A799" s="5" t="s">
        <v>10</v>
      </c>
      <c r="B799" s="6">
        <v>238427</v>
      </c>
      <c r="C799" s="6" t="s">
        <v>42</v>
      </c>
      <c r="D799" s="6" t="s">
        <v>43</v>
      </c>
      <c r="E799" s="6">
        <v>17001</v>
      </c>
      <c r="F799" s="6" t="s">
        <v>18</v>
      </c>
      <c r="G799" s="6" t="s">
        <v>1832</v>
      </c>
      <c r="H799" s="6" t="s">
        <v>1833</v>
      </c>
      <c r="I799" s="7">
        <v>5.0657572000000002</v>
      </c>
      <c r="J799" s="8">
        <v>-75.486607500000005</v>
      </c>
    </row>
    <row r="800" spans="1:10" x14ac:dyDescent="0.35">
      <c r="A800" s="5" t="s">
        <v>10</v>
      </c>
      <c r="B800" s="6">
        <v>163190</v>
      </c>
      <c r="C800" s="6" t="s">
        <v>42</v>
      </c>
      <c r="D800" s="6" t="s">
        <v>43</v>
      </c>
      <c r="E800" s="6">
        <v>17001</v>
      </c>
      <c r="F800" s="6" t="s">
        <v>18</v>
      </c>
      <c r="G800" s="6" t="s">
        <v>1834</v>
      </c>
      <c r="H800" s="6" t="s">
        <v>1835</v>
      </c>
      <c r="I800" s="7">
        <v>5.0620272000000002</v>
      </c>
      <c r="J800" s="8">
        <v>-75.494842199999994</v>
      </c>
    </row>
    <row r="801" spans="1:10" x14ac:dyDescent="0.35">
      <c r="A801" s="5" t="s">
        <v>10</v>
      </c>
      <c r="B801" s="6">
        <v>202007</v>
      </c>
      <c r="C801" s="6" t="s">
        <v>42</v>
      </c>
      <c r="D801" s="6" t="s">
        <v>46</v>
      </c>
      <c r="E801" s="6">
        <v>17174</v>
      </c>
      <c r="F801" s="6" t="s">
        <v>18</v>
      </c>
      <c r="G801" s="6" t="s">
        <v>1836</v>
      </c>
      <c r="H801" s="6" t="s">
        <v>1837</v>
      </c>
      <c r="I801" s="7">
        <v>4.9844663999999996</v>
      </c>
      <c r="J801" s="8">
        <v>-75.606081799999998</v>
      </c>
    </row>
    <row r="802" spans="1:10" x14ac:dyDescent="0.35">
      <c r="A802" s="5" t="s">
        <v>10</v>
      </c>
      <c r="B802" s="6">
        <v>210665</v>
      </c>
      <c r="C802" s="6" t="s">
        <v>68</v>
      </c>
      <c r="D802" s="6" t="s">
        <v>69</v>
      </c>
      <c r="E802" s="6">
        <v>11001</v>
      </c>
      <c r="F802" s="6" t="s">
        <v>13</v>
      </c>
      <c r="G802" s="6" t="s">
        <v>1838</v>
      </c>
      <c r="H802" s="6" t="s">
        <v>1839</v>
      </c>
      <c r="I802" s="7">
        <v>4.7632282999999997</v>
      </c>
      <c r="J802" s="8">
        <v>-74.045876199999995</v>
      </c>
    </row>
    <row r="803" spans="1:10" x14ac:dyDescent="0.35">
      <c r="A803" s="5" t="s">
        <v>10</v>
      </c>
      <c r="B803" s="6">
        <v>180542</v>
      </c>
      <c r="C803" s="6" t="s">
        <v>68</v>
      </c>
      <c r="D803" s="6" t="s">
        <v>69</v>
      </c>
      <c r="E803" s="6">
        <v>11001</v>
      </c>
      <c r="F803" s="6" t="s">
        <v>13</v>
      </c>
      <c r="G803" s="6" t="s">
        <v>362</v>
      </c>
      <c r="H803" s="6" t="s">
        <v>363</v>
      </c>
      <c r="I803" s="7">
        <v>4.5881699999999999</v>
      </c>
      <c r="J803" s="8">
        <v>-74.103965000000002</v>
      </c>
    </row>
    <row r="804" spans="1:10" x14ac:dyDescent="0.35">
      <c r="A804" s="5" t="s">
        <v>10</v>
      </c>
      <c r="B804" s="6">
        <v>182586</v>
      </c>
      <c r="C804" s="6" t="s">
        <v>55</v>
      </c>
      <c r="D804" s="6" t="s">
        <v>56</v>
      </c>
      <c r="E804" s="6">
        <v>73001</v>
      </c>
      <c r="F804" s="6" t="s">
        <v>18</v>
      </c>
      <c r="G804" s="6" t="s">
        <v>1840</v>
      </c>
      <c r="H804" s="6" t="s">
        <v>1841</v>
      </c>
      <c r="I804" s="7">
        <v>4.4541748999999999</v>
      </c>
      <c r="J804" s="8">
        <v>-75.181619900000001</v>
      </c>
    </row>
    <row r="805" spans="1:10" x14ac:dyDescent="0.35">
      <c r="A805" s="5" t="s">
        <v>10</v>
      </c>
      <c r="B805" s="6">
        <v>230998</v>
      </c>
      <c r="C805" s="6" t="s">
        <v>24</v>
      </c>
      <c r="D805" s="6" t="s">
        <v>137</v>
      </c>
      <c r="E805" s="6">
        <v>15238</v>
      </c>
      <c r="F805" s="6" t="s">
        <v>18</v>
      </c>
      <c r="G805" s="6" t="s">
        <v>1842</v>
      </c>
      <c r="H805" s="6" t="s">
        <v>1843</v>
      </c>
      <c r="I805" s="7">
        <v>5.8289910000000003</v>
      </c>
      <c r="J805" s="8">
        <v>-73.047619100000006</v>
      </c>
    </row>
    <row r="806" spans="1:10" x14ac:dyDescent="0.35">
      <c r="A806" s="5" t="s">
        <v>10</v>
      </c>
      <c r="B806" s="6">
        <v>220159</v>
      </c>
      <c r="C806" s="6" t="s">
        <v>28</v>
      </c>
      <c r="D806" s="6" t="s">
        <v>29</v>
      </c>
      <c r="E806" s="6">
        <v>54001</v>
      </c>
      <c r="F806" s="6" t="s">
        <v>18</v>
      </c>
      <c r="G806" s="6" t="s">
        <v>1844</v>
      </c>
      <c r="H806" s="6" t="s">
        <v>1845</v>
      </c>
      <c r="I806" s="7">
        <v>7.8846296999999996</v>
      </c>
      <c r="J806" s="8">
        <v>-72.472359900000001</v>
      </c>
    </row>
    <row r="807" spans="1:10" x14ac:dyDescent="0.35">
      <c r="A807" s="5" t="s">
        <v>10</v>
      </c>
      <c r="B807" s="6">
        <v>204312</v>
      </c>
      <c r="C807" s="6" t="s">
        <v>38</v>
      </c>
      <c r="D807" s="6" t="s">
        <v>39</v>
      </c>
      <c r="E807" s="6">
        <v>19001</v>
      </c>
      <c r="F807" s="6" t="s">
        <v>18</v>
      </c>
      <c r="G807" s="6" t="s">
        <v>1846</v>
      </c>
      <c r="H807" s="6" t="s">
        <v>1847</v>
      </c>
      <c r="I807" s="7">
        <v>2.4893187000000001</v>
      </c>
      <c r="J807" s="8">
        <v>-76.569420600000001</v>
      </c>
    </row>
    <row r="808" spans="1:10" x14ac:dyDescent="0.35">
      <c r="A808" s="5" t="s">
        <v>10</v>
      </c>
      <c r="B808" s="6">
        <v>227291</v>
      </c>
      <c r="C808" s="6" t="s">
        <v>42</v>
      </c>
      <c r="D808" s="6" t="s">
        <v>43</v>
      </c>
      <c r="E808" s="6">
        <v>17001</v>
      </c>
      <c r="F808" s="6" t="s">
        <v>18</v>
      </c>
      <c r="G808" s="6" t="s">
        <v>1848</v>
      </c>
      <c r="H808" s="6" t="s">
        <v>1849</v>
      </c>
      <c r="I808" s="7">
        <v>5.0661798999999998</v>
      </c>
      <c r="J808" s="8">
        <v>-75.510735999999994</v>
      </c>
    </row>
    <row r="809" spans="1:10" x14ac:dyDescent="0.35">
      <c r="A809" s="5" t="s">
        <v>10</v>
      </c>
      <c r="B809" s="6">
        <v>239869</v>
      </c>
      <c r="C809" s="6" t="s">
        <v>42</v>
      </c>
      <c r="D809" s="6" t="s">
        <v>1182</v>
      </c>
      <c r="E809" s="6">
        <v>17541</v>
      </c>
      <c r="F809" s="6" t="s">
        <v>18</v>
      </c>
      <c r="G809" s="6" t="s">
        <v>1850</v>
      </c>
      <c r="H809" s="6" t="s">
        <v>1851</v>
      </c>
      <c r="I809" s="7">
        <v>5.2668299999999997</v>
      </c>
      <c r="J809" s="8">
        <v>-75.143272600000003</v>
      </c>
    </row>
    <row r="810" spans="1:10" x14ac:dyDescent="0.35">
      <c r="A810" s="5" t="s">
        <v>10</v>
      </c>
      <c r="B810" s="6">
        <v>41241</v>
      </c>
      <c r="C810" s="6" t="s">
        <v>308</v>
      </c>
      <c r="D810" s="6" t="s">
        <v>309</v>
      </c>
      <c r="E810" s="6">
        <v>23001</v>
      </c>
      <c r="F810" s="6" t="s">
        <v>13</v>
      </c>
      <c r="G810" s="6" t="s">
        <v>1852</v>
      </c>
      <c r="H810" s="6" t="s">
        <v>1853</v>
      </c>
      <c r="I810" s="7">
        <v>8.7621131999999999</v>
      </c>
      <c r="J810" s="8">
        <v>-75.876998900000004</v>
      </c>
    </row>
    <row r="811" spans="1:10" x14ac:dyDescent="0.35">
      <c r="A811" s="5" t="s">
        <v>10</v>
      </c>
      <c r="B811" s="6">
        <v>206587</v>
      </c>
      <c r="C811" s="6" t="s">
        <v>16</v>
      </c>
      <c r="D811" s="6" t="s">
        <v>705</v>
      </c>
      <c r="E811" s="6">
        <v>68077</v>
      </c>
      <c r="F811" s="6" t="s">
        <v>18</v>
      </c>
      <c r="G811" s="6" t="s">
        <v>1854</v>
      </c>
      <c r="H811" s="6" t="s">
        <v>1855</v>
      </c>
      <c r="I811" s="7">
        <v>5.9343629999999896</v>
      </c>
      <c r="J811" s="8">
        <v>-73.615679</v>
      </c>
    </row>
    <row r="812" spans="1:10" x14ac:dyDescent="0.35">
      <c r="A812" s="5" t="s">
        <v>10</v>
      </c>
      <c r="B812" s="6">
        <v>233138</v>
      </c>
      <c r="C812" s="6" t="s">
        <v>24</v>
      </c>
      <c r="D812" s="6" t="s">
        <v>1856</v>
      </c>
      <c r="E812" s="6">
        <v>15480</v>
      </c>
      <c r="F812" s="6" t="s">
        <v>18</v>
      </c>
      <c r="G812" s="6" t="s">
        <v>1857</v>
      </c>
      <c r="H812" s="6" t="s">
        <v>1858</v>
      </c>
      <c r="I812" s="7">
        <v>5.4545110000000001</v>
      </c>
      <c r="J812" s="8">
        <v>-73.362003000000001</v>
      </c>
    </row>
    <row r="813" spans="1:10" x14ac:dyDescent="0.35">
      <c r="A813" s="5" t="s">
        <v>10</v>
      </c>
      <c r="B813" s="6">
        <v>231853</v>
      </c>
      <c r="C813" s="6" t="s">
        <v>61</v>
      </c>
      <c r="D813" s="6" t="s">
        <v>62</v>
      </c>
      <c r="E813" s="6">
        <v>63001</v>
      </c>
      <c r="F813" s="6" t="s">
        <v>18</v>
      </c>
      <c r="G813" s="6" t="s">
        <v>1859</v>
      </c>
      <c r="H813" s="6" t="s">
        <v>1860</v>
      </c>
      <c r="I813" s="7">
        <v>4.5330310000000003</v>
      </c>
      <c r="J813" s="8">
        <v>-75.678189000000003</v>
      </c>
    </row>
    <row r="814" spans="1:10" x14ac:dyDescent="0.35">
      <c r="A814" s="5" t="s">
        <v>10</v>
      </c>
      <c r="B814" s="6">
        <v>217462</v>
      </c>
      <c r="C814" s="6" t="s">
        <v>55</v>
      </c>
      <c r="D814" s="6" t="s">
        <v>1705</v>
      </c>
      <c r="E814" s="6">
        <v>73443</v>
      </c>
      <c r="F814" s="6" t="s">
        <v>18</v>
      </c>
      <c r="G814" s="6" t="s">
        <v>1861</v>
      </c>
      <c r="H814" s="6" t="s">
        <v>1862</v>
      </c>
      <c r="I814" s="7">
        <v>5.1972209999999999</v>
      </c>
      <c r="J814" s="8">
        <v>-74.899848199999994</v>
      </c>
    </row>
    <row r="815" spans="1:10" x14ac:dyDescent="0.35">
      <c r="A815" s="5" t="s">
        <v>10</v>
      </c>
      <c r="B815" s="6">
        <v>153926</v>
      </c>
      <c r="C815" s="6" t="s">
        <v>28</v>
      </c>
      <c r="D815" s="6" t="s">
        <v>29</v>
      </c>
      <c r="E815" s="6">
        <v>54001</v>
      </c>
      <c r="F815" s="6" t="s">
        <v>13</v>
      </c>
      <c r="G815" s="6" t="s">
        <v>50</v>
      </c>
      <c r="H815" s="6" t="s">
        <v>1863</v>
      </c>
      <c r="I815" s="7">
        <v>7.8901082999999996</v>
      </c>
      <c r="J815" s="8">
        <v>-72.521230399999993</v>
      </c>
    </row>
    <row r="816" spans="1:10" x14ac:dyDescent="0.35">
      <c r="A816" s="5" t="s">
        <v>10</v>
      </c>
      <c r="B816" s="6">
        <v>97420</v>
      </c>
      <c r="C816" s="6" t="s">
        <v>16</v>
      </c>
      <c r="D816" s="6" t="s">
        <v>291</v>
      </c>
      <c r="E816" s="6">
        <v>68533</v>
      </c>
      <c r="F816" s="6" t="s">
        <v>18</v>
      </c>
      <c r="G816" s="6" t="s">
        <v>1864</v>
      </c>
      <c r="H816" s="6" t="s">
        <v>1865</v>
      </c>
      <c r="I816" s="7">
        <v>6.4320524999999904</v>
      </c>
      <c r="J816" s="8">
        <v>-73.170362799999893</v>
      </c>
    </row>
    <row r="817" spans="1:10" x14ac:dyDescent="0.35">
      <c r="A817" s="5" t="s">
        <v>10</v>
      </c>
      <c r="B817" s="6">
        <v>232435</v>
      </c>
      <c r="C817" s="6" t="s">
        <v>16</v>
      </c>
      <c r="D817" s="6" t="s">
        <v>17</v>
      </c>
      <c r="E817" s="6">
        <v>68679</v>
      </c>
      <c r="F817" s="6" t="s">
        <v>18</v>
      </c>
      <c r="G817" s="6" t="s">
        <v>1866</v>
      </c>
      <c r="H817" s="6" t="s">
        <v>1867</v>
      </c>
      <c r="I817" s="7">
        <v>6.5573857000000002</v>
      </c>
      <c r="J817" s="8">
        <v>-73.139553899999996</v>
      </c>
    </row>
    <row r="818" spans="1:10" x14ac:dyDescent="0.35">
      <c r="A818" s="5" t="s">
        <v>10</v>
      </c>
      <c r="B818" s="6">
        <v>208909</v>
      </c>
      <c r="C818" s="6" t="s">
        <v>55</v>
      </c>
      <c r="D818" s="6" t="s">
        <v>56</v>
      </c>
      <c r="E818" s="6">
        <v>73001</v>
      </c>
      <c r="F818" s="6" t="s">
        <v>18</v>
      </c>
      <c r="G818" s="6" t="s">
        <v>1868</v>
      </c>
      <c r="H818" s="6" t="s">
        <v>1869</v>
      </c>
      <c r="I818" s="7">
        <v>4.4531926000000004</v>
      </c>
      <c r="J818" s="8">
        <v>-75.240651599999893</v>
      </c>
    </row>
    <row r="819" spans="1:10" x14ac:dyDescent="0.35">
      <c r="A819" s="5" t="s">
        <v>10</v>
      </c>
      <c r="B819" s="6">
        <v>231248</v>
      </c>
      <c r="C819" s="6" t="s">
        <v>55</v>
      </c>
      <c r="D819" s="6" t="s">
        <v>1870</v>
      </c>
      <c r="E819" s="6">
        <v>73236</v>
      </c>
      <c r="F819" s="6" t="s">
        <v>18</v>
      </c>
      <c r="G819" s="6" t="s">
        <v>1871</v>
      </c>
      <c r="H819" s="6" t="s">
        <v>1872</v>
      </c>
      <c r="I819" s="7">
        <v>3.67109</v>
      </c>
      <c r="J819" s="8">
        <v>-74.749520000000004</v>
      </c>
    </row>
    <row r="820" spans="1:10" x14ac:dyDescent="0.35">
      <c r="A820" s="5" t="s">
        <v>10</v>
      </c>
      <c r="B820" s="6">
        <v>197382</v>
      </c>
      <c r="C820" s="6" t="s">
        <v>24</v>
      </c>
      <c r="D820" s="6" t="s">
        <v>137</v>
      </c>
      <c r="E820" s="6">
        <v>15238</v>
      </c>
      <c r="F820" s="6" t="s">
        <v>18</v>
      </c>
      <c r="G820" s="6" t="s">
        <v>1873</v>
      </c>
      <c r="H820" s="6" t="s">
        <v>1874</v>
      </c>
      <c r="I820" s="7">
        <v>5.8268950999999998</v>
      </c>
      <c r="J820" s="8">
        <v>-73.032927299999997</v>
      </c>
    </row>
    <row r="821" spans="1:10" x14ac:dyDescent="0.35">
      <c r="A821" s="5" t="s">
        <v>10</v>
      </c>
      <c r="B821" s="6">
        <v>190903</v>
      </c>
      <c r="C821" s="6" t="s">
        <v>24</v>
      </c>
      <c r="D821" s="6" t="s">
        <v>88</v>
      </c>
      <c r="E821" s="6">
        <v>15001</v>
      </c>
      <c r="F821" s="6" t="s">
        <v>18</v>
      </c>
      <c r="G821" s="6" t="s">
        <v>1875</v>
      </c>
      <c r="H821" s="6" t="s">
        <v>1876</v>
      </c>
      <c r="I821" s="7">
        <v>5.5142594999999996</v>
      </c>
      <c r="J821" s="8">
        <v>-73.373217400000001</v>
      </c>
    </row>
    <row r="822" spans="1:10" x14ac:dyDescent="0.35">
      <c r="A822" s="5" t="s">
        <v>10</v>
      </c>
      <c r="B822" s="6">
        <v>230684</v>
      </c>
      <c r="C822" s="6" t="s">
        <v>24</v>
      </c>
      <c r="D822" s="6" t="s">
        <v>530</v>
      </c>
      <c r="E822" s="6">
        <v>15516</v>
      </c>
      <c r="F822" s="6" t="s">
        <v>18</v>
      </c>
      <c r="G822" s="6" t="s">
        <v>1877</v>
      </c>
      <c r="H822" s="6" t="s">
        <v>1878</v>
      </c>
      <c r="I822" s="7">
        <v>5.7797660999999998</v>
      </c>
      <c r="J822" s="8">
        <v>-73.117515800000007</v>
      </c>
    </row>
    <row r="823" spans="1:10" x14ac:dyDescent="0.35">
      <c r="A823" s="5" t="s">
        <v>10</v>
      </c>
      <c r="B823" s="6">
        <v>238849</v>
      </c>
      <c r="C823" s="6" t="s">
        <v>24</v>
      </c>
      <c r="D823" s="6" t="s">
        <v>137</v>
      </c>
      <c r="E823" s="6">
        <v>15238</v>
      </c>
      <c r="F823" s="6" t="s">
        <v>18</v>
      </c>
      <c r="G823" s="6" t="s">
        <v>1879</v>
      </c>
      <c r="H823" s="6" t="s">
        <v>1880</v>
      </c>
      <c r="I823" s="7">
        <v>5.824446</v>
      </c>
      <c r="J823" s="8">
        <v>-73.035526200000007</v>
      </c>
    </row>
    <row r="824" spans="1:10" x14ac:dyDescent="0.35">
      <c r="A824" s="5" t="s">
        <v>10</v>
      </c>
      <c r="B824" s="6">
        <v>224124</v>
      </c>
      <c r="C824" s="6" t="s">
        <v>28</v>
      </c>
      <c r="D824" s="6" t="s">
        <v>153</v>
      </c>
      <c r="E824" s="6">
        <v>54518</v>
      </c>
      <c r="F824" s="6" t="s">
        <v>18</v>
      </c>
      <c r="G824" s="6" t="s">
        <v>1881</v>
      </c>
      <c r="H824" s="6" t="s">
        <v>1882</v>
      </c>
      <c r="I824" s="7">
        <v>7.3755788999999901</v>
      </c>
      <c r="J824" s="8">
        <v>-72.647827300000003</v>
      </c>
    </row>
    <row r="825" spans="1:10" x14ac:dyDescent="0.35">
      <c r="A825" s="5" t="s">
        <v>10</v>
      </c>
      <c r="B825" s="6">
        <v>233621</v>
      </c>
      <c r="C825" s="6" t="s">
        <v>61</v>
      </c>
      <c r="D825" s="6" t="s">
        <v>62</v>
      </c>
      <c r="E825" s="6">
        <v>63001</v>
      </c>
      <c r="F825" s="6" t="s">
        <v>18</v>
      </c>
      <c r="G825" s="6" t="s">
        <v>1883</v>
      </c>
      <c r="H825" s="6" t="s">
        <v>1884</v>
      </c>
      <c r="I825" s="7">
        <v>4.5350000000000001</v>
      </c>
      <c r="J825" s="8">
        <v>-75.675690000000003</v>
      </c>
    </row>
    <row r="826" spans="1:10" x14ac:dyDescent="0.35">
      <c r="A826" s="5" t="s">
        <v>10</v>
      </c>
      <c r="B826" s="6">
        <v>173583</v>
      </c>
      <c r="C826" s="6" t="s">
        <v>68</v>
      </c>
      <c r="D826" s="6" t="s">
        <v>69</v>
      </c>
      <c r="E826" s="6">
        <v>11001</v>
      </c>
      <c r="F826" s="6" t="s">
        <v>18</v>
      </c>
      <c r="G826" s="6" t="s">
        <v>1885</v>
      </c>
      <c r="H826" s="6" t="s">
        <v>1886</v>
      </c>
      <c r="I826" s="7">
        <v>4.6858019000000004</v>
      </c>
      <c r="J826" s="8">
        <v>-74.0535098</v>
      </c>
    </row>
    <row r="827" spans="1:10" x14ac:dyDescent="0.35">
      <c r="A827" s="5" t="s">
        <v>10</v>
      </c>
      <c r="B827" s="6">
        <v>235666</v>
      </c>
      <c r="C827" s="6" t="s">
        <v>16</v>
      </c>
      <c r="D827" s="6" t="s">
        <v>17</v>
      </c>
      <c r="E827" s="6">
        <v>68679</v>
      </c>
      <c r="F827" s="6" t="s">
        <v>18</v>
      </c>
      <c r="G827" s="6" t="s">
        <v>1887</v>
      </c>
      <c r="H827" s="6" t="s">
        <v>1888</v>
      </c>
      <c r="I827" s="7">
        <v>6.5581322999999996</v>
      </c>
      <c r="J827" s="8">
        <v>-73.128425199999995</v>
      </c>
    </row>
    <row r="828" spans="1:10" x14ac:dyDescent="0.35">
      <c r="A828" s="5" t="s">
        <v>10</v>
      </c>
      <c r="B828" s="6">
        <v>230126</v>
      </c>
      <c r="C828" s="6" t="s">
        <v>55</v>
      </c>
      <c r="D828" s="6" t="s">
        <v>1162</v>
      </c>
      <c r="E828" s="6">
        <v>73411</v>
      </c>
      <c r="F828" s="6" t="s">
        <v>18</v>
      </c>
      <c r="G828" s="6" t="s">
        <v>1889</v>
      </c>
      <c r="H828" s="6" t="s">
        <v>1890</v>
      </c>
      <c r="I828" s="7">
        <v>4.9200754</v>
      </c>
      <c r="J828" s="8">
        <v>-75.059410999999997</v>
      </c>
    </row>
    <row r="829" spans="1:10" x14ac:dyDescent="0.35">
      <c r="A829" s="5" t="s">
        <v>10</v>
      </c>
      <c r="B829" s="6">
        <v>242825</v>
      </c>
      <c r="C829" s="6" t="s">
        <v>24</v>
      </c>
      <c r="D829" s="6" t="s">
        <v>168</v>
      </c>
      <c r="E829" s="6">
        <v>15572</v>
      </c>
      <c r="F829" s="6" t="s">
        <v>18</v>
      </c>
      <c r="G829" s="6" t="s">
        <v>1891</v>
      </c>
      <c r="H829" s="6" t="s">
        <v>1892</v>
      </c>
      <c r="I829" s="7">
        <v>5.9756767000000002</v>
      </c>
      <c r="J829" s="8">
        <v>-74.5922391</v>
      </c>
    </row>
    <row r="830" spans="1:10" x14ac:dyDescent="0.35">
      <c r="A830" s="5" t="s">
        <v>10</v>
      </c>
      <c r="B830" s="6">
        <v>180615</v>
      </c>
      <c r="C830" s="6" t="s">
        <v>24</v>
      </c>
      <c r="D830" s="6" t="s">
        <v>317</v>
      </c>
      <c r="E830" s="6">
        <v>15176</v>
      </c>
      <c r="F830" s="6" t="s">
        <v>18</v>
      </c>
      <c r="G830" s="6" t="s">
        <v>1893</v>
      </c>
      <c r="H830" s="6" t="s">
        <v>1894</v>
      </c>
      <c r="I830" s="7">
        <v>5.6147749999999998</v>
      </c>
      <c r="J830" s="8">
        <v>-73.819570999999996</v>
      </c>
    </row>
    <row r="831" spans="1:10" x14ac:dyDescent="0.35">
      <c r="A831" s="5" t="s">
        <v>10</v>
      </c>
      <c r="B831" s="6">
        <v>204816</v>
      </c>
      <c r="C831" s="6" t="s">
        <v>28</v>
      </c>
      <c r="D831" s="6" t="s">
        <v>29</v>
      </c>
      <c r="E831" s="6">
        <v>54001</v>
      </c>
      <c r="F831" s="6" t="s">
        <v>18</v>
      </c>
      <c r="G831" s="6" t="s">
        <v>1895</v>
      </c>
      <c r="H831" s="6" t="s">
        <v>1896</v>
      </c>
      <c r="I831" s="7">
        <v>7.9036013000000001</v>
      </c>
      <c r="J831" s="8">
        <v>-72.504116600000003</v>
      </c>
    </row>
    <row r="832" spans="1:10" x14ac:dyDescent="0.35">
      <c r="A832" s="5" t="s">
        <v>10</v>
      </c>
      <c r="B832" s="6">
        <v>223214</v>
      </c>
      <c r="C832" s="6" t="s">
        <v>42</v>
      </c>
      <c r="D832" s="6" t="s">
        <v>43</v>
      </c>
      <c r="E832" s="6">
        <v>17001</v>
      </c>
      <c r="F832" s="6" t="s">
        <v>18</v>
      </c>
      <c r="G832" s="6" t="s">
        <v>1897</v>
      </c>
      <c r="H832" s="6" t="s">
        <v>1898</v>
      </c>
      <c r="I832" s="7">
        <v>4.9992317999999996</v>
      </c>
      <c r="J832" s="8">
        <v>-75.620375299999907</v>
      </c>
    </row>
    <row r="833" spans="1:10" x14ac:dyDescent="0.35">
      <c r="A833" s="5" t="s">
        <v>10</v>
      </c>
      <c r="B833" s="6">
        <v>238361</v>
      </c>
      <c r="C833" s="6" t="s">
        <v>11</v>
      </c>
      <c r="D833" s="6" t="s">
        <v>1899</v>
      </c>
      <c r="E833" s="6">
        <v>25436</v>
      </c>
      <c r="F833" s="6" t="s">
        <v>18</v>
      </c>
      <c r="G833" s="6" t="s">
        <v>1900</v>
      </c>
      <c r="H833" s="6" t="s">
        <v>1901</v>
      </c>
      <c r="I833" s="7">
        <v>5.0089271000000002</v>
      </c>
      <c r="J833" s="8">
        <v>-73.541384600000001</v>
      </c>
    </row>
    <row r="834" spans="1:10" x14ac:dyDescent="0.35">
      <c r="A834" s="5" t="s">
        <v>10</v>
      </c>
      <c r="B834" s="6">
        <v>142642</v>
      </c>
      <c r="C834" s="6" t="s">
        <v>11</v>
      </c>
      <c r="D834" s="6" t="s">
        <v>1411</v>
      </c>
      <c r="E834" s="6">
        <v>25279</v>
      </c>
      <c r="F834" s="6" t="s">
        <v>13</v>
      </c>
      <c r="G834" s="6" t="s">
        <v>1412</v>
      </c>
      <c r="H834" s="6" t="s">
        <v>1413</v>
      </c>
      <c r="I834" s="7">
        <v>4.4858219999999998</v>
      </c>
      <c r="J834" s="8">
        <v>-73.894165000000001</v>
      </c>
    </row>
    <row r="835" spans="1:10" x14ac:dyDescent="0.35">
      <c r="A835" s="5" t="s">
        <v>10</v>
      </c>
      <c r="B835" s="6">
        <v>98779</v>
      </c>
      <c r="C835" s="6" t="s">
        <v>294</v>
      </c>
      <c r="D835" s="6" t="s">
        <v>1902</v>
      </c>
      <c r="E835" s="6">
        <v>41799</v>
      </c>
      <c r="F835" s="6" t="s">
        <v>13</v>
      </c>
      <c r="G835" s="6" t="s">
        <v>544</v>
      </c>
      <c r="H835" s="6" t="s">
        <v>1903</v>
      </c>
      <c r="I835" s="7">
        <v>3.0470617999999998</v>
      </c>
      <c r="J835" s="8">
        <v>-75.017431900000005</v>
      </c>
    </row>
    <row r="836" spans="1:10" x14ac:dyDescent="0.35">
      <c r="A836" s="5" t="s">
        <v>10</v>
      </c>
      <c r="B836" s="6">
        <v>216846</v>
      </c>
      <c r="C836" s="6" t="s">
        <v>68</v>
      </c>
      <c r="D836" s="6" t="s">
        <v>69</v>
      </c>
      <c r="E836" s="6">
        <v>11001</v>
      </c>
      <c r="F836" s="6" t="s">
        <v>18</v>
      </c>
      <c r="G836" s="6" t="s">
        <v>1904</v>
      </c>
      <c r="H836" s="6" t="s">
        <v>1905</v>
      </c>
      <c r="I836" s="7">
        <v>4.7336729999999996</v>
      </c>
      <c r="J836" s="8">
        <v>-74.030074099999993</v>
      </c>
    </row>
    <row r="837" spans="1:10" x14ac:dyDescent="0.35">
      <c r="A837" s="5" t="s">
        <v>10</v>
      </c>
      <c r="B837" s="6">
        <v>208641</v>
      </c>
      <c r="C837" s="6" t="s">
        <v>11</v>
      </c>
      <c r="D837" s="6" t="s">
        <v>1906</v>
      </c>
      <c r="E837" s="6">
        <v>25793</v>
      </c>
      <c r="F837" s="6" t="s">
        <v>18</v>
      </c>
      <c r="G837" s="6" t="s">
        <v>1907</v>
      </c>
      <c r="H837" s="6" t="s">
        <v>1908</v>
      </c>
      <c r="I837" s="7">
        <v>4.5726800000000001</v>
      </c>
      <c r="J837" s="8">
        <v>-74.225475899999907</v>
      </c>
    </row>
    <row r="838" spans="1:10" x14ac:dyDescent="0.35">
      <c r="A838" s="5" t="s">
        <v>10</v>
      </c>
      <c r="B838" s="6">
        <v>235816</v>
      </c>
      <c r="C838" s="6" t="s">
        <v>55</v>
      </c>
      <c r="D838" s="6" t="s">
        <v>1622</v>
      </c>
      <c r="E838" s="6">
        <v>73861</v>
      </c>
      <c r="F838" s="6" t="s">
        <v>18</v>
      </c>
      <c r="G838" s="6" t="s">
        <v>1909</v>
      </c>
      <c r="H838" s="6" t="s">
        <v>1910</v>
      </c>
      <c r="I838" s="7">
        <v>4.7148149999999998</v>
      </c>
      <c r="J838" s="8">
        <v>-74.931161000000003</v>
      </c>
    </row>
    <row r="839" spans="1:10" x14ac:dyDescent="0.35">
      <c r="A839" s="5" t="s">
        <v>10</v>
      </c>
      <c r="B839" s="6">
        <v>243702</v>
      </c>
      <c r="C839" s="6" t="s">
        <v>24</v>
      </c>
      <c r="D839" s="6" t="s">
        <v>1911</v>
      </c>
      <c r="E839" s="6">
        <v>15362</v>
      </c>
      <c r="F839" s="6" t="s">
        <v>18</v>
      </c>
      <c r="G839" s="6" t="s">
        <v>1912</v>
      </c>
      <c r="H839" s="6" t="s">
        <v>1913</v>
      </c>
      <c r="I839" s="7">
        <v>5.6325494999999997</v>
      </c>
      <c r="J839" s="8">
        <v>-73.520208699999998</v>
      </c>
    </row>
    <row r="840" spans="1:10" x14ac:dyDescent="0.35">
      <c r="A840" s="5" t="s">
        <v>10</v>
      </c>
      <c r="B840" s="6">
        <v>206343</v>
      </c>
      <c r="C840" s="6" t="s">
        <v>466</v>
      </c>
      <c r="D840" s="6" t="s">
        <v>467</v>
      </c>
      <c r="E840" s="6">
        <v>81736</v>
      </c>
      <c r="F840" s="6" t="s">
        <v>18</v>
      </c>
      <c r="G840" s="6" t="s">
        <v>1914</v>
      </c>
      <c r="H840" s="6" t="s">
        <v>1915</v>
      </c>
      <c r="I840" s="7">
        <v>6.8015515999999998</v>
      </c>
      <c r="J840" s="8">
        <v>-71.245172099999905</v>
      </c>
    </row>
    <row r="841" spans="1:10" x14ac:dyDescent="0.35">
      <c r="A841" s="5" t="s">
        <v>10</v>
      </c>
      <c r="B841" s="6">
        <v>229363</v>
      </c>
      <c r="C841" s="6" t="s">
        <v>42</v>
      </c>
      <c r="D841" s="6" t="s">
        <v>212</v>
      </c>
      <c r="E841" s="6">
        <v>17495</v>
      </c>
      <c r="F841" s="6" t="s">
        <v>18</v>
      </c>
      <c r="G841" s="6" t="s">
        <v>1916</v>
      </c>
      <c r="H841" s="6" t="s">
        <v>1917</v>
      </c>
      <c r="I841" s="7">
        <v>5.5756173000000002</v>
      </c>
      <c r="J841" s="8">
        <v>-74.8883431</v>
      </c>
    </row>
    <row r="842" spans="1:10" x14ac:dyDescent="0.35">
      <c r="A842" s="5" t="s">
        <v>10</v>
      </c>
      <c r="B842" s="6">
        <v>197963</v>
      </c>
      <c r="C842" s="6" t="s">
        <v>42</v>
      </c>
      <c r="D842" s="6" t="s">
        <v>1182</v>
      </c>
      <c r="E842" s="6">
        <v>17541</v>
      </c>
      <c r="F842" s="6" t="s">
        <v>18</v>
      </c>
      <c r="G842" s="6" t="s">
        <v>1918</v>
      </c>
      <c r="H842" s="6" t="s">
        <v>1919</v>
      </c>
      <c r="I842" s="7">
        <v>5.3821099999999999</v>
      </c>
      <c r="J842" s="8">
        <v>-75.161425999999906</v>
      </c>
    </row>
    <row r="843" spans="1:10" x14ac:dyDescent="0.35">
      <c r="A843" s="5" t="s">
        <v>10</v>
      </c>
      <c r="B843" s="6">
        <v>212723</v>
      </c>
      <c r="C843" s="6" t="s">
        <v>16</v>
      </c>
      <c r="D843" s="6" t="s">
        <v>1783</v>
      </c>
      <c r="E843" s="6">
        <v>68745</v>
      </c>
      <c r="F843" s="6" t="s">
        <v>18</v>
      </c>
      <c r="G843" s="6" t="s">
        <v>1920</v>
      </c>
      <c r="H843" s="6" t="s">
        <v>1921</v>
      </c>
      <c r="I843" s="7">
        <v>6.4435880000000001</v>
      </c>
      <c r="J843" s="8">
        <v>-73.337533999999906</v>
      </c>
    </row>
    <row r="844" spans="1:10" x14ac:dyDescent="0.35">
      <c r="A844" s="5" t="s">
        <v>10</v>
      </c>
      <c r="B844" s="6">
        <v>234126</v>
      </c>
      <c r="C844" s="6" t="s">
        <v>24</v>
      </c>
      <c r="D844" s="6" t="s">
        <v>1922</v>
      </c>
      <c r="E844" s="6">
        <v>15109</v>
      </c>
      <c r="F844" s="6" t="s">
        <v>18</v>
      </c>
      <c r="G844" s="6" t="s">
        <v>1923</v>
      </c>
      <c r="H844" s="6" t="s">
        <v>1924</v>
      </c>
      <c r="I844" s="7">
        <v>5.5117963999999997</v>
      </c>
      <c r="J844" s="8">
        <v>-73.942187300000001</v>
      </c>
    </row>
    <row r="845" spans="1:10" x14ac:dyDescent="0.35">
      <c r="A845" s="5" t="s">
        <v>10</v>
      </c>
      <c r="B845" s="6">
        <v>192556</v>
      </c>
      <c r="C845" s="6" t="s">
        <v>24</v>
      </c>
      <c r="D845" s="6" t="s">
        <v>137</v>
      </c>
      <c r="E845" s="6">
        <v>15238</v>
      </c>
      <c r="F845" s="6" t="s">
        <v>18</v>
      </c>
      <c r="G845" s="6" t="s">
        <v>1925</v>
      </c>
      <c r="H845" s="6" t="s">
        <v>1926</v>
      </c>
      <c r="I845" s="7">
        <v>5.8303465999999897</v>
      </c>
      <c r="J845" s="8">
        <v>-73.032939999999996</v>
      </c>
    </row>
    <row r="846" spans="1:10" x14ac:dyDescent="0.35">
      <c r="A846" s="5" t="s">
        <v>10</v>
      </c>
      <c r="B846" s="6">
        <v>238240</v>
      </c>
      <c r="C846" s="6" t="s">
        <v>28</v>
      </c>
      <c r="D846" s="6" t="s">
        <v>29</v>
      </c>
      <c r="E846" s="6">
        <v>54001</v>
      </c>
      <c r="F846" s="6" t="s">
        <v>18</v>
      </c>
      <c r="G846" s="6" t="s">
        <v>1927</v>
      </c>
      <c r="H846" s="6" t="s">
        <v>752</v>
      </c>
      <c r="I846" s="7">
        <v>7.9305032000000004</v>
      </c>
      <c r="J846" s="8">
        <v>-72.493467800000005</v>
      </c>
    </row>
    <row r="847" spans="1:10" x14ac:dyDescent="0.35">
      <c r="A847" s="5" t="s">
        <v>10</v>
      </c>
      <c r="B847" s="6">
        <v>169667</v>
      </c>
      <c r="C847" s="6" t="s">
        <v>42</v>
      </c>
      <c r="D847" s="6" t="s">
        <v>396</v>
      </c>
      <c r="E847" s="6">
        <v>17380</v>
      </c>
      <c r="F847" s="6" t="s">
        <v>18</v>
      </c>
      <c r="G847" s="6" t="s">
        <v>1928</v>
      </c>
      <c r="H847" s="6" t="s">
        <v>1929</v>
      </c>
      <c r="I847" s="7">
        <v>5.472709</v>
      </c>
      <c r="J847" s="8">
        <v>-74.667983999999905</v>
      </c>
    </row>
    <row r="848" spans="1:10" x14ac:dyDescent="0.35">
      <c r="A848" s="5" t="s">
        <v>10</v>
      </c>
      <c r="B848" s="6">
        <v>232332</v>
      </c>
      <c r="C848" s="6" t="s">
        <v>55</v>
      </c>
      <c r="D848" s="6" t="s">
        <v>56</v>
      </c>
      <c r="E848" s="6">
        <v>73001</v>
      </c>
      <c r="F848" s="6" t="s">
        <v>18</v>
      </c>
      <c r="G848" s="6" t="s">
        <v>1930</v>
      </c>
      <c r="H848" s="6" t="s">
        <v>1931</v>
      </c>
      <c r="I848" s="7">
        <v>4.4477837999999998</v>
      </c>
      <c r="J848" s="8">
        <v>-75.248521299999993</v>
      </c>
    </row>
    <row r="849" spans="1:10" x14ac:dyDescent="0.35">
      <c r="A849" s="5" t="s">
        <v>10</v>
      </c>
      <c r="B849" s="6">
        <v>235863</v>
      </c>
      <c r="C849" s="6" t="s">
        <v>61</v>
      </c>
      <c r="D849" s="6" t="s">
        <v>62</v>
      </c>
      <c r="E849" s="6">
        <v>63001</v>
      </c>
      <c r="F849" s="6" t="s">
        <v>18</v>
      </c>
      <c r="G849" s="6" t="s">
        <v>1932</v>
      </c>
      <c r="H849" s="6" t="s">
        <v>1933</v>
      </c>
      <c r="I849" s="7">
        <v>4.5350004000000004</v>
      </c>
      <c r="J849" s="8">
        <v>-75.675688800000003</v>
      </c>
    </row>
    <row r="850" spans="1:10" x14ac:dyDescent="0.35">
      <c r="A850" s="5" t="s">
        <v>10</v>
      </c>
      <c r="B850" s="6">
        <v>238804</v>
      </c>
      <c r="C850" s="6" t="s">
        <v>61</v>
      </c>
      <c r="D850" s="6" t="s">
        <v>62</v>
      </c>
      <c r="E850" s="6">
        <v>63001</v>
      </c>
      <c r="F850" s="6" t="s">
        <v>18</v>
      </c>
      <c r="G850" s="6" t="s">
        <v>1934</v>
      </c>
      <c r="H850" s="6" t="s">
        <v>1935</v>
      </c>
      <c r="I850" s="7">
        <v>4.5324622999999997</v>
      </c>
      <c r="J850" s="8">
        <v>-75.675249100000002</v>
      </c>
    </row>
    <row r="851" spans="1:10" x14ac:dyDescent="0.35">
      <c r="A851" s="5" t="s">
        <v>10</v>
      </c>
      <c r="B851" s="6">
        <v>244105</v>
      </c>
      <c r="C851" s="6" t="s">
        <v>278</v>
      </c>
      <c r="D851" s="6" t="s">
        <v>279</v>
      </c>
      <c r="E851" s="6">
        <v>50001</v>
      </c>
      <c r="F851" s="6" t="s">
        <v>18</v>
      </c>
      <c r="G851" s="6" t="s">
        <v>1936</v>
      </c>
      <c r="H851" s="6" t="s">
        <v>1937</v>
      </c>
      <c r="I851" s="7">
        <v>4.1265679999999998</v>
      </c>
      <c r="J851" s="8">
        <v>-73.635139699999996</v>
      </c>
    </row>
    <row r="852" spans="1:10" x14ac:dyDescent="0.35">
      <c r="A852" s="5" t="s">
        <v>10</v>
      </c>
      <c r="B852" s="6">
        <v>226003</v>
      </c>
      <c r="C852" s="6" t="s">
        <v>16</v>
      </c>
      <c r="D852" s="6" t="s">
        <v>1348</v>
      </c>
      <c r="E852" s="6">
        <v>68167</v>
      </c>
      <c r="F852" s="6" t="s">
        <v>18</v>
      </c>
      <c r="G852" s="6" t="s">
        <v>1938</v>
      </c>
      <c r="H852" s="6" t="s">
        <v>1939</v>
      </c>
      <c r="I852" s="7">
        <v>6.2859226000000001</v>
      </c>
      <c r="J852" s="8">
        <v>-73.147033100000002</v>
      </c>
    </row>
    <row r="853" spans="1:10" x14ac:dyDescent="0.35">
      <c r="A853" s="5" t="s">
        <v>10</v>
      </c>
      <c r="B853" s="6">
        <v>181192</v>
      </c>
      <c r="C853" s="6" t="s">
        <v>55</v>
      </c>
      <c r="D853" s="6" t="s">
        <v>56</v>
      </c>
      <c r="E853" s="6">
        <v>73001</v>
      </c>
      <c r="F853" s="6" t="s">
        <v>18</v>
      </c>
      <c r="G853" s="6" t="s">
        <v>1940</v>
      </c>
      <c r="H853" s="6" t="s">
        <v>1941</v>
      </c>
      <c r="I853" s="7">
        <v>4.4466535999999897</v>
      </c>
      <c r="J853" s="8">
        <v>-75.247715700000001</v>
      </c>
    </row>
    <row r="854" spans="1:10" x14ac:dyDescent="0.35">
      <c r="A854" s="5" t="s">
        <v>10</v>
      </c>
      <c r="B854" s="6">
        <v>189755</v>
      </c>
      <c r="C854" s="6" t="s">
        <v>16</v>
      </c>
      <c r="D854" s="6" t="s">
        <v>1942</v>
      </c>
      <c r="E854" s="6">
        <v>68406</v>
      </c>
      <c r="F854" s="6" t="s">
        <v>18</v>
      </c>
      <c r="G854" s="6" t="s">
        <v>1943</v>
      </c>
      <c r="H854" s="6" t="s">
        <v>1944</v>
      </c>
      <c r="I854" s="7">
        <v>7.1142053000000001</v>
      </c>
      <c r="J854" s="8">
        <v>-73.217075399999999</v>
      </c>
    </row>
    <row r="855" spans="1:10" x14ac:dyDescent="0.35">
      <c r="A855" s="5" t="s">
        <v>10</v>
      </c>
      <c r="B855" s="6">
        <v>232324</v>
      </c>
      <c r="C855" s="6" t="s">
        <v>55</v>
      </c>
      <c r="D855" s="6" t="s">
        <v>56</v>
      </c>
      <c r="E855" s="6">
        <v>73001</v>
      </c>
      <c r="F855" s="6" t="s">
        <v>18</v>
      </c>
      <c r="G855" s="6" t="s">
        <v>1945</v>
      </c>
      <c r="H855" s="6" t="s">
        <v>1946</v>
      </c>
      <c r="I855" s="7">
        <v>4.4530469999999998</v>
      </c>
      <c r="J855" s="8">
        <v>-75.236416199999994</v>
      </c>
    </row>
    <row r="856" spans="1:10" x14ac:dyDescent="0.35">
      <c r="A856" s="5" t="s">
        <v>10</v>
      </c>
      <c r="B856" s="6">
        <v>245433</v>
      </c>
      <c r="C856" s="6" t="s">
        <v>42</v>
      </c>
      <c r="D856" s="6" t="s">
        <v>1947</v>
      </c>
      <c r="E856" s="6">
        <v>17050</v>
      </c>
      <c r="F856" s="6" t="s">
        <v>18</v>
      </c>
      <c r="G856" s="6" t="s">
        <v>1948</v>
      </c>
      <c r="H856" s="6" t="s">
        <v>1949</v>
      </c>
      <c r="I856" s="7">
        <v>5.2715553999999996</v>
      </c>
      <c r="J856" s="8">
        <v>-75.491283499999994</v>
      </c>
    </row>
    <row r="857" spans="1:10" x14ac:dyDescent="0.35">
      <c r="A857" s="5" t="s">
        <v>10</v>
      </c>
      <c r="B857" s="6">
        <v>223762</v>
      </c>
      <c r="C857" s="6" t="s">
        <v>109</v>
      </c>
      <c r="D857" s="6" t="s">
        <v>227</v>
      </c>
      <c r="E857" s="6">
        <v>13001</v>
      </c>
      <c r="F857" s="6" t="s">
        <v>13</v>
      </c>
      <c r="G857" s="6" t="s">
        <v>1950</v>
      </c>
      <c r="H857" s="6" t="s">
        <v>1951</v>
      </c>
      <c r="I857" s="7">
        <v>10.391055700000001</v>
      </c>
      <c r="J857" s="8">
        <v>-75.478898799999996</v>
      </c>
    </row>
    <row r="858" spans="1:10" x14ac:dyDescent="0.35">
      <c r="A858" s="5" t="s">
        <v>10</v>
      </c>
      <c r="B858" s="6">
        <v>180544</v>
      </c>
      <c r="C858" s="6" t="s">
        <v>11</v>
      </c>
      <c r="D858" s="6" t="s">
        <v>334</v>
      </c>
      <c r="E858" s="6">
        <v>25754</v>
      </c>
      <c r="F858" s="6" t="s">
        <v>13</v>
      </c>
      <c r="G858" s="6" t="s">
        <v>1952</v>
      </c>
      <c r="H858" s="6" t="s">
        <v>1953</v>
      </c>
      <c r="I858" s="7">
        <v>4.5881616000000003</v>
      </c>
      <c r="J858" s="8">
        <v>-74.203519099999994</v>
      </c>
    </row>
    <row r="859" spans="1:10" x14ac:dyDescent="0.35">
      <c r="A859" s="5" t="s">
        <v>10</v>
      </c>
      <c r="B859" s="6">
        <v>239966</v>
      </c>
      <c r="C859" s="6" t="s">
        <v>109</v>
      </c>
      <c r="D859" s="6" t="s">
        <v>227</v>
      </c>
      <c r="E859" s="6">
        <v>13001</v>
      </c>
      <c r="F859" s="6" t="s">
        <v>18</v>
      </c>
      <c r="G859" s="6" t="s">
        <v>1954</v>
      </c>
      <c r="H859" s="6" t="s">
        <v>1955</v>
      </c>
      <c r="I859" s="7">
        <v>10.3839022</v>
      </c>
      <c r="J859" s="8">
        <v>-75.464592999999994</v>
      </c>
    </row>
    <row r="860" spans="1:10" x14ac:dyDescent="0.35">
      <c r="A860" s="5" t="s">
        <v>10</v>
      </c>
      <c r="B860" s="6">
        <v>182330</v>
      </c>
      <c r="C860" s="6" t="s">
        <v>55</v>
      </c>
      <c r="D860" s="6" t="s">
        <v>1956</v>
      </c>
      <c r="E860" s="6">
        <v>73226</v>
      </c>
      <c r="F860" s="6" t="s">
        <v>18</v>
      </c>
      <c r="G860" s="6" t="s">
        <v>1957</v>
      </c>
      <c r="H860" s="6" t="s">
        <v>1958</v>
      </c>
      <c r="I860" s="7">
        <v>3.4500763999999999</v>
      </c>
      <c r="J860" s="8">
        <v>-76.535853000000003</v>
      </c>
    </row>
    <row r="861" spans="1:10" x14ac:dyDescent="0.35">
      <c r="A861" s="5" t="s">
        <v>10</v>
      </c>
      <c r="B861" s="6">
        <v>214761</v>
      </c>
      <c r="C861" s="6" t="s">
        <v>55</v>
      </c>
      <c r="D861" s="6" t="s">
        <v>56</v>
      </c>
      <c r="E861" s="6">
        <v>73001</v>
      </c>
      <c r="F861" s="6" t="s">
        <v>18</v>
      </c>
      <c r="G861" s="6" t="s">
        <v>1959</v>
      </c>
      <c r="H861" s="6" t="s">
        <v>1960</v>
      </c>
      <c r="I861" s="7">
        <v>4.4406032</v>
      </c>
      <c r="J861" s="8">
        <v>-75.2016141</v>
      </c>
    </row>
    <row r="862" spans="1:10" x14ac:dyDescent="0.35">
      <c r="A862" s="5" t="s">
        <v>10</v>
      </c>
      <c r="B862" s="6">
        <v>234235</v>
      </c>
      <c r="C862" s="6" t="s">
        <v>55</v>
      </c>
      <c r="D862" s="6" t="s">
        <v>56</v>
      </c>
      <c r="E862" s="6">
        <v>73001</v>
      </c>
      <c r="F862" s="6" t="s">
        <v>18</v>
      </c>
      <c r="G862" s="6" t="s">
        <v>1961</v>
      </c>
      <c r="H862" s="6" t="s">
        <v>1962</v>
      </c>
      <c r="I862" s="7">
        <v>4.4305636000000002</v>
      </c>
      <c r="J862" s="8">
        <v>-75.243005199999999</v>
      </c>
    </row>
    <row r="863" spans="1:10" x14ac:dyDescent="0.35">
      <c r="A863" s="5" t="s">
        <v>10</v>
      </c>
      <c r="B863" s="6">
        <v>236210</v>
      </c>
      <c r="C863" s="6" t="s">
        <v>24</v>
      </c>
      <c r="D863" s="6" t="s">
        <v>85</v>
      </c>
      <c r="E863" s="6">
        <v>15759</v>
      </c>
      <c r="F863" s="6" t="s">
        <v>18</v>
      </c>
      <c r="G863" s="6" t="s">
        <v>1963</v>
      </c>
      <c r="H863" s="6" t="s">
        <v>1964</v>
      </c>
      <c r="I863" s="7">
        <v>5.7198531999999904</v>
      </c>
      <c r="J863" s="8">
        <v>-72.933274400000002</v>
      </c>
    </row>
    <row r="864" spans="1:10" x14ac:dyDescent="0.35">
      <c r="A864" s="5" t="s">
        <v>10</v>
      </c>
      <c r="B864" s="6">
        <v>239828</v>
      </c>
      <c r="C864" s="6" t="s">
        <v>24</v>
      </c>
      <c r="D864" s="6" t="s">
        <v>1965</v>
      </c>
      <c r="E864" s="6">
        <v>15276</v>
      </c>
      <c r="F864" s="6" t="s">
        <v>18</v>
      </c>
      <c r="G864" s="6" t="s">
        <v>1966</v>
      </c>
      <c r="H864" s="6" t="s">
        <v>1967</v>
      </c>
      <c r="I864" s="7">
        <v>5.8596466999999999</v>
      </c>
      <c r="J864" s="8">
        <v>-72.919206000000003</v>
      </c>
    </row>
    <row r="865" spans="1:10" x14ac:dyDescent="0.35">
      <c r="A865" s="5" t="s">
        <v>10</v>
      </c>
      <c r="B865" s="6">
        <v>245656</v>
      </c>
      <c r="C865" s="6" t="s">
        <v>28</v>
      </c>
      <c r="D865" s="6" t="s">
        <v>322</v>
      </c>
      <c r="E865" s="6">
        <v>54405</v>
      </c>
      <c r="F865" s="6" t="s">
        <v>18</v>
      </c>
      <c r="G865" s="6" t="s">
        <v>1968</v>
      </c>
      <c r="H865" s="6" t="s">
        <v>1969</v>
      </c>
      <c r="I865" s="7">
        <v>7.8790513999999998</v>
      </c>
      <c r="J865" s="8">
        <v>-72.501500399999998</v>
      </c>
    </row>
    <row r="866" spans="1:10" x14ac:dyDescent="0.35">
      <c r="A866" s="5" t="s">
        <v>10</v>
      </c>
      <c r="B866" s="6">
        <v>98821</v>
      </c>
      <c r="C866" s="6" t="s">
        <v>294</v>
      </c>
      <c r="D866" s="6" t="s">
        <v>543</v>
      </c>
      <c r="E866" s="6">
        <v>41396</v>
      </c>
      <c r="F866" s="6" t="s">
        <v>13</v>
      </c>
      <c r="G866" s="6" t="s">
        <v>544</v>
      </c>
      <c r="H866" s="6" t="s">
        <v>1970</v>
      </c>
      <c r="I866" s="7">
        <v>2.3835955000000002</v>
      </c>
      <c r="J866" s="8">
        <v>-75.893801800000006</v>
      </c>
    </row>
    <row r="867" spans="1:10" x14ac:dyDescent="0.35">
      <c r="A867" s="5" t="s">
        <v>10</v>
      </c>
      <c r="B867" s="6">
        <v>199693</v>
      </c>
      <c r="C867" s="6" t="s">
        <v>68</v>
      </c>
      <c r="D867" s="6" t="s">
        <v>69</v>
      </c>
      <c r="E867" s="6">
        <v>11001</v>
      </c>
      <c r="F867" s="6" t="s">
        <v>13</v>
      </c>
      <c r="G867" s="6" t="s">
        <v>785</v>
      </c>
      <c r="H867" s="6" t="s">
        <v>786</v>
      </c>
      <c r="I867" s="7">
        <v>4.6036903000000002</v>
      </c>
      <c r="J867" s="8">
        <v>-74.189706700000002</v>
      </c>
    </row>
    <row r="868" spans="1:10" x14ac:dyDescent="0.35">
      <c r="A868" s="5" t="s">
        <v>10</v>
      </c>
      <c r="B868" s="6">
        <v>121004</v>
      </c>
      <c r="C868" s="6" t="s">
        <v>24</v>
      </c>
      <c r="D868" s="6" t="s">
        <v>578</v>
      </c>
      <c r="E868" s="6">
        <v>15047</v>
      </c>
      <c r="F868" s="6" t="s">
        <v>18</v>
      </c>
      <c r="G868" s="6" t="s">
        <v>1971</v>
      </c>
      <c r="H868" s="6" t="s">
        <v>1972</v>
      </c>
      <c r="I868" s="7">
        <v>5.5181208000000002</v>
      </c>
      <c r="J868" s="8">
        <v>-72.883341199999904</v>
      </c>
    </row>
    <row r="869" spans="1:10" x14ac:dyDescent="0.35">
      <c r="A869" s="5" t="s">
        <v>10</v>
      </c>
      <c r="B869" s="6">
        <v>229783</v>
      </c>
      <c r="C869" s="6" t="s">
        <v>42</v>
      </c>
      <c r="D869" s="6" t="s">
        <v>1973</v>
      </c>
      <c r="E869" s="6">
        <v>17662</v>
      </c>
      <c r="F869" s="6" t="s">
        <v>18</v>
      </c>
      <c r="G869" s="6" t="s">
        <v>1974</v>
      </c>
      <c r="H869" s="6" t="s">
        <v>1975</v>
      </c>
      <c r="I869" s="7">
        <v>5.4129471999999996</v>
      </c>
      <c r="J869" s="8">
        <v>-74.991096799999994</v>
      </c>
    </row>
    <row r="870" spans="1:10" x14ac:dyDescent="0.35">
      <c r="A870" s="5" t="s">
        <v>10</v>
      </c>
      <c r="B870" s="6">
        <v>229684</v>
      </c>
      <c r="C870" s="6" t="s">
        <v>16</v>
      </c>
      <c r="D870" s="6" t="s">
        <v>224</v>
      </c>
      <c r="E870" s="6">
        <v>68755</v>
      </c>
      <c r="F870" s="6" t="s">
        <v>18</v>
      </c>
      <c r="G870" s="6" t="s">
        <v>1976</v>
      </c>
      <c r="H870" s="6" t="s">
        <v>1977</v>
      </c>
      <c r="I870" s="7">
        <v>6.4683253000000001</v>
      </c>
      <c r="J870" s="8">
        <v>-73.263255700000002</v>
      </c>
    </row>
    <row r="871" spans="1:10" x14ac:dyDescent="0.35">
      <c r="A871" s="5" t="s">
        <v>10</v>
      </c>
      <c r="B871" s="6">
        <v>186036</v>
      </c>
      <c r="C871" s="6" t="s">
        <v>55</v>
      </c>
      <c r="D871" s="6" t="s">
        <v>56</v>
      </c>
      <c r="E871" s="6">
        <v>73001</v>
      </c>
      <c r="F871" s="6" t="s">
        <v>18</v>
      </c>
      <c r="G871" s="6" t="s">
        <v>1978</v>
      </c>
      <c r="H871" s="6" t="s">
        <v>1979</v>
      </c>
      <c r="I871" s="7">
        <v>4.4623100999999998</v>
      </c>
      <c r="J871" s="8">
        <v>-75.202143199999995</v>
      </c>
    </row>
    <row r="872" spans="1:10" x14ac:dyDescent="0.35">
      <c r="A872" s="5" t="s">
        <v>10</v>
      </c>
      <c r="B872" s="6">
        <v>212175</v>
      </c>
      <c r="C872" s="6" t="s">
        <v>24</v>
      </c>
      <c r="D872" s="6" t="s">
        <v>85</v>
      </c>
      <c r="E872" s="6">
        <v>15759</v>
      </c>
      <c r="F872" s="6" t="s">
        <v>18</v>
      </c>
      <c r="G872" s="6" t="s">
        <v>1980</v>
      </c>
      <c r="H872" s="6" t="s">
        <v>1981</v>
      </c>
      <c r="I872" s="7">
        <v>5.7177973</v>
      </c>
      <c r="J872" s="8">
        <v>-72.924967199999998</v>
      </c>
    </row>
    <row r="873" spans="1:10" x14ac:dyDescent="0.35">
      <c r="A873" s="5" t="s">
        <v>10</v>
      </c>
      <c r="B873" s="6">
        <v>228846</v>
      </c>
      <c r="C873" s="6" t="s">
        <v>28</v>
      </c>
      <c r="D873" s="6" t="s">
        <v>322</v>
      </c>
      <c r="E873" s="6">
        <v>54405</v>
      </c>
      <c r="F873" s="6" t="s">
        <v>18</v>
      </c>
      <c r="G873" s="6" t="s">
        <v>1982</v>
      </c>
      <c r="H873" s="6" t="s">
        <v>1983</v>
      </c>
      <c r="I873" s="7">
        <v>7.8531930000000001</v>
      </c>
      <c r="J873" s="8">
        <v>-72.502708999999996</v>
      </c>
    </row>
    <row r="874" spans="1:10" x14ac:dyDescent="0.35">
      <c r="A874" s="5" t="s">
        <v>10</v>
      </c>
      <c r="B874" s="6">
        <v>231050</v>
      </c>
      <c r="C874" s="6" t="s">
        <v>28</v>
      </c>
      <c r="D874" s="6" t="s">
        <v>322</v>
      </c>
      <c r="E874" s="6">
        <v>54405</v>
      </c>
      <c r="F874" s="6" t="s">
        <v>18</v>
      </c>
      <c r="G874" s="6" t="s">
        <v>1984</v>
      </c>
      <c r="H874" s="6" t="s">
        <v>1985</v>
      </c>
      <c r="I874" s="7">
        <v>7.8290962000000004</v>
      </c>
      <c r="J874" s="8">
        <v>-72.510448699999998</v>
      </c>
    </row>
    <row r="875" spans="1:10" x14ac:dyDescent="0.35">
      <c r="A875" s="5" t="s">
        <v>10</v>
      </c>
      <c r="B875" s="6">
        <v>204748</v>
      </c>
      <c r="C875" s="6" t="s">
        <v>38</v>
      </c>
      <c r="D875" s="6" t="s">
        <v>39</v>
      </c>
      <c r="E875" s="6">
        <v>19001</v>
      </c>
      <c r="F875" s="6" t="s">
        <v>18</v>
      </c>
      <c r="G875" s="6" t="s">
        <v>1986</v>
      </c>
      <c r="H875" s="6" t="s">
        <v>1987</v>
      </c>
      <c r="I875" s="7">
        <v>2.4497024000000001</v>
      </c>
      <c r="J875" s="8">
        <v>-76.640378599999906</v>
      </c>
    </row>
    <row r="876" spans="1:10" x14ac:dyDescent="0.35">
      <c r="A876" s="5" t="s">
        <v>10</v>
      </c>
      <c r="B876" s="6">
        <v>227266</v>
      </c>
      <c r="C876" s="6" t="s">
        <v>42</v>
      </c>
      <c r="D876" s="6" t="s">
        <v>396</v>
      </c>
      <c r="E876" s="6">
        <v>17380</v>
      </c>
      <c r="F876" s="6" t="s">
        <v>18</v>
      </c>
      <c r="G876" s="6" t="s">
        <v>1988</v>
      </c>
      <c r="H876" s="6" t="s">
        <v>1989</v>
      </c>
      <c r="I876" s="7">
        <v>5.4443745999999997</v>
      </c>
      <c r="J876" s="8">
        <v>-74.6597194</v>
      </c>
    </row>
    <row r="877" spans="1:10" x14ac:dyDescent="0.35">
      <c r="A877" s="5" t="s">
        <v>10</v>
      </c>
      <c r="B877" s="6">
        <v>228851</v>
      </c>
      <c r="C877" s="6" t="s">
        <v>68</v>
      </c>
      <c r="D877" s="6" t="s">
        <v>69</v>
      </c>
      <c r="E877" s="6">
        <v>11001</v>
      </c>
      <c r="F877" s="6" t="s">
        <v>18</v>
      </c>
      <c r="G877" s="6" t="s">
        <v>1990</v>
      </c>
      <c r="H877" s="6" t="s">
        <v>1991</v>
      </c>
      <c r="I877" s="7">
        <v>4.6006646</v>
      </c>
      <c r="J877" s="8">
        <v>-74.075543400000001</v>
      </c>
    </row>
    <row r="878" spans="1:10" x14ac:dyDescent="0.35">
      <c r="A878" s="5" t="s">
        <v>10</v>
      </c>
      <c r="B878" s="6">
        <v>246091</v>
      </c>
      <c r="C878" s="6" t="s">
        <v>16</v>
      </c>
      <c r="D878" s="6" t="s">
        <v>546</v>
      </c>
      <c r="E878" s="6">
        <v>68464</v>
      </c>
      <c r="F878" s="6" t="s">
        <v>18</v>
      </c>
      <c r="G878" s="6" t="s">
        <v>1992</v>
      </c>
      <c r="H878" s="6" t="s">
        <v>1993</v>
      </c>
      <c r="I878" s="7">
        <v>6.4767830999999996</v>
      </c>
      <c r="J878" s="8">
        <v>-72.971186700000004</v>
      </c>
    </row>
    <row r="879" spans="1:10" x14ac:dyDescent="0.35">
      <c r="A879" s="5" t="s">
        <v>10</v>
      </c>
      <c r="B879" s="6">
        <v>208996</v>
      </c>
      <c r="C879" s="6" t="s">
        <v>16</v>
      </c>
      <c r="D879" s="6" t="s">
        <v>1994</v>
      </c>
      <c r="E879" s="6">
        <v>68322</v>
      </c>
      <c r="F879" s="6" t="s">
        <v>18</v>
      </c>
      <c r="G879" s="6" t="s">
        <v>1995</v>
      </c>
      <c r="H879" s="6" t="s">
        <v>1996</v>
      </c>
      <c r="I879" s="7">
        <v>10.4229301</v>
      </c>
      <c r="J879" s="8">
        <v>-75.550232399999999</v>
      </c>
    </row>
    <row r="880" spans="1:10" x14ac:dyDescent="0.35">
      <c r="A880" s="5" t="s">
        <v>10</v>
      </c>
      <c r="B880" s="6">
        <v>202140</v>
      </c>
      <c r="C880" s="6" t="s">
        <v>11</v>
      </c>
      <c r="D880" s="6" t="s">
        <v>1997</v>
      </c>
      <c r="E880" s="6">
        <v>25797</v>
      </c>
      <c r="F880" s="6" t="s">
        <v>18</v>
      </c>
      <c r="G880" s="6" t="s">
        <v>1998</v>
      </c>
      <c r="H880" s="6" t="s">
        <v>1999</v>
      </c>
      <c r="I880" s="7">
        <v>4.6544258000000003</v>
      </c>
      <c r="J880" s="8">
        <v>-74.399813899999998</v>
      </c>
    </row>
    <row r="881" spans="1:10" x14ac:dyDescent="0.35">
      <c r="A881" s="5" t="s">
        <v>10</v>
      </c>
      <c r="B881" s="6">
        <v>203049</v>
      </c>
      <c r="C881" s="6" t="s">
        <v>55</v>
      </c>
      <c r="D881" s="6" t="s">
        <v>2000</v>
      </c>
      <c r="E881" s="6">
        <v>73124</v>
      </c>
      <c r="F881" s="6" t="s">
        <v>18</v>
      </c>
      <c r="G881" s="6" t="s">
        <v>2001</v>
      </c>
      <c r="H881" s="6" t="s">
        <v>2002</v>
      </c>
      <c r="I881" s="7">
        <v>4.4418046999999996</v>
      </c>
      <c r="J881" s="8">
        <v>-75.428304400000002</v>
      </c>
    </row>
    <row r="882" spans="1:10" x14ac:dyDescent="0.35">
      <c r="A882" s="5" t="s">
        <v>10</v>
      </c>
      <c r="B882" s="6">
        <v>239787</v>
      </c>
      <c r="C882" s="6" t="s">
        <v>55</v>
      </c>
      <c r="D882" s="6" t="s">
        <v>56</v>
      </c>
      <c r="E882" s="6">
        <v>73001</v>
      </c>
      <c r="F882" s="6" t="s">
        <v>18</v>
      </c>
      <c r="G882" s="6" t="s">
        <v>2003</v>
      </c>
      <c r="H882" s="6" t="s">
        <v>2004</v>
      </c>
      <c r="I882" s="7">
        <v>4.4305636000000002</v>
      </c>
      <c r="J882" s="8">
        <v>-75.243005199999999</v>
      </c>
    </row>
    <row r="883" spans="1:10" x14ac:dyDescent="0.35">
      <c r="A883" s="5" t="s">
        <v>10</v>
      </c>
      <c r="B883" s="6">
        <v>218708</v>
      </c>
      <c r="C883" s="6" t="s">
        <v>55</v>
      </c>
      <c r="D883" s="6" t="s">
        <v>56</v>
      </c>
      <c r="E883" s="6">
        <v>73001</v>
      </c>
      <c r="F883" s="6" t="s">
        <v>18</v>
      </c>
      <c r="G883" s="6" t="s">
        <v>2005</v>
      </c>
      <c r="H883" s="6" t="s">
        <v>2006</v>
      </c>
      <c r="I883" s="7">
        <v>4.4466264999999998</v>
      </c>
      <c r="J883" s="8">
        <v>-75.177411999999904</v>
      </c>
    </row>
    <row r="884" spans="1:10" x14ac:dyDescent="0.35">
      <c r="A884" s="5" t="s">
        <v>10</v>
      </c>
      <c r="B884" s="6">
        <v>239250</v>
      </c>
      <c r="C884" s="6" t="s">
        <v>55</v>
      </c>
      <c r="D884" s="6" t="s">
        <v>731</v>
      </c>
      <c r="E884" s="6">
        <v>73268</v>
      </c>
      <c r="F884" s="6" t="s">
        <v>18</v>
      </c>
      <c r="G884" s="6" t="s">
        <v>2007</v>
      </c>
      <c r="H884" s="6" t="s">
        <v>2008</v>
      </c>
      <c r="I884" s="7">
        <v>4.1471353999999998</v>
      </c>
      <c r="J884" s="8">
        <v>-74.880304699999996</v>
      </c>
    </row>
    <row r="885" spans="1:10" x14ac:dyDescent="0.35">
      <c r="A885" s="5" t="s">
        <v>10</v>
      </c>
      <c r="B885" s="6">
        <v>186821</v>
      </c>
      <c r="C885" s="6" t="s">
        <v>24</v>
      </c>
      <c r="D885" s="6" t="s">
        <v>621</v>
      </c>
      <c r="E885" s="6">
        <v>15646</v>
      </c>
      <c r="F885" s="6" t="s">
        <v>18</v>
      </c>
      <c r="G885" s="6" t="s">
        <v>2009</v>
      </c>
      <c r="H885" s="6" t="s">
        <v>2010</v>
      </c>
      <c r="I885" s="7">
        <v>5.4923419999999998</v>
      </c>
      <c r="J885" s="8">
        <v>-73.486159000000001</v>
      </c>
    </row>
    <row r="886" spans="1:10" x14ac:dyDescent="0.35">
      <c r="A886" s="5" t="s">
        <v>10</v>
      </c>
      <c r="B886" s="6">
        <v>206009</v>
      </c>
      <c r="C886" s="6" t="s">
        <v>24</v>
      </c>
      <c r="D886" s="6" t="s">
        <v>1215</v>
      </c>
      <c r="E886" s="6">
        <v>15835</v>
      </c>
      <c r="F886" s="6" t="s">
        <v>18</v>
      </c>
      <c r="G886" s="6" t="s">
        <v>2011</v>
      </c>
      <c r="H886" s="6" t="s">
        <v>2012</v>
      </c>
      <c r="I886" s="7">
        <v>5.3236957999999897</v>
      </c>
      <c r="J886" s="8">
        <v>-73.490917699999997</v>
      </c>
    </row>
    <row r="887" spans="1:10" x14ac:dyDescent="0.35">
      <c r="A887" s="5" t="s">
        <v>10</v>
      </c>
      <c r="B887" s="6">
        <v>232455</v>
      </c>
      <c r="C887" s="6" t="s">
        <v>28</v>
      </c>
      <c r="D887" s="6" t="s">
        <v>29</v>
      </c>
      <c r="E887" s="6">
        <v>54001</v>
      </c>
      <c r="F887" s="6" t="s">
        <v>18</v>
      </c>
      <c r="G887" s="6" t="s">
        <v>2013</v>
      </c>
      <c r="H887" s="6" t="s">
        <v>2014</v>
      </c>
      <c r="I887" s="7">
        <v>7.8737773000000004</v>
      </c>
      <c r="J887" s="8">
        <v>-72.501617800000005</v>
      </c>
    </row>
    <row r="888" spans="1:10" x14ac:dyDescent="0.35">
      <c r="A888" s="5" t="s">
        <v>10</v>
      </c>
      <c r="B888" s="6">
        <v>212356</v>
      </c>
      <c r="C888" s="6" t="s">
        <v>94</v>
      </c>
      <c r="D888" s="6" t="s">
        <v>2015</v>
      </c>
      <c r="E888" s="6">
        <v>66383</v>
      </c>
      <c r="F888" s="6" t="s">
        <v>18</v>
      </c>
      <c r="G888" s="6" t="s">
        <v>2016</v>
      </c>
      <c r="H888" s="6" t="s">
        <v>2017</v>
      </c>
      <c r="I888" s="7">
        <v>5.0032329999999998</v>
      </c>
      <c r="J888" s="8">
        <v>-76.003423999999995</v>
      </c>
    </row>
    <row r="889" spans="1:10" x14ac:dyDescent="0.35">
      <c r="A889" s="5" t="s">
        <v>10</v>
      </c>
      <c r="B889" s="6">
        <v>229642</v>
      </c>
      <c r="C889" s="6" t="s">
        <v>61</v>
      </c>
      <c r="D889" s="6" t="s">
        <v>62</v>
      </c>
      <c r="E889" s="6">
        <v>63001</v>
      </c>
      <c r="F889" s="6" t="s">
        <v>18</v>
      </c>
      <c r="G889" s="6" t="s">
        <v>2018</v>
      </c>
      <c r="H889" s="6" t="s">
        <v>2019</v>
      </c>
      <c r="I889" s="7">
        <v>4.5494911</v>
      </c>
      <c r="J889" s="8">
        <v>-75.660692800000007</v>
      </c>
    </row>
    <row r="890" spans="1:10" x14ac:dyDescent="0.35">
      <c r="A890" s="5" t="s">
        <v>10</v>
      </c>
      <c r="B890" s="6">
        <v>190315</v>
      </c>
      <c r="C890" s="6" t="s">
        <v>11</v>
      </c>
      <c r="D890" s="6" t="s">
        <v>334</v>
      </c>
      <c r="E890" s="6">
        <v>25754</v>
      </c>
      <c r="F890" s="6" t="s">
        <v>13</v>
      </c>
      <c r="G890" s="6" t="s">
        <v>2020</v>
      </c>
      <c r="H890" s="6" t="s">
        <v>2021</v>
      </c>
      <c r="I890" s="7">
        <v>4.5834733999999999</v>
      </c>
      <c r="J890" s="8">
        <v>-74.219331199999999</v>
      </c>
    </row>
    <row r="891" spans="1:10" x14ac:dyDescent="0.35">
      <c r="A891" s="5" t="s">
        <v>10</v>
      </c>
      <c r="B891" s="6">
        <v>208716</v>
      </c>
      <c r="C891" s="6" t="s">
        <v>16</v>
      </c>
      <c r="D891" s="6" t="s">
        <v>254</v>
      </c>
      <c r="E891" s="6">
        <v>68079</v>
      </c>
      <c r="F891" s="6" t="s">
        <v>18</v>
      </c>
      <c r="G891" s="6" t="s">
        <v>2022</v>
      </c>
      <c r="H891" s="6" t="s">
        <v>2023</v>
      </c>
      <c r="I891" s="7">
        <v>6.6358489999999897</v>
      </c>
      <c r="J891" s="8">
        <v>-73.223409000000004</v>
      </c>
    </row>
    <row r="892" spans="1:10" x14ac:dyDescent="0.35">
      <c r="A892" s="5" t="s">
        <v>10</v>
      </c>
      <c r="B892" s="6">
        <v>246173</v>
      </c>
      <c r="C892" s="6" t="s">
        <v>55</v>
      </c>
      <c r="D892" s="6" t="s">
        <v>56</v>
      </c>
      <c r="E892" s="6">
        <v>73001</v>
      </c>
      <c r="F892" s="6" t="s">
        <v>18</v>
      </c>
      <c r="G892" s="6" t="s">
        <v>2024</v>
      </c>
      <c r="H892" s="6" t="s">
        <v>2025</v>
      </c>
      <c r="I892" s="7">
        <v>4.4391219</v>
      </c>
      <c r="J892" s="8">
        <v>-75.214318500000005</v>
      </c>
    </row>
    <row r="893" spans="1:10" x14ac:dyDescent="0.35">
      <c r="A893" s="5" t="s">
        <v>10</v>
      </c>
      <c r="B893" s="6">
        <v>246960</v>
      </c>
      <c r="C893" s="6" t="s">
        <v>55</v>
      </c>
      <c r="D893" s="6" t="s">
        <v>1151</v>
      </c>
      <c r="E893" s="6">
        <v>73349</v>
      </c>
      <c r="F893" s="6" t="s">
        <v>18</v>
      </c>
      <c r="G893" s="6" t="s">
        <v>2026</v>
      </c>
      <c r="H893" s="6" t="s">
        <v>2027</v>
      </c>
      <c r="I893" s="7">
        <v>5.2143326999999999</v>
      </c>
      <c r="J893" s="8">
        <v>-74.762294800000006</v>
      </c>
    </row>
    <row r="894" spans="1:10" x14ac:dyDescent="0.35">
      <c r="A894" s="5" t="s">
        <v>10</v>
      </c>
      <c r="B894" s="6">
        <v>248844</v>
      </c>
      <c r="C894" s="6" t="s">
        <v>55</v>
      </c>
      <c r="D894" s="6" t="s">
        <v>56</v>
      </c>
      <c r="E894" s="6">
        <v>73001</v>
      </c>
      <c r="F894" s="6" t="s">
        <v>18</v>
      </c>
      <c r="G894" s="6" t="s">
        <v>2028</v>
      </c>
      <c r="H894" s="6" t="s">
        <v>2029</v>
      </c>
      <c r="I894" s="7">
        <v>4.4446760000000003</v>
      </c>
      <c r="J894" s="8">
        <v>-75.242438000000007</v>
      </c>
    </row>
    <row r="895" spans="1:10" x14ac:dyDescent="0.35">
      <c r="A895" s="5" t="s">
        <v>10</v>
      </c>
      <c r="B895" s="6">
        <v>233437</v>
      </c>
      <c r="C895" s="6" t="s">
        <v>28</v>
      </c>
      <c r="D895" s="6" t="s">
        <v>29</v>
      </c>
      <c r="E895" s="6">
        <v>54001</v>
      </c>
      <c r="F895" s="6" t="s">
        <v>18</v>
      </c>
      <c r="G895" s="6" t="s">
        <v>2030</v>
      </c>
      <c r="H895" s="6" t="s">
        <v>2031</v>
      </c>
      <c r="I895" s="7">
        <v>7.89764</v>
      </c>
      <c r="J895" s="8">
        <v>-72.530820000000006</v>
      </c>
    </row>
    <row r="896" spans="1:10" x14ac:dyDescent="0.35">
      <c r="A896" s="5" t="s">
        <v>10</v>
      </c>
      <c r="B896" s="6">
        <v>110298</v>
      </c>
      <c r="C896" s="6" t="s">
        <v>38</v>
      </c>
      <c r="D896" s="6" t="s">
        <v>39</v>
      </c>
      <c r="E896" s="6">
        <v>19001</v>
      </c>
      <c r="F896" s="6" t="s">
        <v>18</v>
      </c>
      <c r="G896" s="6" t="s">
        <v>2032</v>
      </c>
      <c r="H896" s="6" t="s">
        <v>2033</v>
      </c>
      <c r="I896" s="7">
        <v>2.4820036000000001</v>
      </c>
      <c r="J896" s="8">
        <v>-76.569116600000001</v>
      </c>
    </row>
    <row r="897" spans="1:10" x14ac:dyDescent="0.35">
      <c r="A897" s="5" t="s">
        <v>10</v>
      </c>
      <c r="B897" s="6">
        <v>230773</v>
      </c>
      <c r="C897" s="6" t="s">
        <v>42</v>
      </c>
      <c r="D897" s="6" t="s">
        <v>43</v>
      </c>
      <c r="E897" s="6">
        <v>17001</v>
      </c>
      <c r="F897" s="6" t="s">
        <v>18</v>
      </c>
      <c r="G897" s="6" t="s">
        <v>2034</v>
      </c>
      <c r="H897" s="6" t="s">
        <v>2035</v>
      </c>
      <c r="I897" s="7">
        <v>5.0530615000000001</v>
      </c>
      <c r="J897" s="8">
        <v>-75.486766799999998</v>
      </c>
    </row>
    <row r="898" spans="1:10" x14ac:dyDescent="0.35">
      <c r="A898" s="5" t="s">
        <v>10</v>
      </c>
      <c r="B898" s="6">
        <v>245638</v>
      </c>
      <c r="C898" s="6" t="s">
        <v>61</v>
      </c>
      <c r="D898" s="6" t="s">
        <v>62</v>
      </c>
      <c r="E898" s="6">
        <v>63001</v>
      </c>
      <c r="F898" s="6" t="s">
        <v>18</v>
      </c>
      <c r="G898" s="6" t="s">
        <v>2036</v>
      </c>
      <c r="H898" s="6" t="s">
        <v>2037</v>
      </c>
      <c r="I898" s="7">
        <v>4.5286891999999996</v>
      </c>
      <c r="J898" s="8">
        <v>-75.705850699999999</v>
      </c>
    </row>
    <row r="899" spans="1:10" x14ac:dyDescent="0.35">
      <c r="A899" s="5" t="s">
        <v>10</v>
      </c>
      <c r="B899" s="6">
        <v>233458</v>
      </c>
      <c r="C899" s="6" t="s">
        <v>24</v>
      </c>
      <c r="D899" s="6" t="s">
        <v>2038</v>
      </c>
      <c r="E899" s="6">
        <v>15293</v>
      </c>
      <c r="F899" s="6" t="s">
        <v>18</v>
      </c>
      <c r="G899" s="6" t="s">
        <v>2039</v>
      </c>
      <c r="H899" s="6" t="s">
        <v>2040</v>
      </c>
      <c r="I899" s="7">
        <v>5.7521300000000002</v>
      </c>
      <c r="J899" s="8">
        <v>-73.549379999999999</v>
      </c>
    </row>
    <row r="900" spans="1:10" x14ac:dyDescent="0.35">
      <c r="A900" s="5" t="s">
        <v>10</v>
      </c>
      <c r="B900" s="6">
        <v>237307</v>
      </c>
      <c r="C900" s="6" t="s">
        <v>68</v>
      </c>
      <c r="D900" s="6" t="s">
        <v>69</v>
      </c>
      <c r="E900" s="6">
        <v>11001</v>
      </c>
      <c r="F900" s="6" t="s">
        <v>18</v>
      </c>
      <c r="G900" s="6" t="s">
        <v>2041</v>
      </c>
      <c r="H900" s="6" t="s">
        <v>2042</v>
      </c>
      <c r="I900" s="7">
        <v>4.7480190999999996</v>
      </c>
      <c r="J900" s="8">
        <v>-74.047559199999995</v>
      </c>
    </row>
    <row r="901" spans="1:10" x14ac:dyDescent="0.35">
      <c r="A901" s="5" t="s">
        <v>10</v>
      </c>
      <c r="B901" s="6">
        <v>125416</v>
      </c>
      <c r="C901" s="6" t="s">
        <v>11</v>
      </c>
      <c r="D901" s="6" t="s">
        <v>1193</v>
      </c>
      <c r="E901" s="6">
        <v>25035</v>
      </c>
      <c r="F901" s="6" t="s">
        <v>18</v>
      </c>
      <c r="G901" s="6" t="s">
        <v>2043</v>
      </c>
      <c r="H901" s="6" t="s">
        <v>2044</v>
      </c>
      <c r="I901" s="7">
        <v>4.5489419999999896</v>
      </c>
      <c r="J901" s="8">
        <v>-74.535235</v>
      </c>
    </row>
    <row r="902" spans="1:10" x14ac:dyDescent="0.35">
      <c r="A902" s="5" t="s">
        <v>10</v>
      </c>
      <c r="B902" s="6">
        <v>234948</v>
      </c>
      <c r="C902" s="6" t="s">
        <v>24</v>
      </c>
      <c r="D902" s="6" t="s">
        <v>340</v>
      </c>
      <c r="E902" s="6">
        <v>15897</v>
      </c>
      <c r="F902" s="6" t="s">
        <v>18</v>
      </c>
      <c r="G902" s="6" t="s">
        <v>2045</v>
      </c>
      <c r="H902" s="6" t="s">
        <v>2046</v>
      </c>
      <c r="I902" s="7">
        <v>5.2819761999999999</v>
      </c>
      <c r="J902" s="8">
        <v>-73.168108500000002</v>
      </c>
    </row>
    <row r="903" spans="1:10" x14ac:dyDescent="0.35">
      <c r="A903" s="5" t="s">
        <v>10</v>
      </c>
      <c r="B903" s="6">
        <v>238921</v>
      </c>
      <c r="C903" s="6" t="s">
        <v>61</v>
      </c>
      <c r="D903" s="6" t="s">
        <v>1363</v>
      </c>
      <c r="E903" s="6">
        <v>63212</v>
      </c>
      <c r="F903" s="6" t="s">
        <v>18</v>
      </c>
      <c r="G903" s="6" t="s">
        <v>2047</v>
      </c>
      <c r="H903" s="6" t="s">
        <v>2048</v>
      </c>
      <c r="I903" s="7">
        <v>4.4544154999999996</v>
      </c>
      <c r="J903" s="8">
        <v>-75.790507199999993</v>
      </c>
    </row>
    <row r="904" spans="1:10" x14ac:dyDescent="0.35">
      <c r="A904" s="5" t="s">
        <v>10</v>
      </c>
      <c r="B904" s="6">
        <v>199684</v>
      </c>
      <c r="C904" s="6" t="s">
        <v>68</v>
      </c>
      <c r="D904" s="6" t="s">
        <v>69</v>
      </c>
      <c r="E904" s="6">
        <v>11001</v>
      </c>
      <c r="F904" s="6" t="s">
        <v>13</v>
      </c>
      <c r="G904" s="6" t="s">
        <v>2049</v>
      </c>
      <c r="H904" s="6" t="s">
        <v>2050</v>
      </c>
      <c r="I904" s="7">
        <v>4.6418299000000003</v>
      </c>
      <c r="J904" s="8">
        <v>-74.154884999999993</v>
      </c>
    </row>
    <row r="905" spans="1:10" x14ac:dyDescent="0.35">
      <c r="A905" s="5" t="s">
        <v>10</v>
      </c>
      <c r="B905" s="6">
        <v>211168</v>
      </c>
      <c r="C905" s="6" t="s">
        <v>68</v>
      </c>
      <c r="D905" s="6" t="s">
        <v>69</v>
      </c>
      <c r="E905" s="6">
        <v>11001</v>
      </c>
      <c r="F905" s="6" t="s">
        <v>13</v>
      </c>
      <c r="G905" s="6" t="s">
        <v>2051</v>
      </c>
      <c r="H905" s="6" t="s">
        <v>2052</v>
      </c>
      <c r="I905" s="7">
        <v>4.6204226999999998</v>
      </c>
      <c r="J905" s="8">
        <v>-74.160715199999999</v>
      </c>
    </row>
    <row r="906" spans="1:10" x14ac:dyDescent="0.35">
      <c r="A906" s="5" t="s">
        <v>10</v>
      </c>
      <c r="B906" s="6">
        <v>187446</v>
      </c>
      <c r="C906" s="6" t="s">
        <v>16</v>
      </c>
      <c r="D906" s="6" t="s">
        <v>2053</v>
      </c>
      <c r="E906" s="6">
        <v>68147</v>
      </c>
      <c r="F906" s="6" t="s">
        <v>18</v>
      </c>
      <c r="G906" s="6" t="s">
        <v>2054</v>
      </c>
      <c r="H906" s="6" t="s">
        <v>2055</v>
      </c>
      <c r="I906" s="7">
        <v>6.5296268999999896</v>
      </c>
      <c r="J906" s="8">
        <v>-72.696956200000002</v>
      </c>
    </row>
    <row r="907" spans="1:10" x14ac:dyDescent="0.35">
      <c r="A907" s="5" t="s">
        <v>10</v>
      </c>
      <c r="B907" s="6">
        <v>203446</v>
      </c>
      <c r="C907" s="6" t="s">
        <v>11</v>
      </c>
      <c r="D907" s="6" t="s">
        <v>337</v>
      </c>
      <c r="E907" s="6">
        <v>25290</v>
      </c>
      <c r="F907" s="6" t="s">
        <v>18</v>
      </c>
      <c r="G907" s="6" t="s">
        <v>2056</v>
      </c>
      <c r="H907" s="6" t="s">
        <v>2057</v>
      </c>
      <c r="I907" s="7">
        <v>4.3451519999999997</v>
      </c>
      <c r="J907" s="8">
        <v>-74.361823000000001</v>
      </c>
    </row>
    <row r="908" spans="1:10" x14ac:dyDescent="0.35">
      <c r="A908" s="5" t="s">
        <v>10</v>
      </c>
      <c r="B908" s="6">
        <v>235031</v>
      </c>
      <c r="C908" s="6" t="s">
        <v>55</v>
      </c>
      <c r="D908" s="6" t="s">
        <v>1705</v>
      </c>
      <c r="E908" s="6">
        <v>73443</v>
      </c>
      <c r="F908" s="6" t="s">
        <v>18</v>
      </c>
      <c r="G908" s="6" t="s">
        <v>2058</v>
      </c>
      <c r="H908" s="6" t="s">
        <v>2059</v>
      </c>
      <c r="I908" s="7">
        <v>5.1974907999999997</v>
      </c>
      <c r="J908" s="8">
        <v>-74.894998799999996</v>
      </c>
    </row>
    <row r="909" spans="1:10" x14ac:dyDescent="0.35">
      <c r="A909" s="5" t="s">
        <v>10</v>
      </c>
      <c r="B909" s="6">
        <v>226664</v>
      </c>
      <c r="C909" s="6" t="s">
        <v>24</v>
      </c>
      <c r="D909" s="6" t="s">
        <v>578</v>
      </c>
      <c r="E909" s="6">
        <v>15047</v>
      </c>
      <c r="F909" s="6" t="s">
        <v>18</v>
      </c>
      <c r="G909" s="6" t="s">
        <v>2060</v>
      </c>
      <c r="H909" s="6" t="s">
        <v>2061</v>
      </c>
      <c r="I909" s="7">
        <v>5.5181208000000002</v>
      </c>
      <c r="J909" s="8">
        <v>-72.883341199999904</v>
      </c>
    </row>
    <row r="910" spans="1:10" x14ac:dyDescent="0.35">
      <c r="A910" s="5" t="s">
        <v>10</v>
      </c>
      <c r="B910" s="6">
        <v>242758</v>
      </c>
      <c r="C910" s="6" t="s">
        <v>24</v>
      </c>
      <c r="D910" s="6" t="s">
        <v>814</v>
      </c>
      <c r="E910" s="6">
        <v>15469</v>
      </c>
      <c r="F910" s="6" t="s">
        <v>18</v>
      </c>
      <c r="G910" s="6" t="s">
        <v>2062</v>
      </c>
      <c r="H910" s="6" t="s">
        <v>2063</v>
      </c>
      <c r="I910" s="7">
        <v>5.8769264000000003</v>
      </c>
      <c r="J910" s="8">
        <v>-73.572975200000002</v>
      </c>
    </row>
    <row r="911" spans="1:10" x14ac:dyDescent="0.35">
      <c r="A911" s="5" t="s">
        <v>10</v>
      </c>
      <c r="B911" s="6">
        <v>239207</v>
      </c>
      <c r="C911" s="6" t="s">
        <v>24</v>
      </c>
      <c r="D911" s="6" t="s">
        <v>88</v>
      </c>
      <c r="E911" s="6">
        <v>15001</v>
      </c>
      <c r="F911" s="6" t="s">
        <v>18</v>
      </c>
      <c r="G911" s="6" t="s">
        <v>2064</v>
      </c>
      <c r="H911" s="6" t="s">
        <v>2065</v>
      </c>
      <c r="I911" s="7">
        <v>5.5489312999999996</v>
      </c>
      <c r="J911" s="8">
        <v>-73.359893999999997</v>
      </c>
    </row>
    <row r="912" spans="1:10" x14ac:dyDescent="0.35">
      <c r="A912" s="5" t="s">
        <v>10</v>
      </c>
      <c r="B912" s="6">
        <v>236626</v>
      </c>
      <c r="C912" s="6" t="s">
        <v>28</v>
      </c>
      <c r="D912" s="6" t="s">
        <v>2066</v>
      </c>
      <c r="E912" s="6">
        <v>54480</v>
      </c>
      <c r="F912" s="6" t="s">
        <v>18</v>
      </c>
      <c r="G912" s="6" t="s">
        <v>2067</v>
      </c>
      <c r="H912" s="6" t="s">
        <v>2068</v>
      </c>
      <c r="I912" s="7">
        <v>7.1316850000000001</v>
      </c>
      <c r="J912" s="8">
        <v>-73.123082299999993</v>
      </c>
    </row>
    <row r="913" spans="1:10" x14ac:dyDescent="0.35">
      <c r="A913" s="5" t="s">
        <v>10</v>
      </c>
      <c r="B913" s="6">
        <v>248590</v>
      </c>
      <c r="C913" s="6" t="s">
        <v>466</v>
      </c>
      <c r="D913" s="6" t="s">
        <v>2069</v>
      </c>
      <c r="E913" s="6">
        <v>81794</v>
      </c>
      <c r="F913" s="6" t="s">
        <v>18</v>
      </c>
      <c r="G913" s="6" t="s">
        <v>2070</v>
      </c>
      <c r="H913" s="6" t="s">
        <v>2071</v>
      </c>
      <c r="I913" s="7">
        <v>6.4628648999999996</v>
      </c>
      <c r="J913" s="8">
        <v>-71.728306200000006</v>
      </c>
    </row>
    <row r="914" spans="1:10" x14ac:dyDescent="0.35">
      <c r="A914" s="5" t="s">
        <v>10</v>
      </c>
      <c r="B914" s="6">
        <v>230131</v>
      </c>
      <c r="C914" s="6" t="s">
        <v>61</v>
      </c>
      <c r="D914" s="6" t="s">
        <v>62</v>
      </c>
      <c r="E914" s="6">
        <v>63001</v>
      </c>
      <c r="F914" s="6" t="s">
        <v>18</v>
      </c>
      <c r="G914" s="6" t="s">
        <v>2072</v>
      </c>
      <c r="H914" s="6" t="s">
        <v>2073</v>
      </c>
      <c r="I914" s="7">
        <v>4.5343724999999999</v>
      </c>
      <c r="J914" s="8">
        <v>-75.681262399999994</v>
      </c>
    </row>
    <row r="915" spans="1:10" x14ac:dyDescent="0.35">
      <c r="A915" s="5" t="s">
        <v>10</v>
      </c>
      <c r="B915" s="6">
        <v>219873</v>
      </c>
      <c r="C915" s="6" t="s">
        <v>109</v>
      </c>
      <c r="D915" s="6" t="s">
        <v>227</v>
      </c>
      <c r="E915" s="6">
        <v>13001</v>
      </c>
      <c r="F915" s="6" t="s">
        <v>18</v>
      </c>
      <c r="G915" s="6" t="s">
        <v>2074</v>
      </c>
      <c r="H915" s="6" t="s">
        <v>2075</v>
      </c>
      <c r="I915" s="7">
        <v>10.3838104</v>
      </c>
      <c r="J915" s="8">
        <v>-75.468182200000001</v>
      </c>
    </row>
    <row r="916" spans="1:10" x14ac:dyDescent="0.35">
      <c r="A916" s="5" t="s">
        <v>10</v>
      </c>
      <c r="B916" s="6">
        <v>228980</v>
      </c>
      <c r="C916" s="6" t="s">
        <v>55</v>
      </c>
      <c r="D916" s="6" t="s">
        <v>56</v>
      </c>
      <c r="E916" s="6">
        <v>73001</v>
      </c>
      <c r="F916" s="6" t="s">
        <v>18</v>
      </c>
      <c r="G916" s="6" t="s">
        <v>2076</v>
      </c>
      <c r="H916" s="6" t="s">
        <v>2077</v>
      </c>
      <c r="I916" s="7">
        <v>4.4448777000000002</v>
      </c>
      <c r="J916" s="8">
        <v>-75.242691500000006</v>
      </c>
    </row>
    <row r="917" spans="1:10" x14ac:dyDescent="0.35">
      <c r="A917" s="5" t="s">
        <v>10</v>
      </c>
      <c r="B917" s="6">
        <v>233389</v>
      </c>
      <c r="C917" s="6" t="s">
        <v>55</v>
      </c>
      <c r="D917" s="6" t="s">
        <v>56</v>
      </c>
      <c r="E917" s="6">
        <v>73001</v>
      </c>
      <c r="F917" s="6" t="s">
        <v>18</v>
      </c>
      <c r="G917" s="6" t="s">
        <v>2078</v>
      </c>
      <c r="H917" s="6" t="s">
        <v>2079</v>
      </c>
      <c r="I917" s="7">
        <v>4.4385199999999996</v>
      </c>
      <c r="J917" s="8">
        <v>-75.173069999999996</v>
      </c>
    </row>
    <row r="918" spans="1:10" x14ac:dyDescent="0.35">
      <c r="A918" s="5" t="s">
        <v>10</v>
      </c>
      <c r="B918" s="6">
        <v>200633</v>
      </c>
      <c r="C918" s="6" t="s">
        <v>55</v>
      </c>
      <c r="D918" s="6" t="s">
        <v>56</v>
      </c>
      <c r="E918" s="6">
        <v>73001</v>
      </c>
      <c r="F918" s="6" t="s">
        <v>18</v>
      </c>
      <c r="G918" s="6" t="s">
        <v>2080</v>
      </c>
      <c r="H918" s="6" t="s">
        <v>2081</v>
      </c>
      <c r="I918" s="7">
        <v>4.6132214999999999</v>
      </c>
      <c r="J918" s="8">
        <v>-74.131405299999997</v>
      </c>
    </row>
    <row r="919" spans="1:10" x14ac:dyDescent="0.35">
      <c r="A919" s="5" t="s">
        <v>10</v>
      </c>
      <c r="B919" s="6">
        <v>132209</v>
      </c>
      <c r="C919" s="6" t="s">
        <v>24</v>
      </c>
      <c r="D919" s="6" t="s">
        <v>530</v>
      </c>
      <c r="E919" s="6">
        <v>15516</v>
      </c>
      <c r="F919" s="6" t="s">
        <v>18</v>
      </c>
      <c r="G919" s="6" t="s">
        <v>2082</v>
      </c>
      <c r="H919" s="6" t="s">
        <v>2083</v>
      </c>
      <c r="I919" s="7">
        <v>5.7805071999999997</v>
      </c>
      <c r="J919" s="8">
        <v>-73.117329599999906</v>
      </c>
    </row>
    <row r="920" spans="1:10" x14ac:dyDescent="0.35">
      <c r="A920" s="5" t="s">
        <v>10</v>
      </c>
      <c r="B920" s="6">
        <v>231485</v>
      </c>
      <c r="C920" s="6" t="s">
        <v>11</v>
      </c>
      <c r="D920" s="6" t="s">
        <v>1294</v>
      </c>
      <c r="E920" s="6">
        <v>25873</v>
      </c>
      <c r="F920" s="6" t="s">
        <v>18</v>
      </c>
      <c r="G920" s="6" t="s">
        <v>2084</v>
      </c>
      <c r="H920" s="6" t="s">
        <v>2085</v>
      </c>
      <c r="I920" s="7">
        <v>5.2161039999999996</v>
      </c>
      <c r="J920" s="8">
        <v>-73.595509000000007</v>
      </c>
    </row>
    <row r="921" spans="1:10" x14ac:dyDescent="0.35">
      <c r="A921" s="5" t="s">
        <v>10</v>
      </c>
      <c r="B921" s="6">
        <v>141690</v>
      </c>
      <c r="C921" s="6" t="s">
        <v>11</v>
      </c>
      <c r="D921" s="6" t="s">
        <v>101</v>
      </c>
      <c r="E921" s="6">
        <v>25473</v>
      </c>
      <c r="F921" s="6" t="s">
        <v>13</v>
      </c>
      <c r="G921" s="6" t="s">
        <v>403</v>
      </c>
      <c r="H921" s="6" t="s">
        <v>404</v>
      </c>
      <c r="I921" s="7">
        <v>4.6802367</v>
      </c>
      <c r="J921" s="8">
        <v>-74.229671300000007</v>
      </c>
    </row>
    <row r="922" spans="1:10" x14ac:dyDescent="0.35">
      <c r="A922" s="5" t="s">
        <v>10</v>
      </c>
      <c r="B922" s="6">
        <v>216516</v>
      </c>
      <c r="C922" s="6" t="s">
        <v>11</v>
      </c>
      <c r="D922" s="6" t="s">
        <v>159</v>
      </c>
      <c r="E922" s="6">
        <v>25175</v>
      </c>
      <c r="F922" s="6" t="s">
        <v>13</v>
      </c>
      <c r="G922" s="6" t="s">
        <v>2086</v>
      </c>
      <c r="H922" s="6" t="s">
        <v>2087</v>
      </c>
      <c r="I922" s="7">
        <v>4.8531700000000004</v>
      </c>
      <c r="J922" s="8">
        <v>-74.049707999999995</v>
      </c>
    </row>
    <row r="923" spans="1:10" x14ac:dyDescent="0.35">
      <c r="A923" s="5" t="s">
        <v>10</v>
      </c>
      <c r="B923" s="6">
        <v>211931</v>
      </c>
      <c r="C923" s="6" t="s">
        <v>16</v>
      </c>
      <c r="D923" s="6" t="s">
        <v>17</v>
      </c>
      <c r="E923" s="6">
        <v>68679</v>
      </c>
      <c r="F923" s="6" t="s">
        <v>18</v>
      </c>
      <c r="G923" s="6" t="s">
        <v>2088</v>
      </c>
      <c r="H923" s="6" t="s">
        <v>2089</v>
      </c>
      <c r="I923" s="7">
        <v>6.554824</v>
      </c>
      <c r="J923" s="8">
        <v>-73.134119999999996</v>
      </c>
    </row>
    <row r="924" spans="1:10" x14ac:dyDescent="0.35">
      <c r="A924" s="5" t="s">
        <v>10</v>
      </c>
      <c r="B924" s="6">
        <v>222807</v>
      </c>
      <c r="C924" s="6" t="s">
        <v>38</v>
      </c>
      <c r="D924" s="6" t="s">
        <v>39</v>
      </c>
      <c r="E924" s="6">
        <v>19001</v>
      </c>
      <c r="F924" s="6" t="s">
        <v>18</v>
      </c>
      <c r="G924" s="6" t="s">
        <v>2090</v>
      </c>
      <c r="H924" s="6" t="s">
        <v>2091</v>
      </c>
      <c r="I924" s="7">
        <v>2.4362537</v>
      </c>
      <c r="J924" s="8">
        <v>-76.609965000000003</v>
      </c>
    </row>
    <row r="925" spans="1:10" x14ac:dyDescent="0.35">
      <c r="A925" s="5" t="s">
        <v>10</v>
      </c>
      <c r="B925" s="6">
        <v>213396</v>
      </c>
      <c r="C925" s="6" t="s">
        <v>24</v>
      </c>
      <c r="D925" s="6" t="s">
        <v>683</v>
      </c>
      <c r="E925" s="6">
        <v>15861</v>
      </c>
      <c r="F925" s="6" t="s">
        <v>18</v>
      </c>
      <c r="G925" s="6" t="s">
        <v>2092</v>
      </c>
      <c r="H925" s="6" t="s">
        <v>2093</v>
      </c>
      <c r="I925" s="7">
        <v>5.3667211999999997</v>
      </c>
      <c r="J925" s="8">
        <v>-73.520965199999907</v>
      </c>
    </row>
    <row r="926" spans="1:10" x14ac:dyDescent="0.35">
      <c r="A926" s="5" t="s">
        <v>10</v>
      </c>
      <c r="B926" s="6">
        <v>190474</v>
      </c>
      <c r="C926" s="6" t="s">
        <v>11</v>
      </c>
      <c r="D926" s="6" t="s">
        <v>101</v>
      </c>
      <c r="E926" s="6">
        <v>25473</v>
      </c>
      <c r="F926" s="6" t="s">
        <v>13</v>
      </c>
      <c r="G926" s="6" t="s">
        <v>160</v>
      </c>
      <c r="H926" s="6" t="s">
        <v>2094</v>
      </c>
      <c r="I926" s="7">
        <v>4.7069362000000003</v>
      </c>
      <c r="J926" s="8">
        <v>-74.215644900000001</v>
      </c>
    </row>
    <row r="927" spans="1:10" x14ac:dyDescent="0.35">
      <c r="A927" s="5" t="s">
        <v>10</v>
      </c>
      <c r="B927" s="6">
        <v>189738</v>
      </c>
      <c r="C927" s="6" t="s">
        <v>24</v>
      </c>
      <c r="D927" s="6" t="s">
        <v>88</v>
      </c>
      <c r="E927" s="6">
        <v>15001</v>
      </c>
      <c r="F927" s="6" t="s">
        <v>13</v>
      </c>
      <c r="G927" s="6" t="s">
        <v>2095</v>
      </c>
      <c r="H927" s="6" t="s">
        <v>2096</v>
      </c>
      <c r="I927" s="7">
        <v>5.5317452999999999</v>
      </c>
      <c r="J927" s="8">
        <v>-73.363511700000004</v>
      </c>
    </row>
    <row r="928" spans="1:10" x14ac:dyDescent="0.35">
      <c r="A928" s="5" t="s">
        <v>10</v>
      </c>
      <c r="B928" s="6">
        <v>203970</v>
      </c>
      <c r="C928" s="6" t="s">
        <v>55</v>
      </c>
      <c r="D928" s="6" t="s">
        <v>56</v>
      </c>
      <c r="E928" s="6">
        <v>73001</v>
      </c>
      <c r="F928" s="6" t="s">
        <v>18</v>
      </c>
      <c r="G928" s="6" t="s">
        <v>2097</v>
      </c>
      <c r="H928" s="6" t="s">
        <v>2098</v>
      </c>
      <c r="I928" s="7">
        <v>4.4447263000000001</v>
      </c>
      <c r="J928" s="8">
        <v>-75.212388099999998</v>
      </c>
    </row>
    <row r="929" spans="1:10" x14ac:dyDescent="0.35">
      <c r="A929" s="5" t="s">
        <v>10</v>
      </c>
      <c r="B929" s="6">
        <v>182682</v>
      </c>
      <c r="C929" s="6" t="s">
        <v>55</v>
      </c>
      <c r="D929" s="6" t="s">
        <v>56</v>
      </c>
      <c r="E929" s="6">
        <v>73001</v>
      </c>
      <c r="F929" s="6" t="s">
        <v>18</v>
      </c>
      <c r="G929" s="6" t="s">
        <v>2099</v>
      </c>
      <c r="H929" s="6" t="s">
        <v>2100</v>
      </c>
      <c r="I929" s="7">
        <v>4.4435422999999998</v>
      </c>
      <c r="J929" s="8">
        <v>-75.233708399999998</v>
      </c>
    </row>
    <row r="930" spans="1:10" x14ac:dyDescent="0.35">
      <c r="A930" s="5" t="s">
        <v>10</v>
      </c>
      <c r="B930" s="6">
        <v>177668</v>
      </c>
      <c r="C930" s="6" t="s">
        <v>42</v>
      </c>
      <c r="D930" s="6" t="s">
        <v>2101</v>
      </c>
      <c r="E930" s="6">
        <v>17665</v>
      </c>
      <c r="F930" s="6" t="s">
        <v>18</v>
      </c>
      <c r="G930" s="6" t="s">
        <v>2102</v>
      </c>
      <c r="H930" s="6" t="s">
        <v>2103</v>
      </c>
      <c r="I930" s="7">
        <v>5.0814048999999999</v>
      </c>
      <c r="J930" s="8">
        <v>-75.791525199999995</v>
      </c>
    </row>
    <row r="931" spans="1:10" x14ac:dyDescent="0.35">
      <c r="A931" s="5" t="s">
        <v>10</v>
      </c>
      <c r="B931" s="6">
        <v>212943</v>
      </c>
      <c r="C931" s="6" t="s">
        <v>11</v>
      </c>
      <c r="D931" s="6" t="s">
        <v>454</v>
      </c>
      <c r="E931" s="6">
        <v>25594</v>
      </c>
      <c r="F931" s="6" t="s">
        <v>18</v>
      </c>
      <c r="G931" s="6" t="s">
        <v>2104</v>
      </c>
      <c r="H931" s="6" t="s">
        <v>2105</v>
      </c>
      <c r="I931" s="7">
        <v>4.3299799999999999</v>
      </c>
      <c r="J931" s="8">
        <v>-73.863182999999907</v>
      </c>
    </row>
    <row r="932" spans="1:10" x14ac:dyDescent="0.35">
      <c r="A932" s="5" t="s">
        <v>10</v>
      </c>
      <c r="B932" s="6">
        <v>189674</v>
      </c>
      <c r="C932" s="6" t="s">
        <v>24</v>
      </c>
      <c r="D932" s="6" t="s">
        <v>137</v>
      </c>
      <c r="E932" s="6">
        <v>15238</v>
      </c>
      <c r="F932" s="6" t="s">
        <v>13</v>
      </c>
      <c r="G932" s="6" t="s">
        <v>2106</v>
      </c>
      <c r="H932" s="6" t="s">
        <v>2107</v>
      </c>
      <c r="I932" s="7">
        <v>5.8271258000000001</v>
      </c>
      <c r="J932" s="8">
        <v>-73.035925700000007</v>
      </c>
    </row>
    <row r="933" spans="1:10" x14ac:dyDescent="0.35">
      <c r="A933" s="5" t="s">
        <v>10</v>
      </c>
      <c r="B933" s="6">
        <v>239845</v>
      </c>
      <c r="C933" s="6" t="s">
        <v>109</v>
      </c>
      <c r="D933" s="6" t="s">
        <v>1039</v>
      </c>
      <c r="E933" s="6">
        <v>13468</v>
      </c>
      <c r="F933" s="6" t="s">
        <v>18</v>
      </c>
      <c r="G933" s="6" t="s">
        <v>2108</v>
      </c>
      <c r="H933" s="6" t="s">
        <v>2109</v>
      </c>
      <c r="I933" s="7">
        <v>9.2396547000000009</v>
      </c>
      <c r="J933" s="8">
        <v>-74.425444499999998</v>
      </c>
    </row>
    <row r="934" spans="1:10" x14ac:dyDescent="0.35">
      <c r="A934" s="5" t="s">
        <v>10</v>
      </c>
      <c r="B934" s="6">
        <v>240397</v>
      </c>
      <c r="C934" s="6" t="s">
        <v>24</v>
      </c>
      <c r="D934" s="6" t="s">
        <v>2110</v>
      </c>
      <c r="E934" s="6">
        <v>15244</v>
      </c>
      <c r="F934" s="6" t="s">
        <v>18</v>
      </c>
      <c r="G934" s="6" t="s">
        <v>2111</v>
      </c>
      <c r="H934" s="6" t="s">
        <v>2112</v>
      </c>
      <c r="I934" s="7">
        <v>6.4097828000000003</v>
      </c>
      <c r="J934" s="8">
        <v>-72.445899600000004</v>
      </c>
    </row>
    <row r="935" spans="1:10" x14ac:dyDescent="0.35">
      <c r="A935" s="5" t="s">
        <v>10</v>
      </c>
      <c r="B935" s="6">
        <v>243817</v>
      </c>
      <c r="C935" s="6" t="s">
        <v>28</v>
      </c>
      <c r="D935" s="6" t="s">
        <v>29</v>
      </c>
      <c r="E935" s="6">
        <v>54001</v>
      </c>
      <c r="F935" s="6" t="s">
        <v>18</v>
      </c>
      <c r="G935" s="6" t="s">
        <v>2113</v>
      </c>
      <c r="H935" s="6" t="s">
        <v>2114</v>
      </c>
      <c r="I935" s="7">
        <v>7.8927152999999999</v>
      </c>
      <c r="J935" s="8">
        <v>-72.499454799999995</v>
      </c>
    </row>
    <row r="936" spans="1:10" x14ac:dyDescent="0.35">
      <c r="A936" s="5" t="s">
        <v>10</v>
      </c>
      <c r="B936" s="6">
        <v>238135</v>
      </c>
      <c r="C936" s="6" t="s">
        <v>466</v>
      </c>
      <c r="D936" s="6" t="s">
        <v>467</v>
      </c>
      <c r="E936" s="6">
        <v>81736</v>
      </c>
      <c r="F936" s="6" t="s">
        <v>18</v>
      </c>
      <c r="G936" s="6" t="s">
        <v>2115</v>
      </c>
      <c r="H936" s="6" t="s">
        <v>2116</v>
      </c>
      <c r="I936" s="7">
        <v>6.9554273000000002</v>
      </c>
      <c r="J936" s="8">
        <v>-71.875279500000005</v>
      </c>
    </row>
    <row r="937" spans="1:10" x14ac:dyDescent="0.35">
      <c r="A937" s="5" t="s">
        <v>10</v>
      </c>
      <c r="B937" s="6">
        <v>204734</v>
      </c>
      <c r="C937" s="6" t="s">
        <v>38</v>
      </c>
      <c r="D937" s="6" t="s">
        <v>39</v>
      </c>
      <c r="E937" s="6">
        <v>19001</v>
      </c>
      <c r="F937" s="6" t="s">
        <v>18</v>
      </c>
      <c r="G937" s="6" t="s">
        <v>2117</v>
      </c>
      <c r="H937" s="6" t="s">
        <v>2118</v>
      </c>
      <c r="I937" s="7">
        <v>2.4802495000000002</v>
      </c>
      <c r="J937" s="8">
        <v>-76.579234200000002</v>
      </c>
    </row>
    <row r="938" spans="1:10" x14ac:dyDescent="0.35">
      <c r="A938" s="5" t="s">
        <v>10</v>
      </c>
      <c r="B938" s="6">
        <v>243486</v>
      </c>
      <c r="C938" s="6" t="s">
        <v>61</v>
      </c>
      <c r="D938" s="6" t="s">
        <v>62</v>
      </c>
      <c r="E938" s="6">
        <v>63001</v>
      </c>
      <c r="F938" s="6" t="s">
        <v>18</v>
      </c>
      <c r="G938" s="6" t="s">
        <v>2119</v>
      </c>
      <c r="H938" s="6" t="s">
        <v>2120</v>
      </c>
      <c r="I938" s="7">
        <v>4.5530951999999996</v>
      </c>
      <c r="J938" s="8">
        <v>-75.657756300000003</v>
      </c>
    </row>
    <row r="939" spans="1:10" x14ac:dyDescent="0.35">
      <c r="A939" s="5" t="s">
        <v>10</v>
      </c>
      <c r="B939" s="6">
        <v>227305</v>
      </c>
      <c r="C939" s="6" t="s">
        <v>42</v>
      </c>
      <c r="D939" s="6" t="s">
        <v>43</v>
      </c>
      <c r="E939" s="6">
        <v>17001</v>
      </c>
      <c r="F939" s="6" t="s">
        <v>18</v>
      </c>
      <c r="G939" s="6" t="s">
        <v>2121</v>
      </c>
      <c r="H939" s="6" t="s">
        <v>2122</v>
      </c>
      <c r="I939" s="7">
        <v>5.0726950000000004</v>
      </c>
      <c r="J939" s="8">
        <v>-75.499665299999904</v>
      </c>
    </row>
    <row r="940" spans="1:10" x14ac:dyDescent="0.35">
      <c r="A940" s="5" t="s">
        <v>10</v>
      </c>
      <c r="B940" s="6">
        <v>231266</v>
      </c>
      <c r="C940" s="6" t="s">
        <v>68</v>
      </c>
      <c r="D940" s="6" t="s">
        <v>69</v>
      </c>
      <c r="E940" s="6">
        <v>11001</v>
      </c>
      <c r="F940" s="6" t="s">
        <v>18</v>
      </c>
      <c r="G940" s="6" t="s">
        <v>2123</v>
      </c>
      <c r="H940" s="6" t="s">
        <v>2124</v>
      </c>
      <c r="I940" s="7">
        <v>4.6289610000000003</v>
      </c>
      <c r="J940" s="8">
        <v>-74.198402999999999</v>
      </c>
    </row>
    <row r="941" spans="1:10" x14ac:dyDescent="0.35">
      <c r="A941" s="5" t="s">
        <v>10</v>
      </c>
      <c r="B941" s="6">
        <v>232865</v>
      </c>
      <c r="C941" s="6" t="s">
        <v>68</v>
      </c>
      <c r="D941" s="6" t="s">
        <v>69</v>
      </c>
      <c r="E941" s="6">
        <v>11001</v>
      </c>
      <c r="F941" s="6" t="s">
        <v>18</v>
      </c>
      <c r="G941" s="6" t="s">
        <v>2125</v>
      </c>
      <c r="H941" s="6" t="s">
        <v>2126</v>
      </c>
      <c r="I941" s="7">
        <v>4.6212600000000004</v>
      </c>
      <c r="J941" s="8">
        <v>-74.066659999999999</v>
      </c>
    </row>
    <row r="942" spans="1:10" x14ac:dyDescent="0.35">
      <c r="A942" s="5" t="s">
        <v>10</v>
      </c>
      <c r="B942" s="6">
        <v>131159</v>
      </c>
      <c r="C942" s="6" t="s">
        <v>28</v>
      </c>
      <c r="D942" s="6" t="s">
        <v>29</v>
      </c>
      <c r="E942" s="6">
        <v>54001</v>
      </c>
      <c r="F942" s="6" t="s">
        <v>13</v>
      </c>
      <c r="G942" s="6" t="s">
        <v>50</v>
      </c>
      <c r="H942" s="6" t="s">
        <v>2127</v>
      </c>
      <c r="I942" s="7">
        <v>7.8944524999999999</v>
      </c>
      <c r="J942" s="8">
        <v>-72.496587000000005</v>
      </c>
    </row>
    <row r="943" spans="1:10" x14ac:dyDescent="0.35">
      <c r="A943" s="5" t="s">
        <v>10</v>
      </c>
      <c r="B943" s="6">
        <v>230848</v>
      </c>
      <c r="C943" s="6" t="s">
        <v>11</v>
      </c>
      <c r="D943" s="6" t="s">
        <v>997</v>
      </c>
      <c r="E943" s="6">
        <v>25599</v>
      </c>
      <c r="F943" s="6" t="s">
        <v>18</v>
      </c>
      <c r="G943" s="6" t="s">
        <v>2128</v>
      </c>
      <c r="H943" s="6" t="s">
        <v>2129</v>
      </c>
      <c r="I943" s="7">
        <v>4.5571881000000003</v>
      </c>
      <c r="J943" s="8">
        <v>-74.528768200000002</v>
      </c>
    </row>
    <row r="944" spans="1:10" x14ac:dyDescent="0.35">
      <c r="A944" s="5" t="s">
        <v>10</v>
      </c>
      <c r="B944" s="6">
        <v>205908</v>
      </c>
      <c r="C944" s="6" t="s">
        <v>2130</v>
      </c>
      <c r="D944" s="6" t="s">
        <v>2131</v>
      </c>
      <c r="E944" s="6">
        <v>85001</v>
      </c>
      <c r="F944" s="6" t="s">
        <v>18</v>
      </c>
      <c r="G944" s="6" t="s">
        <v>2132</v>
      </c>
      <c r="H944" s="6" t="s">
        <v>2133</v>
      </c>
      <c r="I944" s="7">
        <v>5.3485959999999997</v>
      </c>
      <c r="J944" s="8">
        <v>-72.402031999999906</v>
      </c>
    </row>
    <row r="945" spans="1:10" x14ac:dyDescent="0.35">
      <c r="A945" s="5" t="s">
        <v>10</v>
      </c>
      <c r="B945" s="6">
        <v>219184</v>
      </c>
      <c r="C945" s="6" t="s">
        <v>55</v>
      </c>
      <c r="D945" s="6" t="s">
        <v>56</v>
      </c>
      <c r="E945" s="6">
        <v>73001</v>
      </c>
      <c r="F945" s="6" t="s">
        <v>18</v>
      </c>
      <c r="G945" s="6" t="s">
        <v>2134</v>
      </c>
      <c r="H945" s="6" t="s">
        <v>2135</v>
      </c>
      <c r="I945" s="7">
        <v>4.4387638000000003</v>
      </c>
      <c r="J945" s="8">
        <v>-75.212353800000002</v>
      </c>
    </row>
    <row r="946" spans="1:10" x14ac:dyDescent="0.35">
      <c r="A946" s="5" t="s">
        <v>10</v>
      </c>
      <c r="B946" s="6">
        <v>192337</v>
      </c>
      <c r="C946" s="6" t="s">
        <v>24</v>
      </c>
      <c r="D946" s="6" t="s">
        <v>1366</v>
      </c>
      <c r="E946" s="6">
        <v>15051</v>
      </c>
      <c r="F946" s="6" t="s">
        <v>18</v>
      </c>
      <c r="G946" s="6" t="s">
        <v>2136</v>
      </c>
      <c r="H946" s="6" t="s">
        <v>2137</v>
      </c>
      <c r="I946" s="7">
        <v>5.7550441999999897</v>
      </c>
      <c r="J946" s="8">
        <v>-73.436718999999997</v>
      </c>
    </row>
    <row r="947" spans="1:10" x14ac:dyDescent="0.35">
      <c r="A947" s="5" t="s">
        <v>10</v>
      </c>
      <c r="B947" s="6">
        <v>229818</v>
      </c>
      <c r="C947" s="6" t="s">
        <v>55</v>
      </c>
      <c r="D947" s="6" t="s">
        <v>56</v>
      </c>
      <c r="E947" s="6">
        <v>73001</v>
      </c>
      <c r="F947" s="6" t="s">
        <v>18</v>
      </c>
      <c r="G947" s="6" t="s">
        <v>2138</v>
      </c>
      <c r="H947" s="6" t="s">
        <v>2139</v>
      </c>
      <c r="I947" s="7">
        <v>4.4365209999999999</v>
      </c>
      <c r="J947" s="8">
        <v>-75.160078499999997</v>
      </c>
    </row>
    <row r="948" spans="1:10" x14ac:dyDescent="0.35">
      <c r="A948" s="5" t="s">
        <v>10</v>
      </c>
      <c r="B948" s="6">
        <v>190313</v>
      </c>
      <c r="C948" s="6" t="s">
        <v>68</v>
      </c>
      <c r="D948" s="6" t="s">
        <v>69</v>
      </c>
      <c r="E948" s="6">
        <v>11001</v>
      </c>
      <c r="F948" s="6" t="s">
        <v>13</v>
      </c>
      <c r="G948" s="6" t="s">
        <v>2140</v>
      </c>
      <c r="H948" s="6" t="s">
        <v>2141</v>
      </c>
      <c r="I948" s="7">
        <v>4.5879953000000002</v>
      </c>
      <c r="J948" s="8">
        <v>-74.166222000000005</v>
      </c>
    </row>
    <row r="949" spans="1:10" x14ac:dyDescent="0.35">
      <c r="A949" s="5" t="s">
        <v>10</v>
      </c>
      <c r="B949" s="6">
        <v>230010</v>
      </c>
      <c r="C949" s="6" t="s">
        <v>109</v>
      </c>
      <c r="D949" s="6" t="s">
        <v>377</v>
      </c>
      <c r="E949" s="6">
        <v>13683</v>
      </c>
      <c r="F949" s="6" t="s">
        <v>18</v>
      </c>
      <c r="G949" s="6" t="s">
        <v>2142</v>
      </c>
      <c r="H949" s="6" t="s">
        <v>2143</v>
      </c>
      <c r="I949" s="7">
        <v>10.413346000000001</v>
      </c>
      <c r="J949" s="8">
        <v>-75.536508400000002</v>
      </c>
    </row>
    <row r="950" spans="1:10" x14ac:dyDescent="0.35">
      <c r="A950" s="5" t="s">
        <v>10</v>
      </c>
      <c r="B950" s="6">
        <v>182694</v>
      </c>
      <c r="C950" s="6" t="s">
        <v>55</v>
      </c>
      <c r="D950" s="6" t="s">
        <v>56</v>
      </c>
      <c r="E950" s="6">
        <v>73001</v>
      </c>
      <c r="F950" s="6" t="s">
        <v>18</v>
      </c>
      <c r="G950" s="6" t="s">
        <v>2144</v>
      </c>
      <c r="H950" s="6" t="s">
        <v>2145</v>
      </c>
      <c r="I950" s="7">
        <v>4.433935</v>
      </c>
      <c r="J950" s="8">
        <v>-75.201671599999997</v>
      </c>
    </row>
    <row r="951" spans="1:10" x14ac:dyDescent="0.35">
      <c r="A951" s="5" t="s">
        <v>10</v>
      </c>
      <c r="B951" s="6">
        <v>234409</v>
      </c>
      <c r="C951" s="6" t="s">
        <v>16</v>
      </c>
      <c r="D951" s="6" t="s">
        <v>903</v>
      </c>
      <c r="E951" s="6">
        <v>68051</v>
      </c>
      <c r="F951" s="6" t="s">
        <v>18</v>
      </c>
      <c r="G951" s="6" t="s">
        <v>2146</v>
      </c>
      <c r="H951" s="6" t="s">
        <v>2147</v>
      </c>
      <c r="I951" s="7">
        <v>6.6948239000000003</v>
      </c>
      <c r="J951" s="8">
        <v>-73.0161205</v>
      </c>
    </row>
    <row r="952" spans="1:10" x14ac:dyDescent="0.35">
      <c r="A952" s="5" t="s">
        <v>10</v>
      </c>
      <c r="B952" s="6">
        <v>190710</v>
      </c>
      <c r="C952" s="6" t="s">
        <v>11</v>
      </c>
      <c r="D952" s="6" t="s">
        <v>407</v>
      </c>
      <c r="E952" s="6">
        <v>25126</v>
      </c>
      <c r="F952" s="6" t="s">
        <v>18</v>
      </c>
      <c r="G952" s="6" t="s">
        <v>876</v>
      </c>
      <c r="H952" s="6" t="s">
        <v>2148</v>
      </c>
      <c r="I952" s="7">
        <v>4.9187216999999999</v>
      </c>
      <c r="J952" s="8">
        <v>-74.022556999999907</v>
      </c>
    </row>
    <row r="953" spans="1:10" x14ac:dyDescent="0.35">
      <c r="A953" s="5" t="s">
        <v>10</v>
      </c>
      <c r="B953" s="6">
        <v>235280</v>
      </c>
      <c r="C953" s="6" t="s">
        <v>28</v>
      </c>
      <c r="D953" s="6" t="s">
        <v>29</v>
      </c>
      <c r="E953" s="6">
        <v>54001</v>
      </c>
      <c r="F953" s="6" t="s">
        <v>18</v>
      </c>
      <c r="G953" s="6" t="s">
        <v>2149</v>
      </c>
      <c r="H953" s="6" t="s">
        <v>2150</v>
      </c>
      <c r="I953" s="7">
        <v>7.8847322999999996</v>
      </c>
      <c r="J953" s="8">
        <v>-72.487094799999994</v>
      </c>
    </row>
    <row r="954" spans="1:10" x14ac:dyDescent="0.35">
      <c r="A954" s="5" t="s">
        <v>10</v>
      </c>
      <c r="B954" s="6">
        <v>201323</v>
      </c>
      <c r="C954" s="6" t="s">
        <v>28</v>
      </c>
      <c r="D954" s="6" t="s">
        <v>322</v>
      </c>
      <c r="E954" s="6">
        <v>54405</v>
      </c>
      <c r="F954" s="6" t="s">
        <v>18</v>
      </c>
      <c r="G954" s="6" t="s">
        <v>2151</v>
      </c>
      <c r="H954" s="6" t="s">
        <v>2152</v>
      </c>
      <c r="I954" s="7">
        <v>7.8140700000000001</v>
      </c>
      <c r="J954" s="8">
        <v>-72.512309999999999</v>
      </c>
    </row>
    <row r="955" spans="1:10" x14ac:dyDescent="0.35">
      <c r="A955" s="5" t="s">
        <v>10</v>
      </c>
      <c r="B955" s="6">
        <v>183630</v>
      </c>
      <c r="C955" s="6" t="s">
        <v>28</v>
      </c>
      <c r="D955" s="6" t="s">
        <v>322</v>
      </c>
      <c r="E955" s="6">
        <v>54405</v>
      </c>
      <c r="F955" s="6" t="s">
        <v>18</v>
      </c>
      <c r="G955" s="6" t="s">
        <v>2153</v>
      </c>
      <c r="H955" s="6" t="s">
        <v>2154</v>
      </c>
      <c r="I955" s="7">
        <v>7.8331761999999996</v>
      </c>
      <c r="J955" s="8">
        <v>-72.504398499999994</v>
      </c>
    </row>
    <row r="956" spans="1:10" x14ac:dyDescent="0.35">
      <c r="A956" s="5" t="s">
        <v>10</v>
      </c>
      <c r="B956" s="6">
        <v>215365</v>
      </c>
      <c r="C956" s="6" t="s">
        <v>42</v>
      </c>
      <c r="D956" s="6" t="s">
        <v>43</v>
      </c>
      <c r="E956" s="6">
        <v>17001</v>
      </c>
      <c r="F956" s="6" t="s">
        <v>18</v>
      </c>
      <c r="G956" s="6" t="s">
        <v>2155</v>
      </c>
      <c r="H956" s="6" t="s">
        <v>2156</v>
      </c>
      <c r="I956" s="7">
        <v>5.0717669999999897</v>
      </c>
      <c r="J956" s="8">
        <v>-75.499848900000003</v>
      </c>
    </row>
    <row r="957" spans="1:10" x14ac:dyDescent="0.35">
      <c r="A957" s="5" t="s">
        <v>10</v>
      </c>
      <c r="B957" s="6">
        <v>217469</v>
      </c>
      <c r="C957" s="6" t="s">
        <v>61</v>
      </c>
      <c r="D957" s="6" t="s">
        <v>62</v>
      </c>
      <c r="E957" s="6">
        <v>63001</v>
      </c>
      <c r="F957" s="6" t="s">
        <v>18</v>
      </c>
      <c r="G957" s="6" t="s">
        <v>2157</v>
      </c>
      <c r="H957" s="6" t="s">
        <v>2158</v>
      </c>
      <c r="I957" s="7">
        <v>4.5350003999999897</v>
      </c>
      <c r="J957" s="8">
        <v>-75.675688800000003</v>
      </c>
    </row>
    <row r="958" spans="1:10" x14ac:dyDescent="0.35">
      <c r="A958" s="5" t="s">
        <v>10</v>
      </c>
      <c r="B958" s="6">
        <v>231752</v>
      </c>
      <c r="C958" s="6" t="s">
        <v>42</v>
      </c>
      <c r="D958" s="6" t="s">
        <v>43</v>
      </c>
      <c r="E958" s="6">
        <v>17001</v>
      </c>
      <c r="F958" s="6" t="s">
        <v>18</v>
      </c>
      <c r="G958" s="6" t="s">
        <v>2159</v>
      </c>
      <c r="H958" s="6" t="s">
        <v>2160</v>
      </c>
      <c r="I958" s="7">
        <v>5.0655320000000001</v>
      </c>
      <c r="J958" s="8">
        <v>-75.499759999999995</v>
      </c>
    </row>
    <row r="959" spans="1:10" x14ac:dyDescent="0.35">
      <c r="A959" s="5" t="s">
        <v>10</v>
      </c>
      <c r="B959" s="6">
        <v>226065</v>
      </c>
      <c r="C959" s="6" t="s">
        <v>61</v>
      </c>
      <c r="D959" s="6" t="s">
        <v>62</v>
      </c>
      <c r="E959" s="6">
        <v>63001</v>
      </c>
      <c r="F959" s="6" t="s">
        <v>2161</v>
      </c>
      <c r="G959" s="6" t="s">
        <v>2162</v>
      </c>
      <c r="H959" s="6" t="s">
        <v>2163</v>
      </c>
      <c r="I959" s="7">
        <v>4.5349830000000004</v>
      </c>
      <c r="J959" s="8">
        <v>-75.675716299999905</v>
      </c>
    </row>
    <row r="960" spans="1:10" x14ac:dyDescent="0.35">
      <c r="A960" s="5" t="s">
        <v>10</v>
      </c>
      <c r="B960" s="6">
        <v>217202</v>
      </c>
      <c r="C960" s="6" t="s">
        <v>366</v>
      </c>
      <c r="D960" s="6" t="s">
        <v>367</v>
      </c>
      <c r="E960" s="6">
        <v>44430</v>
      </c>
      <c r="F960" s="6" t="s">
        <v>18</v>
      </c>
      <c r="G960" s="6" t="s">
        <v>2164</v>
      </c>
      <c r="H960" s="6" t="s">
        <v>2165</v>
      </c>
      <c r="I960" s="7">
        <v>11.380054299999999</v>
      </c>
      <c r="J960" s="8">
        <v>-72.242246499999993</v>
      </c>
    </row>
    <row r="961" spans="1:10" x14ac:dyDescent="0.35">
      <c r="A961" s="5" t="s">
        <v>10</v>
      </c>
      <c r="B961" s="6">
        <v>187696</v>
      </c>
      <c r="C961" s="6" t="s">
        <v>16</v>
      </c>
      <c r="D961" s="6" t="s">
        <v>2166</v>
      </c>
      <c r="E961" s="6">
        <v>68092</v>
      </c>
      <c r="F961" s="6" t="s">
        <v>18</v>
      </c>
      <c r="G961" s="6" t="s">
        <v>2167</v>
      </c>
      <c r="H961" s="6" t="s">
        <v>2168</v>
      </c>
      <c r="I961" s="7">
        <v>6.8994819999999999</v>
      </c>
      <c r="J961" s="8">
        <v>-73.283677999999995</v>
      </c>
    </row>
    <row r="962" spans="1:10" x14ac:dyDescent="0.35">
      <c r="A962" s="5" t="s">
        <v>10</v>
      </c>
      <c r="B962" s="6">
        <v>205021</v>
      </c>
      <c r="C962" s="6" t="s">
        <v>55</v>
      </c>
      <c r="D962" s="6" t="s">
        <v>56</v>
      </c>
      <c r="E962" s="6">
        <v>73001</v>
      </c>
      <c r="F962" s="6" t="s">
        <v>18</v>
      </c>
      <c r="G962" s="6" t="s">
        <v>2169</v>
      </c>
      <c r="H962" s="6" t="s">
        <v>2170</v>
      </c>
      <c r="I962" s="7">
        <v>4.4446759999999896</v>
      </c>
      <c r="J962" s="8">
        <v>-75.242437999999893</v>
      </c>
    </row>
    <row r="963" spans="1:10" x14ac:dyDescent="0.35">
      <c r="A963" s="5" t="s">
        <v>10</v>
      </c>
      <c r="B963" s="6">
        <v>241265</v>
      </c>
      <c r="C963" s="6" t="s">
        <v>55</v>
      </c>
      <c r="D963" s="6" t="s">
        <v>56</v>
      </c>
      <c r="E963" s="6">
        <v>73001</v>
      </c>
      <c r="F963" s="6" t="s">
        <v>18</v>
      </c>
      <c r="G963" s="6" t="s">
        <v>2171</v>
      </c>
      <c r="H963" s="6" t="s">
        <v>2172</v>
      </c>
      <c r="I963" s="7">
        <v>4.4456414000000004</v>
      </c>
      <c r="J963" s="8">
        <v>-75.243801399999995</v>
      </c>
    </row>
    <row r="964" spans="1:10" x14ac:dyDescent="0.35">
      <c r="A964" s="5" t="s">
        <v>10</v>
      </c>
      <c r="B964" s="6">
        <v>248014</v>
      </c>
      <c r="C964" s="6" t="s">
        <v>24</v>
      </c>
      <c r="D964" s="6" t="s">
        <v>202</v>
      </c>
      <c r="E964" s="6">
        <v>15806</v>
      </c>
      <c r="F964" s="6" t="s">
        <v>18</v>
      </c>
      <c r="G964" s="6" t="s">
        <v>2173</v>
      </c>
      <c r="H964" s="6" t="s">
        <v>2174</v>
      </c>
      <c r="I964" s="7">
        <v>5.8095154999999998</v>
      </c>
      <c r="J964" s="8">
        <v>-73.014664699999997</v>
      </c>
    </row>
    <row r="965" spans="1:10" x14ac:dyDescent="0.35">
      <c r="A965" s="5" t="s">
        <v>10</v>
      </c>
      <c r="B965" s="6">
        <v>183629</v>
      </c>
      <c r="C965" s="6" t="s">
        <v>28</v>
      </c>
      <c r="D965" s="6" t="s">
        <v>2175</v>
      </c>
      <c r="E965" s="6">
        <v>54250</v>
      </c>
      <c r="F965" s="6" t="s">
        <v>18</v>
      </c>
      <c r="G965" s="6" t="s">
        <v>2176</v>
      </c>
      <c r="H965" s="6" t="s">
        <v>2177</v>
      </c>
      <c r="I965" s="7">
        <v>8.5745100000000001</v>
      </c>
      <c r="J965" s="8">
        <v>-73.093389999999999</v>
      </c>
    </row>
    <row r="966" spans="1:10" x14ac:dyDescent="0.35">
      <c r="A966" s="5" t="s">
        <v>10</v>
      </c>
      <c r="B966" s="6">
        <v>246440</v>
      </c>
      <c r="C966" s="6" t="s">
        <v>28</v>
      </c>
      <c r="D966" s="6" t="s">
        <v>29</v>
      </c>
      <c r="E966" s="6">
        <v>54001</v>
      </c>
      <c r="F966" s="6" t="s">
        <v>18</v>
      </c>
      <c r="G966" s="6" t="s">
        <v>2178</v>
      </c>
      <c r="H966" s="6" t="s">
        <v>2179</v>
      </c>
      <c r="I966" s="7">
        <v>7.9424758999999998</v>
      </c>
      <c r="J966" s="8">
        <v>-72.499743800000005</v>
      </c>
    </row>
    <row r="967" spans="1:10" x14ac:dyDescent="0.35">
      <c r="A967" s="5" t="s">
        <v>10</v>
      </c>
      <c r="B967" s="6">
        <v>246252</v>
      </c>
      <c r="C967" s="6" t="s">
        <v>28</v>
      </c>
      <c r="D967" s="6" t="s">
        <v>489</v>
      </c>
      <c r="E967" s="6">
        <v>54172</v>
      </c>
      <c r="F967" s="6" t="s">
        <v>18</v>
      </c>
      <c r="G967" s="6" t="s">
        <v>2180</v>
      </c>
      <c r="H967" s="6" t="s">
        <v>2181</v>
      </c>
      <c r="I967" s="7">
        <v>7.6071073</v>
      </c>
      <c r="J967" s="8">
        <v>-72.601631100000006</v>
      </c>
    </row>
    <row r="968" spans="1:10" x14ac:dyDescent="0.35">
      <c r="A968" s="5" t="s">
        <v>10</v>
      </c>
      <c r="B968" s="6">
        <v>214132</v>
      </c>
      <c r="C968" s="6" t="s">
        <v>42</v>
      </c>
      <c r="D968" s="6" t="s">
        <v>396</v>
      </c>
      <c r="E968" s="6">
        <v>17380</v>
      </c>
      <c r="F968" s="6" t="s">
        <v>18</v>
      </c>
      <c r="G968" s="6" t="s">
        <v>2182</v>
      </c>
      <c r="H968" s="6" t="s">
        <v>2183</v>
      </c>
      <c r="I968" s="7">
        <v>5.3153220000000001</v>
      </c>
      <c r="J968" s="8">
        <v>-74.912924799999999</v>
      </c>
    </row>
    <row r="969" spans="1:10" x14ac:dyDescent="0.35">
      <c r="A969" s="5" t="s">
        <v>10</v>
      </c>
      <c r="B969" s="6">
        <v>214162</v>
      </c>
      <c r="C969" s="6" t="s">
        <v>55</v>
      </c>
      <c r="D969" s="6" t="s">
        <v>56</v>
      </c>
      <c r="E969" s="6">
        <v>73001</v>
      </c>
      <c r="F969" s="6" t="s">
        <v>18</v>
      </c>
      <c r="G969" s="6" t="s">
        <v>2184</v>
      </c>
      <c r="H969" s="6" t="s">
        <v>2185</v>
      </c>
      <c r="I969" s="7">
        <v>4.4446759999999896</v>
      </c>
      <c r="J969" s="8">
        <v>-75.242437999999893</v>
      </c>
    </row>
    <row r="970" spans="1:10" x14ac:dyDescent="0.35">
      <c r="A970" s="5" t="s">
        <v>10</v>
      </c>
      <c r="B970" s="6">
        <v>238628</v>
      </c>
      <c r="C970" s="6" t="s">
        <v>24</v>
      </c>
      <c r="D970" s="6" t="s">
        <v>282</v>
      </c>
      <c r="E970" s="6">
        <v>15407</v>
      </c>
      <c r="F970" s="6" t="s">
        <v>18</v>
      </c>
      <c r="G970" s="6" t="s">
        <v>2186</v>
      </c>
      <c r="H970" s="6" t="s">
        <v>2187</v>
      </c>
      <c r="I970" s="7">
        <v>5.6358898999999996</v>
      </c>
      <c r="J970" s="8">
        <v>-73.529349499999995</v>
      </c>
    </row>
    <row r="971" spans="1:10" x14ac:dyDescent="0.35">
      <c r="A971" s="5" t="s">
        <v>10</v>
      </c>
      <c r="B971" s="6">
        <v>180539</v>
      </c>
      <c r="C971" s="6" t="s">
        <v>68</v>
      </c>
      <c r="D971" s="6" t="s">
        <v>69</v>
      </c>
      <c r="E971" s="6">
        <v>11001</v>
      </c>
      <c r="F971" s="6" t="s">
        <v>13</v>
      </c>
      <c r="G971" s="6" t="s">
        <v>2188</v>
      </c>
      <c r="H971" s="6" t="s">
        <v>2189</v>
      </c>
      <c r="I971" s="7">
        <v>4.7369498999999999</v>
      </c>
      <c r="J971" s="8">
        <v>-74.084834099999995</v>
      </c>
    </row>
    <row r="972" spans="1:10" x14ac:dyDescent="0.35">
      <c r="A972" s="5" t="s">
        <v>10</v>
      </c>
      <c r="B972" s="6">
        <v>209965</v>
      </c>
      <c r="C972" s="6" t="s">
        <v>55</v>
      </c>
      <c r="D972" s="6" t="s">
        <v>56</v>
      </c>
      <c r="E972" s="6">
        <v>73001</v>
      </c>
      <c r="F972" s="6" t="s">
        <v>18</v>
      </c>
      <c r="G972" s="6" t="s">
        <v>2190</v>
      </c>
      <c r="H972" s="6" t="s">
        <v>2191</v>
      </c>
      <c r="I972" s="7">
        <v>4.4503472999999998</v>
      </c>
      <c r="J972" s="8">
        <v>-75.243354299999993</v>
      </c>
    </row>
    <row r="973" spans="1:10" x14ac:dyDescent="0.35">
      <c r="A973" s="5" t="s">
        <v>10</v>
      </c>
      <c r="B973" s="6">
        <v>239388</v>
      </c>
      <c r="C973" s="6" t="s">
        <v>24</v>
      </c>
      <c r="D973" s="6" t="s">
        <v>137</v>
      </c>
      <c r="E973" s="6">
        <v>15238</v>
      </c>
      <c r="F973" s="6" t="s">
        <v>18</v>
      </c>
      <c r="G973" s="6" t="s">
        <v>2192</v>
      </c>
      <c r="H973" s="6" t="s">
        <v>2193</v>
      </c>
      <c r="I973" s="7">
        <v>5.8208159999999998</v>
      </c>
      <c r="J973" s="8">
        <v>-73.024805499999999</v>
      </c>
    </row>
    <row r="974" spans="1:10" x14ac:dyDescent="0.35">
      <c r="A974" s="5" t="s">
        <v>10</v>
      </c>
      <c r="B974" s="6">
        <v>242779</v>
      </c>
      <c r="C974" s="6" t="s">
        <v>24</v>
      </c>
      <c r="D974" s="6" t="s">
        <v>88</v>
      </c>
      <c r="E974" s="6">
        <v>15001</v>
      </c>
      <c r="F974" s="6" t="s">
        <v>18</v>
      </c>
      <c r="G974" s="6" t="s">
        <v>2194</v>
      </c>
      <c r="H974" s="6" t="s">
        <v>2195</v>
      </c>
      <c r="I974" s="7">
        <v>5.5446422000000002</v>
      </c>
      <c r="J974" s="8">
        <v>-73.357557200000002</v>
      </c>
    </row>
    <row r="975" spans="1:10" x14ac:dyDescent="0.35">
      <c r="A975" s="5" t="s">
        <v>10</v>
      </c>
      <c r="B975" s="6">
        <v>181036</v>
      </c>
      <c r="C975" s="6" t="s">
        <v>24</v>
      </c>
      <c r="D975" s="6" t="s">
        <v>2196</v>
      </c>
      <c r="E975" s="6">
        <v>15723</v>
      </c>
      <c r="F975" s="6" t="s">
        <v>18</v>
      </c>
      <c r="G975" s="6" t="s">
        <v>2197</v>
      </c>
      <c r="H975" s="6" t="s">
        <v>2198</v>
      </c>
      <c r="I975" s="7">
        <v>6.0933165999999996</v>
      </c>
      <c r="J975" s="8">
        <v>-72.712592899999905</v>
      </c>
    </row>
    <row r="976" spans="1:10" x14ac:dyDescent="0.35">
      <c r="A976" s="5" t="s">
        <v>10</v>
      </c>
      <c r="B976" s="6">
        <v>214334</v>
      </c>
      <c r="C976" s="6" t="s">
        <v>24</v>
      </c>
      <c r="D976" s="6" t="s">
        <v>2199</v>
      </c>
      <c r="E976" s="6">
        <v>15507</v>
      </c>
      <c r="F976" s="6" t="s">
        <v>18</v>
      </c>
      <c r="G976" s="6" t="s">
        <v>2200</v>
      </c>
      <c r="H976" s="6" t="s">
        <v>2201</v>
      </c>
      <c r="I976" s="7">
        <v>5.6575463999999904</v>
      </c>
      <c r="J976" s="8">
        <v>-74.180609199999907</v>
      </c>
    </row>
    <row r="977" spans="1:10" x14ac:dyDescent="0.35">
      <c r="A977" s="5" t="s">
        <v>10</v>
      </c>
      <c r="B977" s="6">
        <v>179605</v>
      </c>
      <c r="C977" s="6" t="s">
        <v>16</v>
      </c>
      <c r="D977" s="6" t="s">
        <v>2202</v>
      </c>
      <c r="E977" s="6">
        <v>68615</v>
      </c>
      <c r="F977" s="6" t="s">
        <v>18</v>
      </c>
      <c r="G977" s="6" t="s">
        <v>2203</v>
      </c>
      <c r="H977" s="6" t="s">
        <v>2204</v>
      </c>
      <c r="I977" s="7">
        <v>11.2423039</v>
      </c>
      <c r="J977" s="8">
        <v>-74.210595499999997</v>
      </c>
    </row>
    <row r="978" spans="1:10" x14ac:dyDescent="0.35">
      <c r="A978" s="5" t="s">
        <v>10</v>
      </c>
      <c r="B978" s="6">
        <v>239403</v>
      </c>
      <c r="C978" s="6" t="s">
        <v>466</v>
      </c>
      <c r="D978" s="6" t="s">
        <v>1262</v>
      </c>
      <c r="E978" s="6">
        <v>81001</v>
      </c>
      <c r="F978" s="6" t="s">
        <v>18</v>
      </c>
      <c r="G978" s="6" t="s">
        <v>2205</v>
      </c>
      <c r="H978" s="6" t="s">
        <v>2206</v>
      </c>
      <c r="I978" s="7">
        <v>7.0834846000000002</v>
      </c>
      <c r="J978" s="8">
        <v>-70.756705999999994</v>
      </c>
    </row>
    <row r="979" spans="1:10" x14ac:dyDescent="0.35">
      <c r="A979" s="5" t="s">
        <v>10</v>
      </c>
      <c r="B979" s="6">
        <v>233366</v>
      </c>
      <c r="C979" s="6" t="s">
        <v>466</v>
      </c>
      <c r="D979" s="6" t="s">
        <v>467</v>
      </c>
      <c r="E979" s="6">
        <v>81736</v>
      </c>
      <c r="F979" s="6" t="s">
        <v>18</v>
      </c>
      <c r="G979" s="6" t="s">
        <v>2207</v>
      </c>
      <c r="H979" s="6" t="s">
        <v>2208</v>
      </c>
      <c r="I979" s="7">
        <v>6.9490499999999997</v>
      </c>
      <c r="J979" s="8">
        <v>-71.869640000000004</v>
      </c>
    </row>
    <row r="980" spans="1:10" x14ac:dyDescent="0.35">
      <c r="A980" s="5" t="s">
        <v>10</v>
      </c>
      <c r="B980" s="6">
        <v>246266</v>
      </c>
      <c r="C980" s="6" t="s">
        <v>28</v>
      </c>
      <c r="D980" s="6" t="s">
        <v>91</v>
      </c>
      <c r="E980" s="6">
        <v>54874</v>
      </c>
      <c r="F980" s="6" t="s">
        <v>18</v>
      </c>
      <c r="G980" s="6" t="s">
        <v>2209</v>
      </c>
      <c r="H980" s="6" t="s">
        <v>2210</v>
      </c>
      <c r="I980" s="7">
        <v>7.8592905000000002</v>
      </c>
      <c r="J980" s="8">
        <v>-72.476205699999994</v>
      </c>
    </row>
    <row r="981" spans="1:10" x14ac:dyDescent="0.35">
      <c r="A981" s="5" t="s">
        <v>10</v>
      </c>
      <c r="B981" s="6">
        <v>228972</v>
      </c>
      <c r="C981" s="6" t="s">
        <v>42</v>
      </c>
      <c r="D981" s="6" t="s">
        <v>396</v>
      </c>
      <c r="E981" s="6">
        <v>17380</v>
      </c>
      <c r="F981" s="6" t="s">
        <v>18</v>
      </c>
      <c r="G981" s="6" t="s">
        <v>2211</v>
      </c>
      <c r="H981" s="6" t="s">
        <v>2212</v>
      </c>
      <c r="I981" s="7">
        <v>5.4511519000000002</v>
      </c>
      <c r="J981" s="8">
        <v>-74.661586999999997</v>
      </c>
    </row>
    <row r="982" spans="1:10" x14ac:dyDescent="0.35">
      <c r="A982" s="5" t="s">
        <v>10</v>
      </c>
      <c r="B982" s="6">
        <v>189744</v>
      </c>
      <c r="C982" s="6" t="s">
        <v>24</v>
      </c>
      <c r="D982" s="6" t="s">
        <v>557</v>
      </c>
      <c r="E982" s="6">
        <v>15757</v>
      </c>
      <c r="F982" s="6" t="s">
        <v>13</v>
      </c>
      <c r="G982" s="6" t="s">
        <v>2213</v>
      </c>
      <c r="H982" s="6" t="s">
        <v>2214</v>
      </c>
      <c r="I982" s="7">
        <v>5.9964753000000002</v>
      </c>
      <c r="J982" s="8">
        <v>-72.693536100000003</v>
      </c>
    </row>
    <row r="983" spans="1:10" x14ac:dyDescent="0.35">
      <c r="A983" s="5" t="s">
        <v>10</v>
      </c>
      <c r="B983" s="6">
        <v>121147</v>
      </c>
      <c r="C983" s="6" t="s">
        <v>16</v>
      </c>
      <c r="D983" s="6" t="s">
        <v>17</v>
      </c>
      <c r="E983" s="6">
        <v>68679</v>
      </c>
      <c r="F983" s="6" t="s">
        <v>18</v>
      </c>
      <c r="G983" s="6" t="s">
        <v>2215</v>
      </c>
      <c r="H983" s="6" t="s">
        <v>2216</v>
      </c>
      <c r="I983" s="7">
        <v>6.5569359999999897</v>
      </c>
      <c r="J983" s="8">
        <v>-73.136015599999993</v>
      </c>
    </row>
    <row r="984" spans="1:10" x14ac:dyDescent="0.35">
      <c r="A984" s="5" t="s">
        <v>10</v>
      </c>
      <c r="B984" s="6">
        <v>207736</v>
      </c>
      <c r="C984" s="6" t="s">
        <v>55</v>
      </c>
      <c r="D984" s="6" t="s">
        <v>937</v>
      </c>
      <c r="E984" s="6">
        <v>73585</v>
      </c>
      <c r="F984" s="6" t="s">
        <v>18</v>
      </c>
      <c r="G984" s="6" t="s">
        <v>2217</v>
      </c>
      <c r="H984" s="6" t="s">
        <v>2218</v>
      </c>
      <c r="I984" s="7">
        <v>3.8582822999999999</v>
      </c>
      <c r="J984" s="8">
        <v>-74.930395699999906</v>
      </c>
    </row>
    <row r="985" spans="1:10" x14ac:dyDescent="0.35">
      <c r="A985" s="5" t="s">
        <v>10</v>
      </c>
      <c r="B985" s="6">
        <v>180027</v>
      </c>
      <c r="C985" s="6" t="s">
        <v>294</v>
      </c>
      <c r="D985" s="6" t="s">
        <v>413</v>
      </c>
      <c r="E985" s="6">
        <v>41503</v>
      </c>
      <c r="F985" s="6" t="s">
        <v>18</v>
      </c>
      <c r="G985" s="6" t="s">
        <v>414</v>
      </c>
      <c r="H985" s="6" t="s">
        <v>415</v>
      </c>
      <c r="I985" s="7">
        <v>2.9260858999999999</v>
      </c>
      <c r="J985" s="8">
        <v>-75.287288799999999</v>
      </c>
    </row>
    <row r="986" spans="1:10" x14ac:dyDescent="0.35">
      <c r="A986" s="5" t="s">
        <v>10</v>
      </c>
      <c r="B986" s="6">
        <v>229840</v>
      </c>
      <c r="C986" s="6" t="s">
        <v>55</v>
      </c>
      <c r="D986" s="6" t="s">
        <v>165</v>
      </c>
      <c r="E986" s="6">
        <v>73449</v>
      </c>
      <c r="F986" s="6" t="s">
        <v>18</v>
      </c>
      <c r="G986" s="6" t="s">
        <v>2219</v>
      </c>
      <c r="H986" s="6" t="s">
        <v>2220</v>
      </c>
      <c r="I986" s="7">
        <v>4.2032971000000003</v>
      </c>
      <c r="J986" s="8">
        <v>-74.648185799999993</v>
      </c>
    </row>
    <row r="987" spans="1:10" x14ac:dyDescent="0.35">
      <c r="A987" s="5" t="s">
        <v>10</v>
      </c>
      <c r="B987" s="6">
        <v>243640</v>
      </c>
      <c r="C987" s="6" t="s">
        <v>55</v>
      </c>
      <c r="D987" s="6" t="s">
        <v>56</v>
      </c>
      <c r="E987" s="6">
        <v>73001</v>
      </c>
      <c r="F987" s="6" t="s">
        <v>18</v>
      </c>
      <c r="G987" s="6" t="s">
        <v>2221</v>
      </c>
      <c r="H987" s="6" t="s">
        <v>2222</v>
      </c>
      <c r="I987" s="7">
        <v>4.4360853000000002</v>
      </c>
      <c r="J987" s="8">
        <v>-75.159910999999994</v>
      </c>
    </row>
    <row r="988" spans="1:10" x14ac:dyDescent="0.35">
      <c r="A988" s="5" t="s">
        <v>10</v>
      </c>
      <c r="B988" s="6">
        <v>236160</v>
      </c>
      <c r="C988" s="6" t="s">
        <v>24</v>
      </c>
      <c r="D988" s="6" t="s">
        <v>665</v>
      </c>
      <c r="E988" s="6">
        <v>15632</v>
      </c>
      <c r="F988" s="6" t="s">
        <v>18</v>
      </c>
      <c r="G988" s="6" t="s">
        <v>2223</v>
      </c>
      <c r="H988" s="6" t="s">
        <v>2224</v>
      </c>
      <c r="I988" s="7">
        <v>5.6924599999999996</v>
      </c>
      <c r="J988" s="8">
        <v>-73.748050000000006</v>
      </c>
    </row>
    <row r="989" spans="1:10" x14ac:dyDescent="0.35">
      <c r="A989" s="5" t="s">
        <v>10</v>
      </c>
      <c r="B989" s="6">
        <v>242777</v>
      </c>
      <c r="C989" s="6" t="s">
        <v>24</v>
      </c>
      <c r="D989" s="6" t="s">
        <v>2225</v>
      </c>
      <c r="E989" s="6">
        <v>15248</v>
      </c>
      <c r="F989" s="6" t="s">
        <v>18</v>
      </c>
      <c r="G989" s="6" t="s">
        <v>2226</v>
      </c>
      <c r="H989" s="6" t="s">
        <v>2227</v>
      </c>
      <c r="I989" s="7">
        <v>6.4863999999999997</v>
      </c>
      <c r="J989" s="8">
        <v>-72.432860000000005</v>
      </c>
    </row>
    <row r="990" spans="1:10" x14ac:dyDescent="0.35">
      <c r="A990" s="5" t="s">
        <v>10</v>
      </c>
      <c r="B990" s="6">
        <v>186098</v>
      </c>
      <c r="C990" s="6" t="s">
        <v>24</v>
      </c>
      <c r="D990" s="6" t="s">
        <v>137</v>
      </c>
      <c r="E990" s="6">
        <v>15238</v>
      </c>
      <c r="F990" s="6" t="s">
        <v>18</v>
      </c>
      <c r="G990" s="6" t="s">
        <v>2228</v>
      </c>
      <c r="H990" s="6" t="s">
        <v>2229</v>
      </c>
      <c r="I990" s="7">
        <v>5.8259778000000004</v>
      </c>
      <c r="J990" s="8">
        <v>-73.030479</v>
      </c>
    </row>
    <row r="991" spans="1:10" x14ac:dyDescent="0.35">
      <c r="A991" s="5" t="s">
        <v>10</v>
      </c>
      <c r="B991" s="6">
        <v>185560</v>
      </c>
      <c r="C991" s="6" t="s">
        <v>28</v>
      </c>
      <c r="D991" s="6" t="s">
        <v>29</v>
      </c>
      <c r="E991" s="6">
        <v>54001</v>
      </c>
      <c r="F991" s="6" t="s">
        <v>18</v>
      </c>
      <c r="G991" s="6" t="s">
        <v>2230</v>
      </c>
      <c r="H991" s="6" t="s">
        <v>2231</v>
      </c>
      <c r="I991" s="7">
        <v>7.8885094999999898</v>
      </c>
      <c r="J991" s="8">
        <v>-72.498657499999993</v>
      </c>
    </row>
    <row r="992" spans="1:10" x14ac:dyDescent="0.35">
      <c r="A992" s="5" t="s">
        <v>10</v>
      </c>
      <c r="B992" s="6">
        <v>229626</v>
      </c>
      <c r="C992" s="6" t="s">
        <v>42</v>
      </c>
      <c r="D992" s="6" t="s">
        <v>46</v>
      </c>
      <c r="E992" s="6">
        <v>17174</v>
      </c>
      <c r="F992" s="6" t="s">
        <v>18</v>
      </c>
      <c r="G992" s="6" t="s">
        <v>2232</v>
      </c>
      <c r="H992" s="6" t="s">
        <v>2233</v>
      </c>
      <c r="I992" s="7">
        <v>4.9827300000000001</v>
      </c>
      <c r="J992" s="8">
        <v>-75.605260000000001</v>
      </c>
    </row>
    <row r="993" spans="1:10" x14ac:dyDescent="0.35">
      <c r="A993" s="5" t="s">
        <v>10</v>
      </c>
      <c r="B993" s="6">
        <v>235954</v>
      </c>
      <c r="C993" s="6" t="s">
        <v>94</v>
      </c>
      <c r="D993" s="6" t="s">
        <v>894</v>
      </c>
      <c r="E993" s="6">
        <v>66088</v>
      </c>
      <c r="F993" s="6" t="s">
        <v>18</v>
      </c>
      <c r="G993" s="6" t="s">
        <v>2234</v>
      </c>
      <c r="H993" s="6" t="s">
        <v>2235</v>
      </c>
      <c r="I993" s="7">
        <v>5.2026922999999998</v>
      </c>
      <c r="J993" s="8">
        <v>-75.8666336</v>
      </c>
    </row>
    <row r="994" spans="1:10" x14ac:dyDescent="0.35">
      <c r="A994" s="5" t="s">
        <v>10</v>
      </c>
      <c r="B994" s="6">
        <v>234579</v>
      </c>
      <c r="C994" s="6" t="s">
        <v>42</v>
      </c>
      <c r="D994" s="6" t="s">
        <v>396</v>
      </c>
      <c r="E994" s="6">
        <v>17380</v>
      </c>
      <c r="F994" s="6" t="s">
        <v>18</v>
      </c>
      <c r="G994" s="6" t="s">
        <v>2236</v>
      </c>
      <c r="H994" s="6" t="s">
        <v>2237</v>
      </c>
      <c r="I994" s="7">
        <v>5.4454102000000004</v>
      </c>
      <c r="J994" s="8">
        <v>-74.657744699999995</v>
      </c>
    </row>
    <row r="995" spans="1:10" x14ac:dyDescent="0.35">
      <c r="A995" s="5" t="s">
        <v>10</v>
      </c>
      <c r="B995" s="6">
        <v>173771</v>
      </c>
      <c r="C995" s="6" t="s">
        <v>16</v>
      </c>
      <c r="D995" s="6" t="s">
        <v>1401</v>
      </c>
      <c r="E995" s="6">
        <v>68307</v>
      </c>
      <c r="F995" s="6" t="s">
        <v>13</v>
      </c>
      <c r="G995" s="6" t="s">
        <v>1087</v>
      </c>
      <c r="H995" s="6" t="s">
        <v>2238</v>
      </c>
      <c r="I995" s="7">
        <v>7.0616300000000001</v>
      </c>
      <c r="J995" s="8">
        <v>-73.171869200000003</v>
      </c>
    </row>
    <row r="996" spans="1:10" x14ac:dyDescent="0.35">
      <c r="A996" s="5" t="s">
        <v>10</v>
      </c>
      <c r="B996" s="6">
        <v>189453</v>
      </c>
      <c r="C996" s="6" t="s">
        <v>68</v>
      </c>
      <c r="D996" s="6" t="s">
        <v>69</v>
      </c>
      <c r="E996" s="6">
        <v>11001</v>
      </c>
      <c r="F996" s="6" t="s">
        <v>13</v>
      </c>
      <c r="G996" s="6" t="s">
        <v>2239</v>
      </c>
      <c r="H996" s="6" t="s">
        <v>2240</v>
      </c>
      <c r="I996" s="7">
        <v>4.6327218999999999</v>
      </c>
      <c r="J996" s="8">
        <v>-74.200852499999996</v>
      </c>
    </row>
    <row r="997" spans="1:10" x14ac:dyDescent="0.35">
      <c r="A997" s="5" t="s">
        <v>10</v>
      </c>
      <c r="B997" s="6">
        <v>203456</v>
      </c>
      <c r="C997" s="6" t="s">
        <v>24</v>
      </c>
      <c r="D997" s="6" t="s">
        <v>1025</v>
      </c>
      <c r="E997" s="6">
        <v>15097</v>
      </c>
      <c r="F997" s="6" t="s">
        <v>18</v>
      </c>
      <c r="G997" s="6" t="s">
        <v>2241</v>
      </c>
      <c r="H997" s="6" t="s">
        <v>2242</v>
      </c>
      <c r="I997" s="7">
        <v>6.329237</v>
      </c>
      <c r="J997" s="8">
        <v>-72.584197699999905</v>
      </c>
    </row>
    <row r="998" spans="1:10" x14ac:dyDescent="0.35">
      <c r="A998" s="5" t="s">
        <v>10</v>
      </c>
      <c r="B998" s="6">
        <v>213235</v>
      </c>
      <c r="C998" s="6" t="s">
        <v>24</v>
      </c>
      <c r="D998" s="6" t="s">
        <v>2243</v>
      </c>
      <c r="E998" s="6">
        <v>15380</v>
      </c>
      <c r="F998" s="6" t="s">
        <v>18</v>
      </c>
      <c r="G998" s="6" t="s">
        <v>2244</v>
      </c>
      <c r="H998" s="6" t="s">
        <v>2245</v>
      </c>
      <c r="I998" s="7">
        <v>5.0957660999999996</v>
      </c>
      <c r="J998" s="8">
        <v>-73.444905800000001</v>
      </c>
    </row>
    <row r="999" spans="1:10" x14ac:dyDescent="0.35">
      <c r="A999" s="5" t="s">
        <v>10</v>
      </c>
      <c r="B999" s="6">
        <v>246569</v>
      </c>
      <c r="C999" s="6" t="s">
        <v>24</v>
      </c>
      <c r="D999" s="6" t="s">
        <v>2246</v>
      </c>
      <c r="E999" s="6">
        <v>15676</v>
      </c>
      <c r="F999" s="6" t="s">
        <v>18</v>
      </c>
      <c r="G999" s="6" t="s">
        <v>2247</v>
      </c>
      <c r="H999" s="6" t="s">
        <v>2248</v>
      </c>
      <c r="I999" s="7">
        <v>5.5182662999999996</v>
      </c>
      <c r="J999" s="8">
        <v>-73.721531900000002</v>
      </c>
    </row>
    <row r="1000" spans="1:10" x14ac:dyDescent="0.35">
      <c r="A1000" s="5" t="s">
        <v>10</v>
      </c>
      <c r="B1000" s="6">
        <v>243878</v>
      </c>
      <c r="C1000" s="6" t="s">
        <v>466</v>
      </c>
      <c r="D1000" s="6" t="s">
        <v>1262</v>
      </c>
      <c r="E1000" s="6">
        <v>81001</v>
      </c>
      <c r="F1000" s="6" t="s">
        <v>18</v>
      </c>
      <c r="G1000" s="6" t="s">
        <v>2249</v>
      </c>
      <c r="H1000" s="6" t="s">
        <v>2250</v>
      </c>
      <c r="I1000" s="7">
        <v>6.7801280999999998</v>
      </c>
      <c r="J1000" s="8">
        <v>-70.716846899999993</v>
      </c>
    </row>
    <row r="1001" spans="1:10" x14ac:dyDescent="0.35">
      <c r="A1001" s="5" t="s">
        <v>10</v>
      </c>
      <c r="B1001" s="6">
        <v>209347</v>
      </c>
      <c r="C1001" s="6" t="s">
        <v>94</v>
      </c>
      <c r="D1001" s="6" t="s">
        <v>98</v>
      </c>
      <c r="E1001" s="6">
        <v>66001</v>
      </c>
      <c r="F1001" s="6" t="s">
        <v>18</v>
      </c>
      <c r="G1001" s="6" t="s">
        <v>2251</v>
      </c>
      <c r="H1001" s="6" t="s">
        <v>2252</v>
      </c>
      <c r="I1001" s="7">
        <v>4.8006612999999998</v>
      </c>
      <c r="J1001" s="8">
        <v>-75.736154399999904</v>
      </c>
    </row>
    <row r="1002" spans="1:10" x14ac:dyDescent="0.35">
      <c r="A1002" s="5" t="s">
        <v>10</v>
      </c>
      <c r="B1002" s="6">
        <v>200591</v>
      </c>
      <c r="C1002" s="6" t="s">
        <v>42</v>
      </c>
      <c r="D1002" s="6" t="s">
        <v>1697</v>
      </c>
      <c r="E1002" s="6">
        <v>17433</v>
      </c>
      <c r="F1002" s="6" t="s">
        <v>18</v>
      </c>
      <c r="G1002" s="6" t="s">
        <v>2253</v>
      </c>
      <c r="H1002" s="6" t="s">
        <v>2254</v>
      </c>
      <c r="I1002" s="7">
        <v>5.2537221000000001</v>
      </c>
      <c r="J1002" s="8">
        <v>-75.154168200000001</v>
      </c>
    </row>
    <row r="1003" spans="1:10" x14ac:dyDescent="0.35">
      <c r="A1003" s="5" t="s">
        <v>10</v>
      </c>
      <c r="B1003" s="6">
        <v>231810</v>
      </c>
      <c r="C1003" s="6" t="s">
        <v>278</v>
      </c>
      <c r="D1003" s="6" t="s">
        <v>279</v>
      </c>
      <c r="E1003" s="6">
        <v>50001</v>
      </c>
      <c r="F1003" s="6" t="s">
        <v>18</v>
      </c>
      <c r="G1003" s="6" t="s">
        <v>2255</v>
      </c>
      <c r="H1003" s="6" t="s">
        <v>2256</v>
      </c>
      <c r="I1003" s="7">
        <v>4.1274800000000003</v>
      </c>
      <c r="J1003" s="8">
        <v>-73.636120000000005</v>
      </c>
    </row>
    <row r="1004" spans="1:10" x14ac:dyDescent="0.35">
      <c r="A1004" s="5" t="s">
        <v>10</v>
      </c>
      <c r="B1004" s="6">
        <v>78545</v>
      </c>
      <c r="C1004" s="6" t="s">
        <v>16</v>
      </c>
      <c r="D1004" s="6" t="s">
        <v>2257</v>
      </c>
      <c r="E1004" s="6">
        <v>68377</v>
      </c>
      <c r="F1004" s="6" t="s">
        <v>18</v>
      </c>
      <c r="G1004" s="6" t="s">
        <v>2258</v>
      </c>
      <c r="H1004" s="6" t="s">
        <v>2259</v>
      </c>
      <c r="I1004" s="7">
        <v>5.8588043000000001</v>
      </c>
      <c r="J1004" s="8">
        <v>-73.965489499999904</v>
      </c>
    </row>
    <row r="1005" spans="1:10" x14ac:dyDescent="0.35">
      <c r="A1005" s="5" t="s">
        <v>10</v>
      </c>
      <c r="B1005" s="6">
        <v>166127</v>
      </c>
      <c r="C1005" s="6" t="s">
        <v>16</v>
      </c>
      <c r="D1005" s="6" t="s">
        <v>224</v>
      </c>
      <c r="E1005" s="6">
        <v>68755</v>
      </c>
      <c r="F1005" s="6" t="s">
        <v>18</v>
      </c>
      <c r="G1005" s="6" t="s">
        <v>2260</v>
      </c>
      <c r="H1005" s="6" t="s">
        <v>2261</v>
      </c>
      <c r="I1005" s="7">
        <v>4.6053328000000002</v>
      </c>
      <c r="J1005" s="8">
        <v>-74.081410599999998</v>
      </c>
    </row>
    <row r="1006" spans="1:10" x14ac:dyDescent="0.35">
      <c r="A1006" s="5" t="s">
        <v>10</v>
      </c>
      <c r="B1006" s="6">
        <v>207309</v>
      </c>
      <c r="C1006" s="6" t="s">
        <v>16</v>
      </c>
      <c r="D1006" s="6" t="s">
        <v>17</v>
      </c>
      <c r="E1006" s="6">
        <v>68679</v>
      </c>
      <c r="F1006" s="6" t="s">
        <v>18</v>
      </c>
      <c r="G1006" s="6" t="s">
        <v>2262</v>
      </c>
      <c r="H1006" s="6" t="s">
        <v>2263</v>
      </c>
      <c r="I1006" s="7">
        <v>6.554824</v>
      </c>
      <c r="J1006" s="8">
        <v>-73.134119999999996</v>
      </c>
    </row>
    <row r="1007" spans="1:10" x14ac:dyDescent="0.35">
      <c r="A1007" s="5" t="s">
        <v>10</v>
      </c>
      <c r="B1007" s="6">
        <v>182647</v>
      </c>
      <c r="C1007" s="6" t="s">
        <v>55</v>
      </c>
      <c r="D1007" s="6" t="s">
        <v>56</v>
      </c>
      <c r="E1007" s="6">
        <v>73001</v>
      </c>
      <c r="F1007" s="6" t="s">
        <v>18</v>
      </c>
      <c r="G1007" s="6" t="s">
        <v>2264</v>
      </c>
      <c r="H1007" s="6" t="s">
        <v>2265</v>
      </c>
      <c r="I1007" s="7">
        <v>4.4434626000000002</v>
      </c>
      <c r="J1007" s="8">
        <v>-75.235439900000003</v>
      </c>
    </row>
    <row r="1008" spans="1:10" x14ac:dyDescent="0.35">
      <c r="A1008" s="5" t="s">
        <v>10</v>
      </c>
      <c r="B1008" s="6">
        <v>226923</v>
      </c>
      <c r="C1008" s="6" t="s">
        <v>24</v>
      </c>
      <c r="D1008" s="6" t="s">
        <v>1596</v>
      </c>
      <c r="E1008" s="6">
        <v>15542</v>
      </c>
      <c r="F1008" s="6" t="s">
        <v>18</v>
      </c>
      <c r="G1008" s="6" t="s">
        <v>2266</v>
      </c>
      <c r="H1008" s="6" t="s">
        <v>2267</v>
      </c>
      <c r="I1008" s="7">
        <v>5.5553229000000002</v>
      </c>
      <c r="J1008" s="8">
        <v>-73.052422100000001</v>
      </c>
    </row>
    <row r="1009" spans="1:10" x14ac:dyDescent="0.35">
      <c r="A1009" s="5" t="s">
        <v>10</v>
      </c>
      <c r="B1009" s="6">
        <v>242780</v>
      </c>
      <c r="C1009" s="6" t="s">
        <v>24</v>
      </c>
      <c r="D1009" s="6" t="s">
        <v>88</v>
      </c>
      <c r="E1009" s="6">
        <v>15001</v>
      </c>
      <c r="F1009" s="6" t="s">
        <v>18</v>
      </c>
      <c r="G1009" s="6" t="s">
        <v>2268</v>
      </c>
      <c r="H1009" s="6" t="s">
        <v>2269</v>
      </c>
      <c r="I1009" s="7">
        <v>5.5610907000000003</v>
      </c>
      <c r="J1009" s="8">
        <v>-73.348550599999996</v>
      </c>
    </row>
    <row r="1010" spans="1:10" x14ac:dyDescent="0.35">
      <c r="A1010" s="5" t="s">
        <v>10</v>
      </c>
      <c r="B1010" s="6">
        <v>237788</v>
      </c>
      <c r="C1010" s="6" t="s">
        <v>42</v>
      </c>
      <c r="D1010" s="6" t="s">
        <v>1493</v>
      </c>
      <c r="E1010" s="6">
        <v>17873</v>
      </c>
      <c r="F1010" s="6" t="s">
        <v>18</v>
      </c>
      <c r="G1010" s="6" t="s">
        <v>2270</v>
      </c>
      <c r="H1010" s="6" t="s">
        <v>2271</v>
      </c>
      <c r="I1010" s="7">
        <v>5.0881875000000001</v>
      </c>
      <c r="J1010" s="8">
        <v>-75.526049400000005</v>
      </c>
    </row>
    <row r="1011" spans="1:10" x14ac:dyDescent="0.35">
      <c r="A1011" s="5" t="s">
        <v>10</v>
      </c>
      <c r="B1011" s="6">
        <v>172207</v>
      </c>
      <c r="C1011" s="6" t="s">
        <v>42</v>
      </c>
      <c r="D1011" s="6" t="s">
        <v>43</v>
      </c>
      <c r="E1011" s="6">
        <v>17001</v>
      </c>
      <c r="F1011" s="6" t="s">
        <v>18</v>
      </c>
      <c r="G1011" s="6" t="s">
        <v>2272</v>
      </c>
      <c r="H1011" s="6" t="s">
        <v>2273</v>
      </c>
      <c r="I1011" s="7">
        <v>5.0629742999999996</v>
      </c>
      <c r="J1011" s="8">
        <v>-75.502769799999996</v>
      </c>
    </row>
    <row r="1012" spans="1:10" x14ac:dyDescent="0.35">
      <c r="A1012" s="5" t="s">
        <v>10</v>
      </c>
      <c r="B1012" s="6">
        <v>236232</v>
      </c>
      <c r="C1012" s="6" t="s">
        <v>42</v>
      </c>
      <c r="D1012" s="6" t="s">
        <v>46</v>
      </c>
      <c r="E1012" s="6">
        <v>17174</v>
      </c>
      <c r="F1012" s="6" t="s">
        <v>18</v>
      </c>
      <c r="G1012" s="6" t="s">
        <v>2274</v>
      </c>
      <c r="H1012" s="6" t="s">
        <v>2275</v>
      </c>
      <c r="I1012" s="7">
        <v>4.9833277000000002</v>
      </c>
      <c r="J1012" s="8">
        <v>-75.607515599999999</v>
      </c>
    </row>
    <row r="1013" spans="1:10" x14ac:dyDescent="0.35">
      <c r="A1013" s="5" t="s">
        <v>10</v>
      </c>
      <c r="B1013" s="6">
        <v>232192</v>
      </c>
      <c r="C1013" s="6" t="s">
        <v>68</v>
      </c>
      <c r="D1013" s="6" t="s">
        <v>69</v>
      </c>
      <c r="E1013" s="6">
        <v>11001</v>
      </c>
      <c r="F1013" s="6" t="s">
        <v>18</v>
      </c>
      <c r="G1013" s="6" t="s">
        <v>2276</v>
      </c>
      <c r="H1013" s="6" t="s">
        <v>2277</v>
      </c>
      <c r="I1013" s="7">
        <v>4.7471779999999999</v>
      </c>
      <c r="J1013" s="8">
        <v>-74.097740000000002</v>
      </c>
    </row>
    <row r="1014" spans="1:10" x14ac:dyDescent="0.35">
      <c r="A1014" s="5" t="s">
        <v>10</v>
      </c>
      <c r="B1014" s="6">
        <v>227668</v>
      </c>
      <c r="C1014" s="6" t="s">
        <v>366</v>
      </c>
      <c r="D1014" s="6" t="s">
        <v>367</v>
      </c>
      <c r="E1014" s="6">
        <v>44430</v>
      </c>
      <c r="F1014" s="6" t="s">
        <v>18</v>
      </c>
      <c r="G1014" s="6" t="s">
        <v>2278</v>
      </c>
      <c r="H1014" s="6" t="s">
        <v>2279</v>
      </c>
      <c r="I1014" s="7">
        <v>11.3809805</v>
      </c>
      <c r="J1014" s="8">
        <v>-72.2456818</v>
      </c>
    </row>
    <row r="1015" spans="1:10" x14ac:dyDescent="0.35">
      <c r="A1015" s="5" t="s">
        <v>10</v>
      </c>
      <c r="B1015" s="6">
        <v>235425</v>
      </c>
      <c r="C1015" s="6" t="s">
        <v>16</v>
      </c>
      <c r="D1015" s="6" t="s">
        <v>224</v>
      </c>
      <c r="E1015" s="6">
        <v>68755</v>
      </c>
      <c r="F1015" s="6" t="s">
        <v>18</v>
      </c>
      <c r="G1015" s="6" t="s">
        <v>2280</v>
      </c>
      <c r="H1015" s="6" t="s">
        <v>2281</v>
      </c>
      <c r="I1015" s="7">
        <v>6.4722881000000001</v>
      </c>
      <c r="J1015" s="8">
        <v>-73.256158299999996</v>
      </c>
    </row>
    <row r="1016" spans="1:10" x14ac:dyDescent="0.35">
      <c r="A1016" s="5" t="s">
        <v>10</v>
      </c>
      <c r="B1016" s="6">
        <v>239651</v>
      </c>
      <c r="C1016" s="6" t="s">
        <v>109</v>
      </c>
      <c r="D1016" s="6" t="s">
        <v>2282</v>
      </c>
      <c r="E1016" s="6">
        <v>13042</v>
      </c>
      <c r="F1016" s="6" t="s">
        <v>18</v>
      </c>
      <c r="G1016" s="6" t="s">
        <v>2283</v>
      </c>
      <c r="H1016" s="6" t="s">
        <v>2284</v>
      </c>
      <c r="I1016" s="7">
        <v>8.4591700000000003</v>
      </c>
      <c r="J1016" s="8">
        <v>-73.940929999999994</v>
      </c>
    </row>
    <row r="1017" spans="1:10" x14ac:dyDescent="0.35">
      <c r="A1017" s="5" t="s">
        <v>10</v>
      </c>
      <c r="B1017" s="6">
        <v>219477</v>
      </c>
      <c r="C1017" s="6" t="s">
        <v>55</v>
      </c>
      <c r="D1017" s="6" t="s">
        <v>2285</v>
      </c>
      <c r="E1017" s="6">
        <v>73319</v>
      </c>
      <c r="F1017" s="6" t="s">
        <v>18</v>
      </c>
      <c r="G1017" s="6" t="s">
        <v>2286</v>
      </c>
      <c r="H1017" s="6" t="s">
        <v>2287</v>
      </c>
      <c r="I1017" s="7">
        <v>4.0294609000000001</v>
      </c>
      <c r="J1017" s="8">
        <v>-74.974717599999906</v>
      </c>
    </row>
    <row r="1018" spans="1:10" x14ac:dyDescent="0.35">
      <c r="A1018" s="5" t="s">
        <v>10</v>
      </c>
      <c r="B1018" s="6">
        <v>182650</v>
      </c>
      <c r="C1018" s="6" t="s">
        <v>55</v>
      </c>
      <c r="D1018" s="6" t="s">
        <v>56</v>
      </c>
      <c r="E1018" s="6">
        <v>73001</v>
      </c>
      <c r="F1018" s="6" t="s">
        <v>18</v>
      </c>
      <c r="G1018" s="6" t="s">
        <v>2288</v>
      </c>
      <c r="H1018" s="6" t="s">
        <v>2289</v>
      </c>
      <c r="I1018" s="7">
        <v>4.4559324999999896</v>
      </c>
      <c r="J1018" s="8">
        <v>-75.244909399999997</v>
      </c>
    </row>
    <row r="1019" spans="1:10" x14ac:dyDescent="0.35">
      <c r="A1019" s="5" t="s">
        <v>10</v>
      </c>
      <c r="B1019" s="6">
        <v>238379</v>
      </c>
      <c r="C1019" s="6" t="s">
        <v>28</v>
      </c>
      <c r="D1019" s="6" t="s">
        <v>153</v>
      </c>
      <c r="E1019" s="6">
        <v>54518</v>
      </c>
      <c r="F1019" s="6" t="s">
        <v>18</v>
      </c>
      <c r="G1019" s="6" t="s">
        <v>2290</v>
      </c>
      <c r="H1019" s="6" t="s">
        <v>2291</v>
      </c>
      <c r="I1019" s="7">
        <v>7.3748570000000004</v>
      </c>
      <c r="J1019" s="8">
        <v>-72.649837500000004</v>
      </c>
    </row>
    <row r="1020" spans="1:10" x14ac:dyDescent="0.35">
      <c r="A1020" s="5" t="s">
        <v>10</v>
      </c>
      <c r="B1020" s="6">
        <v>203928</v>
      </c>
      <c r="C1020" s="6" t="s">
        <v>28</v>
      </c>
      <c r="D1020" s="6" t="s">
        <v>29</v>
      </c>
      <c r="E1020" s="6">
        <v>54001</v>
      </c>
      <c r="F1020" s="6" t="s">
        <v>18</v>
      </c>
      <c r="G1020" s="6" t="s">
        <v>2292</v>
      </c>
      <c r="H1020" s="6" t="s">
        <v>2293</v>
      </c>
      <c r="I1020" s="7">
        <v>7.9057716999999998</v>
      </c>
      <c r="J1020" s="8">
        <v>-72.530834999999996</v>
      </c>
    </row>
    <row r="1021" spans="1:10" x14ac:dyDescent="0.35">
      <c r="A1021" s="5" t="s">
        <v>10</v>
      </c>
      <c r="B1021" s="6">
        <v>234768</v>
      </c>
      <c r="C1021" s="6" t="s">
        <v>42</v>
      </c>
      <c r="D1021" s="6" t="s">
        <v>43</v>
      </c>
      <c r="E1021" s="6">
        <v>17001</v>
      </c>
      <c r="F1021" s="6" t="s">
        <v>18</v>
      </c>
      <c r="G1021" s="6" t="s">
        <v>2294</v>
      </c>
      <c r="H1021" s="6" t="s">
        <v>2295</v>
      </c>
      <c r="I1021" s="7">
        <v>5.0629742999999996</v>
      </c>
      <c r="J1021" s="8">
        <v>-75.502769799999996</v>
      </c>
    </row>
    <row r="1022" spans="1:10" x14ac:dyDescent="0.35">
      <c r="A1022" s="5" t="s">
        <v>10</v>
      </c>
      <c r="B1022" s="6">
        <v>217105</v>
      </c>
      <c r="C1022" s="6" t="s">
        <v>42</v>
      </c>
      <c r="D1022" s="6" t="s">
        <v>396</v>
      </c>
      <c r="E1022" s="6">
        <v>17380</v>
      </c>
      <c r="F1022" s="6" t="s">
        <v>18</v>
      </c>
      <c r="G1022" s="6" t="s">
        <v>2296</v>
      </c>
      <c r="H1022" s="6" t="s">
        <v>2297</v>
      </c>
      <c r="I1022" s="7">
        <v>5.4458212000000001</v>
      </c>
      <c r="J1022" s="8">
        <v>-74.663138500000002</v>
      </c>
    </row>
    <row r="1023" spans="1:10" x14ac:dyDescent="0.35">
      <c r="A1023" s="5" t="s">
        <v>10</v>
      </c>
      <c r="B1023" s="6">
        <v>188543</v>
      </c>
      <c r="C1023" s="6" t="s">
        <v>16</v>
      </c>
      <c r="D1023" s="6" t="s">
        <v>787</v>
      </c>
      <c r="E1023" s="6">
        <v>68160</v>
      </c>
      <c r="F1023" s="6" t="s">
        <v>18</v>
      </c>
      <c r="G1023" s="6" t="s">
        <v>2298</v>
      </c>
      <c r="H1023" s="6" t="s">
        <v>2299</v>
      </c>
      <c r="I1023" s="7">
        <v>6.7538899999999904</v>
      </c>
      <c r="J1023" s="8">
        <v>-72.972409999999996</v>
      </c>
    </row>
    <row r="1024" spans="1:10" x14ac:dyDescent="0.35">
      <c r="A1024" s="5" t="s">
        <v>10</v>
      </c>
      <c r="B1024" s="6">
        <v>154596</v>
      </c>
      <c r="C1024" s="6" t="s">
        <v>11</v>
      </c>
      <c r="D1024" s="6" t="s">
        <v>21</v>
      </c>
      <c r="E1024" s="6">
        <v>25386</v>
      </c>
      <c r="F1024" s="6" t="s">
        <v>18</v>
      </c>
      <c r="G1024" s="6" t="s">
        <v>2300</v>
      </c>
      <c r="H1024" s="6" t="s">
        <v>2301</v>
      </c>
      <c r="I1024" s="7">
        <v>4.5499700000000001</v>
      </c>
      <c r="J1024" s="8">
        <v>-74.483359999999905</v>
      </c>
    </row>
    <row r="1025" spans="1:10" x14ac:dyDescent="0.35">
      <c r="A1025" s="5" t="s">
        <v>10</v>
      </c>
      <c r="B1025" s="6">
        <v>246701</v>
      </c>
      <c r="C1025" s="6" t="s">
        <v>24</v>
      </c>
      <c r="D1025" s="6" t="s">
        <v>85</v>
      </c>
      <c r="E1025" s="6">
        <v>15759</v>
      </c>
      <c r="F1025" s="6" t="s">
        <v>18</v>
      </c>
      <c r="G1025" s="6" t="s">
        <v>2302</v>
      </c>
      <c r="H1025" s="6" t="s">
        <v>2303</v>
      </c>
      <c r="I1025" s="7">
        <v>5.7160848</v>
      </c>
      <c r="J1025" s="8">
        <v>-72.931128900000004</v>
      </c>
    </row>
    <row r="1026" spans="1:10" x14ac:dyDescent="0.35">
      <c r="A1026" s="5" t="s">
        <v>10</v>
      </c>
      <c r="B1026" s="6">
        <v>227920</v>
      </c>
      <c r="C1026" s="6" t="s">
        <v>24</v>
      </c>
      <c r="D1026" s="6" t="s">
        <v>85</v>
      </c>
      <c r="E1026" s="6">
        <v>15759</v>
      </c>
      <c r="F1026" s="6" t="s">
        <v>18</v>
      </c>
      <c r="G1026" s="6" t="s">
        <v>2304</v>
      </c>
      <c r="H1026" s="6" t="s">
        <v>2305</v>
      </c>
      <c r="I1026" s="7">
        <v>5.7180790999999997</v>
      </c>
      <c r="J1026" s="8">
        <v>-72.934735399999994</v>
      </c>
    </row>
    <row r="1027" spans="1:10" x14ac:dyDescent="0.35">
      <c r="A1027" s="5" t="s">
        <v>10</v>
      </c>
      <c r="B1027" s="6">
        <v>183473</v>
      </c>
      <c r="C1027" s="6" t="s">
        <v>28</v>
      </c>
      <c r="D1027" s="6" t="s">
        <v>2306</v>
      </c>
      <c r="E1027" s="6">
        <v>54174</v>
      </c>
      <c r="F1027" s="6" t="s">
        <v>18</v>
      </c>
      <c r="G1027" s="6" t="s">
        <v>2307</v>
      </c>
      <c r="H1027" s="6" t="s">
        <v>2308</v>
      </c>
      <c r="I1027" s="7">
        <v>7.8332094999999997</v>
      </c>
      <c r="J1027" s="8">
        <v>-72.4721191</v>
      </c>
    </row>
    <row r="1028" spans="1:10" x14ac:dyDescent="0.35">
      <c r="A1028" s="5" t="s">
        <v>10</v>
      </c>
      <c r="B1028" s="6">
        <v>207043</v>
      </c>
      <c r="C1028" s="6" t="s">
        <v>28</v>
      </c>
      <c r="D1028" s="6" t="s">
        <v>29</v>
      </c>
      <c r="E1028" s="6">
        <v>54001</v>
      </c>
      <c r="F1028" s="6" t="s">
        <v>18</v>
      </c>
      <c r="G1028" s="6" t="s">
        <v>2309</v>
      </c>
      <c r="H1028" s="6" t="s">
        <v>2310</v>
      </c>
      <c r="I1028" s="7">
        <v>7.8822644999999998</v>
      </c>
      <c r="J1028" s="8">
        <v>-72.501955499999994</v>
      </c>
    </row>
    <row r="1029" spans="1:10" x14ac:dyDescent="0.35">
      <c r="A1029" s="5" t="s">
        <v>10</v>
      </c>
      <c r="B1029" s="6">
        <v>152632</v>
      </c>
      <c r="C1029" s="6" t="s">
        <v>42</v>
      </c>
      <c r="D1029" s="6" t="s">
        <v>46</v>
      </c>
      <c r="E1029" s="6">
        <v>17174</v>
      </c>
      <c r="F1029" s="6" t="s">
        <v>18</v>
      </c>
      <c r="G1029" s="6" t="s">
        <v>2311</v>
      </c>
      <c r="H1029" s="6" t="s">
        <v>2312</v>
      </c>
      <c r="I1029" s="7">
        <v>4.9829020000000002</v>
      </c>
      <c r="J1029" s="8">
        <v>-75.699179999999998</v>
      </c>
    </row>
    <row r="1030" spans="1:10" x14ac:dyDescent="0.35">
      <c r="A1030" s="5" t="s">
        <v>10</v>
      </c>
      <c r="B1030" s="6">
        <v>141700</v>
      </c>
      <c r="C1030" s="6" t="s">
        <v>11</v>
      </c>
      <c r="D1030" s="6" t="s">
        <v>2313</v>
      </c>
      <c r="E1030" s="6">
        <v>25785</v>
      </c>
      <c r="F1030" s="6" t="s">
        <v>13</v>
      </c>
      <c r="G1030" s="6" t="s">
        <v>2314</v>
      </c>
      <c r="H1030" s="6" t="s">
        <v>2315</v>
      </c>
      <c r="I1030" s="7">
        <v>4.9147946999999998</v>
      </c>
      <c r="J1030" s="8">
        <v>-74.099004300000004</v>
      </c>
    </row>
    <row r="1031" spans="1:10" x14ac:dyDescent="0.35">
      <c r="A1031" s="5" t="s">
        <v>10</v>
      </c>
      <c r="B1031" s="6">
        <v>174613</v>
      </c>
      <c r="C1031" s="6" t="s">
        <v>16</v>
      </c>
      <c r="D1031" s="6" t="s">
        <v>790</v>
      </c>
      <c r="E1031" s="6">
        <v>68229</v>
      </c>
      <c r="F1031" s="6" t="s">
        <v>18</v>
      </c>
      <c r="G1031" s="6" t="s">
        <v>2316</v>
      </c>
      <c r="H1031" s="6" t="s">
        <v>2317</v>
      </c>
      <c r="I1031" s="7">
        <v>6.6061641</v>
      </c>
      <c r="J1031" s="8">
        <v>-73.066240199999996</v>
      </c>
    </row>
    <row r="1032" spans="1:10" x14ac:dyDescent="0.35">
      <c r="A1032" s="5" t="s">
        <v>10</v>
      </c>
      <c r="B1032" s="6">
        <v>211712</v>
      </c>
      <c r="C1032" s="6" t="s">
        <v>16</v>
      </c>
      <c r="D1032" s="6" t="s">
        <v>903</v>
      </c>
      <c r="E1032" s="6">
        <v>68051</v>
      </c>
      <c r="F1032" s="6" t="s">
        <v>18</v>
      </c>
      <c r="G1032" s="6" t="s">
        <v>2318</v>
      </c>
      <c r="H1032" s="6" t="s">
        <v>2319</v>
      </c>
      <c r="I1032" s="7">
        <v>7.1200134999999998</v>
      </c>
      <c r="J1032" s="8">
        <v>-73.127584400000003</v>
      </c>
    </row>
    <row r="1033" spans="1:10" x14ac:dyDescent="0.35">
      <c r="A1033" s="5" t="s">
        <v>10</v>
      </c>
      <c r="B1033" s="6">
        <v>210232</v>
      </c>
      <c r="C1033" s="6" t="s">
        <v>109</v>
      </c>
      <c r="D1033" s="6" t="s">
        <v>227</v>
      </c>
      <c r="E1033" s="6">
        <v>13001</v>
      </c>
      <c r="F1033" s="6" t="s">
        <v>18</v>
      </c>
      <c r="G1033" s="6" t="s">
        <v>2320</v>
      </c>
      <c r="H1033" s="6" t="s">
        <v>2321</v>
      </c>
      <c r="I1033" s="7">
        <v>10.382675300000001</v>
      </c>
      <c r="J1033" s="8">
        <v>-75.485083099999997</v>
      </c>
    </row>
    <row r="1034" spans="1:10" x14ac:dyDescent="0.35">
      <c r="A1034" s="5" t="s">
        <v>10</v>
      </c>
      <c r="B1034" s="6">
        <v>246495</v>
      </c>
      <c r="C1034" s="6" t="s">
        <v>55</v>
      </c>
      <c r="D1034" s="6" t="s">
        <v>56</v>
      </c>
      <c r="E1034" s="6">
        <v>73001</v>
      </c>
      <c r="F1034" s="6" t="s">
        <v>18</v>
      </c>
      <c r="G1034" s="6" t="s">
        <v>2322</v>
      </c>
      <c r="H1034" s="6" t="s">
        <v>2323</v>
      </c>
      <c r="I1034" s="7">
        <v>4.4310404999999999</v>
      </c>
      <c r="J1034" s="8">
        <v>-75.242844399999996</v>
      </c>
    </row>
    <row r="1035" spans="1:10" x14ac:dyDescent="0.35">
      <c r="A1035" s="5" t="s">
        <v>10</v>
      </c>
      <c r="B1035" s="6">
        <v>236402</v>
      </c>
      <c r="C1035" s="6" t="s">
        <v>55</v>
      </c>
      <c r="D1035" s="6" t="s">
        <v>937</v>
      </c>
      <c r="E1035" s="6">
        <v>73585</v>
      </c>
      <c r="F1035" s="6" t="s">
        <v>18</v>
      </c>
      <c r="G1035" s="6" t="s">
        <v>2324</v>
      </c>
      <c r="H1035" s="6" t="s">
        <v>2325</v>
      </c>
      <c r="I1035" s="7">
        <v>3.8637451999999901</v>
      </c>
      <c r="J1035" s="8">
        <v>-74.929072499999904</v>
      </c>
    </row>
    <row r="1036" spans="1:10" x14ac:dyDescent="0.35">
      <c r="A1036" s="5" t="s">
        <v>10</v>
      </c>
      <c r="B1036" s="6">
        <v>183375</v>
      </c>
      <c r="C1036" s="6" t="s">
        <v>24</v>
      </c>
      <c r="D1036" s="6" t="s">
        <v>88</v>
      </c>
      <c r="E1036" s="6">
        <v>15001</v>
      </c>
      <c r="F1036" s="6" t="s">
        <v>18</v>
      </c>
      <c r="G1036" s="6" t="s">
        <v>2326</v>
      </c>
      <c r="H1036" s="6" t="s">
        <v>2327</v>
      </c>
      <c r="I1036" s="7">
        <v>5.5147927999999897</v>
      </c>
      <c r="J1036" s="8">
        <v>-73.356869599999996</v>
      </c>
    </row>
    <row r="1037" spans="1:10" x14ac:dyDescent="0.35">
      <c r="A1037" s="5" t="s">
        <v>10</v>
      </c>
      <c r="B1037" s="6">
        <v>208238</v>
      </c>
      <c r="C1037" s="6" t="s">
        <v>24</v>
      </c>
      <c r="D1037" s="6" t="s">
        <v>530</v>
      </c>
      <c r="E1037" s="6">
        <v>15516</v>
      </c>
      <c r="F1037" s="6" t="s">
        <v>18</v>
      </c>
      <c r="G1037" s="6" t="s">
        <v>2328</v>
      </c>
      <c r="H1037" s="6" t="s">
        <v>2329</v>
      </c>
      <c r="I1037" s="7">
        <v>5.7844099999999896</v>
      </c>
      <c r="J1037" s="8">
        <v>-73.120795999999999</v>
      </c>
    </row>
    <row r="1038" spans="1:10" x14ac:dyDescent="0.35">
      <c r="A1038" s="5" t="s">
        <v>10</v>
      </c>
      <c r="B1038" s="6">
        <v>243820</v>
      </c>
      <c r="C1038" s="6" t="s">
        <v>28</v>
      </c>
      <c r="D1038" s="6" t="s">
        <v>322</v>
      </c>
      <c r="E1038" s="6">
        <v>54405</v>
      </c>
      <c r="F1038" s="6" t="s">
        <v>18</v>
      </c>
      <c r="G1038" s="6" t="s">
        <v>2330</v>
      </c>
      <c r="H1038" s="6" t="s">
        <v>2331</v>
      </c>
      <c r="I1038" s="7">
        <v>7.8259216</v>
      </c>
      <c r="J1038" s="8">
        <v>-72.512273699999994</v>
      </c>
    </row>
    <row r="1039" spans="1:10" x14ac:dyDescent="0.35">
      <c r="A1039" s="5" t="s">
        <v>10</v>
      </c>
      <c r="B1039" s="6">
        <v>169272</v>
      </c>
      <c r="C1039" s="6" t="s">
        <v>28</v>
      </c>
      <c r="D1039" s="6" t="s">
        <v>91</v>
      </c>
      <c r="E1039" s="6">
        <v>54874</v>
      </c>
      <c r="F1039" s="6" t="s">
        <v>18</v>
      </c>
      <c r="G1039" s="6" t="s">
        <v>2332</v>
      </c>
      <c r="H1039" s="6" t="s">
        <v>2333</v>
      </c>
      <c r="I1039" s="7">
        <v>7.8437878999999997</v>
      </c>
      <c r="J1039" s="8">
        <v>-72.469689700000004</v>
      </c>
    </row>
    <row r="1040" spans="1:10" x14ac:dyDescent="0.35">
      <c r="A1040" s="5" t="s">
        <v>10</v>
      </c>
      <c r="B1040" s="6">
        <v>231203</v>
      </c>
      <c r="C1040" s="6" t="s">
        <v>42</v>
      </c>
      <c r="D1040" s="6" t="s">
        <v>396</v>
      </c>
      <c r="E1040" s="6">
        <v>17380</v>
      </c>
      <c r="F1040" s="6" t="s">
        <v>18</v>
      </c>
      <c r="G1040" s="6" t="s">
        <v>2334</v>
      </c>
      <c r="H1040" s="6" t="s">
        <v>2335</v>
      </c>
      <c r="I1040" s="7">
        <v>5.4757280000000002</v>
      </c>
      <c r="J1040" s="8">
        <v>-74.679267999999993</v>
      </c>
    </row>
    <row r="1041" spans="1:10" x14ac:dyDescent="0.35">
      <c r="A1041" s="5" t="s">
        <v>10</v>
      </c>
      <c r="B1041" s="6">
        <v>216637</v>
      </c>
      <c r="C1041" s="6" t="s">
        <v>278</v>
      </c>
      <c r="D1041" s="6" t="s">
        <v>2336</v>
      </c>
      <c r="E1041" s="6">
        <v>50226</v>
      </c>
      <c r="F1041" s="6" t="s">
        <v>18</v>
      </c>
      <c r="G1041" s="6" t="s">
        <v>2337</v>
      </c>
      <c r="H1041" s="6" t="s">
        <v>2338</v>
      </c>
      <c r="I1041" s="7">
        <v>4.2345050000000004</v>
      </c>
      <c r="J1041" s="8">
        <v>-73.220882000000003</v>
      </c>
    </row>
    <row r="1042" spans="1:10" x14ac:dyDescent="0.35">
      <c r="A1042" s="5" t="s">
        <v>10</v>
      </c>
      <c r="B1042" s="6">
        <v>226598</v>
      </c>
      <c r="C1042" s="6" t="s">
        <v>190</v>
      </c>
      <c r="D1042" s="6" t="s">
        <v>191</v>
      </c>
      <c r="E1042" s="6">
        <v>5001</v>
      </c>
      <c r="F1042" s="6" t="s">
        <v>13</v>
      </c>
      <c r="G1042" s="6" t="s">
        <v>2339</v>
      </c>
      <c r="H1042" s="6" t="s">
        <v>2340</v>
      </c>
      <c r="I1042" s="7">
        <v>6.2708598000000002</v>
      </c>
      <c r="J1042" s="8">
        <v>-75.576964899999993</v>
      </c>
    </row>
    <row r="1043" spans="1:10" x14ac:dyDescent="0.35">
      <c r="A1043" s="5" t="s">
        <v>10</v>
      </c>
      <c r="B1043" s="6">
        <v>218073</v>
      </c>
      <c r="C1043" s="6" t="s">
        <v>68</v>
      </c>
      <c r="D1043" s="6" t="s">
        <v>69</v>
      </c>
      <c r="E1043" s="6">
        <v>11001</v>
      </c>
      <c r="F1043" s="6" t="s">
        <v>13</v>
      </c>
      <c r="G1043" s="6" t="s">
        <v>2341</v>
      </c>
      <c r="H1043" s="6" t="s">
        <v>2342</v>
      </c>
      <c r="I1043" s="7">
        <v>4.6476534000000003</v>
      </c>
      <c r="J1043" s="8">
        <v>-74.101720999999998</v>
      </c>
    </row>
    <row r="1044" spans="1:10" x14ac:dyDescent="0.35">
      <c r="A1044" s="5" t="s">
        <v>10</v>
      </c>
      <c r="B1044" s="6">
        <v>171573</v>
      </c>
      <c r="C1044" s="6" t="s">
        <v>11</v>
      </c>
      <c r="D1044" s="6" t="s">
        <v>21</v>
      </c>
      <c r="E1044" s="6">
        <v>25386</v>
      </c>
      <c r="F1044" s="6" t="s">
        <v>18</v>
      </c>
      <c r="G1044" s="6" t="s">
        <v>2343</v>
      </c>
      <c r="H1044" s="6" t="s">
        <v>2344</v>
      </c>
      <c r="I1044" s="7">
        <v>4.6321469999999998</v>
      </c>
      <c r="J1044" s="8">
        <v>-74.463014000000001</v>
      </c>
    </row>
    <row r="1045" spans="1:10" x14ac:dyDescent="0.35">
      <c r="A1045" s="5" t="s">
        <v>10</v>
      </c>
      <c r="B1045" s="6">
        <v>235848</v>
      </c>
      <c r="C1045" s="6" t="s">
        <v>109</v>
      </c>
      <c r="D1045" s="6" t="s">
        <v>2345</v>
      </c>
      <c r="E1045" s="6">
        <v>13647</v>
      </c>
      <c r="F1045" s="6" t="s">
        <v>18</v>
      </c>
      <c r="G1045" s="6" t="s">
        <v>2346</v>
      </c>
      <c r="H1045" s="6" t="s">
        <v>2347</v>
      </c>
      <c r="I1045" s="7">
        <v>10.397229400000001</v>
      </c>
      <c r="J1045" s="8">
        <v>-75.147861300000002</v>
      </c>
    </row>
    <row r="1046" spans="1:10" x14ac:dyDescent="0.35">
      <c r="A1046" s="5" t="s">
        <v>10</v>
      </c>
      <c r="B1046" s="6">
        <v>236077</v>
      </c>
      <c r="C1046" s="6" t="s">
        <v>55</v>
      </c>
      <c r="D1046" s="6" t="s">
        <v>2348</v>
      </c>
      <c r="E1046" s="6">
        <v>73873</v>
      </c>
      <c r="F1046" s="6" t="s">
        <v>18</v>
      </c>
      <c r="G1046" s="6" t="s">
        <v>2349</v>
      </c>
      <c r="H1046" s="6" t="s">
        <v>2350</v>
      </c>
      <c r="I1046" s="7">
        <v>3.93517869999999</v>
      </c>
      <c r="J1046" s="8">
        <v>-74.600635799999907</v>
      </c>
    </row>
    <row r="1047" spans="1:10" x14ac:dyDescent="0.35">
      <c r="A1047" s="5" t="s">
        <v>10</v>
      </c>
      <c r="B1047" s="6">
        <v>238606</v>
      </c>
      <c r="C1047" s="6" t="s">
        <v>28</v>
      </c>
      <c r="D1047" s="6" t="s">
        <v>29</v>
      </c>
      <c r="E1047" s="6">
        <v>54001</v>
      </c>
      <c r="F1047" s="6" t="s">
        <v>18</v>
      </c>
      <c r="G1047" s="6" t="s">
        <v>2351</v>
      </c>
      <c r="H1047" s="6" t="s">
        <v>2352</v>
      </c>
      <c r="I1047" s="7">
        <v>7.9473460999999999</v>
      </c>
      <c r="J1047" s="8">
        <v>-72.510194400000003</v>
      </c>
    </row>
    <row r="1048" spans="1:10" x14ac:dyDescent="0.35">
      <c r="A1048" s="5" t="s">
        <v>10</v>
      </c>
      <c r="B1048" s="6">
        <v>186527</v>
      </c>
      <c r="C1048" s="6" t="s">
        <v>42</v>
      </c>
      <c r="D1048" s="6" t="s">
        <v>46</v>
      </c>
      <c r="E1048" s="6">
        <v>17174</v>
      </c>
      <c r="F1048" s="6" t="s">
        <v>18</v>
      </c>
      <c r="G1048" s="6" t="s">
        <v>2353</v>
      </c>
      <c r="H1048" s="6" t="s">
        <v>2354</v>
      </c>
      <c r="I1048" s="7">
        <v>4.9827300000000001</v>
      </c>
      <c r="J1048" s="8">
        <v>-75.605260000000001</v>
      </c>
    </row>
    <row r="1049" spans="1:10" x14ac:dyDescent="0.35">
      <c r="A1049" s="5" t="s">
        <v>10</v>
      </c>
      <c r="B1049" s="6">
        <v>141695</v>
      </c>
      <c r="C1049" s="6" t="s">
        <v>11</v>
      </c>
      <c r="D1049" s="6" t="s">
        <v>857</v>
      </c>
      <c r="E1049" s="6">
        <v>25758</v>
      </c>
      <c r="F1049" s="6" t="s">
        <v>13</v>
      </c>
      <c r="G1049" s="6" t="s">
        <v>2355</v>
      </c>
      <c r="H1049" s="6" t="s">
        <v>2356</v>
      </c>
      <c r="I1049" s="7">
        <v>4.9075839999999999</v>
      </c>
      <c r="J1049" s="8">
        <v>-73.941054399999999</v>
      </c>
    </row>
    <row r="1050" spans="1:10" x14ac:dyDescent="0.35">
      <c r="A1050" s="5" t="s">
        <v>10</v>
      </c>
      <c r="B1050" s="6">
        <v>141686</v>
      </c>
      <c r="C1050" s="6" t="s">
        <v>11</v>
      </c>
      <c r="D1050" s="6" t="s">
        <v>106</v>
      </c>
      <c r="E1050" s="6">
        <v>25843</v>
      </c>
      <c r="F1050" s="6" t="s">
        <v>13</v>
      </c>
      <c r="G1050" s="6" t="s">
        <v>1127</v>
      </c>
      <c r="H1050" s="6" t="s">
        <v>1128</v>
      </c>
      <c r="I1050" s="7">
        <v>5.3078042999999999</v>
      </c>
      <c r="J1050" s="8">
        <v>-73.816911200000007</v>
      </c>
    </row>
    <row r="1051" spans="1:10" x14ac:dyDescent="0.35">
      <c r="A1051" s="5" t="s">
        <v>10</v>
      </c>
      <c r="B1051" s="6">
        <v>191770</v>
      </c>
      <c r="C1051" s="6" t="s">
        <v>68</v>
      </c>
      <c r="D1051" s="6" t="s">
        <v>69</v>
      </c>
      <c r="E1051" s="6">
        <v>11001</v>
      </c>
      <c r="F1051" s="6" t="s">
        <v>13</v>
      </c>
      <c r="G1051" s="6" t="s">
        <v>2357</v>
      </c>
      <c r="H1051" s="6" t="s">
        <v>2358</v>
      </c>
      <c r="I1051" s="7">
        <v>4.7470920000000003</v>
      </c>
      <c r="J1051" s="8">
        <v>-74.1159119</v>
      </c>
    </row>
    <row r="1052" spans="1:10" x14ac:dyDescent="0.35">
      <c r="A1052" s="5" t="s">
        <v>10</v>
      </c>
      <c r="B1052" s="6">
        <v>225392</v>
      </c>
      <c r="C1052" s="6" t="s">
        <v>16</v>
      </c>
      <c r="D1052" s="6" t="s">
        <v>1994</v>
      </c>
      <c r="E1052" s="6">
        <v>68322</v>
      </c>
      <c r="F1052" s="6" t="s">
        <v>18</v>
      </c>
      <c r="G1052" s="6" t="s">
        <v>2359</v>
      </c>
      <c r="H1052" s="6" t="s">
        <v>2360</v>
      </c>
      <c r="I1052" s="7">
        <v>10.4229301</v>
      </c>
      <c r="J1052" s="8">
        <v>-75.550232399999999</v>
      </c>
    </row>
    <row r="1053" spans="1:10" x14ac:dyDescent="0.35">
      <c r="A1053" s="5" t="s">
        <v>10</v>
      </c>
      <c r="B1053" s="6">
        <v>173732</v>
      </c>
      <c r="C1053" s="6" t="s">
        <v>11</v>
      </c>
      <c r="D1053" s="6" t="s">
        <v>2361</v>
      </c>
      <c r="E1053" s="6">
        <v>25580</v>
      </c>
      <c r="F1053" s="6" t="s">
        <v>18</v>
      </c>
      <c r="G1053" s="6" t="s">
        <v>2362</v>
      </c>
      <c r="H1053" s="6" t="s">
        <v>2363</v>
      </c>
      <c r="I1053" s="7">
        <v>4.6825979000000002</v>
      </c>
      <c r="J1053" s="8">
        <v>-74.713599000000002</v>
      </c>
    </row>
    <row r="1054" spans="1:10" x14ac:dyDescent="0.35">
      <c r="A1054" s="5" t="s">
        <v>10</v>
      </c>
      <c r="B1054" s="6">
        <v>238871</v>
      </c>
      <c r="C1054" s="6" t="s">
        <v>24</v>
      </c>
      <c r="D1054" s="6" t="s">
        <v>691</v>
      </c>
      <c r="E1054" s="6">
        <v>15162</v>
      </c>
      <c r="F1054" s="6" t="s">
        <v>18</v>
      </c>
      <c r="G1054" s="6" t="s">
        <v>2364</v>
      </c>
      <c r="H1054" s="6" t="s">
        <v>2365</v>
      </c>
      <c r="I1054" s="7">
        <v>5.9567056999999997</v>
      </c>
      <c r="J1054" s="8">
        <v>-72.947108499999999</v>
      </c>
    </row>
    <row r="1055" spans="1:10" x14ac:dyDescent="0.35">
      <c r="A1055" s="5" t="s">
        <v>10</v>
      </c>
      <c r="B1055" s="6">
        <v>224113</v>
      </c>
      <c r="C1055" s="6" t="s">
        <v>28</v>
      </c>
      <c r="D1055" s="6" t="s">
        <v>29</v>
      </c>
      <c r="E1055" s="6">
        <v>54001</v>
      </c>
      <c r="F1055" s="6" t="s">
        <v>18</v>
      </c>
      <c r="G1055" s="6" t="s">
        <v>2366</v>
      </c>
      <c r="H1055" s="6" t="s">
        <v>2367</v>
      </c>
      <c r="I1055" s="7">
        <v>7.8920377999999998</v>
      </c>
      <c r="J1055" s="8">
        <v>-72.529932199999905</v>
      </c>
    </row>
    <row r="1056" spans="1:10" x14ac:dyDescent="0.35">
      <c r="A1056" s="5" t="s">
        <v>10</v>
      </c>
      <c r="B1056" s="6">
        <v>235979</v>
      </c>
      <c r="C1056" s="6" t="s">
        <v>28</v>
      </c>
      <c r="D1056" s="6" t="s">
        <v>1541</v>
      </c>
      <c r="E1056" s="6">
        <v>54720</v>
      </c>
      <c r="F1056" s="6" t="s">
        <v>18</v>
      </c>
      <c r="G1056" s="6" t="s">
        <v>2368</v>
      </c>
      <c r="H1056" s="6" t="s">
        <v>2369</v>
      </c>
      <c r="I1056" s="7">
        <v>7.8903311</v>
      </c>
      <c r="J1056" s="8">
        <v>-72.506806299999994</v>
      </c>
    </row>
    <row r="1057" spans="1:10" x14ac:dyDescent="0.35">
      <c r="A1057" s="5" t="s">
        <v>10</v>
      </c>
      <c r="B1057" s="6">
        <v>243827</v>
      </c>
      <c r="C1057" s="6" t="s">
        <v>28</v>
      </c>
      <c r="D1057" s="6" t="s">
        <v>29</v>
      </c>
      <c r="E1057" s="6">
        <v>54001</v>
      </c>
      <c r="F1057" s="6" t="s">
        <v>18</v>
      </c>
      <c r="G1057" s="6" t="s">
        <v>2370</v>
      </c>
      <c r="H1057" s="6" t="s">
        <v>2371</v>
      </c>
      <c r="I1057" s="7">
        <v>7.8966802999999999</v>
      </c>
      <c r="J1057" s="8">
        <v>-72.471084300000001</v>
      </c>
    </row>
    <row r="1058" spans="1:10" x14ac:dyDescent="0.35">
      <c r="A1058" s="5" t="s">
        <v>10</v>
      </c>
      <c r="B1058" s="6">
        <v>243893</v>
      </c>
      <c r="C1058" s="6" t="s">
        <v>28</v>
      </c>
      <c r="D1058" s="6" t="s">
        <v>49</v>
      </c>
      <c r="E1058" s="6">
        <v>54498</v>
      </c>
      <c r="F1058" s="6" t="s">
        <v>18</v>
      </c>
      <c r="G1058" s="6" t="s">
        <v>2372</v>
      </c>
      <c r="H1058" s="6" t="s">
        <v>2373</v>
      </c>
      <c r="I1058" s="7">
        <v>8.2655069999999995</v>
      </c>
      <c r="J1058" s="8">
        <v>-73.367230399999997</v>
      </c>
    </row>
    <row r="1059" spans="1:10" x14ac:dyDescent="0.35">
      <c r="A1059" s="5" t="s">
        <v>10</v>
      </c>
      <c r="B1059" s="6">
        <v>202890</v>
      </c>
      <c r="C1059" s="6" t="s">
        <v>28</v>
      </c>
      <c r="D1059" s="6" t="s">
        <v>49</v>
      </c>
      <c r="E1059" s="6">
        <v>54498</v>
      </c>
      <c r="F1059" s="6" t="s">
        <v>18</v>
      </c>
      <c r="G1059" s="6" t="s">
        <v>2374</v>
      </c>
      <c r="H1059" s="6" t="s">
        <v>2375</v>
      </c>
      <c r="I1059" s="7">
        <v>8.2323038000000004</v>
      </c>
      <c r="J1059" s="8">
        <v>-73.353471299999995</v>
      </c>
    </row>
    <row r="1060" spans="1:10" x14ac:dyDescent="0.35">
      <c r="A1060" s="5" t="s">
        <v>10</v>
      </c>
      <c r="B1060" s="6">
        <v>232033</v>
      </c>
      <c r="C1060" s="6" t="s">
        <v>28</v>
      </c>
      <c r="D1060" s="6" t="s">
        <v>29</v>
      </c>
      <c r="E1060" s="6">
        <v>54001</v>
      </c>
      <c r="F1060" s="6" t="s">
        <v>18</v>
      </c>
      <c r="G1060" s="6" t="s">
        <v>2376</v>
      </c>
      <c r="H1060" s="6" t="s">
        <v>2377</v>
      </c>
      <c r="I1060" s="7">
        <v>7.8852073999999996</v>
      </c>
      <c r="J1060" s="8">
        <v>-72.504912700000006</v>
      </c>
    </row>
    <row r="1061" spans="1:10" x14ac:dyDescent="0.35">
      <c r="A1061" s="5" t="s">
        <v>10</v>
      </c>
      <c r="B1061" s="6">
        <v>240420</v>
      </c>
      <c r="C1061" s="6" t="s">
        <v>42</v>
      </c>
      <c r="D1061" s="6" t="s">
        <v>46</v>
      </c>
      <c r="E1061" s="6">
        <v>17174</v>
      </c>
      <c r="F1061" s="6" t="s">
        <v>18</v>
      </c>
      <c r="G1061" s="6" t="s">
        <v>2378</v>
      </c>
      <c r="H1061" s="6" t="s">
        <v>2379</v>
      </c>
      <c r="I1061" s="7">
        <v>4.9827300000000001</v>
      </c>
      <c r="J1061" s="8">
        <v>-75.605260000000001</v>
      </c>
    </row>
    <row r="1062" spans="1:10" x14ac:dyDescent="0.35">
      <c r="A1062" s="5" t="s">
        <v>10</v>
      </c>
      <c r="B1062" s="6">
        <v>158369</v>
      </c>
      <c r="C1062" s="6" t="s">
        <v>94</v>
      </c>
      <c r="D1062" s="6" t="s">
        <v>98</v>
      </c>
      <c r="E1062" s="6">
        <v>66001</v>
      </c>
      <c r="F1062" s="6" t="s">
        <v>13</v>
      </c>
      <c r="G1062" s="6" t="s">
        <v>306</v>
      </c>
      <c r="H1062" s="6" t="s">
        <v>307</v>
      </c>
      <c r="I1062" s="7">
        <v>4.8058074</v>
      </c>
      <c r="J1062" s="8">
        <v>-75.694122800000002</v>
      </c>
    </row>
    <row r="1063" spans="1:10" x14ac:dyDescent="0.35">
      <c r="A1063" s="5" t="s">
        <v>10</v>
      </c>
      <c r="B1063" s="6">
        <v>212170</v>
      </c>
      <c r="C1063" s="6" t="s">
        <v>68</v>
      </c>
      <c r="D1063" s="6" t="s">
        <v>69</v>
      </c>
      <c r="E1063" s="6">
        <v>11001</v>
      </c>
      <c r="F1063" s="6" t="s">
        <v>18</v>
      </c>
      <c r="G1063" s="6" t="s">
        <v>2380</v>
      </c>
      <c r="H1063" s="6" t="s">
        <v>2381</v>
      </c>
      <c r="I1063" s="7">
        <v>4.7138239000000004</v>
      </c>
      <c r="J1063" s="8">
        <v>-74.060555800000003</v>
      </c>
    </row>
    <row r="1064" spans="1:10" x14ac:dyDescent="0.35">
      <c r="A1064" s="5" t="s">
        <v>10</v>
      </c>
      <c r="B1064" s="6">
        <v>228602</v>
      </c>
      <c r="C1064" s="6" t="s">
        <v>16</v>
      </c>
      <c r="D1064" s="6" t="s">
        <v>17</v>
      </c>
      <c r="E1064" s="6">
        <v>68679</v>
      </c>
      <c r="F1064" s="6" t="s">
        <v>18</v>
      </c>
      <c r="G1064" s="6" t="s">
        <v>2382</v>
      </c>
      <c r="H1064" s="6" t="s">
        <v>2383</v>
      </c>
      <c r="I1064" s="7">
        <v>6.5584898999999997</v>
      </c>
      <c r="J1064" s="8">
        <v>-73.134624899999906</v>
      </c>
    </row>
    <row r="1065" spans="1:10" x14ac:dyDescent="0.35">
      <c r="A1065" s="5" t="s">
        <v>10</v>
      </c>
      <c r="B1065" s="6">
        <v>232593</v>
      </c>
      <c r="C1065" s="6" t="s">
        <v>16</v>
      </c>
      <c r="D1065" s="6" t="s">
        <v>17</v>
      </c>
      <c r="E1065" s="6">
        <v>68679</v>
      </c>
      <c r="F1065" s="6" t="s">
        <v>18</v>
      </c>
      <c r="G1065" s="6" t="s">
        <v>2384</v>
      </c>
      <c r="H1065" s="6" t="s">
        <v>2385</v>
      </c>
      <c r="I1065" s="7">
        <v>6.5544270999999998</v>
      </c>
      <c r="J1065" s="8">
        <v>-73.136942000000005</v>
      </c>
    </row>
    <row r="1066" spans="1:10" x14ac:dyDescent="0.35">
      <c r="A1066" s="5" t="s">
        <v>10</v>
      </c>
      <c r="B1066" s="6">
        <v>235809</v>
      </c>
      <c r="C1066" s="6" t="s">
        <v>16</v>
      </c>
      <c r="D1066" s="6" t="s">
        <v>2386</v>
      </c>
      <c r="E1066" s="6">
        <v>68522</v>
      </c>
      <c r="F1066" s="6" t="s">
        <v>18</v>
      </c>
      <c r="G1066" s="6" t="s">
        <v>2387</v>
      </c>
      <c r="H1066" s="6" t="s">
        <v>2388</v>
      </c>
      <c r="I1066" s="7">
        <v>6.5386905999999998</v>
      </c>
      <c r="J1066" s="8">
        <v>-73.291250700000006</v>
      </c>
    </row>
    <row r="1067" spans="1:10" x14ac:dyDescent="0.35">
      <c r="A1067" s="5" t="s">
        <v>10</v>
      </c>
      <c r="B1067" s="6">
        <v>237113</v>
      </c>
      <c r="C1067" s="6" t="s">
        <v>55</v>
      </c>
      <c r="D1067" s="6" t="s">
        <v>1870</v>
      </c>
      <c r="E1067" s="6">
        <v>73236</v>
      </c>
      <c r="F1067" s="6" t="s">
        <v>18</v>
      </c>
      <c r="G1067" s="6" t="s">
        <v>2389</v>
      </c>
      <c r="H1067" s="6" t="s">
        <v>2390</v>
      </c>
      <c r="I1067" s="7">
        <v>3.5398388999999999</v>
      </c>
      <c r="J1067" s="8">
        <v>-74.895840100000001</v>
      </c>
    </row>
    <row r="1068" spans="1:10" x14ac:dyDescent="0.35">
      <c r="A1068" s="5" t="s">
        <v>10</v>
      </c>
      <c r="B1068" s="6">
        <v>239587</v>
      </c>
      <c r="C1068" s="6" t="s">
        <v>24</v>
      </c>
      <c r="D1068" s="6" t="s">
        <v>1141</v>
      </c>
      <c r="E1068" s="6">
        <v>15763</v>
      </c>
      <c r="F1068" s="6" t="s">
        <v>18</v>
      </c>
      <c r="G1068" s="6" t="s">
        <v>2391</v>
      </c>
      <c r="H1068" s="6" t="s">
        <v>2392</v>
      </c>
      <c r="I1068" s="7">
        <v>5.7654209999999999</v>
      </c>
      <c r="J1068" s="8">
        <v>-73.246928299999993</v>
      </c>
    </row>
    <row r="1069" spans="1:10" x14ac:dyDescent="0.35">
      <c r="A1069" s="5" t="s">
        <v>10</v>
      </c>
      <c r="B1069" s="6">
        <v>217597</v>
      </c>
      <c r="C1069" s="6" t="s">
        <v>24</v>
      </c>
      <c r="D1069" s="6" t="s">
        <v>530</v>
      </c>
      <c r="E1069" s="6">
        <v>15516</v>
      </c>
      <c r="F1069" s="6" t="s">
        <v>18</v>
      </c>
      <c r="G1069" s="6" t="s">
        <v>2393</v>
      </c>
      <c r="H1069" s="6" t="s">
        <v>2394</v>
      </c>
      <c r="I1069" s="7">
        <v>5.7863303000000004</v>
      </c>
      <c r="J1069" s="8">
        <v>-73.117007900000004</v>
      </c>
    </row>
    <row r="1070" spans="1:10" x14ac:dyDescent="0.35">
      <c r="A1070" s="5" t="s">
        <v>10</v>
      </c>
      <c r="B1070" s="6">
        <v>239626</v>
      </c>
      <c r="C1070" s="6" t="s">
        <v>24</v>
      </c>
      <c r="D1070" s="6" t="s">
        <v>85</v>
      </c>
      <c r="E1070" s="6">
        <v>15759</v>
      </c>
      <c r="F1070" s="6" t="s">
        <v>18</v>
      </c>
      <c r="G1070" s="6" t="s">
        <v>2395</v>
      </c>
      <c r="H1070" s="6" t="s">
        <v>2396</v>
      </c>
      <c r="I1070" s="7">
        <v>5.7210701999999998</v>
      </c>
      <c r="J1070" s="8">
        <v>-72.932628500000007</v>
      </c>
    </row>
    <row r="1071" spans="1:10" x14ac:dyDescent="0.35">
      <c r="A1071" s="5" t="s">
        <v>10</v>
      </c>
      <c r="B1071" s="6">
        <v>229102</v>
      </c>
      <c r="C1071" s="6" t="s">
        <v>28</v>
      </c>
      <c r="D1071" s="6" t="s">
        <v>29</v>
      </c>
      <c r="E1071" s="6">
        <v>54001</v>
      </c>
      <c r="F1071" s="6" t="s">
        <v>18</v>
      </c>
      <c r="G1071" s="6" t="s">
        <v>2397</v>
      </c>
      <c r="H1071" s="6" t="s">
        <v>2398</v>
      </c>
      <c r="I1071" s="7">
        <v>7.8968062999999997</v>
      </c>
      <c r="J1071" s="8">
        <v>-72.525901599999997</v>
      </c>
    </row>
    <row r="1072" spans="1:10" x14ac:dyDescent="0.35">
      <c r="A1072" s="5" t="s">
        <v>10</v>
      </c>
      <c r="B1072" s="6">
        <v>208019</v>
      </c>
      <c r="C1072" s="6" t="s">
        <v>28</v>
      </c>
      <c r="D1072" s="6" t="s">
        <v>29</v>
      </c>
      <c r="E1072" s="6">
        <v>54001</v>
      </c>
      <c r="F1072" s="6" t="s">
        <v>18</v>
      </c>
      <c r="G1072" s="6" t="s">
        <v>2399</v>
      </c>
      <c r="H1072" s="6" t="s">
        <v>2400</v>
      </c>
      <c r="I1072" s="7">
        <v>7.9143032</v>
      </c>
      <c r="J1072" s="8">
        <v>-72.531574499999905</v>
      </c>
    </row>
    <row r="1073" spans="1:10" x14ac:dyDescent="0.35">
      <c r="A1073" s="5" t="s">
        <v>10</v>
      </c>
      <c r="B1073" s="6">
        <v>233971</v>
      </c>
      <c r="C1073" s="6" t="s">
        <v>28</v>
      </c>
      <c r="D1073" s="6" t="s">
        <v>2401</v>
      </c>
      <c r="E1073" s="6">
        <v>54800</v>
      </c>
      <c r="F1073" s="6" t="s">
        <v>18</v>
      </c>
      <c r="G1073" s="6" t="s">
        <v>2402</v>
      </c>
      <c r="H1073" s="6" t="s">
        <v>2403</v>
      </c>
      <c r="I1073" s="7">
        <v>8.4375210000000003</v>
      </c>
      <c r="J1073" s="8">
        <v>-73.2869429</v>
      </c>
    </row>
    <row r="1074" spans="1:10" x14ac:dyDescent="0.35">
      <c r="A1074" s="5" t="s">
        <v>10</v>
      </c>
      <c r="B1074" s="6">
        <v>233955</v>
      </c>
      <c r="C1074" s="6" t="s">
        <v>42</v>
      </c>
      <c r="D1074" s="6" t="s">
        <v>43</v>
      </c>
      <c r="E1074" s="6">
        <v>17001</v>
      </c>
      <c r="F1074" s="6" t="s">
        <v>18</v>
      </c>
      <c r="G1074" s="6" t="s">
        <v>2404</v>
      </c>
      <c r="H1074" s="6" t="s">
        <v>2405</v>
      </c>
      <c r="I1074" s="7">
        <v>5.0653566999999997</v>
      </c>
      <c r="J1074" s="8">
        <v>-75.499808599999994</v>
      </c>
    </row>
    <row r="1075" spans="1:10" x14ac:dyDescent="0.35">
      <c r="A1075" s="5" t="s">
        <v>10</v>
      </c>
      <c r="B1075" s="6">
        <v>239101</v>
      </c>
      <c r="C1075" s="6" t="s">
        <v>55</v>
      </c>
      <c r="D1075" s="6" t="s">
        <v>2406</v>
      </c>
      <c r="E1075" s="6">
        <v>73686</v>
      </c>
      <c r="F1075" s="6" t="s">
        <v>18</v>
      </c>
      <c r="G1075" s="6" t="s">
        <v>2407</v>
      </c>
      <c r="H1075" s="6" t="s">
        <v>2408</v>
      </c>
      <c r="I1075" s="7">
        <v>4.4462314999999997</v>
      </c>
      <c r="J1075" s="8">
        <v>-75.246051399999999</v>
      </c>
    </row>
    <row r="1076" spans="1:10" x14ac:dyDescent="0.35">
      <c r="A1076" s="5" t="s">
        <v>10</v>
      </c>
      <c r="B1076" s="6">
        <v>246567</v>
      </c>
      <c r="C1076" s="6" t="s">
        <v>24</v>
      </c>
      <c r="D1076" s="6" t="s">
        <v>2409</v>
      </c>
      <c r="E1076" s="6">
        <v>15753</v>
      </c>
      <c r="F1076" s="6" t="s">
        <v>18</v>
      </c>
      <c r="G1076" s="6" t="s">
        <v>2410</v>
      </c>
      <c r="H1076" s="6" t="s">
        <v>2411</v>
      </c>
      <c r="I1076" s="7">
        <v>6.3439655000000004</v>
      </c>
      <c r="J1076" s="8">
        <v>-72.686069599999996</v>
      </c>
    </row>
    <row r="1077" spans="1:10" x14ac:dyDescent="0.35">
      <c r="A1077" s="5" t="s">
        <v>10</v>
      </c>
      <c r="B1077" s="6">
        <v>238144</v>
      </c>
      <c r="C1077" s="6" t="s">
        <v>24</v>
      </c>
      <c r="D1077" s="6" t="s">
        <v>2412</v>
      </c>
      <c r="E1077" s="6">
        <v>15442</v>
      </c>
      <c r="F1077" s="6" t="s">
        <v>18</v>
      </c>
      <c r="G1077" s="6" t="s">
        <v>2413</v>
      </c>
      <c r="H1077" s="6" t="s">
        <v>2414</v>
      </c>
      <c r="I1077" s="7">
        <v>4.6682407000000001</v>
      </c>
      <c r="J1077" s="8">
        <v>-74.1252298</v>
      </c>
    </row>
    <row r="1078" spans="1:10" x14ac:dyDescent="0.35">
      <c r="A1078" s="5" t="s">
        <v>10</v>
      </c>
      <c r="B1078" s="6">
        <v>173767</v>
      </c>
      <c r="C1078" s="6" t="s">
        <v>366</v>
      </c>
      <c r="D1078" s="6" t="s">
        <v>367</v>
      </c>
      <c r="E1078" s="6">
        <v>44430</v>
      </c>
      <c r="F1078" s="6" t="s">
        <v>13</v>
      </c>
      <c r="G1078" s="6" t="s">
        <v>1087</v>
      </c>
      <c r="H1078" s="6" t="s">
        <v>1672</v>
      </c>
      <c r="I1078" s="7">
        <v>11.3778012</v>
      </c>
      <c r="J1078" s="8">
        <v>-72.237508199999994</v>
      </c>
    </row>
    <row r="1079" spans="1:10" x14ac:dyDescent="0.35">
      <c r="A1079" s="5" t="s">
        <v>10</v>
      </c>
      <c r="B1079" s="6">
        <v>68328</v>
      </c>
      <c r="C1079" s="6" t="s">
        <v>366</v>
      </c>
      <c r="D1079" s="6" t="s">
        <v>367</v>
      </c>
      <c r="E1079" s="6">
        <v>44430</v>
      </c>
      <c r="F1079" s="6" t="s">
        <v>18</v>
      </c>
      <c r="G1079" s="6" t="s">
        <v>656</v>
      </c>
      <c r="H1079" s="6" t="s">
        <v>657</v>
      </c>
      <c r="I1079" s="7">
        <v>11.380054299999999</v>
      </c>
      <c r="J1079" s="8">
        <v>-72.242246499999993</v>
      </c>
    </row>
    <row r="1080" spans="1:10" x14ac:dyDescent="0.35">
      <c r="A1080" s="5" t="s">
        <v>10</v>
      </c>
      <c r="B1080" s="6">
        <v>235924</v>
      </c>
      <c r="C1080" s="6" t="s">
        <v>28</v>
      </c>
      <c r="D1080" s="6" t="s">
        <v>1541</v>
      </c>
      <c r="E1080" s="6">
        <v>54720</v>
      </c>
      <c r="F1080" s="6" t="s">
        <v>18</v>
      </c>
      <c r="G1080" s="6" t="s">
        <v>2415</v>
      </c>
      <c r="H1080" s="6" t="s">
        <v>2416</v>
      </c>
      <c r="I1080" s="7">
        <v>8.0850919999999995</v>
      </c>
      <c r="J1080" s="8">
        <v>-72.799937</v>
      </c>
    </row>
    <row r="1081" spans="1:10" x14ac:dyDescent="0.35">
      <c r="A1081" s="5" t="s">
        <v>10</v>
      </c>
      <c r="B1081" s="6">
        <v>246026</v>
      </c>
      <c r="C1081" s="6" t="s">
        <v>28</v>
      </c>
      <c r="D1081" s="6" t="s">
        <v>489</v>
      </c>
      <c r="E1081" s="6">
        <v>54172</v>
      </c>
      <c r="F1081" s="6" t="s">
        <v>18</v>
      </c>
      <c r="G1081" s="6" t="s">
        <v>2417</v>
      </c>
      <c r="H1081" s="6" t="s">
        <v>2418</v>
      </c>
      <c r="I1081" s="7">
        <v>7.6071073</v>
      </c>
      <c r="J1081" s="8">
        <v>-72.601631100000006</v>
      </c>
    </row>
    <row r="1082" spans="1:10" x14ac:dyDescent="0.35">
      <c r="A1082" s="5" t="s">
        <v>10</v>
      </c>
      <c r="B1082" s="6">
        <v>236122</v>
      </c>
      <c r="C1082" s="6" t="s">
        <v>42</v>
      </c>
      <c r="D1082" s="6" t="s">
        <v>43</v>
      </c>
      <c r="E1082" s="6">
        <v>17001</v>
      </c>
      <c r="F1082" s="6" t="s">
        <v>18</v>
      </c>
      <c r="G1082" s="6" t="s">
        <v>2419</v>
      </c>
      <c r="H1082" s="6" t="s">
        <v>2420</v>
      </c>
      <c r="I1082" s="7">
        <v>5.0629742999999996</v>
      </c>
      <c r="J1082" s="8">
        <v>-75.502769799999996</v>
      </c>
    </row>
    <row r="1083" spans="1:10" x14ac:dyDescent="0.35">
      <c r="A1083" s="5" t="s">
        <v>10</v>
      </c>
      <c r="B1083" s="6">
        <v>236992</v>
      </c>
      <c r="C1083" s="6" t="s">
        <v>278</v>
      </c>
      <c r="D1083" s="6" t="s">
        <v>2421</v>
      </c>
      <c r="E1083" s="6">
        <v>50573</v>
      </c>
      <c r="F1083" s="6" t="s">
        <v>18</v>
      </c>
      <c r="G1083" s="6" t="s">
        <v>2422</v>
      </c>
      <c r="H1083" s="6" t="s">
        <v>2423</v>
      </c>
      <c r="I1083" s="7">
        <v>4.0913539999999999</v>
      </c>
      <c r="J1083" s="8">
        <v>-72.955917999999997</v>
      </c>
    </row>
    <row r="1084" spans="1:10" x14ac:dyDescent="0.35">
      <c r="A1084" s="5" t="s">
        <v>10</v>
      </c>
      <c r="B1084" s="6">
        <v>239941</v>
      </c>
      <c r="C1084" s="6" t="s">
        <v>366</v>
      </c>
      <c r="D1084" s="6" t="s">
        <v>367</v>
      </c>
      <c r="E1084" s="6">
        <v>44430</v>
      </c>
      <c r="F1084" s="6" t="s">
        <v>18</v>
      </c>
      <c r="G1084" s="6" t="s">
        <v>2424</v>
      </c>
      <c r="H1084" s="6" t="s">
        <v>2425</v>
      </c>
      <c r="I1084" s="7">
        <v>11.3767554</v>
      </c>
      <c r="J1084" s="8">
        <v>-72.239670599999997</v>
      </c>
    </row>
    <row r="1085" spans="1:10" x14ac:dyDescent="0.35">
      <c r="A1085" s="5" t="s">
        <v>10</v>
      </c>
      <c r="B1085" s="6">
        <v>234958</v>
      </c>
      <c r="C1085" s="6" t="s">
        <v>16</v>
      </c>
      <c r="D1085" s="6" t="s">
        <v>17</v>
      </c>
      <c r="E1085" s="6">
        <v>68679</v>
      </c>
      <c r="F1085" s="6" t="s">
        <v>18</v>
      </c>
      <c r="G1085" s="6" t="s">
        <v>2426</v>
      </c>
      <c r="H1085" s="6" t="s">
        <v>2427</v>
      </c>
      <c r="I1085" s="7">
        <v>6.5555469000000004</v>
      </c>
      <c r="J1085" s="8">
        <v>-73.129914400000004</v>
      </c>
    </row>
    <row r="1086" spans="1:10" x14ac:dyDescent="0.35">
      <c r="A1086" s="5" t="s">
        <v>10</v>
      </c>
      <c r="B1086" s="6">
        <v>234773</v>
      </c>
      <c r="C1086" s="6" t="s">
        <v>24</v>
      </c>
      <c r="D1086" s="6" t="s">
        <v>88</v>
      </c>
      <c r="E1086" s="6">
        <v>15001</v>
      </c>
      <c r="F1086" s="6" t="s">
        <v>18</v>
      </c>
      <c r="G1086" s="6" t="s">
        <v>2428</v>
      </c>
      <c r="H1086" s="6" t="s">
        <v>2429</v>
      </c>
      <c r="I1086" s="7">
        <v>5.5281561999999997</v>
      </c>
      <c r="J1086" s="8">
        <v>-73.364503600000006</v>
      </c>
    </row>
    <row r="1087" spans="1:10" x14ac:dyDescent="0.35">
      <c r="A1087" s="5" t="s">
        <v>10</v>
      </c>
      <c r="B1087" s="6">
        <v>208620</v>
      </c>
      <c r="C1087" s="6" t="s">
        <v>24</v>
      </c>
      <c r="D1087" s="6" t="s">
        <v>137</v>
      </c>
      <c r="E1087" s="6">
        <v>15238</v>
      </c>
      <c r="F1087" s="6" t="s">
        <v>18</v>
      </c>
      <c r="G1087" s="6" t="s">
        <v>2430</v>
      </c>
      <c r="H1087" s="6" t="s">
        <v>2431</v>
      </c>
      <c r="I1087" s="7">
        <v>5.8269802999999998</v>
      </c>
      <c r="J1087" s="8">
        <v>-73.040389500000003</v>
      </c>
    </row>
    <row r="1088" spans="1:10" x14ac:dyDescent="0.35">
      <c r="A1088" s="5" t="s">
        <v>10</v>
      </c>
      <c r="B1088" s="6">
        <v>239476</v>
      </c>
      <c r="C1088" s="6" t="s">
        <v>24</v>
      </c>
      <c r="D1088" s="6" t="s">
        <v>137</v>
      </c>
      <c r="E1088" s="6">
        <v>15238</v>
      </c>
      <c r="F1088" s="6" t="s">
        <v>18</v>
      </c>
      <c r="G1088" s="6" t="s">
        <v>2432</v>
      </c>
      <c r="H1088" s="6" t="s">
        <v>2433</v>
      </c>
      <c r="I1088" s="7">
        <v>5.8254843999999997</v>
      </c>
      <c r="J1088" s="8">
        <v>-73.027216100000004</v>
      </c>
    </row>
    <row r="1089" spans="1:10" x14ac:dyDescent="0.35">
      <c r="A1089" s="5" t="s">
        <v>10</v>
      </c>
      <c r="B1089" s="6">
        <v>41275</v>
      </c>
      <c r="C1089" s="6" t="s">
        <v>308</v>
      </c>
      <c r="D1089" s="6" t="s">
        <v>309</v>
      </c>
      <c r="E1089" s="6">
        <v>23001</v>
      </c>
      <c r="F1089" s="6" t="s">
        <v>13</v>
      </c>
      <c r="G1089" s="6" t="s">
        <v>2434</v>
      </c>
      <c r="H1089" s="6" t="s">
        <v>2435</v>
      </c>
      <c r="I1089" s="7">
        <v>8.7498170999999996</v>
      </c>
      <c r="J1089" s="8">
        <v>-75.890767299999993</v>
      </c>
    </row>
    <row r="1090" spans="1:10" x14ac:dyDescent="0.35">
      <c r="A1090" s="5" t="s">
        <v>10</v>
      </c>
      <c r="B1090" s="6">
        <v>236692</v>
      </c>
      <c r="C1090" s="6" t="s">
        <v>16</v>
      </c>
      <c r="D1090" s="6" t="s">
        <v>521</v>
      </c>
      <c r="E1090" s="6">
        <v>68861</v>
      </c>
      <c r="F1090" s="6" t="s">
        <v>18</v>
      </c>
      <c r="G1090" s="6" t="s">
        <v>2436</v>
      </c>
      <c r="H1090" s="6" t="s">
        <v>2437</v>
      </c>
      <c r="I1090" s="7">
        <v>6.0067848000000001</v>
      </c>
      <c r="J1090" s="8">
        <v>-73.675988099999998</v>
      </c>
    </row>
    <row r="1091" spans="1:10" x14ac:dyDescent="0.35">
      <c r="A1091" s="5" t="s">
        <v>10</v>
      </c>
      <c r="B1091" s="6">
        <v>189981</v>
      </c>
      <c r="C1091" s="6" t="s">
        <v>55</v>
      </c>
      <c r="D1091" s="6" t="s">
        <v>56</v>
      </c>
      <c r="E1091" s="6">
        <v>73001</v>
      </c>
      <c r="F1091" s="6" t="s">
        <v>18</v>
      </c>
      <c r="G1091" s="6" t="s">
        <v>2438</v>
      </c>
      <c r="H1091" s="6" t="s">
        <v>2439</v>
      </c>
      <c r="I1091" s="7">
        <v>4.4424349999999997</v>
      </c>
      <c r="J1091" s="8">
        <v>-75.240386599999994</v>
      </c>
    </row>
    <row r="1092" spans="1:10" x14ac:dyDescent="0.35">
      <c r="A1092" s="5" t="s">
        <v>10</v>
      </c>
      <c r="B1092" s="6">
        <v>183506</v>
      </c>
      <c r="C1092" s="6" t="s">
        <v>55</v>
      </c>
      <c r="D1092" s="6" t="s">
        <v>731</v>
      </c>
      <c r="E1092" s="6">
        <v>73268</v>
      </c>
      <c r="F1092" s="6" t="s">
        <v>18</v>
      </c>
      <c r="G1092" s="6" t="s">
        <v>2440</v>
      </c>
      <c r="H1092" s="6" t="s">
        <v>2441</v>
      </c>
      <c r="I1092" s="7">
        <v>4.4471824</v>
      </c>
      <c r="J1092" s="8">
        <v>-75.241799200000003</v>
      </c>
    </row>
    <row r="1093" spans="1:10" x14ac:dyDescent="0.35">
      <c r="A1093" s="5" t="s">
        <v>10</v>
      </c>
      <c r="B1093" s="6">
        <v>239842</v>
      </c>
      <c r="C1093" s="6" t="s">
        <v>24</v>
      </c>
      <c r="D1093" s="6" t="s">
        <v>137</v>
      </c>
      <c r="E1093" s="6">
        <v>15238</v>
      </c>
      <c r="F1093" s="6" t="s">
        <v>18</v>
      </c>
      <c r="G1093" s="6" t="s">
        <v>2442</v>
      </c>
      <c r="H1093" s="6" t="s">
        <v>2443</v>
      </c>
      <c r="I1093" s="7">
        <v>5.8325981999999996</v>
      </c>
      <c r="J1093" s="8">
        <v>-73.025534899999997</v>
      </c>
    </row>
    <row r="1094" spans="1:10" x14ac:dyDescent="0.35">
      <c r="A1094" s="5" t="s">
        <v>10</v>
      </c>
      <c r="B1094" s="6">
        <v>242806</v>
      </c>
      <c r="C1094" s="6" t="s">
        <v>24</v>
      </c>
      <c r="D1094" s="6" t="s">
        <v>137</v>
      </c>
      <c r="E1094" s="6">
        <v>15238</v>
      </c>
      <c r="F1094" s="6" t="s">
        <v>18</v>
      </c>
      <c r="G1094" s="6" t="s">
        <v>2444</v>
      </c>
      <c r="H1094" s="6" t="s">
        <v>2445</v>
      </c>
      <c r="I1094" s="7">
        <v>5.8282613000000003</v>
      </c>
      <c r="J1094" s="8">
        <v>-73.036709400000007</v>
      </c>
    </row>
    <row r="1095" spans="1:10" x14ac:dyDescent="0.35">
      <c r="A1095" s="5" t="s">
        <v>10</v>
      </c>
      <c r="B1095" s="6">
        <v>239716</v>
      </c>
      <c r="C1095" s="6" t="s">
        <v>28</v>
      </c>
      <c r="D1095" s="6" t="s">
        <v>29</v>
      </c>
      <c r="E1095" s="6">
        <v>54001</v>
      </c>
      <c r="F1095" s="6" t="s">
        <v>18</v>
      </c>
      <c r="G1095" s="6" t="s">
        <v>2446</v>
      </c>
      <c r="H1095" s="6" t="s">
        <v>752</v>
      </c>
      <c r="I1095" s="7">
        <v>7.9001944000000002</v>
      </c>
      <c r="J1095" s="8">
        <v>-72.491068799999994</v>
      </c>
    </row>
    <row r="1096" spans="1:10" x14ac:dyDescent="0.35">
      <c r="A1096" s="5" t="s">
        <v>10</v>
      </c>
      <c r="B1096" s="6">
        <v>230696</v>
      </c>
      <c r="C1096" s="6" t="s">
        <v>94</v>
      </c>
      <c r="D1096" s="6" t="s">
        <v>242</v>
      </c>
      <c r="E1096" s="6">
        <v>66682</v>
      </c>
      <c r="F1096" s="6" t="s">
        <v>18</v>
      </c>
      <c r="G1096" s="6" t="s">
        <v>2447</v>
      </c>
      <c r="H1096" s="6" t="s">
        <v>2448</v>
      </c>
      <c r="I1096" s="7">
        <v>4.8661076999999997</v>
      </c>
      <c r="J1096" s="8">
        <v>-75.621911299999994</v>
      </c>
    </row>
    <row r="1097" spans="1:10" x14ac:dyDescent="0.35">
      <c r="A1097" s="5" t="s">
        <v>10</v>
      </c>
      <c r="B1097" s="6">
        <v>234667</v>
      </c>
      <c r="C1097" s="6" t="s">
        <v>55</v>
      </c>
      <c r="D1097" s="6" t="s">
        <v>1162</v>
      </c>
      <c r="E1097" s="6">
        <v>73411</v>
      </c>
      <c r="F1097" s="6" t="s">
        <v>18</v>
      </c>
      <c r="G1097" s="6" t="s">
        <v>2449</v>
      </c>
      <c r="H1097" s="6" t="s">
        <v>2450</v>
      </c>
      <c r="I1097" s="7">
        <v>4.9219461999999998</v>
      </c>
      <c r="J1097" s="8">
        <v>-75.058503599999995</v>
      </c>
    </row>
    <row r="1098" spans="1:10" x14ac:dyDescent="0.35">
      <c r="A1098" s="5" t="s">
        <v>10</v>
      </c>
      <c r="B1098" s="6">
        <v>210653</v>
      </c>
      <c r="C1098" s="6" t="s">
        <v>278</v>
      </c>
      <c r="D1098" s="6" t="s">
        <v>279</v>
      </c>
      <c r="E1098" s="6">
        <v>50001</v>
      </c>
      <c r="F1098" s="6" t="s">
        <v>18</v>
      </c>
      <c r="G1098" s="6" t="s">
        <v>2451</v>
      </c>
      <c r="H1098" s="6" t="s">
        <v>2452</v>
      </c>
      <c r="I1098" s="7">
        <v>4.1222427000000001</v>
      </c>
      <c r="J1098" s="8">
        <v>-73.623094600000002</v>
      </c>
    </row>
    <row r="1099" spans="1:10" x14ac:dyDescent="0.35">
      <c r="A1099" s="5" t="s">
        <v>10</v>
      </c>
      <c r="B1099" s="6">
        <v>187504</v>
      </c>
      <c r="C1099" s="6" t="s">
        <v>11</v>
      </c>
      <c r="D1099" s="6" t="s">
        <v>334</v>
      </c>
      <c r="E1099" s="6">
        <v>25754</v>
      </c>
      <c r="F1099" s="6" t="s">
        <v>13</v>
      </c>
      <c r="G1099" s="6" t="s">
        <v>2453</v>
      </c>
      <c r="H1099" s="6" t="s">
        <v>2454</v>
      </c>
      <c r="I1099" s="7">
        <v>4.6117675</v>
      </c>
      <c r="J1099" s="8">
        <v>-74.221056899999994</v>
      </c>
    </row>
    <row r="1100" spans="1:10" x14ac:dyDescent="0.35">
      <c r="A1100" s="5" t="s">
        <v>10</v>
      </c>
      <c r="B1100" s="6">
        <v>227327</v>
      </c>
      <c r="C1100" s="6" t="s">
        <v>16</v>
      </c>
      <c r="D1100" s="6" t="s">
        <v>17</v>
      </c>
      <c r="E1100" s="6">
        <v>68679</v>
      </c>
      <c r="F1100" s="6" t="s">
        <v>18</v>
      </c>
      <c r="G1100" s="6" t="s">
        <v>2455</v>
      </c>
      <c r="H1100" s="6" t="s">
        <v>2456</v>
      </c>
      <c r="I1100" s="7">
        <v>6.5537107999999904</v>
      </c>
      <c r="J1100" s="8">
        <v>-73.133839299999906</v>
      </c>
    </row>
    <row r="1101" spans="1:10" x14ac:dyDescent="0.35">
      <c r="A1101" s="5" t="s">
        <v>10</v>
      </c>
      <c r="B1101" s="6">
        <v>208160</v>
      </c>
      <c r="C1101" s="6" t="s">
        <v>55</v>
      </c>
      <c r="D1101" s="6" t="s">
        <v>56</v>
      </c>
      <c r="E1101" s="6">
        <v>73001</v>
      </c>
      <c r="F1101" s="6" t="s">
        <v>18</v>
      </c>
      <c r="G1101" s="6" t="s">
        <v>2457</v>
      </c>
      <c r="H1101" s="6" t="s">
        <v>2458</v>
      </c>
      <c r="I1101" s="7">
        <v>4.4446759999999896</v>
      </c>
      <c r="J1101" s="8">
        <v>-75.242437999999893</v>
      </c>
    </row>
    <row r="1102" spans="1:10" x14ac:dyDescent="0.35">
      <c r="A1102" s="5" t="s">
        <v>10</v>
      </c>
      <c r="B1102" s="6">
        <v>207811</v>
      </c>
      <c r="C1102" s="6" t="s">
        <v>55</v>
      </c>
      <c r="D1102" s="6" t="s">
        <v>712</v>
      </c>
      <c r="E1102" s="6">
        <v>73671</v>
      </c>
      <c r="F1102" s="6" t="s">
        <v>18</v>
      </c>
      <c r="G1102" s="6" t="s">
        <v>746</v>
      </c>
      <c r="H1102" s="6" t="s">
        <v>747</v>
      </c>
      <c r="I1102" s="7">
        <v>3.9286132</v>
      </c>
      <c r="J1102" s="8">
        <v>-75.017481399999994</v>
      </c>
    </row>
    <row r="1103" spans="1:10" x14ac:dyDescent="0.35">
      <c r="A1103" s="5" t="s">
        <v>10</v>
      </c>
      <c r="B1103" s="6">
        <v>213118</v>
      </c>
      <c r="C1103" s="6" t="s">
        <v>55</v>
      </c>
      <c r="D1103" s="6" t="s">
        <v>56</v>
      </c>
      <c r="E1103" s="6">
        <v>73001</v>
      </c>
      <c r="F1103" s="6" t="s">
        <v>18</v>
      </c>
      <c r="G1103" s="6" t="s">
        <v>2459</v>
      </c>
      <c r="H1103" s="6" t="s">
        <v>2460</v>
      </c>
      <c r="I1103" s="7">
        <v>4.4372568000000001</v>
      </c>
      <c r="J1103" s="8">
        <v>-75.174328899999907</v>
      </c>
    </row>
    <row r="1104" spans="1:10" x14ac:dyDescent="0.35">
      <c r="A1104" s="5" t="s">
        <v>10</v>
      </c>
      <c r="B1104" s="6">
        <v>190625</v>
      </c>
      <c r="C1104" s="6" t="s">
        <v>24</v>
      </c>
      <c r="D1104" s="6" t="s">
        <v>2412</v>
      </c>
      <c r="E1104" s="6">
        <v>15442</v>
      </c>
      <c r="F1104" s="6" t="s">
        <v>18</v>
      </c>
      <c r="G1104" s="6" t="s">
        <v>2461</v>
      </c>
      <c r="H1104" s="6" t="s">
        <v>2462</v>
      </c>
      <c r="I1104" s="7">
        <v>5.5496230000000004</v>
      </c>
      <c r="J1104" s="8">
        <v>-74.0046909</v>
      </c>
    </row>
    <row r="1105" spans="1:10" x14ac:dyDescent="0.35">
      <c r="A1105" s="5" t="s">
        <v>10</v>
      </c>
      <c r="B1105" s="6">
        <v>239679</v>
      </c>
      <c r="C1105" s="6" t="s">
        <v>24</v>
      </c>
      <c r="D1105" s="6" t="s">
        <v>476</v>
      </c>
      <c r="E1105" s="6">
        <v>15693</v>
      </c>
      <c r="F1105" s="6" t="s">
        <v>18</v>
      </c>
      <c r="G1105" s="6" t="s">
        <v>2463</v>
      </c>
      <c r="H1105" s="6" t="s">
        <v>2464</v>
      </c>
      <c r="I1105" s="7">
        <v>5.8741303</v>
      </c>
      <c r="J1105" s="8">
        <v>-72.982869699999995</v>
      </c>
    </row>
    <row r="1106" spans="1:10" x14ac:dyDescent="0.35">
      <c r="A1106" s="5" t="s">
        <v>10</v>
      </c>
      <c r="B1106" s="6">
        <v>214528</v>
      </c>
      <c r="C1106" s="6" t="s">
        <v>24</v>
      </c>
      <c r="D1106" s="6" t="s">
        <v>88</v>
      </c>
      <c r="E1106" s="6">
        <v>15001</v>
      </c>
      <c r="F1106" s="6" t="s">
        <v>18</v>
      </c>
      <c r="G1106" s="6" t="s">
        <v>2465</v>
      </c>
      <c r="H1106" s="6" t="s">
        <v>2466</v>
      </c>
      <c r="I1106" s="7">
        <v>5.5332624999999904</v>
      </c>
      <c r="J1106" s="8">
        <v>-73.346103399999905</v>
      </c>
    </row>
    <row r="1107" spans="1:10" x14ac:dyDescent="0.35">
      <c r="A1107" s="5" t="s">
        <v>10</v>
      </c>
      <c r="B1107" s="6">
        <v>232138</v>
      </c>
      <c r="C1107" s="6" t="s">
        <v>24</v>
      </c>
      <c r="D1107" s="6" t="s">
        <v>530</v>
      </c>
      <c r="E1107" s="6">
        <v>15516</v>
      </c>
      <c r="F1107" s="6" t="s">
        <v>18</v>
      </c>
      <c r="G1107" s="6" t="s">
        <v>2467</v>
      </c>
      <c r="H1107" s="6" t="s">
        <v>2468</v>
      </c>
      <c r="I1107" s="7">
        <v>5.7778913000000003</v>
      </c>
      <c r="J1107" s="8">
        <v>-73.118091100000001</v>
      </c>
    </row>
    <row r="1108" spans="1:10" x14ac:dyDescent="0.35">
      <c r="A1108" s="5" t="s">
        <v>10</v>
      </c>
      <c r="B1108" s="6">
        <v>238729</v>
      </c>
      <c r="C1108" s="6" t="s">
        <v>24</v>
      </c>
      <c r="D1108" s="6" t="s">
        <v>137</v>
      </c>
      <c r="E1108" s="6">
        <v>15238</v>
      </c>
      <c r="F1108" s="6" t="s">
        <v>18</v>
      </c>
      <c r="G1108" s="6" t="s">
        <v>2469</v>
      </c>
      <c r="H1108" s="6" t="s">
        <v>2470</v>
      </c>
      <c r="I1108" s="7">
        <v>5.8088378000000001</v>
      </c>
      <c r="J1108" s="8">
        <v>-73.019980799999999</v>
      </c>
    </row>
    <row r="1109" spans="1:10" x14ac:dyDescent="0.35">
      <c r="A1109" s="5" t="s">
        <v>10</v>
      </c>
      <c r="B1109" s="6">
        <v>239557</v>
      </c>
      <c r="C1109" s="6" t="s">
        <v>24</v>
      </c>
      <c r="D1109" s="6" t="s">
        <v>137</v>
      </c>
      <c r="E1109" s="6">
        <v>15238</v>
      </c>
      <c r="F1109" s="6" t="s">
        <v>18</v>
      </c>
      <c r="G1109" s="6" t="s">
        <v>2471</v>
      </c>
      <c r="H1109" s="6" t="s">
        <v>2472</v>
      </c>
      <c r="I1109" s="7">
        <v>5.8321189000000002</v>
      </c>
      <c r="J1109" s="8">
        <v>-73.037021800000005</v>
      </c>
    </row>
    <row r="1110" spans="1:10" x14ac:dyDescent="0.35">
      <c r="A1110" s="5" t="s">
        <v>10</v>
      </c>
      <c r="B1110" s="6">
        <v>224133</v>
      </c>
      <c r="C1110" s="6" t="s">
        <v>42</v>
      </c>
      <c r="D1110" s="6" t="s">
        <v>43</v>
      </c>
      <c r="E1110" s="6">
        <v>17001</v>
      </c>
      <c r="F1110" s="6" t="s">
        <v>18</v>
      </c>
      <c r="G1110" s="6" t="s">
        <v>2473</v>
      </c>
      <c r="H1110" s="6" t="s">
        <v>2474</v>
      </c>
      <c r="I1110" s="7">
        <v>5.0671037999999999</v>
      </c>
      <c r="J1110" s="8">
        <v>-75.4729308</v>
      </c>
    </row>
    <row r="1111" spans="1:10" x14ac:dyDescent="0.35">
      <c r="A1111" s="5" t="s">
        <v>10</v>
      </c>
      <c r="B1111" s="6">
        <v>232549</v>
      </c>
      <c r="C1111" s="6" t="s">
        <v>42</v>
      </c>
      <c r="D1111" s="6" t="s">
        <v>327</v>
      </c>
      <c r="E1111" s="6">
        <v>17042</v>
      </c>
      <c r="F1111" s="6" t="s">
        <v>18</v>
      </c>
      <c r="G1111" s="6" t="s">
        <v>2475</v>
      </c>
      <c r="H1111" s="6" t="s">
        <v>2476</v>
      </c>
      <c r="I1111" s="7">
        <v>5.2268406000000001</v>
      </c>
      <c r="J1111" s="8">
        <v>-75.788534200000001</v>
      </c>
    </row>
    <row r="1112" spans="1:10" x14ac:dyDescent="0.35">
      <c r="A1112" s="5" t="s">
        <v>10</v>
      </c>
      <c r="B1112" s="6">
        <v>234623</v>
      </c>
      <c r="C1112" s="6" t="s">
        <v>42</v>
      </c>
      <c r="D1112" s="6" t="s">
        <v>1697</v>
      </c>
      <c r="E1112" s="6">
        <v>17433</v>
      </c>
      <c r="F1112" s="6" t="s">
        <v>18</v>
      </c>
      <c r="G1112" s="6" t="s">
        <v>2477</v>
      </c>
      <c r="H1112" s="6" t="s">
        <v>2478</v>
      </c>
      <c r="I1112" s="7">
        <v>4.8396917999999998</v>
      </c>
      <c r="J1112" s="8">
        <v>-75.666432900000004</v>
      </c>
    </row>
    <row r="1113" spans="1:10" x14ac:dyDescent="0.35">
      <c r="A1113" s="5" t="s">
        <v>10</v>
      </c>
      <c r="B1113" s="6">
        <v>234479</v>
      </c>
      <c r="C1113" s="6" t="s">
        <v>42</v>
      </c>
      <c r="D1113" s="6" t="s">
        <v>602</v>
      </c>
      <c r="E1113" s="6">
        <v>17777</v>
      </c>
      <c r="F1113" s="6" t="s">
        <v>18</v>
      </c>
      <c r="G1113" s="6" t="s">
        <v>2479</v>
      </c>
      <c r="H1113" s="6" t="s">
        <v>2480</v>
      </c>
      <c r="I1113" s="7">
        <v>5.451765</v>
      </c>
      <c r="J1113" s="8">
        <v>-75.650948700000001</v>
      </c>
    </row>
    <row r="1114" spans="1:10" x14ac:dyDescent="0.35">
      <c r="A1114" s="5" t="s">
        <v>10</v>
      </c>
      <c r="B1114" s="6">
        <v>239017</v>
      </c>
      <c r="C1114" s="6" t="s">
        <v>42</v>
      </c>
      <c r="D1114" s="6" t="s">
        <v>602</v>
      </c>
      <c r="E1114" s="6">
        <v>17777</v>
      </c>
      <c r="F1114" s="6" t="s">
        <v>18</v>
      </c>
      <c r="G1114" s="6" t="s">
        <v>2481</v>
      </c>
      <c r="H1114" s="6" t="s">
        <v>2482</v>
      </c>
      <c r="I1114" s="7">
        <v>2.4405233000000002</v>
      </c>
      <c r="J1114" s="8">
        <v>-76.608055399999998</v>
      </c>
    </row>
    <row r="1115" spans="1:10" x14ac:dyDescent="0.35">
      <c r="A1115" s="5" t="s">
        <v>10</v>
      </c>
      <c r="B1115" s="6">
        <v>229995</v>
      </c>
      <c r="C1115" s="6" t="s">
        <v>68</v>
      </c>
      <c r="D1115" s="6" t="s">
        <v>69</v>
      </c>
      <c r="E1115" s="6">
        <v>11001</v>
      </c>
      <c r="F1115" s="6" t="s">
        <v>18</v>
      </c>
      <c r="G1115" s="6" t="s">
        <v>2483</v>
      </c>
      <c r="H1115" s="6" t="s">
        <v>2484</v>
      </c>
      <c r="I1115" s="7">
        <v>4.6698398000000001</v>
      </c>
      <c r="J1115" s="8">
        <v>-74.014287999999993</v>
      </c>
    </row>
    <row r="1116" spans="1:10" x14ac:dyDescent="0.35">
      <c r="A1116" s="5" t="s">
        <v>10</v>
      </c>
      <c r="B1116" s="6">
        <v>149272</v>
      </c>
      <c r="C1116" s="6" t="s">
        <v>16</v>
      </c>
      <c r="D1116" s="6" t="s">
        <v>17</v>
      </c>
      <c r="E1116" s="6">
        <v>68679</v>
      </c>
      <c r="F1116" s="6" t="s">
        <v>18</v>
      </c>
      <c r="G1116" s="6" t="s">
        <v>2485</v>
      </c>
      <c r="H1116" s="6" t="s">
        <v>2486</v>
      </c>
      <c r="I1116" s="7">
        <v>6.5533992999999997</v>
      </c>
      <c r="J1116" s="8">
        <v>-73.130467099999905</v>
      </c>
    </row>
    <row r="1117" spans="1:10" x14ac:dyDescent="0.35">
      <c r="A1117" s="5" t="s">
        <v>10</v>
      </c>
      <c r="B1117" s="6">
        <v>237644</v>
      </c>
      <c r="C1117" s="6" t="s">
        <v>55</v>
      </c>
      <c r="D1117" s="6" t="s">
        <v>56</v>
      </c>
      <c r="E1117" s="6">
        <v>73001</v>
      </c>
      <c r="F1117" s="6" t="s">
        <v>18</v>
      </c>
      <c r="G1117" s="6" t="s">
        <v>2487</v>
      </c>
      <c r="H1117" s="6" t="s">
        <v>2488</v>
      </c>
      <c r="I1117" s="7">
        <v>4.4320864999999996</v>
      </c>
      <c r="J1117" s="8">
        <v>-75.231952399999997</v>
      </c>
    </row>
    <row r="1118" spans="1:10" x14ac:dyDescent="0.35">
      <c r="A1118" s="5" t="s">
        <v>10</v>
      </c>
      <c r="B1118" s="6">
        <v>180002</v>
      </c>
      <c r="C1118" s="6" t="s">
        <v>294</v>
      </c>
      <c r="D1118" s="6" t="s">
        <v>2489</v>
      </c>
      <c r="E1118" s="6">
        <v>41660</v>
      </c>
      <c r="F1118" s="6" t="s">
        <v>18</v>
      </c>
      <c r="G1118" s="6" t="s">
        <v>2490</v>
      </c>
      <c r="H1118" s="6" t="s">
        <v>2491</v>
      </c>
      <c r="I1118" s="7">
        <v>1.9930969999999999</v>
      </c>
      <c r="J1118" s="8">
        <v>-76.043613999999906</v>
      </c>
    </row>
    <row r="1119" spans="1:10" x14ac:dyDescent="0.35">
      <c r="A1119" s="5" t="s">
        <v>10</v>
      </c>
      <c r="B1119" s="6">
        <v>239213</v>
      </c>
      <c r="C1119" s="6" t="s">
        <v>24</v>
      </c>
      <c r="D1119" s="6" t="s">
        <v>85</v>
      </c>
      <c r="E1119" s="6">
        <v>15759</v>
      </c>
      <c r="F1119" s="6" t="s">
        <v>18</v>
      </c>
      <c r="G1119" s="6" t="s">
        <v>2492</v>
      </c>
      <c r="H1119" s="6" t="s">
        <v>2493</v>
      </c>
      <c r="I1119" s="7">
        <v>5.7243662999999998</v>
      </c>
      <c r="J1119" s="8">
        <v>-72.922768399999995</v>
      </c>
    </row>
    <row r="1120" spans="1:10" x14ac:dyDescent="0.35">
      <c r="A1120" s="5" t="s">
        <v>10</v>
      </c>
      <c r="B1120" s="6">
        <v>218117</v>
      </c>
      <c r="C1120" s="6" t="s">
        <v>24</v>
      </c>
      <c r="D1120" s="6" t="s">
        <v>609</v>
      </c>
      <c r="E1120" s="6">
        <v>15455</v>
      </c>
      <c r="F1120" s="6" t="s">
        <v>18</v>
      </c>
      <c r="G1120" s="6" t="s">
        <v>2494</v>
      </c>
      <c r="H1120" s="6" t="s">
        <v>2495</v>
      </c>
      <c r="I1120" s="7">
        <v>5.1959593000000002</v>
      </c>
      <c r="J1120" s="8">
        <v>-73.143634199999994</v>
      </c>
    </row>
    <row r="1121" spans="1:10" x14ac:dyDescent="0.35">
      <c r="A1121" s="5" t="s">
        <v>10</v>
      </c>
      <c r="B1121" s="6">
        <v>204676</v>
      </c>
      <c r="C1121" s="6" t="s">
        <v>61</v>
      </c>
      <c r="D1121" s="6" t="s">
        <v>723</v>
      </c>
      <c r="E1121" s="6">
        <v>63470</v>
      </c>
      <c r="F1121" s="6" t="s">
        <v>18</v>
      </c>
      <c r="G1121" s="6" t="s">
        <v>2496</v>
      </c>
      <c r="H1121" s="6" t="s">
        <v>2497</v>
      </c>
      <c r="I1121" s="7">
        <v>4.5630591999999996</v>
      </c>
      <c r="J1121" s="8">
        <v>-75.752364299999996</v>
      </c>
    </row>
    <row r="1122" spans="1:10" x14ac:dyDescent="0.35">
      <c r="A1122" s="5" t="s">
        <v>10</v>
      </c>
      <c r="B1122" s="6">
        <v>215169</v>
      </c>
      <c r="C1122" s="6" t="s">
        <v>55</v>
      </c>
      <c r="D1122" s="6" t="s">
        <v>56</v>
      </c>
      <c r="E1122" s="6">
        <v>73001</v>
      </c>
      <c r="F1122" s="6" t="s">
        <v>18</v>
      </c>
      <c r="G1122" s="6" t="s">
        <v>2498</v>
      </c>
      <c r="H1122" s="6" t="s">
        <v>2499</v>
      </c>
      <c r="I1122" s="7">
        <v>4.4540408999999999</v>
      </c>
      <c r="J1122" s="8">
        <v>-75.250784999999993</v>
      </c>
    </row>
    <row r="1123" spans="1:10" x14ac:dyDescent="0.35">
      <c r="A1123" s="5" t="s">
        <v>10</v>
      </c>
      <c r="B1123" s="6">
        <v>244944</v>
      </c>
      <c r="C1123" s="6" t="s">
        <v>55</v>
      </c>
      <c r="D1123" s="6" t="s">
        <v>731</v>
      </c>
      <c r="E1123" s="6">
        <v>73268</v>
      </c>
      <c r="F1123" s="6" t="s">
        <v>18</v>
      </c>
      <c r="G1123" s="6" t="s">
        <v>2500</v>
      </c>
      <c r="H1123" s="6" t="s">
        <v>2501</v>
      </c>
      <c r="I1123" s="7">
        <v>4.1480003999999999</v>
      </c>
      <c r="J1123" s="8">
        <v>-74.877835099999999</v>
      </c>
    </row>
    <row r="1124" spans="1:10" x14ac:dyDescent="0.35">
      <c r="A1124" s="5" t="s">
        <v>10</v>
      </c>
      <c r="B1124" s="6">
        <v>232057</v>
      </c>
      <c r="C1124" s="6" t="s">
        <v>24</v>
      </c>
      <c r="D1124" s="6" t="s">
        <v>2502</v>
      </c>
      <c r="E1124" s="6">
        <v>15638</v>
      </c>
      <c r="F1124" s="6" t="s">
        <v>18</v>
      </c>
      <c r="G1124" s="6" t="s">
        <v>2503</v>
      </c>
      <c r="H1124" s="6" t="s">
        <v>2504</v>
      </c>
      <c r="I1124" s="7">
        <v>5.5827777000000003</v>
      </c>
      <c r="J1124" s="8">
        <v>-73.542353599999998</v>
      </c>
    </row>
    <row r="1125" spans="1:10" x14ac:dyDescent="0.35">
      <c r="A1125" s="5" t="s">
        <v>10</v>
      </c>
      <c r="B1125" s="6">
        <v>233132</v>
      </c>
      <c r="C1125" s="6" t="s">
        <v>24</v>
      </c>
      <c r="D1125" s="6" t="s">
        <v>814</v>
      </c>
      <c r="E1125" s="6">
        <v>15469</v>
      </c>
      <c r="F1125" s="6" t="s">
        <v>18</v>
      </c>
      <c r="G1125" s="6" t="s">
        <v>2505</v>
      </c>
      <c r="H1125" s="6" t="s">
        <v>2506</v>
      </c>
      <c r="I1125" s="7">
        <v>5.8788992000000002</v>
      </c>
      <c r="J1125" s="8">
        <v>-73.571495499999997</v>
      </c>
    </row>
    <row r="1126" spans="1:10" x14ac:dyDescent="0.35">
      <c r="A1126" s="5" t="s">
        <v>10</v>
      </c>
      <c r="B1126" s="6">
        <v>197466</v>
      </c>
      <c r="C1126" s="6" t="s">
        <v>24</v>
      </c>
      <c r="D1126" s="6" t="s">
        <v>2507</v>
      </c>
      <c r="E1126" s="6">
        <v>15778</v>
      </c>
      <c r="F1126" s="6" t="s">
        <v>18</v>
      </c>
      <c r="G1126" s="6" t="s">
        <v>2508</v>
      </c>
      <c r="H1126" s="6" t="s">
        <v>2509</v>
      </c>
      <c r="I1126" s="7">
        <v>5.0773109999999999</v>
      </c>
      <c r="J1126" s="8">
        <v>-73.421475999999998</v>
      </c>
    </row>
    <row r="1127" spans="1:10" x14ac:dyDescent="0.35">
      <c r="A1127" s="5" t="s">
        <v>10</v>
      </c>
      <c r="B1127" s="6">
        <v>233612</v>
      </c>
      <c r="C1127" s="6" t="s">
        <v>24</v>
      </c>
      <c r="D1127" s="6" t="s">
        <v>2510</v>
      </c>
      <c r="E1127" s="6">
        <v>15514</v>
      </c>
      <c r="F1127" s="6" t="s">
        <v>18</v>
      </c>
      <c r="G1127" s="6" t="s">
        <v>2511</v>
      </c>
      <c r="H1127" s="6" t="s">
        <v>2512</v>
      </c>
      <c r="I1127" s="7">
        <v>5.0997700000000004</v>
      </c>
      <c r="J1127" s="8">
        <v>-73.050640000000001</v>
      </c>
    </row>
    <row r="1128" spans="1:10" x14ac:dyDescent="0.35">
      <c r="A1128" s="5" t="s">
        <v>10</v>
      </c>
      <c r="B1128" s="6">
        <v>240298</v>
      </c>
      <c r="C1128" s="6" t="s">
        <v>24</v>
      </c>
      <c r="D1128" s="6" t="s">
        <v>1686</v>
      </c>
      <c r="E1128" s="6">
        <v>15673</v>
      </c>
      <c r="F1128" s="6" t="s">
        <v>18</v>
      </c>
      <c r="G1128" s="6" t="s">
        <v>2513</v>
      </c>
      <c r="H1128" s="6" t="s">
        <v>2514</v>
      </c>
      <c r="I1128" s="7">
        <v>6.4020130000000002</v>
      </c>
      <c r="J1128" s="8">
        <v>-72.554633899999999</v>
      </c>
    </row>
    <row r="1129" spans="1:10" x14ac:dyDescent="0.35">
      <c r="A1129" s="5" t="s">
        <v>10</v>
      </c>
      <c r="B1129" s="6">
        <v>224485</v>
      </c>
      <c r="C1129" s="6" t="s">
        <v>42</v>
      </c>
      <c r="D1129" s="6" t="s">
        <v>43</v>
      </c>
      <c r="E1129" s="6">
        <v>17001</v>
      </c>
      <c r="F1129" s="6" t="s">
        <v>18</v>
      </c>
      <c r="G1129" s="6" t="s">
        <v>2515</v>
      </c>
      <c r="H1129" s="6" t="s">
        <v>2516</v>
      </c>
      <c r="I1129" s="7">
        <v>5.0610666000000002</v>
      </c>
      <c r="J1129" s="8">
        <v>-75.514625699999996</v>
      </c>
    </row>
    <row r="1130" spans="1:10" x14ac:dyDescent="0.35">
      <c r="A1130" s="5" t="s">
        <v>10</v>
      </c>
      <c r="B1130" s="6">
        <v>68407</v>
      </c>
      <c r="C1130" s="6" t="s">
        <v>16</v>
      </c>
      <c r="D1130" s="6" t="s">
        <v>17</v>
      </c>
      <c r="E1130" s="6">
        <v>68679</v>
      </c>
      <c r="F1130" s="6" t="s">
        <v>18</v>
      </c>
      <c r="G1130" s="6" t="s">
        <v>2517</v>
      </c>
      <c r="H1130" s="6" t="s">
        <v>2518</v>
      </c>
      <c r="I1130" s="7">
        <v>6.554824</v>
      </c>
      <c r="J1130" s="8">
        <v>-73.134119999999996</v>
      </c>
    </row>
    <row r="1131" spans="1:10" x14ac:dyDescent="0.35">
      <c r="A1131" s="5" t="s">
        <v>10</v>
      </c>
      <c r="B1131" s="6">
        <v>116962</v>
      </c>
      <c r="C1131" s="6" t="s">
        <v>55</v>
      </c>
      <c r="D1131" s="6" t="s">
        <v>2519</v>
      </c>
      <c r="E1131" s="6">
        <v>73352</v>
      </c>
      <c r="F1131" s="6" t="s">
        <v>18</v>
      </c>
      <c r="G1131" s="6" t="s">
        <v>2520</v>
      </c>
      <c r="H1131" s="6" t="s">
        <v>2521</v>
      </c>
      <c r="I1131" s="7">
        <v>4.17645</v>
      </c>
      <c r="J1131" s="8">
        <v>-74.531723</v>
      </c>
    </row>
    <row r="1132" spans="1:10" x14ac:dyDescent="0.35">
      <c r="A1132" s="5" t="s">
        <v>10</v>
      </c>
      <c r="B1132" s="6">
        <v>195879</v>
      </c>
      <c r="C1132" s="6" t="s">
        <v>24</v>
      </c>
      <c r="D1132" s="6" t="s">
        <v>2522</v>
      </c>
      <c r="E1132" s="6">
        <v>15491</v>
      </c>
      <c r="F1132" s="6" t="s">
        <v>18</v>
      </c>
      <c r="G1132" s="6" t="s">
        <v>2523</v>
      </c>
      <c r="H1132" s="6" t="s">
        <v>2524</v>
      </c>
      <c r="I1132" s="7">
        <v>5.7680850000000001</v>
      </c>
      <c r="J1132" s="8">
        <v>-72.895865999999998</v>
      </c>
    </row>
    <row r="1133" spans="1:10" x14ac:dyDescent="0.35">
      <c r="A1133" s="5" t="s">
        <v>10</v>
      </c>
      <c r="B1133" s="6">
        <v>239639</v>
      </c>
      <c r="C1133" s="6" t="s">
        <v>24</v>
      </c>
      <c r="D1133" s="6" t="s">
        <v>85</v>
      </c>
      <c r="E1133" s="6">
        <v>15759</v>
      </c>
      <c r="F1133" s="6" t="s">
        <v>18</v>
      </c>
      <c r="G1133" s="6" t="s">
        <v>2525</v>
      </c>
      <c r="H1133" s="6" t="s">
        <v>2526</v>
      </c>
      <c r="I1133" s="7">
        <v>5.7312215000000002</v>
      </c>
      <c r="J1133" s="8">
        <v>-72.928043799999998</v>
      </c>
    </row>
    <row r="1134" spans="1:10" x14ac:dyDescent="0.35">
      <c r="A1134" s="5" t="s">
        <v>10</v>
      </c>
      <c r="B1134" s="6">
        <v>239766</v>
      </c>
      <c r="C1134" s="6" t="s">
        <v>24</v>
      </c>
      <c r="D1134" s="6" t="s">
        <v>137</v>
      </c>
      <c r="E1134" s="6">
        <v>15238</v>
      </c>
      <c r="F1134" s="6" t="s">
        <v>18</v>
      </c>
      <c r="G1134" s="6" t="s">
        <v>2527</v>
      </c>
      <c r="H1134" s="6" t="s">
        <v>2528</v>
      </c>
      <c r="I1134" s="7">
        <v>5.8172803999999996</v>
      </c>
      <c r="J1134" s="8">
        <v>-73.030783999999997</v>
      </c>
    </row>
    <row r="1135" spans="1:10" x14ac:dyDescent="0.35">
      <c r="A1135" s="5" t="s">
        <v>10</v>
      </c>
      <c r="B1135" s="6">
        <v>198255</v>
      </c>
      <c r="C1135" s="6" t="s">
        <v>28</v>
      </c>
      <c r="D1135" s="6" t="s">
        <v>29</v>
      </c>
      <c r="E1135" s="6">
        <v>54001</v>
      </c>
      <c r="F1135" s="6" t="s">
        <v>18</v>
      </c>
      <c r="G1135" s="6" t="s">
        <v>2529</v>
      </c>
      <c r="H1135" s="6" t="s">
        <v>2530</v>
      </c>
      <c r="I1135" s="7">
        <v>7.8945086999999896</v>
      </c>
      <c r="J1135" s="8">
        <v>-72.498086299999997</v>
      </c>
    </row>
    <row r="1136" spans="1:10" x14ac:dyDescent="0.35">
      <c r="A1136" s="5" t="s">
        <v>10</v>
      </c>
      <c r="B1136" s="6">
        <v>243926</v>
      </c>
      <c r="C1136" s="6" t="s">
        <v>28</v>
      </c>
      <c r="D1136" s="6" t="s">
        <v>29</v>
      </c>
      <c r="E1136" s="6">
        <v>54001</v>
      </c>
      <c r="F1136" s="6" t="s">
        <v>18</v>
      </c>
      <c r="G1136" s="6" t="s">
        <v>2531</v>
      </c>
      <c r="H1136" s="6" t="s">
        <v>2532</v>
      </c>
      <c r="I1136" s="7">
        <v>7.8846755999999996</v>
      </c>
      <c r="J1136" s="8">
        <v>-72.487124899999998</v>
      </c>
    </row>
    <row r="1137" spans="1:10" x14ac:dyDescent="0.35">
      <c r="A1137" s="5" t="s">
        <v>10</v>
      </c>
      <c r="B1137" s="6">
        <v>210751</v>
      </c>
      <c r="C1137" s="6" t="s">
        <v>466</v>
      </c>
      <c r="D1137" s="6" t="s">
        <v>2533</v>
      </c>
      <c r="E1137" s="6">
        <v>81591</v>
      </c>
      <c r="F1137" s="6" t="s">
        <v>18</v>
      </c>
      <c r="G1137" s="6" t="s">
        <v>2534</v>
      </c>
      <c r="H1137" s="6" t="s">
        <v>2535</v>
      </c>
      <c r="I1137" s="7">
        <v>6.4236300999999996</v>
      </c>
      <c r="J1137" s="8">
        <v>-70.954679999999996</v>
      </c>
    </row>
    <row r="1138" spans="1:10" x14ac:dyDescent="0.35">
      <c r="A1138" s="5" t="s">
        <v>10</v>
      </c>
      <c r="B1138" s="6">
        <v>230930</v>
      </c>
      <c r="C1138" s="6" t="s">
        <v>42</v>
      </c>
      <c r="D1138" s="6" t="s">
        <v>43</v>
      </c>
      <c r="E1138" s="6">
        <v>17001</v>
      </c>
      <c r="F1138" s="6" t="s">
        <v>18</v>
      </c>
      <c r="G1138" s="6" t="s">
        <v>2536</v>
      </c>
      <c r="H1138" s="6" t="s">
        <v>2537</v>
      </c>
      <c r="I1138" s="7">
        <v>5.0773070999999996</v>
      </c>
      <c r="J1138" s="8">
        <v>-75.526315999999994</v>
      </c>
    </row>
    <row r="1139" spans="1:10" x14ac:dyDescent="0.35">
      <c r="A1139" s="5" t="s">
        <v>10</v>
      </c>
      <c r="B1139" s="6">
        <v>237641</v>
      </c>
      <c r="C1139" s="6" t="s">
        <v>42</v>
      </c>
      <c r="D1139" s="6" t="s">
        <v>1493</v>
      </c>
      <c r="E1139" s="6">
        <v>17873</v>
      </c>
      <c r="F1139" s="6" t="s">
        <v>18</v>
      </c>
      <c r="G1139" s="6" t="s">
        <v>2538</v>
      </c>
      <c r="H1139" s="6" t="s">
        <v>2539</v>
      </c>
      <c r="I1139" s="7">
        <v>5.4440061999999996</v>
      </c>
      <c r="J1139" s="8">
        <v>-74.664286099999998</v>
      </c>
    </row>
    <row r="1140" spans="1:10" x14ac:dyDescent="0.35">
      <c r="A1140" s="5" t="s">
        <v>10</v>
      </c>
      <c r="B1140" s="6">
        <v>150570</v>
      </c>
      <c r="C1140" s="6" t="s">
        <v>42</v>
      </c>
      <c r="D1140" s="6" t="s">
        <v>46</v>
      </c>
      <c r="E1140" s="6">
        <v>17174</v>
      </c>
      <c r="F1140" s="6" t="s">
        <v>18</v>
      </c>
      <c r="G1140" s="6" t="s">
        <v>2540</v>
      </c>
      <c r="H1140" s="6" t="s">
        <v>2541</v>
      </c>
      <c r="I1140" s="7">
        <v>4.9844670000000004</v>
      </c>
      <c r="J1140" s="8">
        <v>-75.607476899999995</v>
      </c>
    </row>
    <row r="1141" spans="1:10" x14ac:dyDescent="0.35">
      <c r="A1141" s="5" t="s">
        <v>10</v>
      </c>
      <c r="B1141" s="6">
        <v>169576</v>
      </c>
      <c r="C1141" s="6" t="s">
        <v>42</v>
      </c>
      <c r="D1141" s="6" t="s">
        <v>275</v>
      </c>
      <c r="E1141" s="6">
        <v>17614</v>
      </c>
      <c r="F1141" s="6" t="s">
        <v>18</v>
      </c>
      <c r="G1141" s="6" t="s">
        <v>2542</v>
      </c>
      <c r="H1141" s="6" t="s">
        <v>2543</v>
      </c>
      <c r="I1141" s="7">
        <v>5.4275833999999996</v>
      </c>
      <c r="J1141" s="8">
        <v>-75.700395399999906</v>
      </c>
    </row>
    <row r="1142" spans="1:10" x14ac:dyDescent="0.35">
      <c r="A1142" s="5" t="s">
        <v>10</v>
      </c>
      <c r="B1142" s="6">
        <v>175054</v>
      </c>
      <c r="C1142" s="6" t="s">
        <v>68</v>
      </c>
      <c r="D1142" s="6" t="s">
        <v>69</v>
      </c>
      <c r="E1142" s="6">
        <v>11001</v>
      </c>
      <c r="F1142" s="6" t="s">
        <v>13</v>
      </c>
      <c r="G1142" s="6" t="s">
        <v>2544</v>
      </c>
      <c r="H1142" s="6" t="s">
        <v>2545</v>
      </c>
      <c r="I1142" s="7">
        <v>4.5371161999999998</v>
      </c>
      <c r="J1142" s="8">
        <v>-74.114339700000002</v>
      </c>
    </row>
    <row r="1143" spans="1:10" x14ac:dyDescent="0.35">
      <c r="A1143" s="5" t="s">
        <v>10</v>
      </c>
      <c r="B1143" s="6">
        <v>223408</v>
      </c>
      <c r="C1143" s="6" t="s">
        <v>16</v>
      </c>
      <c r="D1143" s="6" t="s">
        <v>17</v>
      </c>
      <c r="E1143" s="6">
        <v>68679</v>
      </c>
      <c r="F1143" s="6" t="s">
        <v>18</v>
      </c>
      <c r="G1143" s="6" t="s">
        <v>2546</v>
      </c>
      <c r="H1143" s="6" t="s">
        <v>2547</v>
      </c>
      <c r="I1143" s="7">
        <v>7.0960558999999996</v>
      </c>
      <c r="J1143" s="8">
        <v>-73.119101499999999</v>
      </c>
    </row>
    <row r="1144" spans="1:10" x14ac:dyDescent="0.35">
      <c r="A1144" s="5" t="s">
        <v>10</v>
      </c>
      <c r="B1144" s="6">
        <v>224701</v>
      </c>
      <c r="C1144" s="6" t="s">
        <v>109</v>
      </c>
      <c r="D1144" s="6" t="s">
        <v>227</v>
      </c>
      <c r="E1144" s="6">
        <v>13001</v>
      </c>
      <c r="F1144" s="6" t="s">
        <v>18</v>
      </c>
      <c r="G1144" s="6" t="s">
        <v>2548</v>
      </c>
      <c r="H1144" s="6" t="s">
        <v>2549</v>
      </c>
      <c r="I1144" s="7">
        <v>10.4243609</v>
      </c>
      <c r="J1144" s="8">
        <v>-75.544895699999998</v>
      </c>
    </row>
    <row r="1145" spans="1:10" x14ac:dyDescent="0.35">
      <c r="A1145" s="5" t="s">
        <v>10</v>
      </c>
      <c r="B1145" s="6">
        <v>188585</v>
      </c>
      <c r="C1145" s="6" t="s">
        <v>55</v>
      </c>
      <c r="D1145" s="6" t="s">
        <v>56</v>
      </c>
      <c r="E1145" s="6">
        <v>73001</v>
      </c>
      <c r="F1145" s="6" t="s">
        <v>18</v>
      </c>
      <c r="G1145" s="6" t="s">
        <v>2550</v>
      </c>
      <c r="H1145" s="6" t="s">
        <v>2551</v>
      </c>
      <c r="I1145" s="7">
        <v>4.4380455999999997</v>
      </c>
      <c r="J1145" s="8">
        <v>-75.217660299999906</v>
      </c>
    </row>
    <row r="1146" spans="1:10" x14ac:dyDescent="0.35">
      <c r="A1146" s="5" t="s">
        <v>10</v>
      </c>
      <c r="B1146" s="6">
        <v>142136</v>
      </c>
      <c r="C1146" s="6" t="s">
        <v>28</v>
      </c>
      <c r="D1146" s="6" t="s">
        <v>29</v>
      </c>
      <c r="E1146" s="6">
        <v>54001</v>
      </c>
      <c r="F1146" s="6" t="s">
        <v>18</v>
      </c>
      <c r="G1146" s="6" t="s">
        <v>2552</v>
      </c>
      <c r="H1146" s="6" t="s">
        <v>2553</v>
      </c>
      <c r="I1146" s="7">
        <v>7.8851521</v>
      </c>
      <c r="J1146" s="8">
        <v>-72.506986900000001</v>
      </c>
    </row>
    <row r="1147" spans="1:10" x14ac:dyDescent="0.35">
      <c r="A1147" s="5" t="s">
        <v>10</v>
      </c>
      <c r="B1147" s="6">
        <v>159189</v>
      </c>
      <c r="C1147" s="6" t="s">
        <v>42</v>
      </c>
      <c r="D1147" s="6" t="s">
        <v>2554</v>
      </c>
      <c r="E1147" s="6">
        <v>17088</v>
      </c>
      <c r="F1147" s="6" t="s">
        <v>18</v>
      </c>
      <c r="G1147" s="6" t="s">
        <v>2555</v>
      </c>
      <c r="H1147" s="6" t="s">
        <v>2556</v>
      </c>
      <c r="I1147" s="7">
        <v>5.4518502</v>
      </c>
      <c r="J1147" s="8">
        <v>-74.664701699999995</v>
      </c>
    </row>
    <row r="1148" spans="1:10" x14ac:dyDescent="0.35">
      <c r="A1148" s="5" t="s">
        <v>10</v>
      </c>
      <c r="B1148" s="6">
        <v>234624</v>
      </c>
      <c r="C1148" s="6" t="s">
        <v>42</v>
      </c>
      <c r="D1148" s="6" t="s">
        <v>43</v>
      </c>
      <c r="E1148" s="6">
        <v>17001</v>
      </c>
      <c r="F1148" s="6" t="s">
        <v>18</v>
      </c>
      <c r="G1148" s="6" t="s">
        <v>2557</v>
      </c>
      <c r="H1148" s="6" t="s">
        <v>2558</v>
      </c>
      <c r="I1148" s="7">
        <v>5.0630613000000002</v>
      </c>
      <c r="J1148" s="8">
        <v>-75.479084400000005</v>
      </c>
    </row>
    <row r="1149" spans="1:10" x14ac:dyDescent="0.35">
      <c r="A1149" s="5" t="s">
        <v>10</v>
      </c>
      <c r="B1149" s="6">
        <v>224542</v>
      </c>
      <c r="C1149" s="6" t="s">
        <v>11</v>
      </c>
      <c r="D1149" s="6" t="s">
        <v>1633</v>
      </c>
      <c r="E1149" s="6">
        <v>25151</v>
      </c>
      <c r="F1149" s="6" t="s">
        <v>18</v>
      </c>
      <c r="G1149" s="6" t="s">
        <v>2559</v>
      </c>
      <c r="H1149" s="6" t="s">
        <v>2560</v>
      </c>
      <c r="I1149" s="7">
        <v>4.4059197999999897</v>
      </c>
      <c r="J1149" s="8">
        <v>-73.946945999999997</v>
      </c>
    </row>
    <row r="1150" spans="1:10" x14ac:dyDescent="0.35">
      <c r="A1150" s="5" t="s">
        <v>10</v>
      </c>
      <c r="B1150" s="6">
        <v>228820</v>
      </c>
      <c r="C1150" s="6" t="s">
        <v>11</v>
      </c>
      <c r="D1150" s="6" t="s">
        <v>337</v>
      </c>
      <c r="E1150" s="6">
        <v>25290</v>
      </c>
      <c r="F1150" s="6" t="s">
        <v>18</v>
      </c>
      <c r="G1150" s="6" t="s">
        <v>2561</v>
      </c>
      <c r="H1150" s="6" t="s">
        <v>2562</v>
      </c>
      <c r="I1150" s="7">
        <v>4.341761</v>
      </c>
      <c r="J1150" s="8">
        <v>-74.363288499999996</v>
      </c>
    </row>
    <row r="1151" spans="1:10" x14ac:dyDescent="0.35">
      <c r="A1151" s="5" t="s">
        <v>10</v>
      </c>
      <c r="B1151" s="6">
        <v>235721</v>
      </c>
      <c r="C1151" s="6" t="s">
        <v>24</v>
      </c>
      <c r="D1151" s="6" t="s">
        <v>384</v>
      </c>
      <c r="E1151" s="6">
        <v>15272</v>
      </c>
      <c r="F1151" s="6" t="s">
        <v>18</v>
      </c>
      <c r="G1151" s="6" t="s">
        <v>2563</v>
      </c>
      <c r="H1151" s="6" t="s">
        <v>2564</v>
      </c>
      <c r="I1151" s="7">
        <v>5.6675722999999998</v>
      </c>
      <c r="J1151" s="8">
        <v>-72.9914816</v>
      </c>
    </row>
    <row r="1152" spans="1:10" x14ac:dyDescent="0.35">
      <c r="A1152" s="5" t="s">
        <v>10</v>
      </c>
      <c r="B1152" s="6">
        <v>242751</v>
      </c>
      <c r="C1152" s="6" t="s">
        <v>24</v>
      </c>
      <c r="D1152" s="6" t="s">
        <v>137</v>
      </c>
      <c r="E1152" s="6">
        <v>15238</v>
      </c>
      <c r="F1152" s="6" t="s">
        <v>18</v>
      </c>
      <c r="G1152" s="6" t="s">
        <v>2565</v>
      </c>
      <c r="H1152" s="6" t="s">
        <v>2566</v>
      </c>
      <c r="I1152" s="7">
        <v>5.8329443000000003</v>
      </c>
      <c r="J1152" s="8">
        <v>-73.038116299999999</v>
      </c>
    </row>
    <row r="1153" spans="1:10" x14ac:dyDescent="0.35">
      <c r="A1153" s="5" t="s">
        <v>10</v>
      </c>
      <c r="B1153" s="6">
        <v>183836</v>
      </c>
      <c r="C1153" s="6" t="s">
        <v>24</v>
      </c>
      <c r="D1153" s="6" t="s">
        <v>88</v>
      </c>
      <c r="E1153" s="6">
        <v>15001</v>
      </c>
      <c r="F1153" s="6" t="s">
        <v>18</v>
      </c>
      <c r="G1153" s="6" t="s">
        <v>2567</v>
      </c>
      <c r="H1153" s="6" t="s">
        <v>2568</v>
      </c>
      <c r="I1153" s="7">
        <v>5.5292867000000001</v>
      </c>
      <c r="J1153" s="8">
        <v>-73.368921900000004</v>
      </c>
    </row>
    <row r="1154" spans="1:10" x14ac:dyDescent="0.35">
      <c r="A1154" s="5" t="s">
        <v>10</v>
      </c>
      <c r="B1154" s="6">
        <v>230808</v>
      </c>
      <c r="C1154" s="6" t="s">
        <v>28</v>
      </c>
      <c r="D1154" s="6" t="s">
        <v>153</v>
      </c>
      <c r="E1154" s="6">
        <v>54518</v>
      </c>
      <c r="F1154" s="6" t="s">
        <v>18</v>
      </c>
      <c r="G1154" s="6" t="s">
        <v>2569</v>
      </c>
      <c r="H1154" s="6" t="s">
        <v>2570</v>
      </c>
      <c r="I1154" s="7">
        <v>7.3726323000000002</v>
      </c>
      <c r="J1154" s="8">
        <v>-72.649100000000004</v>
      </c>
    </row>
    <row r="1155" spans="1:10" x14ac:dyDescent="0.35">
      <c r="A1155" s="5" t="s">
        <v>10</v>
      </c>
      <c r="B1155" s="6">
        <v>231847</v>
      </c>
      <c r="C1155" s="6" t="s">
        <v>61</v>
      </c>
      <c r="D1155" s="6" t="s">
        <v>62</v>
      </c>
      <c r="E1155" s="6">
        <v>63001</v>
      </c>
      <c r="F1155" s="6" t="s">
        <v>18</v>
      </c>
      <c r="G1155" s="6" t="s">
        <v>2571</v>
      </c>
      <c r="H1155" s="6" t="s">
        <v>2572</v>
      </c>
      <c r="I1155" s="7">
        <v>4.5415900000000002</v>
      </c>
      <c r="J1155" s="8">
        <v>-75.672678000000005</v>
      </c>
    </row>
    <row r="1156" spans="1:10" x14ac:dyDescent="0.35">
      <c r="A1156" s="5" t="s">
        <v>10</v>
      </c>
      <c r="B1156" s="6">
        <v>219839</v>
      </c>
      <c r="C1156" s="6" t="s">
        <v>16</v>
      </c>
      <c r="D1156" s="6" t="s">
        <v>224</v>
      </c>
      <c r="E1156" s="6">
        <v>68755</v>
      </c>
      <c r="F1156" s="6" t="s">
        <v>18</v>
      </c>
      <c r="G1156" s="6" t="s">
        <v>2573</v>
      </c>
      <c r="H1156" s="6" t="s">
        <v>2574</v>
      </c>
      <c r="I1156" s="7">
        <v>6.4686649999999997</v>
      </c>
      <c r="J1156" s="8">
        <v>-73.264040999999906</v>
      </c>
    </row>
    <row r="1157" spans="1:10" x14ac:dyDescent="0.35">
      <c r="A1157" s="5" t="s">
        <v>10</v>
      </c>
      <c r="B1157" s="6">
        <v>228308</v>
      </c>
      <c r="C1157" s="6" t="s">
        <v>16</v>
      </c>
      <c r="D1157" s="6" t="s">
        <v>17</v>
      </c>
      <c r="E1157" s="6">
        <v>68679</v>
      </c>
      <c r="F1157" s="6" t="s">
        <v>18</v>
      </c>
      <c r="G1157" s="6" t="s">
        <v>2575</v>
      </c>
      <c r="H1157" s="6" t="s">
        <v>2576</v>
      </c>
      <c r="I1157" s="7">
        <v>6.5406890000000004</v>
      </c>
      <c r="J1157" s="8">
        <v>-73.132591599999998</v>
      </c>
    </row>
    <row r="1158" spans="1:10" x14ac:dyDescent="0.35">
      <c r="A1158" s="5" t="s">
        <v>10</v>
      </c>
      <c r="B1158" s="6">
        <v>230611</v>
      </c>
      <c r="C1158" s="6" t="s">
        <v>16</v>
      </c>
      <c r="D1158" s="6" t="s">
        <v>224</v>
      </c>
      <c r="E1158" s="6">
        <v>68755</v>
      </c>
      <c r="F1158" s="6" t="s">
        <v>18</v>
      </c>
      <c r="G1158" s="6" t="s">
        <v>2577</v>
      </c>
      <c r="H1158" s="6" t="s">
        <v>2578</v>
      </c>
      <c r="I1158" s="7">
        <v>6.4693971000000001</v>
      </c>
      <c r="J1158" s="8">
        <v>-73.261361800000003</v>
      </c>
    </row>
    <row r="1159" spans="1:10" x14ac:dyDescent="0.35">
      <c r="A1159" s="5" t="s">
        <v>10</v>
      </c>
      <c r="B1159" s="6">
        <v>210044</v>
      </c>
      <c r="C1159" s="6" t="s">
        <v>68</v>
      </c>
      <c r="D1159" s="6" t="s">
        <v>69</v>
      </c>
      <c r="E1159" s="6">
        <v>11001</v>
      </c>
      <c r="F1159" s="6" t="s">
        <v>18</v>
      </c>
      <c r="G1159" s="6" t="s">
        <v>2579</v>
      </c>
      <c r="H1159" s="6" t="s">
        <v>2580</v>
      </c>
      <c r="I1159" s="7">
        <v>4.7379813999999998</v>
      </c>
      <c r="J1159" s="8">
        <v>-74.027557199999904</v>
      </c>
    </row>
    <row r="1160" spans="1:10" x14ac:dyDescent="0.35">
      <c r="A1160" s="5" t="s">
        <v>10</v>
      </c>
      <c r="B1160" s="6">
        <v>154579</v>
      </c>
      <c r="C1160" s="6" t="s">
        <v>11</v>
      </c>
      <c r="D1160" s="6" t="s">
        <v>1193</v>
      </c>
      <c r="E1160" s="6">
        <v>25035</v>
      </c>
      <c r="F1160" s="6" t="s">
        <v>18</v>
      </c>
      <c r="G1160" s="6" t="s">
        <v>2581</v>
      </c>
      <c r="H1160" s="6" t="s">
        <v>2582</v>
      </c>
      <c r="I1160" s="7">
        <v>4.5489419999999896</v>
      </c>
      <c r="J1160" s="8">
        <v>-74.535235</v>
      </c>
    </row>
    <row r="1161" spans="1:10" x14ac:dyDescent="0.35">
      <c r="A1161" s="5" t="s">
        <v>10</v>
      </c>
      <c r="B1161" s="6">
        <v>185365</v>
      </c>
      <c r="C1161" s="6" t="s">
        <v>42</v>
      </c>
      <c r="D1161" s="6" t="s">
        <v>1617</v>
      </c>
      <c r="E1161" s="6">
        <v>17524</v>
      </c>
      <c r="F1161" s="6" t="s">
        <v>18</v>
      </c>
      <c r="G1161" s="6" t="s">
        <v>2583</v>
      </c>
      <c r="H1161" s="6" t="s">
        <v>2584</v>
      </c>
      <c r="I1161" s="7">
        <v>5.1116565999999999</v>
      </c>
      <c r="J1161" s="8">
        <v>-75.702443599999995</v>
      </c>
    </row>
    <row r="1162" spans="1:10" x14ac:dyDescent="0.35">
      <c r="A1162" s="5" t="s">
        <v>10</v>
      </c>
      <c r="B1162" s="6">
        <v>141694</v>
      </c>
      <c r="C1162" s="6" t="s">
        <v>11</v>
      </c>
      <c r="D1162" s="6" t="s">
        <v>337</v>
      </c>
      <c r="E1162" s="6">
        <v>25290</v>
      </c>
      <c r="F1162" s="6" t="s">
        <v>13</v>
      </c>
      <c r="G1162" s="6" t="s">
        <v>2585</v>
      </c>
      <c r="H1162" s="6" t="s">
        <v>2586</v>
      </c>
      <c r="I1162" s="7">
        <v>4.3432126000000002</v>
      </c>
      <c r="J1162" s="8">
        <v>-74.362621099999998</v>
      </c>
    </row>
    <row r="1163" spans="1:10" x14ac:dyDescent="0.35">
      <c r="A1163" s="5" t="s">
        <v>10</v>
      </c>
      <c r="B1163" s="6">
        <v>203838</v>
      </c>
      <c r="C1163" s="6" t="s">
        <v>16</v>
      </c>
      <c r="D1163" s="6" t="s">
        <v>17</v>
      </c>
      <c r="E1163" s="6">
        <v>68679</v>
      </c>
      <c r="F1163" s="6" t="s">
        <v>18</v>
      </c>
      <c r="G1163" s="6" t="s">
        <v>2587</v>
      </c>
      <c r="H1163" s="6" t="s">
        <v>2588</v>
      </c>
      <c r="I1163" s="7">
        <v>6.5577454999999896</v>
      </c>
      <c r="J1163" s="8">
        <v>-73.147896799999998</v>
      </c>
    </row>
    <row r="1164" spans="1:10" x14ac:dyDescent="0.35">
      <c r="A1164" s="5" t="s">
        <v>10</v>
      </c>
      <c r="B1164" s="6">
        <v>226699</v>
      </c>
      <c r="C1164" s="6" t="s">
        <v>55</v>
      </c>
      <c r="D1164" s="6" t="s">
        <v>2589</v>
      </c>
      <c r="E1164" s="6">
        <v>73275</v>
      </c>
      <c r="F1164" s="6" t="s">
        <v>18</v>
      </c>
      <c r="G1164" s="6" t="s">
        <v>2590</v>
      </c>
      <c r="H1164" s="6" t="s">
        <v>2591</v>
      </c>
      <c r="I1164" s="7">
        <v>4.2793450000000002</v>
      </c>
      <c r="J1164" s="8">
        <v>-74.818212799999998</v>
      </c>
    </row>
    <row r="1165" spans="1:10" x14ac:dyDescent="0.35">
      <c r="A1165" s="5" t="s">
        <v>10</v>
      </c>
      <c r="B1165" s="6">
        <v>242838</v>
      </c>
      <c r="C1165" s="6" t="s">
        <v>24</v>
      </c>
      <c r="D1165" s="6" t="s">
        <v>148</v>
      </c>
      <c r="E1165" s="6">
        <v>15537</v>
      </c>
      <c r="F1165" s="6" t="s">
        <v>18</v>
      </c>
      <c r="G1165" s="6" t="s">
        <v>2592</v>
      </c>
      <c r="H1165" s="6" t="s">
        <v>2593</v>
      </c>
      <c r="I1165" s="7">
        <v>5.9874178999999996</v>
      </c>
      <c r="J1165" s="8">
        <v>-72.748340600000006</v>
      </c>
    </row>
    <row r="1166" spans="1:10" x14ac:dyDescent="0.35">
      <c r="A1166" s="5" t="s">
        <v>10</v>
      </c>
      <c r="B1166" s="6">
        <v>184599</v>
      </c>
      <c r="C1166" s="6" t="s">
        <v>24</v>
      </c>
      <c r="D1166" s="6" t="s">
        <v>317</v>
      </c>
      <c r="E1166" s="6">
        <v>15176</v>
      </c>
      <c r="F1166" s="6" t="s">
        <v>18</v>
      </c>
      <c r="G1166" s="6" t="s">
        <v>2594</v>
      </c>
      <c r="H1166" s="6" t="s">
        <v>2595</v>
      </c>
      <c r="I1166" s="7">
        <v>5.6126016999999999</v>
      </c>
      <c r="J1166" s="8">
        <v>-73.822069400000004</v>
      </c>
    </row>
    <row r="1167" spans="1:10" x14ac:dyDescent="0.35">
      <c r="A1167" s="5" t="s">
        <v>10</v>
      </c>
      <c r="B1167" s="6">
        <v>220056</v>
      </c>
      <c r="C1167" s="6" t="s">
        <v>24</v>
      </c>
      <c r="D1167" s="6" t="s">
        <v>88</v>
      </c>
      <c r="E1167" s="6">
        <v>15001</v>
      </c>
      <c r="F1167" s="6" t="s">
        <v>18</v>
      </c>
      <c r="G1167" s="6" t="s">
        <v>2596</v>
      </c>
      <c r="H1167" s="6" t="s">
        <v>2597</v>
      </c>
      <c r="I1167" s="7">
        <v>5.5152365999999997</v>
      </c>
      <c r="J1167" s="8">
        <v>-73.366247399999907</v>
      </c>
    </row>
    <row r="1168" spans="1:10" x14ac:dyDescent="0.35">
      <c r="A1168" s="5" t="s">
        <v>10</v>
      </c>
      <c r="B1168" s="6">
        <v>245199</v>
      </c>
      <c r="C1168" s="6" t="s">
        <v>24</v>
      </c>
      <c r="D1168" s="6" t="s">
        <v>343</v>
      </c>
      <c r="E1168" s="6">
        <v>15814</v>
      </c>
      <c r="F1168" s="6" t="s">
        <v>18</v>
      </c>
      <c r="G1168" s="6" t="s">
        <v>2598</v>
      </c>
      <c r="H1168" s="6" t="s">
        <v>2599</v>
      </c>
      <c r="I1168" s="7">
        <v>5.5649199999999999</v>
      </c>
      <c r="J1168" s="8">
        <v>-73.184349999999995</v>
      </c>
    </row>
    <row r="1169" spans="1:10" x14ac:dyDescent="0.35">
      <c r="A1169" s="5" t="s">
        <v>10</v>
      </c>
      <c r="B1169" s="6">
        <v>239104</v>
      </c>
      <c r="C1169" s="6" t="s">
        <v>24</v>
      </c>
      <c r="D1169" s="6" t="s">
        <v>137</v>
      </c>
      <c r="E1169" s="6">
        <v>15238</v>
      </c>
      <c r="F1169" s="6" t="s">
        <v>18</v>
      </c>
      <c r="G1169" s="6" t="s">
        <v>2600</v>
      </c>
      <c r="H1169" s="6" t="s">
        <v>2601</v>
      </c>
      <c r="I1169" s="7">
        <v>5.8221416000000001</v>
      </c>
      <c r="J1169" s="8">
        <v>-73.036974400000005</v>
      </c>
    </row>
    <row r="1170" spans="1:10" x14ac:dyDescent="0.35">
      <c r="A1170" s="5" t="s">
        <v>10</v>
      </c>
      <c r="B1170" s="6">
        <v>236245</v>
      </c>
      <c r="C1170" s="6" t="s">
        <v>38</v>
      </c>
      <c r="D1170" s="6" t="s">
        <v>2602</v>
      </c>
      <c r="E1170" s="6">
        <v>19212</v>
      </c>
      <c r="F1170" s="6" t="s">
        <v>18</v>
      </c>
      <c r="G1170" s="6" t="s">
        <v>2603</v>
      </c>
      <c r="H1170" s="6" t="s">
        <v>2604</v>
      </c>
      <c r="I1170" s="7">
        <v>3.1707358000000001</v>
      </c>
      <c r="J1170" s="8">
        <v>-76.264153199999996</v>
      </c>
    </row>
    <row r="1171" spans="1:10" x14ac:dyDescent="0.35">
      <c r="A1171" s="5" t="s">
        <v>10</v>
      </c>
      <c r="B1171" s="6">
        <v>191494</v>
      </c>
      <c r="C1171" s="6" t="s">
        <v>117</v>
      </c>
      <c r="D1171" s="6" t="s">
        <v>1334</v>
      </c>
      <c r="E1171" s="6">
        <v>76001</v>
      </c>
      <c r="F1171" s="6" t="s">
        <v>13</v>
      </c>
      <c r="G1171" s="6" t="s">
        <v>2605</v>
      </c>
      <c r="H1171" s="6" t="s">
        <v>2606</v>
      </c>
      <c r="I1171" s="7">
        <v>3.4791523</v>
      </c>
      <c r="J1171" s="8">
        <v>-76.527680500000002</v>
      </c>
    </row>
    <row r="1172" spans="1:10" x14ac:dyDescent="0.35">
      <c r="A1172" s="5" t="s">
        <v>10</v>
      </c>
      <c r="B1172" s="6">
        <v>218392</v>
      </c>
      <c r="C1172" s="6" t="s">
        <v>55</v>
      </c>
      <c r="D1172" s="6" t="s">
        <v>937</v>
      </c>
      <c r="E1172" s="6">
        <v>73585</v>
      </c>
      <c r="F1172" s="6" t="s">
        <v>18</v>
      </c>
      <c r="G1172" s="6" t="s">
        <v>2607</v>
      </c>
      <c r="H1172" s="6" t="s">
        <v>2608</v>
      </c>
      <c r="I1172" s="7">
        <v>3.8566877000000002</v>
      </c>
      <c r="J1172" s="8">
        <v>-74.932551699999905</v>
      </c>
    </row>
    <row r="1173" spans="1:10" x14ac:dyDescent="0.35">
      <c r="A1173" s="5" t="s">
        <v>10</v>
      </c>
      <c r="B1173" s="6">
        <v>239918</v>
      </c>
      <c r="C1173" s="6" t="s">
        <v>24</v>
      </c>
      <c r="D1173" s="6" t="s">
        <v>2609</v>
      </c>
      <c r="E1173" s="6">
        <v>15522</v>
      </c>
      <c r="F1173" s="6" t="s">
        <v>18</v>
      </c>
      <c r="G1173" s="6" t="s">
        <v>2610</v>
      </c>
      <c r="H1173" s="6" t="s">
        <v>2611</v>
      </c>
      <c r="I1173" s="7">
        <v>6.4427063000000002</v>
      </c>
      <c r="J1173" s="8">
        <v>-72.459538699999996</v>
      </c>
    </row>
    <row r="1174" spans="1:10" x14ac:dyDescent="0.35">
      <c r="A1174" s="5" t="s">
        <v>10</v>
      </c>
      <c r="B1174" s="6">
        <v>239561</v>
      </c>
      <c r="C1174" s="6" t="s">
        <v>24</v>
      </c>
      <c r="D1174" s="6" t="s">
        <v>1427</v>
      </c>
      <c r="E1174" s="6">
        <v>15494</v>
      </c>
      <c r="F1174" s="6" t="s">
        <v>18</v>
      </c>
      <c r="G1174" s="6" t="s">
        <v>2612</v>
      </c>
      <c r="H1174" s="6" t="s">
        <v>2613</v>
      </c>
      <c r="I1174" s="7">
        <v>5.3541892000000004</v>
      </c>
      <c r="J1174" s="8">
        <v>-73.455803900000006</v>
      </c>
    </row>
    <row r="1175" spans="1:10" x14ac:dyDescent="0.35">
      <c r="A1175" s="5" t="s">
        <v>10</v>
      </c>
      <c r="B1175" s="6">
        <v>201262</v>
      </c>
      <c r="C1175" s="6" t="s">
        <v>466</v>
      </c>
      <c r="D1175" s="6" t="s">
        <v>467</v>
      </c>
      <c r="E1175" s="6">
        <v>81736</v>
      </c>
      <c r="F1175" s="6" t="s">
        <v>18</v>
      </c>
      <c r="G1175" s="6" t="s">
        <v>2614</v>
      </c>
      <c r="H1175" s="6" t="s">
        <v>2615</v>
      </c>
      <c r="I1175" s="7">
        <v>6.9552252999999897</v>
      </c>
      <c r="J1175" s="8">
        <v>-71.874658699999998</v>
      </c>
    </row>
    <row r="1176" spans="1:10" x14ac:dyDescent="0.35">
      <c r="A1176" s="5" t="s">
        <v>10</v>
      </c>
      <c r="B1176" s="6">
        <v>204367</v>
      </c>
      <c r="C1176" s="6" t="s">
        <v>28</v>
      </c>
      <c r="D1176" s="6" t="s">
        <v>29</v>
      </c>
      <c r="E1176" s="6">
        <v>54001</v>
      </c>
      <c r="F1176" s="6" t="s">
        <v>18</v>
      </c>
      <c r="G1176" s="6" t="s">
        <v>2616</v>
      </c>
      <c r="H1176" s="6" t="s">
        <v>2617</v>
      </c>
      <c r="I1176" s="7">
        <v>7.8889424999999997</v>
      </c>
      <c r="J1176" s="8">
        <v>-72.504214099999999</v>
      </c>
    </row>
    <row r="1177" spans="1:10" x14ac:dyDescent="0.35">
      <c r="A1177" s="5" t="s">
        <v>10</v>
      </c>
      <c r="B1177" s="6">
        <v>230845</v>
      </c>
      <c r="C1177" s="6" t="s">
        <v>28</v>
      </c>
      <c r="D1177" s="6" t="s">
        <v>29</v>
      </c>
      <c r="E1177" s="6">
        <v>54001</v>
      </c>
      <c r="F1177" s="6" t="s">
        <v>18</v>
      </c>
      <c r="G1177" s="6" t="s">
        <v>2618</v>
      </c>
      <c r="H1177" s="6" t="s">
        <v>2619</v>
      </c>
      <c r="I1177" s="7">
        <v>7.9287196</v>
      </c>
      <c r="J1177" s="8">
        <v>-72.520274999999998</v>
      </c>
    </row>
    <row r="1178" spans="1:10" x14ac:dyDescent="0.35">
      <c r="A1178" s="5" t="s">
        <v>10</v>
      </c>
      <c r="B1178" s="6">
        <v>225189</v>
      </c>
      <c r="C1178" s="6" t="s">
        <v>42</v>
      </c>
      <c r="D1178" s="6" t="s">
        <v>1617</v>
      </c>
      <c r="E1178" s="6">
        <v>17524</v>
      </c>
      <c r="F1178" s="6" t="s">
        <v>18</v>
      </c>
      <c r="G1178" s="6" t="s">
        <v>2620</v>
      </c>
      <c r="H1178" s="6" t="s">
        <v>2621</v>
      </c>
      <c r="I1178" s="7">
        <v>11.2423039</v>
      </c>
      <c r="J1178" s="8">
        <v>-74.210595499999997</v>
      </c>
    </row>
    <row r="1179" spans="1:10" x14ac:dyDescent="0.35">
      <c r="A1179" s="5" t="s">
        <v>10</v>
      </c>
      <c r="B1179" s="6">
        <v>238420</v>
      </c>
      <c r="C1179" s="6" t="s">
        <v>94</v>
      </c>
      <c r="D1179" s="6" t="s">
        <v>242</v>
      </c>
      <c r="E1179" s="6">
        <v>66682</v>
      </c>
      <c r="F1179" s="6" t="s">
        <v>18</v>
      </c>
      <c r="G1179" s="6" t="s">
        <v>2622</v>
      </c>
      <c r="H1179" s="6" t="s">
        <v>2623</v>
      </c>
      <c r="I1179" s="7">
        <v>4.8127113000000001</v>
      </c>
      <c r="J1179" s="8">
        <v>-75.687686200000002</v>
      </c>
    </row>
    <row r="1180" spans="1:10" x14ac:dyDescent="0.35">
      <c r="A1180" s="5" t="s">
        <v>10</v>
      </c>
      <c r="B1180" s="6">
        <v>230240</v>
      </c>
      <c r="C1180" s="6" t="s">
        <v>61</v>
      </c>
      <c r="D1180" s="6" t="s">
        <v>259</v>
      </c>
      <c r="E1180" s="6">
        <v>63190</v>
      </c>
      <c r="F1180" s="6" t="s">
        <v>18</v>
      </c>
      <c r="G1180" s="6" t="s">
        <v>2624</v>
      </c>
      <c r="H1180" s="6" t="s">
        <v>2625</v>
      </c>
      <c r="I1180" s="7">
        <v>4.6160940000000004</v>
      </c>
      <c r="J1180" s="8">
        <v>-75.635594999999995</v>
      </c>
    </row>
    <row r="1181" spans="1:10" x14ac:dyDescent="0.35">
      <c r="A1181" s="5" t="s">
        <v>10</v>
      </c>
      <c r="B1181" s="6">
        <v>231514</v>
      </c>
      <c r="C1181" s="6" t="s">
        <v>42</v>
      </c>
      <c r="D1181" s="6" t="s">
        <v>46</v>
      </c>
      <c r="E1181" s="6">
        <v>17174</v>
      </c>
      <c r="F1181" s="6" t="s">
        <v>18</v>
      </c>
      <c r="G1181" s="6" t="s">
        <v>2626</v>
      </c>
      <c r="H1181" s="6" t="s">
        <v>2627</v>
      </c>
      <c r="I1181" s="7">
        <v>4.9827300000000001</v>
      </c>
      <c r="J1181" s="8">
        <v>-75.605260000000001</v>
      </c>
    </row>
    <row r="1182" spans="1:10" x14ac:dyDescent="0.35">
      <c r="A1182" s="5" t="s">
        <v>10</v>
      </c>
      <c r="B1182" s="6">
        <v>245534</v>
      </c>
      <c r="C1182" s="6" t="s">
        <v>42</v>
      </c>
      <c r="D1182" s="6" t="s">
        <v>396</v>
      </c>
      <c r="E1182" s="6">
        <v>17380</v>
      </c>
      <c r="F1182" s="6" t="s">
        <v>18</v>
      </c>
      <c r="G1182" s="6" t="s">
        <v>2628</v>
      </c>
      <c r="H1182" s="6" t="s">
        <v>2629</v>
      </c>
      <c r="I1182" s="7">
        <v>5.4552832000000002</v>
      </c>
      <c r="J1182" s="8">
        <v>-74.6671841</v>
      </c>
    </row>
    <row r="1183" spans="1:10" x14ac:dyDescent="0.35">
      <c r="A1183" s="5" t="s">
        <v>10</v>
      </c>
      <c r="B1183" s="6">
        <v>190432</v>
      </c>
      <c r="C1183" s="6" t="s">
        <v>11</v>
      </c>
      <c r="D1183" s="6" t="s">
        <v>2630</v>
      </c>
      <c r="E1183" s="6">
        <v>25769</v>
      </c>
      <c r="F1183" s="6" t="s">
        <v>13</v>
      </c>
      <c r="G1183" s="6" t="s">
        <v>2631</v>
      </c>
      <c r="H1183" s="6" t="s">
        <v>2632</v>
      </c>
      <c r="I1183" s="7">
        <v>4.9289201</v>
      </c>
      <c r="J1183" s="8">
        <v>-74.174003799999994</v>
      </c>
    </row>
    <row r="1184" spans="1:10" x14ac:dyDescent="0.35">
      <c r="A1184" s="5" t="s">
        <v>10</v>
      </c>
      <c r="B1184" s="6">
        <v>155717</v>
      </c>
      <c r="C1184" s="6" t="s">
        <v>28</v>
      </c>
      <c r="D1184" s="6" t="s">
        <v>29</v>
      </c>
      <c r="E1184" s="6">
        <v>54001</v>
      </c>
      <c r="F1184" s="6" t="s">
        <v>13</v>
      </c>
      <c r="G1184" s="6" t="s">
        <v>50</v>
      </c>
      <c r="H1184" s="6" t="s">
        <v>2633</v>
      </c>
      <c r="I1184" s="7">
        <v>7.8990970999999996</v>
      </c>
      <c r="J1184" s="8">
        <v>-72.479231900000002</v>
      </c>
    </row>
    <row r="1185" spans="1:10" x14ac:dyDescent="0.35">
      <c r="A1185" s="5" t="s">
        <v>10</v>
      </c>
      <c r="B1185" s="6">
        <v>186136</v>
      </c>
      <c r="C1185" s="6" t="s">
        <v>55</v>
      </c>
      <c r="D1185" s="6" t="s">
        <v>56</v>
      </c>
      <c r="E1185" s="6">
        <v>73001</v>
      </c>
      <c r="F1185" s="6" t="s">
        <v>18</v>
      </c>
      <c r="G1185" s="6" t="s">
        <v>2634</v>
      </c>
      <c r="H1185" s="6" t="s">
        <v>2635</v>
      </c>
      <c r="I1185" s="7">
        <v>4.4575151999999996</v>
      </c>
      <c r="J1185" s="8">
        <v>-75.125590799999998</v>
      </c>
    </row>
    <row r="1186" spans="1:10" x14ac:dyDescent="0.35">
      <c r="A1186" s="5" t="s">
        <v>10</v>
      </c>
      <c r="B1186" s="6">
        <v>231037</v>
      </c>
      <c r="C1186" s="6" t="s">
        <v>466</v>
      </c>
      <c r="D1186" s="6" t="s">
        <v>467</v>
      </c>
      <c r="E1186" s="6">
        <v>81736</v>
      </c>
      <c r="F1186" s="6" t="s">
        <v>18</v>
      </c>
      <c r="G1186" s="6" t="s">
        <v>2636</v>
      </c>
      <c r="H1186" s="6" t="s">
        <v>2637</v>
      </c>
      <c r="I1186" s="7">
        <v>6.9552139999999998</v>
      </c>
      <c r="J1186" s="8">
        <v>-71.877290000000002</v>
      </c>
    </row>
    <row r="1187" spans="1:10" x14ac:dyDescent="0.35">
      <c r="A1187" s="5" t="s">
        <v>10</v>
      </c>
      <c r="B1187" s="6">
        <v>243853</v>
      </c>
      <c r="C1187" s="6" t="s">
        <v>28</v>
      </c>
      <c r="D1187" s="6" t="s">
        <v>29</v>
      </c>
      <c r="E1187" s="6">
        <v>54001</v>
      </c>
      <c r="F1187" s="6" t="s">
        <v>18</v>
      </c>
      <c r="G1187" s="6" t="s">
        <v>2638</v>
      </c>
      <c r="H1187" s="6" t="s">
        <v>2639</v>
      </c>
      <c r="I1187" s="7">
        <v>7.9218820000000001</v>
      </c>
      <c r="J1187" s="8">
        <v>-72.505612200000002</v>
      </c>
    </row>
    <row r="1188" spans="1:10" x14ac:dyDescent="0.35">
      <c r="A1188" s="5" t="s">
        <v>10</v>
      </c>
      <c r="B1188" s="6">
        <v>248959</v>
      </c>
      <c r="C1188" s="6" t="s">
        <v>466</v>
      </c>
      <c r="D1188" s="6" t="s">
        <v>467</v>
      </c>
      <c r="E1188" s="6">
        <v>81736</v>
      </c>
      <c r="F1188" s="6" t="s">
        <v>18</v>
      </c>
      <c r="G1188" s="6" t="s">
        <v>2640</v>
      </c>
      <c r="H1188" s="6" t="s">
        <v>2641</v>
      </c>
      <c r="I1188" s="7">
        <v>6.9552426000000001</v>
      </c>
      <c r="J1188" s="8">
        <v>-71.874027600000005</v>
      </c>
    </row>
    <row r="1189" spans="1:10" x14ac:dyDescent="0.35">
      <c r="A1189" s="5" t="s">
        <v>10</v>
      </c>
      <c r="B1189" s="6">
        <v>235865</v>
      </c>
      <c r="C1189" s="6" t="s">
        <v>61</v>
      </c>
      <c r="D1189" s="6" t="s">
        <v>62</v>
      </c>
      <c r="E1189" s="6">
        <v>63001</v>
      </c>
      <c r="F1189" s="6" t="s">
        <v>18</v>
      </c>
      <c r="G1189" s="6" t="s">
        <v>2642</v>
      </c>
      <c r="H1189" s="6" t="s">
        <v>2643</v>
      </c>
      <c r="I1189" s="7">
        <v>4.5523085999999999</v>
      </c>
      <c r="J1189" s="8">
        <v>-75.6562476</v>
      </c>
    </row>
    <row r="1190" spans="1:10" x14ac:dyDescent="0.35">
      <c r="A1190" s="5" t="s">
        <v>10</v>
      </c>
      <c r="B1190" s="6">
        <v>236068</v>
      </c>
      <c r="C1190" s="6" t="s">
        <v>55</v>
      </c>
      <c r="D1190" s="6" t="s">
        <v>2589</v>
      </c>
      <c r="E1190" s="6">
        <v>73275</v>
      </c>
      <c r="F1190" s="6" t="s">
        <v>18</v>
      </c>
      <c r="G1190" s="6" t="s">
        <v>113</v>
      </c>
      <c r="H1190" s="6" t="s">
        <v>2644</v>
      </c>
      <c r="I1190" s="7">
        <v>4.2868152999999998</v>
      </c>
      <c r="J1190" s="8">
        <v>-74.820861100000002</v>
      </c>
    </row>
    <row r="1191" spans="1:10" x14ac:dyDescent="0.35">
      <c r="A1191" s="5" t="s">
        <v>10</v>
      </c>
      <c r="B1191" s="6">
        <v>232304</v>
      </c>
      <c r="C1191" s="6" t="s">
        <v>61</v>
      </c>
      <c r="D1191" s="6" t="s">
        <v>723</v>
      </c>
      <c r="E1191" s="6">
        <v>63470</v>
      </c>
      <c r="F1191" s="6" t="s">
        <v>18</v>
      </c>
      <c r="G1191" s="6" t="s">
        <v>2645</v>
      </c>
      <c r="H1191" s="6" t="s">
        <v>2646</v>
      </c>
      <c r="I1191" s="7">
        <v>4.5667453</v>
      </c>
      <c r="J1191" s="8">
        <v>-75.7528468</v>
      </c>
    </row>
    <row r="1192" spans="1:10" x14ac:dyDescent="0.35">
      <c r="A1192" s="5" t="s">
        <v>10</v>
      </c>
      <c r="B1192" s="6">
        <v>149946</v>
      </c>
      <c r="C1192" s="6" t="s">
        <v>94</v>
      </c>
      <c r="D1192" s="6" t="s">
        <v>2015</v>
      </c>
      <c r="E1192" s="6">
        <v>66383</v>
      </c>
      <c r="F1192" s="6" t="s">
        <v>18</v>
      </c>
      <c r="G1192" s="6" t="s">
        <v>2647</v>
      </c>
      <c r="H1192" s="6" t="s">
        <v>2648</v>
      </c>
      <c r="I1192" s="7">
        <v>5.0032329999999998</v>
      </c>
      <c r="J1192" s="8">
        <v>-76.003423999999995</v>
      </c>
    </row>
    <row r="1193" spans="1:10" x14ac:dyDescent="0.35">
      <c r="A1193" s="5" t="s">
        <v>10</v>
      </c>
      <c r="B1193" s="6">
        <v>172855</v>
      </c>
      <c r="C1193" s="6" t="s">
        <v>68</v>
      </c>
      <c r="D1193" s="6" t="s">
        <v>69</v>
      </c>
      <c r="E1193" s="6">
        <v>11001</v>
      </c>
      <c r="F1193" s="6" t="s">
        <v>13</v>
      </c>
      <c r="G1193" s="6" t="s">
        <v>2649</v>
      </c>
      <c r="H1193" s="6" t="s">
        <v>2650</v>
      </c>
      <c r="I1193" s="7">
        <v>4.7155385000000001</v>
      </c>
      <c r="J1193" s="8">
        <v>-74.054817200000002</v>
      </c>
    </row>
    <row r="1194" spans="1:10" x14ac:dyDescent="0.35">
      <c r="A1194" s="5" t="s">
        <v>10</v>
      </c>
      <c r="B1194" s="6">
        <v>175060</v>
      </c>
      <c r="C1194" s="6" t="s">
        <v>11</v>
      </c>
      <c r="D1194" s="6" t="s">
        <v>513</v>
      </c>
      <c r="E1194" s="6">
        <v>25286</v>
      </c>
      <c r="F1194" s="6" t="s">
        <v>13</v>
      </c>
      <c r="G1194" s="6" t="s">
        <v>2651</v>
      </c>
      <c r="H1194" s="6" t="s">
        <v>2652</v>
      </c>
      <c r="I1194" s="7">
        <v>4.6297921000000004</v>
      </c>
      <c r="J1194" s="8">
        <v>-74.066844799999998</v>
      </c>
    </row>
    <row r="1195" spans="1:10" x14ac:dyDescent="0.35">
      <c r="A1195" s="5" t="s">
        <v>10</v>
      </c>
      <c r="B1195" s="6">
        <v>178730</v>
      </c>
      <c r="C1195" s="6" t="s">
        <v>16</v>
      </c>
      <c r="D1195" s="6" t="s">
        <v>1724</v>
      </c>
      <c r="E1195" s="6">
        <v>68855</v>
      </c>
      <c r="F1195" s="6" t="s">
        <v>18</v>
      </c>
      <c r="G1195" s="6" t="s">
        <v>2653</v>
      </c>
      <c r="H1195" s="6" t="s">
        <v>2654</v>
      </c>
      <c r="I1195" s="7">
        <v>6.4403135999999996</v>
      </c>
      <c r="J1195" s="8">
        <v>-73.111356000000001</v>
      </c>
    </row>
    <row r="1196" spans="1:10" x14ac:dyDescent="0.35">
      <c r="A1196" s="5" t="s">
        <v>10</v>
      </c>
      <c r="B1196" s="6">
        <v>239283</v>
      </c>
      <c r="C1196" s="6" t="s">
        <v>24</v>
      </c>
      <c r="D1196" s="6" t="s">
        <v>137</v>
      </c>
      <c r="E1196" s="6">
        <v>15238</v>
      </c>
      <c r="F1196" s="6" t="s">
        <v>18</v>
      </c>
      <c r="G1196" s="6" t="s">
        <v>2655</v>
      </c>
      <c r="H1196" s="6" t="s">
        <v>2656</v>
      </c>
      <c r="I1196" s="7">
        <v>5.8244669</v>
      </c>
      <c r="J1196" s="8">
        <v>-73.027603400000004</v>
      </c>
    </row>
    <row r="1197" spans="1:10" x14ac:dyDescent="0.35">
      <c r="A1197" s="5" t="s">
        <v>10</v>
      </c>
      <c r="B1197" s="6">
        <v>240028</v>
      </c>
      <c r="C1197" s="6" t="s">
        <v>28</v>
      </c>
      <c r="D1197" s="6" t="s">
        <v>49</v>
      </c>
      <c r="E1197" s="6">
        <v>54498</v>
      </c>
      <c r="F1197" s="6" t="s">
        <v>18</v>
      </c>
      <c r="G1197" s="6" t="s">
        <v>113</v>
      </c>
      <c r="H1197" s="6" t="s">
        <v>2657</v>
      </c>
      <c r="I1197" s="7">
        <v>8.2332421999999994</v>
      </c>
      <c r="J1197" s="8">
        <v>-73.350140600000003</v>
      </c>
    </row>
    <row r="1198" spans="1:10" x14ac:dyDescent="0.35">
      <c r="A1198" s="5" t="s">
        <v>10</v>
      </c>
      <c r="B1198" s="6">
        <v>215380</v>
      </c>
      <c r="C1198" s="6" t="s">
        <v>42</v>
      </c>
      <c r="D1198" s="6" t="s">
        <v>1493</v>
      </c>
      <c r="E1198" s="6">
        <v>17873</v>
      </c>
      <c r="F1198" s="6" t="s">
        <v>18</v>
      </c>
      <c r="G1198" s="6" t="s">
        <v>2658</v>
      </c>
      <c r="H1198" s="6" t="s">
        <v>2659</v>
      </c>
      <c r="I1198" s="7">
        <v>5.0432815999999896</v>
      </c>
      <c r="J1198" s="8">
        <v>-75.519613899999996</v>
      </c>
    </row>
    <row r="1199" spans="1:10" x14ac:dyDescent="0.35">
      <c r="A1199" s="5" t="s">
        <v>10</v>
      </c>
      <c r="B1199" s="6">
        <v>229761</v>
      </c>
      <c r="C1199" s="6" t="s">
        <v>42</v>
      </c>
      <c r="D1199" s="6" t="s">
        <v>396</v>
      </c>
      <c r="E1199" s="6">
        <v>17380</v>
      </c>
      <c r="F1199" s="6" t="s">
        <v>18</v>
      </c>
      <c r="G1199" s="6" t="s">
        <v>2660</v>
      </c>
      <c r="H1199" s="6" t="s">
        <v>2661</v>
      </c>
      <c r="I1199" s="7">
        <v>5.4459580000000001</v>
      </c>
      <c r="J1199" s="8">
        <v>-74.669627500000004</v>
      </c>
    </row>
    <row r="1200" spans="1:10" x14ac:dyDescent="0.35">
      <c r="A1200" s="5" t="s">
        <v>10</v>
      </c>
      <c r="B1200" s="6">
        <v>172852</v>
      </c>
      <c r="C1200" s="6" t="s">
        <v>68</v>
      </c>
      <c r="D1200" s="6" t="s">
        <v>69</v>
      </c>
      <c r="E1200" s="6">
        <v>11001</v>
      </c>
      <c r="F1200" s="6" t="s">
        <v>13</v>
      </c>
      <c r="G1200" s="6" t="s">
        <v>632</v>
      </c>
      <c r="H1200" s="6" t="s">
        <v>633</v>
      </c>
      <c r="I1200" s="7">
        <v>4.6018252999999998</v>
      </c>
      <c r="J1200" s="8">
        <v>-74.075602500000002</v>
      </c>
    </row>
    <row r="1201" spans="1:10" x14ac:dyDescent="0.35">
      <c r="A1201" s="5" t="s">
        <v>10</v>
      </c>
      <c r="B1201" s="6">
        <v>214867</v>
      </c>
      <c r="C1201" s="6" t="s">
        <v>24</v>
      </c>
      <c r="D1201" s="6" t="s">
        <v>85</v>
      </c>
      <c r="E1201" s="6">
        <v>15759</v>
      </c>
      <c r="F1201" s="6" t="s">
        <v>13</v>
      </c>
      <c r="G1201" s="6" t="s">
        <v>2662</v>
      </c>
      <c r="H1201" s="6" t="s">
        <v>2663</v>
      </c>
      <c r="I1201" s="7">
        <v>5.7145134000000004</v>
      </c>
      <c r="J1201" s="8">
        <v>-72.926226</v>
      </c>
    </row>
    <row r="1202" spans="1:10" x14ac:dyDescent="0.35">
      <c r="A1202" s="5" t="s">
        <v>10</v>
      </c>
      <c r="B1202" s="6">
        <v>217924</v>
      </c>
      <c r="C1202" s="6" t="s">
        <v>24</v>
      </c>
      <c r="D1202" s="6" t="s">
        <v>137</v>
      </c>
      <c r="E1202" s="6">
        <v>15238</v>
      </c>
      <c r="F1202" s="6" t="s">
        <v>18</v>
      </c>
      <c r="G1202" s="6" t="s">
        <v>2664</v>
      </c>
      <c r="H1202" s="6" t="s">
        <v>2665</v>
      </c>
      <c r="I1202" s="7">
        <v>5.8305442999999997</v>
      </c>
      <c r="J1202" s="8">
        <v>-73.032013199999994</v>
      </c>
    </row>
    <row r="1203" spans="1:10" x14ac:dyDescent="0.35">
      <c r="A1203" s="5" t="s">
        <v>10</v>
      </c>
      <c r="B1203" s="6">
        <v>231982</v>
      </c>
      <c r="C1203" s="6" t="s">
        <v>466</v>
      </c>
      <c r="D1203" s="6" t="s">
        <v>467</v>
      </c>
      <c r="E1203" s="6">
        <v>81736</v>
      </c>
      <c r="F1203" s="6" t="s">
        <v>18</v>
      </c>
      <c r="G1203" s="6" t="s">
        <v>2666</v>
      </c>
      <c r="H1203" s="6" t="s">
        <v>2667</v>
      </c>
      <c r="I1203" s="7">
        <v>6.9455828000000004</v>
      </c>
      <c r="J1203" s="8">
        <v>-71.884219200000004</v>
      </c>
    </row>
    <row r="1204" spans="1:10" x14ac:dyDescent="0.35">
      <c r="A1204" s="5" t="s">
        <v>10</v>
      </c>
      <c r="B1204" s="6">
        <v>225643</v>
      </c>
      <c r="C1204" s="6" t="s">
        <v>28</v>
      </c>
      <c r="D1204" s="6" t="s">
        <v>29</v>
      </c>
      <c r="E1204" s="6">
        <v>54001</v>
      </c>
      <c r="F1204" s="6" t="s">
        <v>18</v>
      </c>
      <c r="G1204" s="6" t="s">
        <v>2668</v>
      </c>
      <c r="H1204" s="6" t="s">
        <v>2669</v>
      </c>
      <c r="I1204" s="7">
        <v>7.9079872</v>
      </c>
      <c r="J1204" s="8">
        <v>-72.503793000000002</v>
      </c>
    </row>
    <row r="1205" spans="1:10" x14ac:dyDescent="0.35">
      <c r="A1205" s="5" t="s">
        <v>10</v>
      </c>
      <c r="B1205" s="6">
        <v>243884</v>
      </c>
      <c r="C1205" s="6" t="s">
        <v>28</v>
      </c>
      <c r="D1205" s="6" t="s">
        <v>1386</v>
      </c>
      <c r="E1205" s="6">
        <v>54660</v>
      </c>
      <c r="F1205" s="6" t="s">
        <v>18</v>
      </c>
      <c r="G1205" s="6" t="s">
        <v>2670</v>
      </c>
      <c r="H1205" s="6" t="s">
        <v>2671</v>
      </c>
      <c r="I1205" s="7">
        <v>7.7737299999999996</v>
      </c>
      <c r="J1205" s="8">
        <v>-72.811085800000001</v>
      </c>
    </row>
    <row r="1206" spans="1:10" x14ac:dyDescent="0.35">
      <c r="A1206" s="5" t="s">
        <v>10</v>
      </c>
      <c r="B1206" s="6">
        <v>227717</v>
      </c>
      <c r="C1206" s="6" t="s">
        <v>61</v>
      </c>
      <c r="D1206" s="6" t="s">
        <v>62</v>
      </c>
      <c r="E1206" s="6">
        <v>63001</v>
      </c>
      <c r="F1206" s="6" t="s">
        <v>18</v>
      </c>
      <c r="G1206" s="6" t="s">
        <v>2672</v>
      </c>
      <c r="H1206" s="6" t="s">
        <v>2673</v>
      </c>
      <c r="I1206" s="7">
        <v>4.5504834000000001</v>
      </c>
      <c r="J1206" s="8">
        <v>-75.659676699999906</v>
      </c>
    </row>
    <row r="1207" spans="1:10" x14ac:dyDescent="0.35">
      <c r="A1207" s="5" t="s">
        <v>10</v>
      </c>
      <c r="B1207" s="6">
        <v>207932</v>
      </c>
      <c r="C1207" s="6" t="s">
        <v>42</v>
      </c>
      <c r="D1207" s="6" t="s">
        <v>396</v>
      </c>
      <c r="E1207" s="6">
        <v>17380</v>
      </c>
      <c r="F1207" s="6" t="s">
        <v>18</v>
      </c>
      <c r="G1207" s="6" t="s">
        <v>2674</v>
      </c>
      <c r="H1207" s="6" t="s">
        <v>2675</v>
      </c>
      <c r="I1207" s="7">
        <v>5.4512144999999999</v>
      </c>
      <c r="J1207" s="8">
        <v>-74.6653065</v>
      </c>
    </row>
    <row r="1208" spans="1:10" x14ac:dyDescent="0.35">
      <c r="A1208" s="5" t="s">
        <v>10</v>
      </c>
      <c r="B1208" s="6">
        <v>209804</v>
      </c>
      <c r="C1208" s="6" t="s">
        <v>61</v>
      </c>
      <c r="D1208" s="6" t="s">
        <v>2676</v>
      </c>
      <c r="E1208" s="6">
        <v>63594</v>
      </c>
      <c r="F1208" s="6" t="s">
        <v>18</v>
      </c>
      <c r="G1208" s="6" t="s">
        <v>2677</v>
      </c>
      <c r="H1208" s="6" t="s">
        <v>2678</v>
      </c>
      <c r="I1208" s="7">
        <v>4.6225044000000004</v>
      </c>
      <c r="J1208" s="8">
        <v>-75.757795700000003</v>
      </c>
    </row>
    <row r="1209" spans="1:10" x14ac:dyDescent="0.35">
      <c r="A1209" s="5" t="s">
        <v>10</v>
      </c>
      <c r="B1209" s="6">
        <v>212950</v>
      </c>
      <c r="C1209" s="6" t="s">
        <v>278</v>
      </c>
      <c r="D1209" s="6" t="s">
        <v>279</v>
      </c>
      <c r="E1209" s="6">
        <v>50001</v>
      </c>
      <c r="F1209" s="6" t="s">
        <v>18</v>
      </c>
      <c r="G1209" s="6" t="s">
        <v>2679</v>
      </c>
      <c r="H1209" s="6" t="s">
        <v>2680</v>
      </c>
      <c r="I1209" s="7">
        <v>4.1302393000000004</v>
      </c>
      <c r="J1209" s="8">
        <v>-73.601446499999994</v>
      </c>
    </row>
    <row r="1210" spans="1:10" x14ac:dyDescent="0.35">
      <c r="A1210" s="5" t="s">
        <v>10</v>
      </c>
      <c r="B1210" s="6">
        <v>141715</v>
      </c>
      <c r="C1210" s="6" t="s">
        <v>11</v>
      </c>
      <c r="D1210" s="6" t="s">
        <v>680</v>
      </c>
      <c r="E1210" s="6">
        <v>25743</v>
      </c>
      <c r="F1210" s="6" t="s">
        <v>13</v>
      </c>
      <c r="G1210" s="6" t="s">
        <v>2681</v>
      </c>
      <c r="H1210" s="6" t="s">
        <v>2682</v>
      </c>
      <c r="I1210" s="7">
        <v>4.4029246000000004</v>
      </c>
      <c r="J1210" s="8">
        <v>-74.385581500000001</v>
      </c>
    </row>
    <row r="1211" spans="1:10" x14ac:dyDescent="0.35">
      <c r="A1211" s="5" t="s">
        <v>10</v>
      </c>
      <c r="B1211" s="6">
        <v>214010</v>
      </c>
      <c r="C1211" s="6" t="s">
        <v>28</v>
      </c>
      <c r="D1211" s="6" t="s">
        <v>1171</v>
      </c>
      <c r="E1211" s="6">
        <v>54810</v>
      </c>
      <c r="F1211" s="6" t="s">
        <v>18</v>
      </c>
      <c r="G1211" s="6" t="s">
        <v>375</v>
      </c>
      <c r="H1211" s="6" t="s">
        <v>2683</v>
      </c>
      <c r="I1211" s="7">
        <v>8.3691800000000001</v>
      </c>
      <c r="J1211" s="8">
        <v>-72.602209999999999</v>
      </c>
    </row>
    <row r="1212" spans="1:10" x14ac:dyDescent="0.35">
      <c r="A1212" s="5" t="s">
        <v>10</v>
      </c>
      <c r="B1212" s="6">
        <v>217827</v>
      </c>
      <c r="C1212" s="6" t="s">
        <v>28</v>
      </c>
      <c r="D1212" s="6" t="s">
        <v>91</v>
      </c>
      <c r="E1212" s="6">
        <v>54874</v>
      </c>
      <c r="F1212" s="6" t="s">
        <v>18</v>
      </c>
      <c r="G1212" s="6" t="s">
        <v>2684</v>
      </c>
      <c r="H1212" s="6" t="s">
        <v>2685</v>
      </c>
      <c r="I1212" s="7">
        <v>7.8418885999999999</v>
      </c>
      <c r="J1212" s="8">
        <v>-72.471648399999907</v>
      </c>
    </row>
    <row r="1213" spans="1:10" x14ac:dyDescent="0.35">
      <c r="A1213" s="5" t="s">
        <v>10</v>
      </c>
      <c r="B1213" s="6">
        <v>148383</v>
      </c>
      <c r="C1213" s="6" t="s">
        <v>38</v>
      </c>
      <c r="D1213" s="6" t="s">
        <v>39</v>
      </c>
      <c r="E1213" s="6">
        <v>19001</v>
      </c>
      <c r="F1213" s="6" t="s">
        <v>18</v>
      </c>
      <c r="G1213" s="6" t="s">
        <v>2686</v>
      </c>
      <c r="H1213" s="6" t="s">
        <v>2687</v>
      </c>
      <c r="I1213" s="7">
        <v>2.4527000000000001</v>
      </c>
      <c r="J1213" s="8">
        <v>-76.603250000000003</v>
      </c>
    </row>
    <row r="1214" spans="1:10" x14ac:dyDescent="0.35">
      <c r="A1214" s="5" t="s">
        <v>10</v>
      </c>
      <c r="B1214" s="6">
        <v>235583</v>
      </c>
      <c r="C1214" s="6" t="s">
        <v>94</v>
      </c>
      <c r="D1214" s="6" t="s">
        <v>504</v>
      </c>
      <c r="E1214" s="6">
        <v>66456</v>
      </c>
      <c r="F1214" s="6" t="s">
        <v>18</v>
      </c>
      <c r="G1214" s="6" t="s">
        <v>2688</v>
      </c>
      <c r="H1214" s="6" t="s">
        <v>2689</v>
      </c>
      <c r="I1214" s="7">
        <v>5.2951312000000001</v>
      </c>
      <c r="J1214" s="8">
        <v>-75.883157600000004</v>
      </c>
    </row>
    <row r="1215" spans="1:10" x14ac:dyDescent="0.35">
      <c r="A1215" s="5" t="s">
        <v>10</v>
      </c>
      <c r="B1215" s="6">
        <v>206315</v>
      </c>
      <c r="C1215" s="6" t="s">
        <v>68</v>
      </c>
      <c r="D1215" s="6" t="s">
        <v>69</v>
      </c>
      <c r="E1215" s="6">
        <v>11001</v>
      </c>
      <c r="F1215" s="6" t="s">
        <v>13</v>
      </c>
      <c r="G1215" s="6" t="s">
        <v>2690</v>
      </c>
      <c r="H1215" s="6" t="s">
        <v>2691</v>
      </c>
      <c r="I1215" s="7">
        <v>4.6948641999999996</v>
      </c>
      <c r="J1215" s="8">
        <v>-74.085528100000005</v>
      </c>
    </row>
    <row r="1216" spans="1:10" x14ac:dyDescent="0.35">
      <c r="A1216" s="5" t="s">
        <v>10</v>
      </c>
      <c r="B1216" s="6">
        <v>228984</v>
      </c>
      <c r="C1216" s="6" t="s">
        <v>16</v>
      </c>
      <c r="D1216" s="6" t="s">
        <v>1129</v>
      </c>
      <c r="E1216" s="6">
        <v>68498</v>
      </c>
      <c r="F1216" s="6" t="s">
        <v>18</v>
      </c>
      <c r="G1216" s="6" t="s">
        <v>2692</v>
      </c>
      <c r="H1216" s="6" t="s">
        <v>2693</v>
      </c>
      <c r="I1216" s="7">
        <v>6.3397800000000002</v>
      </c>
      <c r="J1216" s="8">
        <v>-73.122163</v>
      </c>
    </row>
    <row r="1217" spans="1:10" x14ac:dyDescent="0.35">
      <c r="A1217" s="5" t="s">
        <v>10</v>
      </c>
      <c r="B1217" s="6">
        <v>239734</v>
      </c>
      <c r="C1217" s="6" t="s">
        <v>16</v>
      </c>
      <c r="D1217" s="6" t="s">
        <v>2694</v>
      </c>
      <c r="E1217" s="6">
        <v>68895</v>
      </c>
      <c r="F1217" s="6" t="s">
        <v>18</v>
      </c>
      <c r="G1217" s="6" t="s">
        <v>2695</v>
      </c>
      <c r="H1217" s="6" t="s">
        <v>2696</v>
      </c>
      <c r="I1217" s="7">
        <v>6.8151884999999996</v>
      </c>
      <c r="J1217" s="8">
        <v>-73.269107500000004</v>
      </c>
    </row>
    <row r="1218" spans="1:10" x14ac:dyDescent="0.35">
      <c r="A1218" s="5" t="s">
        <v>10</v>
      </c>
      <c r="B1218" s="6">
        <v>234962</v>
      </c>
      <c r="C1218" s="6" t="s">
        <v>16</v>
      </c>
      <c r="D1218" s="6" t="s">
        <v>224</v>
      </c>
      <c r="E1218" s="6">
        <v>68755</v>
      </c>
      <c r="F1218" s="6" t="s">
        <v>18</v>
      </c>
      <c r="G1218" s="6" t="s">
        <v>2697</v>
      </c>
      <c r="H1218" s="6" t="s">
        <v>2698</v>
      </c>
      <c r="I1218" s="7">
        <v>6.4696357999999998</v>
      </c>
      <c r="J1218" s="8">
        <v>-73.262195199999994</v>
      </c>
    </row>
    <row r="1219" spans="1:10" x14ac:dyDescent="0.35">
      <c r="A1219" s="5" t="s">
        <v>10</v>
      </c>
      <c r="B1219" s="6">
        <v>214427</v>
      </c>
      <c r="C1219" s="6" t="s">
        <v>16</v>
      </c>
      <c r="D1219" s="6" t="s">
        <v>17</v>
      </c>
      <c r="E1219" s="6">
        <v>68679</v>
      </c>
      <c r="F1219" s="6" t="s">
        <v>18</v>
      </c>
      <c r="G1219" s="6" t="s">
        <v>2699</v>
      </c>
      <c r="H1219" s="6" t="s">
        <v>2700</v>
      </c>
      <c r="I1219" s="7">
        <v>6.5552032000000002</v>
      </c>
      <c r="J1219" s="8">
        <v>-73.141264800000002</v>
      </c>
    </row>
    <row r="1220" spans="1:10" x14ac:dyDescent="0.35">
      <c r="A1220" s="5" t="s">
        <v>10</v>
      </c>
      <c r="B1220" s="6">
        <v>232129</v>
      </c>
      <c r="C1220" s="6" t="s">
        <v>24</v>
      </c>
      <c r="D1220" s="6" t="s">
        <v>88</v>
      </c>
      <c r="E1220" s="6">
        <v>15001</v>
      </c>
      <c r="F1220" s="6" t="s">
        <v>18</v>
      </c>
      <c r="G1220" s="6" t="s">
        <v>2701</v>
      </c>
      <c r="H1220" s="6" t="s">
        <v>2702</v>
      </c>
      <c r="I1220" s="7">
        <v>5.5207325000000003</v>
      </c>
      <c r="J1220" s="8">
        <v>-73.370654799999997</v>
      </c>
    </row>
    <row r="1221" spans="1:10" x14ac:dyDescent="0.35">
      <c r="A1221" s="5" t="s">
        <v>10</v>
      </c>
      <c r="B1221" s="6">
        <v>244503</v>
      </c>
      <c r="C1221" s="6" t="s">
        <v>24</v>
      </c>
      <c r="D1221" s="6" t="s">
        <v>2038</v>
      </c>
      <c r="E1221" s="6">
        <v>15293</v>
      </c>
      <c r="F1221" s="6" t="s">
        <v>18</v>
      </c>
      <c r="G1221" s="6" t="s">
        <v>113</v>
      </c>
      <c r="H1221" s="6" t="s">
        <v>2703</v>
      </c>
      <c r="I1221" s="7">
        <v>5.7523242000000003</v>
      </c>
      <c r="J1221" s="8">
        <v>-73.549456000000006</v>
      </c>
    </row>
    <row r="1222" spans="1:10" x14ac:dyDescent="0.35">
      <c r="A1222" s="5" t="s">
        <v>10</v>
      </c>
      <c r="B1222" s="6">
        <v>243822</v>
      </c>
      <c r="C1222" s="6" t="s">
        <v>28</v>
      </c>
      <c r="D1222" s="6" t="s">
        <v>322</v>
      </c>
      <c r="E1222" s="6">
        <v>54405</v>
      </c>
      <c r="F1222" s="6" t="s">
        <v>18</v>
      </c>
      <c r="G1222" s="6" t="s">
        <v>2704</v>
      </c>
      <c r="H1222" s="6" t="s">
        <v>2705</v>
      </c>
      <c r="I1222" s="7">
        <v>7.8142239</v>
      </c>
      <c r="J1222" s="8">
        <v>-72.506318300000004</v>
      </c>
    </row>
    <row r="1223" spans="1:10" x14ac:dyDescent="0.35">
      <c r="A1223" s="5" t="s">
        <v>10</v>
      </c>
      <c r="B1223" s="6">
        <v>204349</v>
      </c>
      <c r="C1223" s="6" t="s">
        <v>28</v>
      </c>
      <c r="D1223" s="6" t="s">
        <v>29</v>
      </c>
      <c r="E1223" s="6">
        <v>54001</v>
      </c>
      <c r="F1223" s="6" t="s">
        <v>18</v>
      </c>
      <c r="G1223" s="6" t="s">
        <v>2706</v>
      </c>
      <c r="H1223" s="6" t="s">
        <v>2707</v>
      </c>
      <c r="I1223" s="7">
        <v>8.2343142</v>
      </c>
      <c r="J1223" s="8">
        <v>-72.426625899999905</v>
      </c>
    </row>
    <row r="1224" spans="1:10" x14ac:dyDescent="0.35">
      <c r="A1224" s="5" t="s">
        <v>10</v>
      </c>
      <c r="B1224" s="6">
        <v>206425</v>
      </c>
      <c r="C1224" s="6" t="s">
        <v>28</v>
      </c>
      <c r="D1224" s="6" t="s">
        <v>29</v>
      </c>
      <c r="E1224" s="6">
        <v>54001</v>
      </c>
      <c r="F1224" s="6" t="s">
        <v>18</v>
      </c>
      <c r="G1224" s="6" t="s">
        <v>2708</v>
      </c>
      <c r="H1224" s="6" t="s">
        <v>2709</v>
      </c>
      <c r="I1224" s="7">
        <v>7.9187136999999996</v>
      </c>
      <c r="J1224" s="8">
        <v>-72.4953352</v>
      </c>
    </row>
    <row r="1225" spans="1:10" x14ac:dyDescent="0.35">
      <c r="A1225" s="5" t="s">
        <v>10</v>
      </c>
      <c r="B1225" s="6">
        <v>186977</v>
      </c>
      <c r="C1225" s="6" t="s">
        <v>38</v>
      </c>
      <c r="D1225" s="6" t="s">
        <v>39</v>
      </c>
      <c r="E1225" s="6">
        <v>19001</v>
      </c>
      <c r="F1225" s="6" t="s">
        <v>18</v>
      </c>
      <c r="G1225" s="6" t="s">
        <v>2710</v>
      </c>
      <c r="H1225" s="6" t="s">
        <v>2711</v>
      </c>
      <c r="I1225" s="7">
        <v>2.4731963000000001</v>
      </c>
      <c r="J1225" s="8">
        <v>-76.552414200000001</v>
      </c>
    </row>
    <row r="1226" spans="1:10" x14ac:dyDescent="0.35">
      <c r="A1226" s="5" t="s">
        <v>10</v>
      </c>
      <c r="B1226" s="6">
        <v>232318</v>
      </c>
      <c r="C1226" s="6" t="s">
        <v>55</v>
      </c>
      <c r="D1226" s="6" t="s">
        <v>56</v>
      </c>
      <c r="E1226" s="6">
        <v>73001</v>
      </c>
      <c r="F1226" s="6" t="s">
        <v>18</v>
      </c>
      <c r="G1226" s="6" t="s">
        <v>2712</v>
      </c>
      <c r="H1226" s="6" t="s">
        <v>2713</v>
      </c>
      <c r="I1226" s="7">
        <v>4.4472471000000002</v>
      </c>
      <c r="J1226" s="8">
        <v>-75.249384800000001</v>
      </c>
    </row>
    <row r="1227" spans="1:10" x14ac:dyDescent="0.35">
      <c r="A1227" s="5" t="s">
        <v>10</v>
      </c>
      <c r="B1227" s="6">
        <v>239694</v>
      </c>
      <c r="C1227" s="6" t="s">
        <v>61</v>
      </c>
      <c r="D1227" s="6" t="s">
        <v>121</v>
      </c>
      <c r="E1227" s="6">
        <v>63130</v>
      </c>
      <c r="F1227" s="6" t="s">
        <v>18</v>
      </c>
      <c r="G1227" s="6" t="s">
        <v>2714</v>
      </c>
      <c r="H1227" s="6" t="s">
        <v>2715</v>
      </c>
      <c r="I1227" s="7">
        <v>4.5266935999999998</v>
      </c>
      <c r="J1227" s="8">
        <v>-75.640957400000005</v>
      </c>
    </row>
    <row r="1228" spans="1:10" x14ac:dyDescent="0.35">
      <c r="A1228" s="5" t="s">
        <v>10</v>
      </c>
      <c r="B1228" s="6">
        <v>198236</v>
      </c>
      <c r="C1228" s="6" t="s">
        <v>61</v>
      </c>
      <c r="D1228" s="6" t="s">
        <v>62</v>
      </c>
      <c r="E1228" s="6">
        <v>63001</v>
      </c>
      <c r="F1228" s="6" t="s">
        <v>18</v>
      </c>
      <c r="G1228" s="6" t="s">
        <v>2716</v>
      </c>
      <c r="H1228" s="6" t="s">
        <v>2717</v>
      </c>
      <c r="I1228" s="7">
        <v>4.5161936999999996</v>
      </c>
      <c r="J1228" s="8">
        <v>-75.712137299999995</v>
      </c>
    </row>
    <row r="1229" spans="1:10" x14ac:dyDescent="0.35">
      <c r="A1229" s="5" t="s">
        <v>10</v>
      </c>
      <c r="B1229" s="6">
        <v>187527</v>
      </c>
      <c r="C1229" s="6" t="s">
        <v>24</v>
      </c>
      <c r="D1229" s="6" t="s">
        <v>85</v>
      </c>
      <c r="E1229" s="6">
        <v>15759</v>
      </c>
      <c r="F1229" s="6" t="s">
        <v>18</v>
      </c>
      <c r="G1229" s="6" t="s">
        <v>2718</v>
      </c>
      <c r="H1229" s="6" t="s">
        <v>2719</v>
      </c>
      <c r="I1229" s="7">
        <v>5.7069038000000001</v>
      </c>
      <c r="J1229" s="8">
        <v>-72.928344799999905</v>
      </c>
    </row>
    <row r="1230" spans="1:10" x14ac:dyDescent="0.35">
      <c r="A1230" s="5" t="s">
        <v>10</v>
      </c>
      <c r="B1230" s="6">
        <v>203474</v>
      </c>
      <c r="C1230" s="6" t="s">
        <v>466</v>
      </c>
      <c r="D1230" s="6" t="s">
        <v>1262</v>
      </c>
      <c r="E1230" s="6">
        <v>81001</v>
      </c>
      <c r="F1230" s="6" t="s">
        <v>18</v>
      </c>
      <c r="G1230" s="6" t="s">
        <v>2720</v>
      </c>
      <c r="H1230" s="6" t="s">
        <v>2721</v>
      </c>
      <c r="I1230" s="7">
        <v>6.7801280999999998</v>
      </c>
      <c r="J1230" s="8">
        <v>-70.716846899999993</v>
      </c>
    </row>
    <row r="1231" spans="1:10" x14ac:dyDescent="0.35">
      <c r="A1231" s="5" t="s">
        <v>10</v>
      </c>
      <c r="B1231" s="6">
        <v>215043</v>
      </c>
      <c r="C1231" s="6" t="s">
        <v>38</v>
      </c>
      <c r="D1231" s="6" t="s">
        <v>39</v>
      </c>
      <c r="E1231" s="6">
        <v>19001</v>
      </c>
      <c r="F1231" s="6" t="s">
        <v>18</v>
      </c>
      <c r="G1231" s="6" t="s">
        <v>2722</v>
      </c>
      <c r="H1231" s="6" t="s">
        <v>2723</v>
      </c>
      <c r="I1231" s="7">
        <v>2.4421876</v>
      </c>
      <c r="J1231" s="8">
        <v>-76.619036600000001</v>
      </c>
    </row>
    <row r="1232" spans="1:10" x14ac:dyDescent="0.35">
      <c r="A1232" s="5" t="s">
        <v>10</v>
      </c>
      <c r="B1232" s="6">
        <v>235543</v>
      </c>
      <c r="C1232" s="6" t="s">
        <v>94</v>
      </c>
      <c r="D1232" s="6" t="s">
        <v>894</v>
      </c>
      <c r="E1232" s="6">
        <v>66088</v>
      </c>
      <c r="F1232" s="6" t="s">
        <v>18</v>
      </c>
      <c r="G1232" s="6" t="s">
        <v>2724</v>
      </c>
      <c r="H1232" s="6" t="s">
        <v>2725</v>
      </c>
      <c r="I1232" s="7">
        <v>5.2003864999999996</v>
      </c>
      <c r="J1232" s="8">
        <v>-75.868979600000003</v>
      </c>
    </row>
    <row r="1233" spans="1:10" x14ac:dyDescent="0.35">
      <c r="A1233" s="5" t="s">
        <v>10</v>
      </c>
      <c r="B1233" s="6">
        <v>180539</v>
      </c>
      <c r="C1233" s="6" t="s">
        <v>68</v>
      </c>
      <c r="D1233" s="6" t="s">
        <v>69</v>
      </c>
      <c r="E1233" s="6">
        <v>11001</v>
      </c>
      <c r="F1233" s="6" t="s">
        <v>13</v>
      </c>
      <c r="G1233" s="6" t="s">
        <v>2188</v>
      </c>
      <c r="H1233" s="6" t="s">
        <v>2189</v>
      </c>
      <c r="I1233" s="7">
        <v>4.7369498999999999</v>
      </c>
      <c r="J1233" s="8">
        <v>-74.084834099999995</v>
      </c>
    </row>
    <row r="1234" spans="1:10" x14ac:dyDescent="0.35">
      <c r="A1234" s="5" t="s">
        <v>10</v>
      </c>
      <c r="B1234" s="6">
        <v>141715</v>
      </c>
      <c r="C1234" s="6" t="s">
        <v>11</v>
      </c>
      <c r="D1234" s="6" t="s">
        <v>680</v>
      </c>
      <c r="E1234" s="6">
        <v>25743</v>
      </c>
      <c r="F1234" s="6" t="s">
        <v>13</v>
      </c>
      <c r="G1234" s="6" t="s">
        <v>2681</v>
      </c>
      <c r="H1234" s="6" t="s">
        <v>2682</v>
      </c>
      <c r="I1234" s="7">
        <v>4.4029246000000004</v>
      </c>
      <c r="J1234" s="8">
        <v>-74.385581500000001</v>
      </c>
    </row>
    <row r="1235" spans="1:10" x14ac:dyDescent="0.35">
      <c r="A1235" s="5" t="s">
        <v>10</v>
      </c>
      <c r="B1235" s="6">
        <v>222110</v>
      </c>
      <c r="C1235" s="6" t="s">
        <v>16</v>
      </c>
      <c r="D1235" s="6" t="s">
        <v>17</v>
      </c>
      <c r="E1235" s="6">
        <v>68679</v>
      </c>
      <c r="F1235" s="6" t="s">
        <v>18</v>
      </c>
      <c r="G1235" s="6" t="s">
        <v>2726</v>
      </c>
      <c r="H1235" s="6" t="s">
        <v>2727</v>
      </c>
      <c r="I1235" s="7">
        <v>6.5577303999999996</v>
      </c>
      <c r="J1235" s="8">
        <v>-73.134430299999906</v>
      </c>
    </row>
    <row r="1236" spans="1:10" x14ac:dyDescent="0.35">
      <c r="A1236" s="5" t="s">
        <v>10</v>
      </c>
      <c r="B1236" s="6">
        <v>234961</v>
      </c>
      <c r="C1236" s="6" t="s">
        <v>16</v>
      </c>
      <c r="D1236" s="6" t="s">
        <v>224</v>
      </c>
      <c r="E1236" s="6">
        <v>68755</v>
      </c>
      <c r="F1236" s="6" t="s">
        <v>18</v>
      </c>
      <c r="G1236" s="6" t="s">
        <v>2728</v>
      </c>
      <c r="H1236" s="6" t="s">
        <v>2729</v>
      </c>
      <c r="I1236" s="7">
        <v>6.4710682999999998</v>
      </c>
      <c r="J1236" s="8">
        <v>-73.255439199999998</v>
      </c>
    </row>
    <row r="1237" spans="1:10" x14ac:dyDescent="0.35">
      <c r="A1237" s="5" t="s">
        <v>10</v>
      </c>
      <c r="B1237" s="6">
        <v>203173</v>
      </c>
      <c r="C1237" s="6" t="s">
        <v>16</v>
      </c>
      <c r="D1237" s="6" t="s">
        <v>2730</v>
      </c>
      <c r="E1237" s="6">
        <v>68549</v>
      </c>
      <c r="F1237" s="6" t="s">
        <v>18</v>
      </c>
      <c r="G1237" s="6" t="s">
        <v>2731</v>
      </c>
      <c r="H1237" s="6" t="s">
        <v>2732</v>
      </c>
      <c r="I1237" s="7">
        <v>6.5416384999999897</v>
      </c>
      <c r="J1237" s="8">
        <v>-73.166127099999997</v>
      </c>
    </row>
    <row r="1238" spans="1:10" x14ac:dyDescent="0.35">
      <c r="A1238" s="5" t="s">
        <v>10</v>
      </c>
      <c r="B1238" s="6">
        <v>248851</v>
      </c>
      <c r="C1238" s="6" t="s">
        <v>24</v>
      </c>
      <c r="D1238" s="6" t="s">
        <v>2733</v>
      </c>
      <c r="E1238" s="6">
        <v>15774</v>
      </c>
      <c r="F1238" s="6" t="s">
        <v>18</v>
      </c>
      <c r="G1238" s="6" t="s">
        <v>2734</v>
      </c>
      <c r="H1238" s="6" t="s">
        <v>2735</v>
      </c>
      <c r="I1238" s="7">
        <v>6.2296607000000002</v>
      </c>
      <c r="J1238" s="8">
        <v>-72.689650099999994</v>
      </c>
    </row>
    <row r="1239" spans="1:10" x14ac:dyDescent="0.35">
      <c r="A1239" s="5" t="s">
        <v>10</v>
      </c>
      <c r="B1239" s="6">
        <v>229628</v>
      </c>
      <c r="C1239" s="6" t="s">
        <v>61</v>
      </c>
      <c r="D1239" s="6" t="s">
        <v>62</v>
      </c>
      <c r="E1239" s="6">
        <v>63001</v>
      </c>
      <c r="F1239" s="6" t="s">
        <v>18</v>
      </c>
      <c r="G1239" s="6" t="s">
        <v>2736</v>
      </c>
      <c r="H1239" s="6" t="s">
        <v>2737</v>
      </c>
      <c r="I1239" s="7">
        <v>4.4993116000000004</v>
      </c>
      <c r="J1239" s="8">
        <v>-75.691378499999999</v>
      </c>
    </row>
    <row r="1240" spans="1:10" x14ac:dyDescent="0.35">
      <c r="A1240" s="5" t="s">
        <v>10</v>
      </c>
      <c r="B1240" s="6">
        <v>230297</v>
      </c>
      <c r="C1240" s="6" t="s">
        <v>117</v>
      </c>
      <c r="D1240" s="6" t="s">
        <v>2738</v>
      </c>
      <c r="E1240" s="6">
        <v>76622</v>
      </c>
      <c r="F1240" s="6" t="s">
        <v>18</v>
      </c>
      <c r="G1240" s="6" t="s">
        <v>2739</v>
      </c>
      <c r="H1240" s="6" t="s">
        <v>2740</v>
      </c>
      <c r="I1240" s="7">
        <v>4.4154736000000003</v>
      </c>
      <c r="J1240" s="8">
        <v>-76.151394199999999</v>
      </c>
    </row>
    <row r="1241" spans="1:10" x14ac:dyDescent="0.35">
      <c r="A1241" s="5" t="s">
        <v>10</v>
      </c>
      <c r="B1241" s="6">
        <v>235460</v>
      </c>
      <c r="C1241" s="6" t="s">
        <v>61</v>
      </c>
      <c r="D1241" s="6" t="s">
        <v>62</v>
      </c>
      <c r="E1241" s="6">
        <v>63001</v>
      </c>
      <c r="F1241" s="6" t="s">
        <v>18</v>
      </c>
      <c r="G1241" s="6" t="s">
        <v>2430</v>
      </c>
      <c r="H1241" s="6" t="s">
        <v>2741</v>
      </c>
      <c r="I1241" s="7">
        <v>4.5350004000000004</v>
      </c>
      <c r="J1241" s="8">
        <v>-75.675688800000003</v>
      </c>
    </row>
    <row r="1242" spans="1:10" x14ac:dyDescent="0.35">
      <c r="A1242" s="5" t="s">
        <v>10</v>
      </c>
      <c r="B1242" s="6">
        <v>231300</v>
      </c>
      <c r="C1242" s="6" t="s">
        <v>16</v>
      </c>
      <c r="D1242" s="6" t="s">
        <v>224</v>
      </c>
      <c r="E1242" s="6">
        <v>68755</v>
      </c>
      <c r="F1242" s="6" t="s">
        <v>18</v>
      </c>
      <c r="G1242" s="6" t="s">
        <v>2742</v>
      </c>
      <c r="H1242" s="6" t="s">
        <v>2743</v>
      </c>
      <c r="I1242" s="7">
        <v>6.467454</v>
      </c>
      <c r="J1242" s="8">
        <v>-73.262101999999999</v>
      </c>
    </row>
    <row r="1243" spans="1:10" x14ac:dyDescent="0.35">
      <c r="A1243" s="5" t="s">
        <v>10</v>
      </c>
      <c r="B1243" s="6">
        <v>225055</v>
      </c>
      <c r="C1243" s="6" t="s">
        <v>11</v>
      </c>
      <c r="D1243" s="6" t="s">
        <v>106</v>
      </c>
      <c r="E1243" s="6">
        <v>25843</v>
      </c>
      <c r="F1243" s="6" t="s">
        <v>18</v>
      </c>
      <c r="G1243" s="6" t="s">
        <v>2744</v>
      </c>
      <c r="H1243" s="6" t="s">
        <v>2745</v>
      </c>
      <c r="I1243" s="7">
        <v>5.3120240000000001</v>
      </c>
      <c r="J1243" s="8">
        <v>-73.818221999999906</v>
      </c>
    </row>
    <row r="1244" spans="1:10" x14ac:dyDescent="0.35">
      <c r="A1244" s="5" t="s">
        <v>10</v>
      </c>
      <c r="B1244" s="6">
        <v>181686</v>
      </c>
      <c r="C1244" s="6" t="s">
        <v>55</v>
      </c>
      <c r="D1244" s="6" t="s">
        <v>165</v>
      </c>
      <c r="E1244" s="6">
        <v>73449</v>
      </c>
      <c r="F1244" s="6" t="s">
        <v>18</v>
      </c>
      <c r="G1244" s="6" t="s">
        <v>2746</v>
      </c>
      <c r="H1244" s="6" t="s">
        <v>2747</v>
      </c>
      <c r="I1244" s="7">
        <v>4.2035719999999897</v>
      </c>
      <c r="J1244" s="8">
        <v>-74.643383</v>
      </c>
    </row>
    <row r="1245" spans="1:10" x14ac:dyDescent="0.35">
      <c r="A1245" s="5" t="s">
        <v>10</v>
      </c>
      <c r="B1245" s="6">
        <v>236299</v>
      </c>
      <c r="C1245" s="6" t="s">
        <v>24</v>
      </c>
      <c r="D1245" s="6" t="s">
        <v>829</v>
      </c>
      <c r="E1245" s="6">
        <v>15696</v>
      </c>
      <c r="F1245" s="6" t="s">
        <v>18</v>
      </c>
      <c r="G1245" s="6" t="s">
        <v>2748</v>
      </c>
      <c r="H1245" s="6" t="s">
        <v>2749</v>
      </c>
      <c r="I1245" s="7">
        <v>5.7139610000000003</v>
      </c>
      <c r="J1245" s="8">
        <v>-73.602068000000003</v>
      </c>
    </row>
    <row r="1246" spans="1:10" x14ac:dyDescent="0.35">
      <c r="A1246" s="5" t="s">
        <v>10</v>
      </c>
      <c r="B1246" s="6">
        <v>239378</v>
      </c>
      <c r="C1246" s="6" t="s">
        <v>24</v>
      </c>
      <c r="D1246" s="6" t="s">
        <v>137</v>
      </c>
      <c r="E1246" s="6">
        <v>15238</v>
      </c>
      <c r="F1246" s="6" t="s">
        <v>18</v>
      </c>
      <c r="G1246" s="6" t="s">
        <v>2750</v>
      </c>
      <c r="H1246" s="6" t="s">
        <v>2751</v>
      </c>
      <c r="I1246" s="7">
        <v>5.8153565</v>
      </c>
      <c r="J1246" s="8">
        <v>-73.0309934</v>
      </c>
    </row>
    <row r="1247" spans="1:10" x14ac:dyDescent="0.35">
      <c r="A1247" s="5" t="s">
        <v>10</v>
      </c>
      <c r="B1247" s="6">
        <v>137833</v>
      </c>
      <c r="C1247" s="6" t="s">
        <v>28</v>
      </c>
      <c r="D1247" s="6" t="s">
        <v>2401</v>
      </c>
      <c r="E1247" s="6">
        <v>54800</v>
      </c>
      <c r="F1247" s="6" t="s">
        <v>18</v>
      </c>
      <c r="G1247" s="6" t="s">
        <v>2752</v>
      </c>
      <c r="H1247" s="6" t="s">
        <v>2753</v>
      </c>
      <c r="I1247" s="7">
        <v>8.4375210000000003</v>
      </c>
      <c r="J1247" s="8">
        <v>-73.2869429</v>
      </c>
    </row>
    <row r="1248" spans="1:10" x14ac:dyDescent="0.35">
      <c r="A1248" s="5" t="s">
        <v>10</v>
      </c>
      <c r="B1248" s="6">
        <v>236021</v>
      </c>
      <c r="C1248" s="6" t="s">
        <v>11</v>
      </c>
      <c r="D1248" s="6" t="s">
        <v>21</v>
      </c>
      <c r="E1248" s="6">
        <v>25386</v>
      </c>
      <c r="F1248" s="6" t="s">
        <v>18</v>
      </c>
      <c r="G1248" s="6" t="s">
        <v>2754</v>
      </c>
      <c r="H1248" s="6" t="s">
        <v>2755</v>
      </c>
      <c r="I1248" s="7">
        <v>4.6297674000000004</v>
      </c>
      <c r="J1248" s="8">
        <v>-74.462326300000001</v>
      </c>
    </row>
    <row r="1249" spans="1:10" x14ac:dyDescent="0.35">
      <c r="A1249" s="5" t="s">
        <v>10</v>
      </c>
      <c r="B1249" s="6">
        <v>230132</v>
      </c>
      <c r="C1249" s="6" t="s">
        <v>109</v>
      </c>
      <c r="D1249" s="6" t="s">
        <v>227</v>
      </c>
      <c r="E1249" s="6">
        <v>13001</v>
      </c>
      <c r="F1249" s="6" t="s">
        <v>18</v>
      </c>
      <c r="G1249" s="6" t="s">
        <v>2756</v>
      </c>
      <c r="H1249" s="6" t="s">
        <v>2757</v>
      </c>
      <c r="I1249" s="7">
        <v>10.4130798</v>
      </c>
      <c r="J1249" s="8">
        <v>-75.458980100000005</v>
      </c>
    </row>
    <row r="1250" spans="1:10" x14ac:dyDescent="0.35">
      <c r="A1250" s="5" t="s">
        <v>10</v>
      </c>
      <c r="B1250" s="6">
        <v>236094</v>
      </c>
      <c r="C1250" s="6" t="s">
        <v>55</v>
      </c>
      <c r="D1250" s="6" t="s">
        <v>2758</v>
      </c>
      <c r="E1250" s="6">
        <v>73270</v>
      </c>
      <c r="F1250" s="6" t="s">
        <v>18</v>
      </c>
      <c r="G1250" s="6" t="s">
        <v>2759</v>
      </c>
      <c r="H1250" s="6" t="s">
        <v>2760</v>
      </c>
      <c r="I1250" s="7">
        <v>5.1237677000000001</v>
      </c>
      <c r="J1250" s="8">
        <v>-74.952162200000004</v>
      </c>
    </row>
    <row r="1251" spans="1:10" x14ac:dyDescent="0.35">
      <c r="A1251" s="5" t="s">
        <v>10</v>
      </c>
      <c r="B1251" s="6">
        <v>244411</v>
      </c>
      <c r="C1251" s="6" t="s">
        <v>24</v>
      </c>
      <c r="D1251" s="6" t="s">
        <v>137</v>
      </c>
      <c r="E1251" s="6">
        <v>15238</v>
      </c>
      <c r="F1251" s="6" t="s">
        <v>18</v>
      </c>
      <c r="G1251" s="6" t="s">
        <v>2761</v>
      </c>
      <c r="H1251" s="6" t="s">
        <v>2762</v>
      </c>
      <c r="I1251" s="7">
        <v>5.8302906999999999</v>
      </c>
      <c r="J1251" s="8">
        <v>-73.0338201</v>
      </c>
    </row>
    <row r="1252" spans="1:10" x14ac:dyDescent="0.35">
      <c r="A1252" s="5" t="s">
        <v>10</v>
      </c>
      <c r="B1252" s="6">
        <v>225131</v>
      </c>
      <c r="C1252" s="6" t="s">
        <v>24</v>
      </c>
      <c r="D1252" s="6" t="s">
        <v>317</v>
      </c>
      <c r="E1252" s="6">
        <v>15176</v>
      </c>
      <c r="F1252" s="6" t="s">
        <v>18</v>
      </c>
      <c r="G1252" s="6" t="s">
        <v>2763</v>
      </c>
      <c r="H1252" s="6" t="s">
        <v>2764</v>
      </c>
      <c r="I1252" s="7">
        <v>5.6178485</v>
      </c>
      <c r="J1252" s="8">
        <v>-73.812992399999999</v>
      </c>
    </row>
    <row r="1253" spans="1:10" x14ac:dyDescent="0.35">
      <c r="A1253" s="5" t="s">
        <v>10</v>
      </c>
      <c r="B1253" s="6">
        <v>229047</v>
      </c>
      <c r="C1253" s="6" t="s">
        <v>24</v>
      </c>
      <c r="D1253" s="6" t="s">
        <v>814</v>
      </c>
      <c r="E1253" s="6">
        <v>15469</v>
      </c>
      <c r="F1253" s="6" t="s">
        <v>18</v>
      </c>
      <c r="G1253" s="6" t="s">
        <v>1111</v>
      </c>
      <c r="H1253" s="6" t="s">
        <v>2765</v>
      </c>
      <c r="I1253" s="7">
        <v>5.8765957999999996</v>
      </c>
      <c r="J1253" s="8">
        <v>-73.572141700000003</v>
      </c>
    </row>
    <row r="1254" spans="1:10" x14ac:dyDescent="0.35">
      <c r="A1254" s="5" t="s">
        <v>10</v>
      </c>
      <c r="B1254" s="6">
        <v>168705</v>
      </c>
      <c r="C1254" s="6" t="s">
        <v>61</v>
      </c>
      <c r="D1254" s="6" t="s">
        <v>2676</v>
      </c>
      <c r="E1254" s="6">
        <v>63594</v>
      </c>
      <c r="F1254" s="6" t="s">
        <v>18</v>
      </c>
      <c r="G1254" s="6" t="s">
        <v>2766</v>
      </c>
      <c r="H1254" s="6" t="s">
        <v>2767</v>
      </c>
      <c r="I1254" s="7">
        <v>4.6231191999999997</v>
      </c>
      <c r="J1254" s="8">
        <v>-75.765892600000001</v>
      </c>
    </row>
    <row r="1255" spans="1:10" x14ac:dyDescent="0.35">
      <c r="A1255" s="5" t="s">
        <v>10</v>
      </c>
      <c r="B1255" s="6">
        <v>212300</v>
      </c>
      <c r="C1255" s="6" t="s">
        <v>94</v>
      </c>
      <c r="D1255" s="6" t="s">
        <v>248</v>
      </c>
      <c r="E1255" s="6">
        <v>66594</v>
      </c>
      <c r="F1255" s="6" t="s">
        <v>18</v>
      </c>
      <c r="G1255" s="6" t="s">
        <v>2768</v>
      </c>
      <c r="H1255" s="6" t="s">
        <v>2769</v>
      </c>
      <c r="I1255" s="7">
        <v>2.4405233000000002</v>
      </c>
      <c r="J1255" s="8">
        <v>-76.608055399999998</v>
      </c>
    </row>
    <row r="1256" spans="1:10" x14ac:dyDescent="0.35">
      <c r="A1256" s="5" t="s">
        <v>10</v>
      </c>
      <c r="B1256" s="6">
        <v>227603</v>
      </c>
      <c r="C1256" s="6" t="s">
        <v>94</v>
      </c>
      <c r="D1256" s="6" t="s">
        <v>1465</v>
      </c>
      <c r="E1256" s="6">
        <v>66572</v>
      </c>
      <c r="F1256" s="6" t="s">
        <v>18</v>
      </c>
      <c r="G1256" s="6" t="s">
        <v>2770</v>
      </c>
      <c r="H1256" s="6" t="s">
        <v>2771</v>
      </c>
      <c r="I1256" s="7">
        <v>5.2219759999999997</v>
      </c>
      <c r="J1256" s="8">
        <v>-76.030423299999995</v>
      </c>
    </row>
    <row r="1257" spans="1:10" x14ac:dyDescent="0.35">
      <c r="A1257" s="5" t="s">
        <v>10</v>
      </c>
      <c r="B1257" s="6">
        <v>231936</v>
      </c>
      <c r="C1257" s="6" t="s">
        <v>68</v>
      </c>
      <c r="D1257" s="6" t="s">
        <v>69</v>
      </c>
      <c r="E1257" s="6">
        <v>11001</v>
      </c>
      <c r="F1257" s="6" t="s">
        <v>18</v>
      </c>
      <c r="G1257" s="6" t="s">
        <v>2772</v>
      </c>
      <c r="H1257" s="6" t="s">
        <v>2773</v>
      </c>
      <c r="I1257" s="7">
        <v>4.5947581</v>
      </c>
      <c r="J1257" s="8">
        <v>-74.071570800000003</v>
      </c>
    </row>
    <row r="1258" spans="1:10" x14ac:dyDescent="0.35">
      <c r="A1258" s="5" t="s">
        <v>10</v>
      </c>
      <c r="B1258" s="6">
        <v>232360</v>
      </c>
      <c r="C1258" s="6" t="s">
        <v>16</v>
      </c>
      <c r="D1258" s="6" t="s">
        <v>1348</v>
      </c>
      <c r="E1258" s="6">
        <v>68167</v>
      </c>
      <c r="F1258" s="6" t="s">
        <v>18</v>
      </c>
      <c r="G1258" s="6" t="s">
        <v>2774</v>
      </c>
      <c r="H1258" s="6" t="s">
        <v>2775</v>
      </c>
      <c r="I1258" s="7">
        <v>6.2870996999999997</v>
      </c>
      <c r="J1258" s="8">
        <v>-73.145301799999999</v>
      </c>
    </row>
    <row r="1259" spans="1:10" x14ac:dyDescent="0.35">
      <c r="A1259" s="5" t="s">
        <v>10</v>
      </c>
      <c r="B1259" s="6">
        <v>236548</v>
      </c>
      <c r="C1259" s="6" t="s">
        <v>55</v>
      </c>
      <c r="D1259" s="6" t="s">
        <v>2776</v>
      </c>
      <c r="E1259" s="6">
        <v>73520</v>
      </c>
      <c r="F1259" s="6" t="s">
        <v>18</v>
      </c>
      <c r="G1259" s="6" t="s">
        <v>2777</v>
      </c>
      <c r="H1259" s="6" t="s">
        <v>2778</v>
      </c>
      <c r="I1259" s="7">
        <v>5.1235558000000001</v>
      </c>
      <c r="J1259" s="8">
        <v>-74.950014300000007</v>
      </c>
    </row>
    <row r="1260" spans="1:10" x14ac:dyDescent="0.35">
      <c r="A1260" s="5" t="s">
        <v>10</v>
      </c>
      <c r="B1260" s="6">
        <v>248275</v>
      </c>
      <c r="C1260" s="6" t="s">
        <v>24</v>
      </c>
      <c r="D1260" s="6" t="s">
        <v>137</v>
      </c>
      <c r="E1260" s="6">
        <v>15238</v>
      </c>
      <c r="F1260" s="6" t="s">
        <v>18</v>
      </c>
      <c r="G1260" s="6" t="s">
        <v>2779</v>
      </c>
      <c r="H1260" s="6" t="s">
        <v>2780</v>
      </c>
      <c r="I1260" s="7">
        <v>5.8295767999999999</v>
      </c>
      <c r="J1260" s="8">
        <v>-73.037408299999996</v>
      </c>
    </row>
    <row r="1261" spans="1:10" x14ac:dyDescent="0.35">
      <c r="A1261" s="5" t="s">
        <v>10</v>
      </c>
      <c r="B1261" s="6">
        <v>232658</v>
      </c>
      <c r="C1261" s="6" t="s">
        <v>24</v>
      </c>
      <c r="D1261" s="6" t="s">
        <v>168</v>
      </c>
      <c r="E1261" s="6">
        <v>15572</v>
      </c>
      <c r="F1261" s="6" t="s">
        <v>18</v>
      </c>
      <c r="G1261" s="6" t="s">
        <v>2781</v>
      </c>
      <c r="H1261" s="6" t="s">
        <v>2782</v>
      </c>
      <c r="I1261" s="7">
        <v>5.9735465999999997</v>
      </c>
      <c r="J1261" s="8">
        <v>-74.577273000000005</v>
      </c>
    </row>
    <row r="1262" spans="1:10" x14ac:dyDescent="0.35">
      <c r="A1262" s="5" t="s">
        <v>10</v>
      </c>
      <c r="B1262" s="6">
        <v>214802</v>
      </c>
      <c r="C1262" s="6" t="s">
        <v>42</v>
      </c>
      <c r="D1262" s="6" t="s">
        <v>43</v>
      </c>
      <c r="E1262" s="6">
        <v>17001</v>
      </c>
      <c r="F1262" s="6" t="s">
        <v>18</v>
      </c>
      <c r="G1262" s="6" t="s">
        <v>2783</v>
      </c>
      <c r="H1262" s="6" t="s">
        <v>2784</v>
      </c>
      <c r="I1262" s="7">
        <v>5.0671176999999998</v>
      </c>
      <c r="J1262" s="8">
        <v>-75.473298299999996</v>
      </c>
    </row>
    <row r="1263" spans="1:10" x14ac:dyDescent="0.35">
      <c r="A1263" s="5" t="s">
        <v>10</v>
      </c>
      <c r="B1263" s="6">
        <v>228299</v>
      </c>
      <c r="C1263" s="6" t="s">
        <v>42</v>
      </c>
      <c r="D1263" s="6" t="s">
        <v>396</v>
      </c>
      <c r="E1263" s="6">
        <v>17380</v>
      </c>
      <c r="F1263" s="6" t="s">
        <v>18</v>
      </c>
      <c r="G1263" s="6" t="s">
        <v>2785</v>
      </c>
      <c r="H1263" s="6" t="s">
        <v>2786</v>
      </c>
      <c r="I1263" s="7">
        <v>5.472709</v>
      </c>
      <c r="J1263" s="8">
        <v>-74.667983999999905</v>
      </c>
    </row>
    <row r="1264" spans="1:10" x14ac:dyDescent="0.35">
      <c r="A1264" s="5" t="s">
        <v>10</v>
      </c>
      <c r="B1264" s="6">
        <v>206122</v>
      </c>
      <c r="C1264" s="6" t="s">
        <v>11</v>
      </c>
      <c r="D1264" s="6" t="s">
        <v>2787</v>
      </c>
      <c r="E1264" s="6">
        <v>25779</v>
      </c>
      <c r="F1264" s="6" t="s">
        <v>18</v>
      </c>
      <c r="G1264" s="6" t="s">
        <v>2788</v>
      </c>
      <c r="H1264" s="6" t="s">
        <v>2789</v>
      </c>
      <c r="I1264" s="7">
        <v>5.4538262999999896</v>
      </c>
      <c r="J1264" s="8">
        <v>-73.813750099999993</v>
      </c>
    </row>
    <row r="1265" spans="1:10" x14ac:dyDescent="0.35">
      <c r="A1265" s="5" t="s">
        <v>10</v>
      </c>
      <c r="B1265" s="6">
        <v>246777</v>
      </c>
      <c r="C1265" s="6" t="s">
        <v>24</v>
      </c>
      <c r="D1265" s="6" t="s">
        <v>85</v>
      </c>
      <c r="E1265" s="6">
        <v>15759</v>
      </c>
      <c r="F1265" s="6" t="s">
        <v>18</v>
      </c>
      <c r="G1265" s="6" t="s">
        <v>2790</v>
      </c>
      <c r="H1265" s="6" t="s">
        <v>2791</v>
      </c>
      <c r="I1265" s="7">
        <v>5.7226894000000001</v>
      </c>
      <c r="J1265" s="8">
        <v>-72.935454300000004</v>
      </c>
    </row>
    <row r="1266" spans="1:10" x14ac:dyDescent="0.35">
      <c r="A1266" s="5" t="s">
        <v>10</v>
      </c>
      <c r="B1266" s="6">
        <v>140721</v>
      </c>
      <c r="C1266" s="6" t="s">
        <v>28</v>
      </c>
      <c r="D1266" s="6" t="s">
        <v>29</v>
      </c>
      <c r="E1266" s="6">
        <v>54001</v>
      </c>
      <c r="F1266" s="6" t="s">
        <v>18</v>
      </c>
      <c r="G1266" s="6" t="s">
        <v>50</v>
      </c>
      <c r="H1266" s="6" t="s">
        <v>2792</v>
      </c>
      <c r="I1266" s="7">
        <v>7.8839383999999999</v>
      </c>
      <c r="J1266" s="8">
        <v>-72.514588799999999</v>
      </c>
    </row>
    <row r="1267" spans="1:10" x14ac:dyDescent="0.35">
      <c r="A1267" s="5" t="s">
        <v>10</v>
      </c>
      <c r="B1267" s="6">
        <v>245727</v>
      </c>
      <c r="C1267" s="6" t="s">
        <v>42</v>
      </c>
      <c r="D1267" s="6" t="s">
        <v>43</v>
      </c>
      <c r="E1267" s="6">
        <v>17001</v>
      </c>
      <c r="F1267" s="6" t="s">
        <v>18</v>
      </c>
      <c r="G1267" s="6" t="s">
        <v>2793</v>
      </c>
      <c r="H1267" s="6" t="s">
        <v>2794</v>
      </c>
      <c r="I1267" s="7">
        <v>5.0423622000000003</v>
      </c>
      <c r="J1267" s="8">
        <v>-75.516060400000001</v>
      </c>
    </row>
    <row r="1268" spans="1:10" x14ac:dyDescent="0.35">
      <c r="A1268" s="5" t="s">
        <v>10</v>
      </c>
      <c r="B1268" s="6">
        <v>206615</v>
      </c>
      <c r="C1268" s="6" t="s">
        <v>42</v>
      </c>
      <c r="D1268" s="6" t="s">
        <v>43</v>
      </c>
      <c r="E1268" s="6">
        <v>17001</v>
      </c>
      <c r="F1268" s="6" t="s">
        <v>18</v>
      </c>
      <c r="G1268" s="6" t="s">
        <v>2795</v>
      </c>
      <c r="H1268" s="6" t="s">
        <v>2796</v>
      </c>
      <c r="I1268" s="7">
        <v>5.0720855</v>
      </c>
      <c r="J1268" s="8">
        <v>-75.498188099999993</v>
      </c>
    </row>
    <row r="1269" spans="1:10" x14ac:dyDescent="0.35">
      <c r="A1269" s="5" t="s">
        <v>10</v>
      </c>
      <c r="B1269" s="6">
        <v>149602</v>
      </c>
      <c r="C1269" s="6" t="s">
        <v>16</v>
      </c>
      <c r="D1269" s="6" t="s">
        <v>1348</v>
      </c>
      <c r="E1269" s="6">
        <v>68167</v>
      </c>
      <c r="F1269" s="6" t="s">
        <v>18</v>
      </c>
      <c r="G1269" s="6" t="s">
        <v>2797</v>
      </c>
      <c r="H1269" s="6" t="s">
        <v>2798</v>
      </c>
      <c r="I1269" s="7">
        <v>6.2859226000000001</v>
      </c>
      <c r="J1269" s="8">
        <v>-73.147033100000002</v>
      </c>
    </row>
    <row r="1270" spans="1:10" x14ac:dyDescent="0.35">
      <c r="A1270" s="5" t="s">
        <v>10</v>
      </c>
      <c r="B1270" s="6">
        <v>230377</v>
      </c>
      <c r="C1270" s="6" t="s">
        <v>109</v>
      </c>
      <c r="D1270" s="6" t="s">
        <v>658</v>
      </c>
      <c r="E1270" s="6">
        <v>13836</v>
      </c>
      <c r="F1270" s="6" t="s">
        <v>18</v>
      </c>
      <c r="G1270" s="6" t="s">
        <v>2799</v>
      </c>
      <c r="H1270" s="6" t="s">
        <v>2800</v>
      </c>
      <c r="I1270" s="7">
        <v>10.3224559</v>
      </c>
      <c r="J1270" s="8">
        <v>-75.406933899999999</v>
      </c>
    </row>
    <row r="1271" spans="1:10" x14ac:dyDescent="0.35">
      <c r="A1271" s="5" t="s">
        <v>10</v>
      </c>
      <c r="B1271" s="6">
        <v>214632</v>
      </c>
      <c r="C1271" s="6" t="s">
        <v>109</v>
      </c>
      <c r="D1271" s="6" t="s">
        <v>658</v>
      </c>
      <c r="E1271" s="6">
        <v>13836</v>
      </c>
      <c r="F1271" s="6" t="s">
        <v>18</v>
      </c>
      <c r="G1271" s="6" t="s">
        <v>2801</v>
      </c>
      <c r="H1271" s="6" t="s">
        <v>2802</v>
      </c>
      <c r="I1271" s="7">
        <v>10.3318373</v>
      </c>
      <c r="J1271" s="8">
        <v>-75.414349399999907</v>
      </c>
    </row>
    <row r="1272" spans="1:10" x14ac:dyDescent="0.35">
      <c r="A1272" s="5" t="s">
        <v>10</v>
      </c>
      <c r="B1272" s="6">
        <v>221736</v>
      </c>
      <c r="C1272" s="6" t="s">
        <v>38</v>
      </c>
      <c r="D1272" s="6" t="s">
        <v>39</v>
      </c>
      <c r="E1272" s="6">
        <v>19001</v>
      </c>
      <c r="F1272" s="6" t="s">
        <v>18</v>
      </c>
      <c r="G1272" s="6" t="s">
        <v>2803</v>
      </c>
      <c r="H1272" s="6" t="s">
        <v>2804</v>
      </c>
      <c r="I1272" s="7">
        <v>2.4622907000000001</v>
      </c>
      <c r="J1272" s="8">
        <v>-76.602097299999997</v>
      </c>
    </row>
    <row r="1273" spans="1:10" x14ac:dyDescent="0.35">
      <c r="A1273" s="5" t="s">
        <v>10</v>
      </c>
      <c r="B1273" s="6">
        <v>235880</v>
      </c>
      <c r="C1273" s="6" t="s">
        <v>61</v>
      </c>
      <c r="D1273" s="6" t="s">
        <v>124</v>
      </c>
      <c r="E1273" s="6">
        <v>63401</v>
      </c>
      <c r="F1273" s="6" t="s">
        <v>18</v>
      </c>
      <c r="G1273" s="6" t="s">
        <v>2805</v>
      </c>
      <c r="H1273" s="6" t="s">
        <v>2806</v>
      </c>
      <c r="I1273" s="7">
        <v>4.4535879999999999</v>
      </c>
      <c r="J1273" s="8">
        <v>-75.791529999999995</v>
      </c>
    </row>
    <row r="1274" spans="1:10" x14ac:dyDescent="0.35">
      <c r="A1274" s="5" t="s">
        <v>10</v>
      </c>
      <c r="B1274" s="6">
        <v>235259</v>
      </c>
      <c r="C1274" s="6" t="s">
        <v>94</v>
      </c>
      <c r="D1274" s="6" t="s">
        <v>98</v>
      </c>
      <c r="E1274" s="6">
        <v>66001</v>
      </c>
      <c r="F1274" s="6" t="s">
        <v>18</v>
      </c>
      <c r="G1274" s="6" t="s">
        <v>2807</v>
      </c>
      <c r="H1274" s="6" t="s">
        <v>2808</v>
      </c>
      <c r="I1274" s="7">
        <v>4.8010976000000003</v>
      </c>
      <c r="J1274" s="8">
        <v>-75.723785599999999</v>
      </c>
    </row>
    <row r="1275" spans="1:10" x14ac:dyDescent="0.35">
      <c r="A1275" s="5" t="s">
        <v>10</v>
      </c>
      <c r="B1275" s="6">
        <v>236520</v>
      </c>
      <c r="C1275" s="6" t="s">
        <v>42</v>
      </c>
      <c r="D1275" s="6" t="s">
        <v>1617</v>
      </c>
      <c r="E1275" s="6">
        <v>17524</v>
      </c>
      <c r="F1275" s="6" t="s">
        <v>18</v>
      </c>
      <c r="G1275" s="6" t="s">
        <v>2809</v>
      </c>
      <c r="H1275" s="6" t="s">
        <v>2810</v>
      </c>
      <c r="I1275" s="7">
        <v>5.011927</v>
      </c>
      <c r="J1275" s="8">
        <v>-75.624153000000007</v>
      </c>
    </row>
    <row r="1276" spans="1:10" x14ac:dyDescent="0.35">
      <c r="A1276" s="5" t="s">
        <v>10</v>
      </c>
      <c r="B1276" s="6">
        <v>172854</v>
      </c>
      <c r="C1276" s="6" t="s">
        <v>68</v>
      </c>
      <c r="D1276" s="6" t="s">
        <v>69</v>
      </c>
      <c r="E1276" s="6">
        <v>11001</v>
      </c>
      <c r="F1276" s="6" t="s">
        <v>13</v>
      </c>
      <c r="G1276" s="6" t="s">
        <v>2811</v>
      </c>
      <c r="H1276" s="6" t="s">
        <v>2812</v>
      </c>
      <c r="I1276" s="7">
        <v>4.6655100000000003</v>
      </c>
      <c r="J1276" s="8">
        <v>-74.120609000000002</v>
      </c>
    </row>
    <row r="1277" spans="1:10" x14ac:dyDescent="0.35">
      <c r="A1277" s="5" t="s">
        <v>10</v>
      </c>
      <c r="B1277" s="6">
        <v>241245</v>
      </c>
      <c r="C1277" s="6" t="s">
        <v>55</v>
      </c>
      <c r="D1277" s="6" t="s">
        <v>1162</v>
      </c>
      <c r="E1277" s="6">
        <v>73411</v>
      </c>
      <c r="F1277" s="6" t="s">
        <v>18</v>
      </c>
      <c r="G1277" s="6" t="s">
        <v>2813</v>
      </c>
      <c r="H1277" s="6" t="s">
        <v>2814</v>
      </c>
      <c r="I1277" s="7">
        <v>4.9224766999999998</v>
      </c>
      <c r="J1277" s="8">
        <v>-75.064035000000004</v>
      </c>
    </row>
    <row r="1278" spans="1:10" x14ac:dyDescent="0.35">
      <c r="A1278" s="5" t="s">
        <v>10</v>
      </c>
      <c r="B1278" s="6">
        <v>184596</v>
      </c>
      <c r="C1278" s="6" t="s">
        <v>24</v>
      </c>
      <c r="D1278" s="6" t="s">
        <v>137</v>
      </c>
      <c r="E1278" s="6">
        <v>15238</v>
      </c>
      <c r="F1278" s="6" t="s">
        <v>18</v>
      </c>
      <c r="G1278" s="6" t="s">
        <v>2815</v>
      </c>
      <c r="H1278" s="6" t="s">
        <v>2816</v>
      </c>
      <c r="I1278" s="7">
        <v>5.8268950999999998</v>
      </c>
      <c r="J1278" s="8">
        <v>-73.032927299999997</v>
      </c>
    </row>
    <row r="1279" spans="1:10" x14ac:dyDescent="0.35">
      <c r="A1279" s="5" t="s">
        <v>10</v>
      </c>
      <c r="B1279" s="6">
        <v>140750</v>
      </c>
      <c r="C1279" s="6" t="s">
        <v>28</v>
      </c>
      <c r="D1279" s="6" t="s">
        <v>29</v>
      </c>
      <c r="E1279" s="6">
        <v>54001</v>
      </c>
      <c r="F1279" s="6" t="s">
        <v>18</v>
      </c>
      <c r="G1279" s="6" t="s">
        <v>2817</v>
      </c>
      <c r="H1279" s="6" t="s">
        <v>2818</v>
      </c>
      <c r="I1279" s="7">
        <v>7.9454039999999999</v>
      </c>
      <c r="J1279" s="8">
        <v>-72.499856699999995</v>
      </c>
    </row>
    <row r="1280" spans="1:10" x14ac:dyDescent="0.35">
      <c r="A1280" s="5" t="s">
        <v>10</v>
      </c>
      <c r="B1280" s="6">
        <v>232617</v>
      </c>
      <c r="C1280" s="6" t="s">
        <v>42</v>
      </c>
      <c r="D1280" s="6" t="s">
        <v>2101</v>
      </c>
      <c r="E1280" s="6">
        <v>17665</v>
      </c>
      <c r="F1280" s="6" t="s">
        <v>18</v>
      </c>
      <c r="G1280" s="6" t="s">
        <v>2819</v>
      </c>
      <c r="H1280" s="6" t="s">
        <v>2820</v>
      </c>
      <c r="I1280" s="7">
        <v>5.0814048999999999</v>
      </c>
      <c r="J1280" s="8">
        <v>-75.791525199999995</v>
      </c>
    </row>
    <row r="1281" spans="1:10" x14ac:dyDescent="0.35">
      <c r="A1281" s="5" t="s">
        <v>10</v>
      </c>
      <c r="B1281" s="6">
        <v>246072</v>
      </c>
      <c r="C1281" s="6" t="s">
        <v>2821</v>
      </c>
      <c r="D1281" s="6" t="s">
        <v>2822</v>
      </c>
      <c r="E1281" s="6">
        <v>47001</v>
      </c>
      <c r="F1281" s="6" t="s">
        <v>18</v>
      </c>
      <c r="G1281" s="6" t="s">
        <v>2823</v>
      </c>
      <c r="H1281" s="6" t="s">
        <v>2824</v>
      </c>
      <c r="I1281" s="7">
        <v>11.268214</v>
      </c>
      <c r="J1281" s="8">
        <v>-74.191724100000002</v>
      </c>
    </row>
    <row r="1282" spans="1:10" x14ac:dyDescent="0.35">
      <c r="A1282" s="5" t="s">
        <v>10</v>
      </c>
      <c r="B1282" s="6">
        <v>232371</v>
      </c>
      <c r="C1282" s="6" t="s">
        <v>16</v>
      </c>
      <c r="D1282" s="6" t="s">
        <v>2825</v>
      </c>
      <c r="E1282" s="6">
        <v>68276</v>
      </c>
      <c r="F1282" s="6" t="s">
        <v>18</v>
      </c>
      <c r="G1282" s="6" t="s">
        <v>2826</v>
      </c>
      <c r="H1282" s="6" t="s">
        <v>2827</v>
      </c>
      <c r="I1282" s="7">
        <v>7.0690724999999999</v>
      </c>
      <c r="J1282" s="8">
        <v>-73.100689399999993</v>
      </c>
    </row>
    <row r="1283" spans="1:10" x14ac:dyDescent="0.35">
      <c r="A1283" s="5" t="s">
        <v>10</v>
      </c>
      <c r="B1283" s="6">
        <v>230415</v>
      </c>
      <c r="C1283" s="6" t="s">
        <v>11</v>
      </c>
      <c r="D1283" s="6" t="s">
        <v>21</v>
      </c>
      <c r="E1283" s="6">
        <v>25386</v>
      </c>
      <c r="F1283" s="6" t="s">
        <v>18</v>
      </c>
      <c r="G1283" s="6" t="s">
        <v>2828</v>
      </c>
      <c r="H1283" s="6" t="s">
        <v>2829</v>
      </c>
      <c r="I1283" s="7">
        <v>4.6321469999999998</v>
      </c>
      <c r="J1283" s="8">
        <v>-74.463014000000001</v>
      </c>
    </row>
    <row r="1284" spans="1:10" x14ac:dyDescent="0.35">
      <c r="A1284" s="5" t="s">
        <v>10</v>
      </c>
      <c r="B1284" s="6">
        <v>226879</v>
      </c>
      <c r="C1284" s="6" t="s">
        <v>109</v>
      </c>
      <c r="D1284" s="6" t="s">
        <v>2830</v>
      </c>
      <c r="E1284" s="6">
        <v>13430</v>
      </c>
      <c r="F1284" s="6" t="s">
        <v>18</v>
      </c>
      <c r="G1284" s="6" t="s">
        <v>2831</v>
      </c>
      <c r="H1284" s="6" t="s">
        <v>2832</v>
      </c>
      <c r="I1284" s="7">
        <v>9.2389291999999994</v>
      </c>
      <c r="J1284" s="8">
        <v>-74.759422299999997</v>
      </c>
    </row>
    <row r="1285" spans="1:10" x14ac:dyDescent="0.35">
      <c r="A1285" s="5" t="s">
        <v>10</v>
      </c>
      <c r="B1285" s="6">
        <v>236891</v>
      </c>
      <c r="C1285" s="6" t="s">
        <v>24</v>
      </c>
      <c r="D1285" s="6" t="s">
        <v>88</v>
      </c>
      <c r="E1285" s="6">
        <v>15001</v>
      </c>
      <c r="F1285" s="6" t="s">
        <v>18</v>
      </c>
      <c r="G1285" s="6" t="s">
        <v>2833</v>
      </c>
      <c r="H1285" s="6" t="s">
        <v>2834</v>
      </c>
      <c r="I1285" s="7">
        <v>5.5167652</v>
      </c>
      <c r="J1285" s="8">
        <v>-73.360211300000003</v>
      </c>
    </row>
    <row r="1286" spans="1:10" x14ac:dyDescent="0.35">
      <c r="A1286" s="5" t="s">
        <v>10</v>
      </c>
      <c r="B1286" s="6">
        <v>239369</v>
      </c>
      <c r="C1286" s="6" t="s">
        <v>24</v>
      </c>
      <c r="D1286" s="6" t="s">
        <v>85</v>
      </c>
      <c r="E1286" s="6">
        <v>15759</v>
      </c>
      <c r="F1286" s="6" t="s">
        <v>18</v>
      </c>
      <c r="G1286" s="6" t="s">
        <v>2835</v>
      </c>
      <c r="H1286" s="6" t="s">
        <v>2836</v>
      </c>
      <c r="I1286" s="7">
        <v>5.7114900999999998</v>
      </c>
      <c r="J1286" s="8">
        <v>-72.931849999999997</v>
      </c>
    </row>
    <row r="1287" spans="1:10" x14ac:dyDescent="0.35">
      <c r="A1287" s="5" t="s">
        <v>10</v>
      </c>
      <c r="B1287" s="6">
        <v>239746</v>
      </c>
      <c r="C1287" s="6" t="s">
        <v>24</v>
      </c>
      <c r="D1287" s="6" t="s">
        <v>137</v>
      </c>
      <c r="E1287" s="6">
        <v>15238</v>
      </c>
      <c r="F1287" s="6" t="s">
        <v>18</v>
      </c>
      <c r="G1287" s="6" t="s">
        <v>2837</v>
      </c>
      <c r="H1287" s="6" t="s">
        <v>2838</v>
      </c>
      <c r="I1287" s="7">
        <v>5.8113441999999997</v>
      </c>
      <c r="J1287" s="8">
        <v>-73.016952700000004</v>
      </c>
    </row>
    <row r="1288" spans="1:10" x14ac:dyDescent="0.35">
      <c r="A1288" s="5" t="s">
        <v>10</v>
      </c>
      <c r="B1288" s="6">
        <v>231145</v>
      </c>
      <c r="C1288" s="6" t="s">
        <v>24</v>
      </c>
      <c r="D1288" s="6" t="s">
        <v>530</v>
      </c>
      <c r="E1288" s="6">
        <v>15516</v>
      </c>
      <c r="F1288" s="6" t="s">
        <v>18</v>
      </c>
      <c r="G1288" s="6" t="s">
        <v>2839</v>
      </c>
      <c r="H1288" s="6" t="s">
        <v>2840</v>
      </c>
      <c r="I1288" s="7">
        <v>5.7845678999999999</v>
      </c>
      <c r="J1288" s="8">
        <v>-73.1248006</v>
      </c>
    </row>
    <row r="1289" spans="1:10" x14ac:dyDescent="0.35">
      <c r="A1289" s="5" t="s">
        <v>10</v>
      </c>
      <c r="B1289" s="6">
        <v>205653</v>
      </c>
      <c r="C1289" s="6" t="s">
        <v>24</v>
      </c>
      <c r="D1289" s="6" t="s">
        <v>137</v>
      </c>
      <c r="E1289" s="6">
        <v>15238</v>
      </c>
      <c r="F1289" s="6" t="s">
        <v>18</v>
      </c>
      <c r="G1289" s="6" t="s">
        <v>2841</v>
      </c>
      <c r="H1289" s="6" t="s">
        <v>2842</v>
      </c>
      <c r="I1289" s="7">
        <v>5.8265880000000001</v>
      </c>
      <c r="J1289" s="8">
        <v>-73.033886499999994</v>
      </c>
    </row>
    <row r="1290" spans="1:10" x14ac:dyDescent="0.35">
      <c r="A1290" s="5" t="s">
        <v>10</v>
      </c>
      <c r="B1290" s="6">
        <v>131159</v>
      </c>
      <c r="C1290" s="6" t="s">
        <v>28</v>
      </c>
      <c r="D1290" s="6" t="s">
        <v>29</v>
      </c>
      <c r="E1290" s="6">
        <v>54001</v>
      </c>
      <c r="F1290" s="6" t="s">
        <v>13</v>
      </c>
      <c r="G1290" s="6" t="s">
        <v>50</v>
      </c>
      <c r="H1290" s="6" t="s">
        <v>2127</v>
      </c>
      <c r="I1290" s="7">
        <v>7.8944524999999999</v>
      </c>
      <c r="J1290" s="8">
        <v>-72.496587000000005</v>
      </c>
    </row>
    <row r="1291" spans="1:10" x14ac:dyDescent="0.35">
      <c r="A1291" s="5" t="s">
        <v>10</v>
      </c>
      <c r="B1291" s="6">
        <v>232437</v>
      </c>
      <c r="C1291" s="6" t="s">
        <v>24</v>
      </c>
      <c r="D1291" s="6" t="s">
        <v>814</v>
      </c>
      <c r="E1291" s="6">
        <v>15469</v>
      </c>
      <c r="F1291" s="6" t="s">
        <v>18</v>
      </c>
      <c r="G1291" s="6" t="s">
        <v>2843</v>
      </c>
      <c r="H1291" s="6" t="s">
        <v>2844</v>
      </c>
      <c r="I1291" s="7">
        <v>5.8670729000000001</v>
      </c>
      <c r="J1291" s="8">
        <v>-73.5752624</v>
      </c>
    </row>
    <row r="1292" spans="1:10" x14ac:dyDescent="0.35">
      <c r="A1292" s="5" t="s">
        <v>10</v>
      </c>
      <c r="B1292" s="6">
        <v>238756</v>
      </c>
      <c r="C1292" s="6" t="s">
        <v>24</v>
      </c>
      <c r="D1292" s="6" t="s">
        <v>137</v>
      </c>
      <c r="E1292" s="6">
        <v>15238</v>
      </c>
      <c r="F1292" s="6" t="s">
        <v>18</v>
      </c>
      <c r="G1292" s="6" t="s">
        <v>2845</v>
      </c>
      <c r="H1292" s="6" t="s">
        <v>2846</v>
      </c>
      <c r="I1292" s="7">
        <v>5.8072429000000003</v>
      </c>
      <c r="J1292" s="8">
        <v>-73.026650099999998</v>
      </c>
    </row>
    <row r="1293" spans="1:10" x14ac:dyDescent="0.35">
      <c r="A1293" s="5" t="s">
        <v>10</v>
      </c>
      <c r="B1293" s="6">
        <v>152528</v>
      </c>
      <c r="C1293" s="6" t="s">
        <v>42</v>
      </c>
      <c r="D1293" s="6" t="s">
        <v>46</v>
      </c>
      <c r="E1293" s="6">
        <v>17174</v>
      </c>
      <c r="F1293" s="6" t="s">
        <v>18</v>
      </c>
      <c r="G1293" s="6" t="s">
        <v>2847</v>
      </c>
      <c r="H1293" s="6" t="s">
        <v>2848</v>
      </c>
      <c r="I1293" s="7">
        <v>5.4477403999999998</v>
      </c>
      <c r="J1293" s="8">
        <v>-74.666913399999999</v>
      </c>
    </row>
    <row r="1294" spans="1:10" x14ac:dyDescent="0.35">
      <c r="A1294" s="5" t="s">
        <v>10</v>
      </c>
      <c r="B1294" s="6">
        <v>203933</v>
      </c>
      <c r="C1294" s="6" t="s">
        <v>42</v>
      </c>
      <c r="D1294" s="6" t="s">
        <v>396</v>
      </c>
      <c r="E1294" s="6">
        <v>17380</v>
      </c>
      <c r="F1294" s="6" t="s">
        <v>18</v>
      </c>
      <c r="G1294" s="6" t="s">
        <v>2849</v>
      </c>
      <c r="H1294" s="6" t="s">
        <v>2850</v>
      </c>
      <c r="I1294" s="7">
        <v>5.4791756999999999</v>
      </c>
      <c r="J1294" s="8">
        <v>-74.672629099999995</v>
      </c>
    </row>
    <row r="1295" spans="1:10" x14ac:dyDescent="0.35">
      <c r="A1295" s="5" t="s">
        <v>10</v>
      </c>
      <c r="B1295" s="6">
        <v>129033</v>
      </c>
      <c r="C1295" s="6" t="s">
        <v>28</v>
      </c>
      <c r="D1295" s="6" t="s">
        <v>29</v>
      </c>
      <c r="E1295" s="6">
        <v>54001</v>
      </c>
      <c r="F1295" s="6" t="s">
        <v>13</v>
      </c>
      <c r="G1295" s="6" t="s">
        <v>50</v>
      </c>
      <c r="H1295" s="6" t="s">
        <v>739</v>
      </c>
      <c r="I1295" s="7">
        <v>7.8969832999999996</v>
      </c>
      <c r="J1295" s="8">
        <v>-72.481461600000003</v>
      </c>
    </row>
    <row r="1296" spans="1:10" x14ac:dyDescent="0.35">
      <c r="A1296" s="5" t="s">
        <v>10</v>
      </c>
      <c r="B1296" s="6">
        <v>69413</v>
      </c>
      <c r="C1296" s="6" t="s">
        <v>16</v>
      </c>
      <c r="D1296" s="6" t="s">
        <v>2851</v>
      </c>
      <c r="E1296" s="6">
        <v>68524</v>
      </c>
      <c r="F1296" s="6" t="s">
        <v>18</v>
      </c>
      <c r="G1296" s="6" t="s">
        <v>2852</v>
      </c>
      <c r="H1296" s="6" t="s">
        <v>2853</v>
      </c>
      <c r="I1296" s="7">
        <v>6.4062885999999999</v>
      </c>
      <c r="J1296" s="8">
        <v>-73.287072899999998</v>
      </c>
    </row>
    <row r="1297" spans="1:10" x14ac:dyDescent="0.35">
      <c r="A1297" s="5" t="s">
        <v>10</v>
      </c>
      <c r="B1297" s="6">
        <v>234024</v>
      </c>
      <c r="C1297" s="6" t="s">
        <v>55</v>
      </c>
      <c r="D1297" s="6" t="s">
        <v>2854</v>
      </c>
      <c r="E1297" s="6">
        <v>73283</v>
      </c>
      <c r="F1297" s="6" t="s">
        <v>18</v>
      </c>
      <c r="G1297" s="6" t="s">
        <v>2855</v>
      </c>
      <c r="H1297" s="6" t="s">
        <v>2856</v>
      </c>
      <c r="I1297" s="7">
        <v>5.1554788</v>
      </c>
      <c r="J1297" s="8">
        <v>-75.035724599999995</v>
      </c>
    </row>
    <row r="1298" spans="1:10" x14ac:dyDescent="0.35">
      <c r="A1298" s="5" t="s">
        <v>10</v>
      </c>
      <c r="B1298" s="6">
        <v>198016</v>
      </c>
      <c r="C1298" s="6" t="s">
        <v>24</v>
      </c>
      <c r="D1298" s="6" t="s">
        <v>832</v>
      </c>
      <c r="E1298" s="6">
        <v>15600</v>
      </c>
      <c r="F1298" s="6" t="s">
        <v>18</v>
      </c>
      <c r="G1298" s="6" t="s">
        <v>2857</v>
      </c>
      <c r="H1298" s="6" t="s">
        <v>2858</v>
      </c>
      <c r="I1298" s="7">
        <v>5.5382999000000002</v>
      </c>
      <c r="J1298" s="8">
        <v>-73.632154</v>
      </c>
    </row>
    <row r="1299" spans="1:10" x14ac:dyDescent="0.35">
      <c r="A1299" s="5" t="s">
        <v>10</v>
      </c>
      <c r="B1299" s="6">
        <v>246878</v>
      </c>
      <c r="C1299" s="6" t="s">
        <v>24</v>
      </c>
      <c r="D1299" s="6" t="s">
        <v>202</v>
      </c>
      <c r="E1299" s="6">
        <v>15806</v>
      </c>
      <c r="F1299" s="6" t="s">
        <v>18</v>
      </c>
      <c r="G1299" s="6" t="s">
        <v>2859</v>
      </c>
      <c r="H1299" s="6" t="s">
        <v>2860</v>
      </c>
      <c r="I1299" s="7">
        <v>5.7455033000000002</v>
      </c>
      <c r="J1299" s="8">
        <v>-73.004741300000006</v>
      </c>
    </row>
    <row r="1300" spans="1:10" x14ac:dyDescent="0.35">
      <c r="A1300" s="5" t="s">
        <v>10</v>
      </c>
      <c r="B1300" s="6">
        <v>204037</v>
      </c>
      <c r="C1300" s="6" t="s">
        <v>28</v>
      </c>
      <c r="D1300" s="6" t="s">
        <v>29</v>
      </c>
      <c r="E1300" s="6">
        <v>54001</v>
      </c>
      <c r="F1300" s="6" t="s">
        <v>18</v>
      </c>
      <c r="G1300" s="6" t="s">
        <v>2861</v>
      </c>
      <c r="H1300" s="6" t="s">
        <v>2862</v>
      </c>
      <c r="I1300" s="7">
        <v>7.9354836999999998</v>
      </c>
      <c r="J1300" s="8">
        <v>-72.504913299999998</v>
      </c>
    </row>
    <row r="1301" spans="1:10" x14ac:dyDescent="0.35">
      <c r="A1301" s="5" t="s">
        <v>10</v>
      </c>
      <c r="B1301" s="6">
        <v>172855</v>
      </c>
      <c r="C1301" s="6" t="s">
        <v>68</v>
      </c>
      <c r="D1301" s="6" t="s">
        <v>69</v>
      </c>
      <c r="E1301" s="6">
        <v>11001</v>
      </c>
      <c r="F1301" s="6" t="s">
        <v>13</v>
      </c>
      <c r="G1301" s="6" t="s">
        <v>2649</v>
      </c>
      <c r="H1301" s="6" t="s">
        <v>2650</v>
      </c>
      <c r="I1301" s="7">
        <v>4.7155385000000001</v>
      </c>
      <c r="J1301" s="8">
        <v>-74.054817200000002</v>
      </c>
    </row>
    <row r="1302" spans="1:10" x14ac:dyDescent="0.35">
      <c r="A1302" s="5" t="s">
        <v>10</v>
      </c>
      <c r="B1302" s="6">
        <v>227359</v>
      </c>
      <c r="C1302" s="6" t="s">
        <v>24</v>
      </c>
      <c r="D1302" s="6" t="s">
        <v>1028</v>
      </c>
      <c r="E1302" s="6">
        <v>15299</v>
      </c>
      <c r="F1302" s="6" t="s">
        <v>18</v>
      </c>
      <c r="G1302" s="6" t="s">
        <v>2863</v>
      </c>
      <c r="H1302" s="6" t="s">
        <v>2864</v>
      </c>
      <c r="I1302" s="7">
        <v>5.0818054999999998</v>
      </c>
      <c r="J1302" s="8">
        <v>-73.367755000000002</v>
      </c>
    </row>
    <row r="1303" spans="1:10" x14ac:dyDescent="0.35">
      <c r="A1303" s="5" t="s">
        <v>10</v>
      </c>
      <c r="B1303" s="6">
        <v>239345</v>
      </c>
      <c r="C1303" s="6" t="s">
        <v>24</v>
      </c>
      <c r="D1303" s="6" t="s">
        <v>137</v>
      </c>
      <c r="E1303" s="6">
        <v>15238</v>
      </c>
      <c r="F1303" s="6" t="s">
        <v>18</v>
      </c>
      <c r="G1303" s="6" t="s">
        <v>2865</v>
      </c>
      <c r="H1303" s="6" t="s">
        <v>2866</v>
      </c>
      <c r="I1303" s="7">
        <v>5.8230712000000002</v>
      </c>
      <c r="J1303" s="8">
        <v>-73.038004299999997</v>
      </c>
    </row>
    <row r="1304" spans="1:10" x14ac:dyDescent="0.35">
      <c r="A1304" s="5" t="s">
        <v>10</v>
      </c>
      <c r="B1304" s="6">
        <v>239296</v>
      </c>
      <c r="C1304" s="6" t="s">
        <v>24</v>
      </c>
      <c r="D1304" s="6" t="s">
        <v>137</v>
      </c>
      <c r="E1304" s="6">
        <v>15238</v>
      </c>
      <c r="F1304" s="6" t="s">
        <v>18</v>
      </c>
      <c r="G1304" s="6" t="s">
        <v>2867</v>
      </c>
      <c r="H1304" s="6" t="s">
        <v>2868</v>
      </c>
      <c r="I1304" s="7">
        <v>5.8226776999999998</v>
      </c>
      <c r="J1304" s="8">
        <v>-73.026389399999999</v>
      </c>
    </row>
    <row r="1305" spans="1:10" x14ac:dyDescent="0.35">
      <c r="A1305" s="5" t="s">
        <v>10</v>
      </c>
      <c r="B1305" s="6">
        <v>236174</v>
      </c>
      <c r="C1305" s="6" t="s">
        <v>24</v>
      </c>
      <c r="D1305" s="6" t="s">
        <v>88</v>
      </c>
      <c r="E1305" s="6">
        <v>15001</v>
      </c>
      <c r="F1305" s="6" t="s">
        <v>18</v>
      </c>
      <c r="G1305" s="6" t="s">
        <v>2869</v>
      </c>
      <c r="H1305" s="6" t="s">
        <v>2870</v>
      </c>
      <c r="I1305" s="7">
        <v>5.5691807000000004</v>
      </c>
      <c r="J1305" s="8">
        <v>-73.342291200000005</v>
      </c>
    </row>
    <row r="1306" spans="1:10" x14ac:dyDescent="0.35">
      <c r="A1306" s="5" t="s">
        <v>10</v>
      </c>
      <c r="B1306" s="6">
        <v>237764</v>
      </c>
      <c r="C1306" s="6" t="s">
        <v>28</v>
      </c>
      <c r="D1306" s="6" t="s">
        <v>29</v>
      </c>
      <c r="E1306" s="6">
        <v>54001</v>
      </c>
      <c r="F1306" s="6" t="s">
        <v>18</v>
      </c>
      <c r="G1306" s="6" t="s">
        <v>2871</v>
      </c>
      <c r="H1306" s="6" t="s">
        <v>2872</v>
      </c>
      <c r="I1306" s="7">
        <v>7.8988968000000002</v>
      </c>
      <c r="J1306" s="8">
        <v>-72.504407900000004</v>
      </c>
    </row>
    <row r="1307" spans="1:10" x14ac:dyDescent="0.35">
      <c r="A1307" s="5" t="s">
        <v>10</v>
      </c>
      <c r="B1307" s="6">
        <v>243869</v>
      </c>
      <c r="C1307" s="6" t="s">
        <v>466</v>
      </c>
      <c r="D1307" s="6" t="s">
        <v>2069</v>
      </c>
      <c r="E1307" s="6">
        <v>81794</v>
      </c>
      <c r="F1307" s="6" t="s">
        <v>18</v>
      </c>
      <c r="G1307" s="6" t="s">
        <v>2873</v>
      </c>
      <c r="H1307" s="6" t="s">
        <v>2874</v>
      </c>
      <c r="I1307" s="7">
        <v>6.4462466999999997</v>
      </c>
      <c r="J1307" s="8">
        <v>-71.762242099999995</v>
      </c>
    </row>
    <row r="1308" spans="1:10" x14ac:dyDescent="0.35">
      <c r="A1308" s="5" t="s">
        <v>10</v>
      </c>
      <c r="B1308" s="6">
        <v>201619</v>
      </c>
      <c r="C1308" s="6" t="s">
        <v>42</v>
      </c>
      <c r="D1308" s="6" t="s">
        <v>327</v>
      </c>
      <c r="E1308" s="6">
        <v>17042</v>
      </c>
      <c r="F1308" s="6" t="s">
        <v>18</v>
      </c>
      <c r="G1308" s="6" t="s">
        <v>2875</v>
      </c>
      <c r="H1308" s="6" t="s">
        <v>2876</v>
      </c>
      <c r="I1308" s="7">
        <v>5.2390125999999997</v>
      </c>
      <c r="J1308" s="8">
        <v>-75.780718699999994</v>
      </c>
    </row>
    <row r="1309" spans="1:10" x14ac:dyDescent="0.35">
      <c r="A1309" s="5" t="s">
        <v>10</v>
      </c>
      <c r="B1309" s="6">
        <v>202443</v>
      </c>
      <c r="C1309" s="6" t="s">
        <v>42</v>
      </c>
      <c r="D1309" s="6" t="s">
        <v>327</v>
      </c>
      <c r="E1309" s="6">
        <v>17042</v>
      </c>
      <c r="F1309" s="6" t="s">
        <v>18</v>
      </c>
      <c r="G1309" s="6" t="s">
        <v>2877</v>
      </c>
      <c r="H1309" s="6" t="s">
        <v>2878</v>
      </c>
      <c r="I1309" s="7">
        <v>5.1870304000000003</v>
      </c>
      <c r="J1309" s="8">
        <v>-75.774574299999998</v>
      </c>
    </row>
    <row r="1310" spans="1:10" x14ac:dyDescent="0.35">
      <c r="A1310" s="5" t="s">
        <v>10</v>
      </c>
      <c r="B1310" s="6">
        <v>214805</v>
      </c>
      <c r="C1310" s="6" t="s">
        <v>42</v>
      </c>
      <c r="D1310" s="6" t="s">
        <v>43</v>
      </c>
      <c r="E1310" s="6">
        <v>17001</v>
      </c>
      <c r="F1310" s="6" t="s">
        <v>18</v>
      </c>
      <c r="G1310" s="6" t="s">
        <v>2879</v>
      </c>
      <c r="H1310" s="6" t="s">
        <v>2880</v>
      </c>
      <c r="I1310" s="7">
        <v>5.0549447000000001</v>
      </c>
      <c r="J1310" s="8">
        <v>-75.489357999999996</v>
      </c>
    </row>
    <row r="1311" spans="1:10" x14ac:dyDescent="0.35">
      <c r="A1311" s="5" t="s">
        <v>10</v>
      </c>
      <c r="B1311" s="6">
        <v>233236</v>
      </c>
      <c r="C1311" s="6" t="s">
        <v>302</v>
      </c>
      <c r="D1311" s="6" t="s">
        <v>303</v>
      </c>
      <c r="E1311" s="6">
        <v>8638</v>
      </c>
      <c r="F1311" s="6" t="s">
        <v>18</v>
      </c>
      <c r="G1311" s="6" t="s">
        <v>2881</v>
      </c>
      <c r="H1311" s="6" t="s">
        <v>2882</v>
      </c>
      <c r="I1311" s="7">
        <v>10.6334</v>
      </c>
      <c r="J1311" s="8">
        <v>-74.920829999999995</v>
      </c>
    </row>
    <row r="1312" spans="1:10" x14ac:dyDescent="0.35">
      <c r="A1312" s="5" t="s">
        <v>10</v>
      </c>
      <c r="B1312" s="6">
        <v>153923</v>
      </c>
      <c r="C1312" s="6" t="s">
        <v>16</v>
      </c>
      <c r="D1312" s="6" t="s">
        <v>1257</v>
      </c>
      <c r="E1312" s="6">
        <v>68770</v>
      </c>
      <c r="F1312" s="6" t="s">
        <v>18</v>
      </c>
      <c r="G1312" s="6" t="s">
        <v>2883</v>
      </c>
      <c r="H1312" s="6" t="s">
        <v>2884</v>
      </c>
      <c r="I1312" s="7">
        <v>6.0993532999999998</v>
      </c>
      <c r="J1312" s="8">
        <v>-73.443174999999997</v>
      </c>
    </row>
    <row r="1313" spans="1:10" x14ac:dyDescent="0.35">
      <c r="A1313" s="5" t="s">
        <v>10</v>
      </c>
      <c r="B1313" s="6">
        <v>237215</v>
      </c>
      <c r="C1313" s="6" t="s">
        <v>16</v>
      </c>
      <c r="D1313" s="6" t="s">
        <v>370</v>
      </c>
      <c r="E1313" s="6">
        <v>68872</v>
      </c>
      <c r="F1313" s="6" t="s">
        <v>18</v>
      </c>
      <c r="G1313" s="6" t="s">
        <v>2885</v>
      </c>
      <c r="H1313" s="6" t="s">
        <v>2886</v>
      </c>
      <c r="I1313" s="7">
        <v>6.6747522000000004</v>
      </c>
      <c r="J1313" s="8">
        <v>-73.173326099999997</v>
      </c>
    </row>
    <row r="1314" spans="1:10" x14ac:dyDescent="0.35">
      <c r="A1314" s="5" t="s">
        <v>10</v>
      </c>
      <c r="B1314" s="6">
        <v>180716</v>
      </c>
      <c r="C1314" s="6" t="s">
        <v>294</v>
      </c>
      <c r="D1314" s="6" t="s">
        <v>2887</v>
      </c>
      <c r="E1314" s="6">
        <v>41668</v>
      </c>
      <c r="F1314" s="6" t="s">
        <v>18</v>
      </c>
      <c r="G1314" s="6" t="s">
        <v>2888</v>
      </c>
      <c r="H1314" s="6" t="s">
        <v>2889</v>
      </c>
      <c r="I1314" s="7">
        <v>1.8799121999999999</v>
      </c>
      <c r="J1314" s="8">
        <v>-76.270209199999996</v>
      </c>
    </row>
    <row r="1315" spans="1:10" x14ac:dyDescent="0.35">
      <c r="A1315" s="5" t="s">
        <v>10</v>
      </c>
      <c r="B1315" s="6">
        <v>186100</v>
      </c>
      <c r="C1315" s="6" t="s">
        <v>55</v>
      </c>
      <c r="D1315" s="6" t="s">
        <v>56</v>
      </c>
      <c r="E1315" s="6">
        <v>73001</v>
      </c>
      <c r="F1315" s="6" t="s">
        <v>18</v>
      </c>
      <c r="G1315" s="6" t="s">
        <v>2890</v>
      </c>
      <c r="H1315" s="6" t="s">
        <v>2891</v>
      </c>
      <c r="I1315" s="7">
        <v>4.4583333999999999</v>
      </c>
      <c r="J1315" s="8">
        <v>-75.235361299999994</v>
      </c>
    </row>
    <row r="1316" spans="1:10" x14ac:dyDescent="0.35">
      <c r="A1316" s="5" t="s">
        <v>10</v>
      </c>
      <c r="B1316" s="6">
        <v>232788</v>
      </c>
      <c r="C1316" s="6" t="s">
        <v>55</v>
      </c>
      <c r="D1316" s="6" t="s">
        <v>1705</v>
      </c>
      <c r="E1316" s="6">
        <v>73443</v>
      </c>
      <c r="F1316" s="6" t="s">
        <v>18</v>
      </c>
      <c r="G1316" s="6" t="s">
        <v>2892</v>
      </c>
      <c r="H1316" s="6" t="s">
        <v>2893</v>
      </c>
      <c r="I1316" s="7">
        <v>5.1980937999999997</v>
      </c>
      <c r="J1316" s="8">
        <v>-74.896997400000004</v>
      </c>
    </row>
    <row r="1317" spans="1:10" x14ac:dyDescent="0.35">
      <c r="A1317" s="5" t="s">
        <v>10</v>
      </c>
      <c r="B1317" s="6">
        <v>190749</v>
      </c>
      <c r="C1317" s="6" t="s">
        <v>24</v>
      </c>
      <c r="D1317" s="6" t="s">
        <v>88</v>
      </c>
      <c r="E1317" s="6">
        <v>15001</v>
      </c>
      <c r="F1317" s="6" t="s">
        <v>18</v>
      </c>
      <c r="G1317" s="6" t="s">
        <v>2894</v>
      </c>
      <c r="H1317" s="6" t="s">
        <v>2895</v>
      </c>
      <c r="I1317" s="7">
        <v>5.5140840999999998</v>
      </c>
      <c r="J1317" s="8">
        <v>-73.364787800000002</v>
      </c>
    </row>
    <row r="1318" spans="1:10" x14ac:dyDescent="0.35">
      <c r="A1318" s="5" t="s">
        <v>10</v>
      </c>
      <c r="B1318" s="6">
        <v>235648</v>
      </c>
      <c r="C1318" s="6" t="s">
        <v>24</v>
      </c>
      <c r="D1318" s="6" t="s">
        <v>137</v>
      </c>
      <c r="E1318" s="6">
        <v>15238</v>
      </c>
      <c r="F1318" s="6" t="s">
        <v>18</v>
      </c>
      <c r="G1318" s="6" t="s">
        <v>2896</v>
      </c>
      <c r="H1318" s="6" t="s">
        <v>2897</v>
      </c>
      <c r="I1318" s="7">
        <v>5.8290962000000004</v>
      </c>
      <c r="J1318" s="8">
        <v>-73.034084500000006</v>
      </c>
    </row>
    <row r="1319" spans="1:10" x14ac:dyDescent="0.35">
      <c r="A1319" s="5" t="s">
        <v>10</v>
      </c>
      <c r="B1319" s="6">
        <v>239209</v>
      </c>
      <c r="C1319" s="6" t="s">
        <v>24</v>
      </c>
      <c r="D1319" s="6" t="s">
        <v>168</v>
      </c>
      <c r="E1319" s="6">
        <v>15572</v>
      </c>
      <c r="F1319" s="6" t="s">
        <v>18</v>
      </c>
      <c r="G1319" s="6" t="s">
        <v>2898</v>
      </c>
      <c r="H1319" s="6" t="s">
        <v>2899</v>
      </c>
      <c r="I1319" s="7">
        <v>5.9756767000000002</v>
      </c>
      <c r="J1319" s="8">
        <v>-74.5922391</v>
      </c>
    </row>
    <row r="1320" spans="1:10" x14ac:dyDescent="0.35">
      <c r="A1320" s="5" t="s">
        <v>10</v>
      </c>
      <c r="B1320" s="6">
        <v>242754</v>
      </c>
      <c r="C1320" s="6" t="s">
        <v>24</v>
      </c>
      <c r="D1320" s="6" t="s">
        <v>137</v>
      </c>
      <c r="E1320" s="6">
        <v>15238</v>
      </c>
      <c r="F1320" s="6" t="s">
        <v>18</v>
      </c>
      <c r="G1320" s="6" t="s">
        <v>2900</v>
      </c>
      <c r="H1320" s="6" t="s">
        <v>2901</v>
      </c>
      <c r="I1320" s="7">
        <v>5.7894347000000002</v>
      </c>
      <c r="J1320" s="8">
        <v>-73.067198300000001</v>
      </c>
    </row>
    <row r="1321" spans="1:10" x14ac:dyDescent="0.35">
      <c r="A1321" s="5" t="s">
        <v>10</v>
      </c>
      <c r="B1321" s="6">
        <v>201284</v>
      </c>
      <c r="C1321" s="6" t="s">
        <v>28</v>
      </c>
      <c r="D1321" s="6" t="s">
        <v>29</v>
      </c>
      <c r="E1321" s="6">
        <v>54001</v>
      </c>
      <c r="F1321" s="6" t="s">
        <v>18</v>
      </c>
      <c r="G1321" s="6" t="s">
        <v>2902</v>
      </c>
      <c r="H1321" s="6" t="s">
        <v>2903</v>
      </c>
      <c r="I1321" s="7">
        <v>7.8893283999999904</v>
      </c>
      <c r="J1321" s="8">
        <v>-72.492776599999999</v>
      </c>
    </row>
    <row r="1322" spans="1:10" x14ac:dyDescent="0.35">
      <c r="A1322" s="5" t="s">
        <v>10</v>
      </c>
      <c r="B1322" s="6">
        <v>245405</v>
      </c>
      <c r="C1322" s="6" t="s">
        <v>42</v>
      </c>
      <c r="D1322" s="6" t="s">
        <v>43</v>
      </c>
      <c r="E1322" s="6">
        <v>17001</v>
      </c>
      <c r="F1322" s="6" t="s">
        <v>18</v>
      </c>
      <c r="G1322" s="6" t="s">
        <v>2904</v>
      </c>
      <c r="H1322" s="6" t="s">
        <v>2905</v>
      </c>
      <c r="I1322" s="7">
        <v>5.0667315000000004</v>
      </c>
      <c r="J1322" s="8">
        <v>-75.523509700000005</v>
      </c>
    </row>
    <row r="1323" spans="1:10" x14ac:dyDescent="0.35">
      <c r="A1323" s="5" t="s">
        <v>10</v>
      </c>
      <c r="B1323" s="6">
        <v>198310</v>
      </c>
      <c r="C1323" s="6" t="s">
        <v>11</v>
      </c>
      <c r="D1323" s="6" t="s">
        <v>334</v>
      </c>
      <c r="E1323" s="6">
        <v>25754</v>
      </c>
      <c r="F1323" s="6" t="s">
        <v>13</v>
      </c>
      <c r="G1323" s="6" t="s">
        <v>160</v>
      </c>
      <c r="H1323" s="6" t="s">
        <v>2238</v>
      </c>
      <c r="I1323" s="7">
        <v>4.5811564000000002</v>
      </c>
      <c r="J1323" s="8">
        <v>-74.212740100000005</v>
      </c>
    </row>
    <row r="1324" spans="1:10" x14ac:dyDescent="0.35">
      <c r="A1324" s="5" t="s">
        <v>10</v>
      </c>
      <c r="B1324" s="6">
        <v>234343</v>
      </c>
      <c r="C1324" s="6" t="s">
        <v>16</v>
      </c>
      <c r="D1324" s="6" t="s">
        <v>2825</v>
      </c>
      <c r="E1324" s="6">
        <v>68276</v>
      </c>
      <c r="F1324" s="6" t="s">
        <v>18</v>
      </c>
      <c r="G1324" s="6" t="s">
        <v>2906</v>
      </c>
      <c r="H1324" s="6" t="s">
        <v>2907</v>
      </c>
      <c r="I1324" s="7">
        <v>7.0718927000000003</v>
      </c>
      <c r="J1324" s="8">
        <v>-73.099087600000004</v>
      </c>
    </row>
    <row r="1325" spans="1:10" x14ac:dyDescent="0.35">
      <c r="A1325" s="5" t="s">
        <v>10</v>
      </c>
      <c r="B1325" s="6">
        <v>159573</v>
      </c>
      <c r="C1325" s="6" t="s">
        <v>11</v>
      </c>
      <c r="D1325" s="6" t="s">
        <v>680</v>
      </c>
      <c r="E1325" s="6">
        <v>25743</v>
      </c>
      <c r="F1325" s="6" t="s">
        <v>18</v>
      </c>
      <c r="G1325" s="6" t="s">
        <v>2908</v>
      </c>
      <c r="H1325" s="6" t="s">
        <v>2909</v>
      </c>
      <c r="I1325" s="7">
        <v>4.6303361000000001</v>
      </c>
      <c r="J1325" s="8">
        <v>-74.137694199999999</v>
      </c>
    </row>
    <row r="1326" spans="1:10" x14ac:dyDescent="0.35">
      <c r="A1326" s="5" t="s">
        <v>10</v>
      </c>
      <c r="B1326" s="6">
        <v>239350</v>
      </c>
      <c r="C1326" s="6" t="s">
        <v>24</v>
      </c>
      <c r="D1326" s="6" t="s">
        <v>2910</v>
      </c>
      <c r="E1326" s="6">
        <v>15879</v>
      </c>
      <c r="F1326" s="6" t="s">
        <v>18</v>
      </c>
      <c r="G1326" s="6" t="s">
        <v>2911</v>
      </c>
      <c r="H1326" s="6" t="s">
        <v>2912</v>
      </c>
      <c r="I1326" s="7">
        <v>5.4354978999999997</v>
      </c>
      <c r="J1326" s="8">
        <v>-73.294621800000002</v>
      </c>
    </row>
    <row r="1327" spans="1:10" x14ac:dyDescent="0.35">
      <c r="A1327" s="5" t="s">
        <v>10</v>
      </c>
      <c r="B1327" s="6">
        <v>218219</v>
      </c>
      <c r="C1327" s="6" t="s">
        <v>42</v>
      </c>
      <c r="D1327" s="6" t="s">
        <v>1697</v>
      </c>
      <c r="E1327" s="6">
        <v>17433</v>
      </c>
      <c r="F1327" s="6" t="s">
        <v>18</v>
      </c>
      <c r="G1327" s="6" t="s">
        <v>2913</v>
      </c>
      <c r="H1327" s="6" t="s">
        <v>2914</v>
      </c>
      <c r="I1327" s="7">
        <v>5.2537221000000001</v>
      </c>
      <c r="J1327" s="8">
        <v>-75.154168200000001</v>
      </c>
    </row>
    <row r="1328" spans="1:10" x14ac:dyDescent="0.35">
      <c r="A1328" s="5" t="s">
        <v>10</v>
      </c>
      <c r="B1328" s="6">
        <v>190346</v>
      </c>
      <c r="C1328" s="6" t="s">
        <v>11</v>
      </c>
      <c r="D1328" s="6" t="s">
        <v>101</v>
      </c>
      <c r="E1328" s="6">
        <v>25473</v>
      </c>
      <c r="F1328" s="6" t="s">
        <v>13</v>
      </c>
      <c r="G1328" s="6" t="s">
        <v>160</v>
      </c>
      <c r="H1328" s="6" t="s">
        <v>2915</v>
      </c>
      <c r="I1328" s="7">
        <v>4.7092565999999998</v>
      </c>
      <c r="J1328" s="8">
        <v>-74.226229900000007</v>
      </c>
    </row>
    <row r="1329" spans="1:10" x14ac:dyDescent="0.35">
      <c r="A1329" s="5" t="s">
        <v>10</v>
      </c>
      <c r="B1329" s="6">
        <v>187468</v>
      </c>
      <c r="C1329" s="6" t="s">
        <v>16</v>
      </c>
      <c r="D1329" s="6" t="s">
        <v>2916</v>
      </c>
      <c r="E1329" s="6">
        <v>68266</v>
      </c>
      <c r="F1329" s="6" t="s">
        <v>18</v>
      </c>
      <c r="G1329" s="6" t="s">
        <v>2917</v>
      </c>
      <c r="H1329" s="6" t="s">
        <v>2918</v>
      </c>
      <c r="I1329" s="7">
        <v>6.6680760000000001</v>
      </c>
      <c r="J1329" s="8">
        <v>-72.699640400000007</v>
      </c>
    </row>
    <row r="1330" spans="1:10" x14ac:dyDescent="0.35">
      <c r="A1330" s="5" t="s">
        <v>10</v>
      </c>
      <c r="B1330" s="6">
        <v>237572</v>
      </c>
      <c r="C1330" s="6" t="s">
        <v>55</v>
      </c>
      <c r="D1330" s="6" t="s">
        <v>56</v>
      </c>
      <c r="E1330" s="6">
        <v>73001</v>
      </c>
      <c r="F1330" s="6" t="s">
        <v>18</v>
      </c>
      <c r="G1330" s="6" t="s">
        <v>2919</v>
      </c>
      <c r="H1330" s="6" t="s">
        <v>2920</v>
      </c>
      <c r="I1330" s="7">
        <v>2.6476437000000002</v>
      </c>
      <c r="J1330" s="8">
        <v>-75.636528999999996</v>
      </c>
    </row>
    <row r="1331" spans="1:10" x14ac:dyDescent="0.35">
      <c r="A1331" s="5" t="s">
        <v>10</v>
      </c>
      <c r="B1331" s="6">
        <v>207200</v>
      </c>
      <c r="C1331" s="6" t="s">
        <v>24</v>
      </c>
      <c r="D1331" s="6" t="s">
        <v>317</v>
      </c>
      <c r="E1331" s="6">
        <v>15176</v>
      </c>
      <c r="F1331" s="6" t="s">
        <v>18</v>
      </c>
      <c r="G1331" s="6" t="s">
        <v>2921</v>
      </c>
      <c r="H1331" s="6" t="s">
        <v>2922</v>
      </c>
      <c r="I1331" s="7">
        <v>5.6051643999999996</v>
      </c>
      <c r="J1331" s="8">
        <v>-73.825680300000002</v>
      </c>
    </row>
    <row r="1332" spans="1:10" x14ac:dyDescent="0.35">
      <c r="A1332" s="5" t="s">
        <v>10</v>
      </c>
      <c r="B1332" s="6">
        <v>244699</v>
      </c>
      <c r="C1332" s="6" t="s">
        <v>24</v>
      </c>
      <c r="D1332" s="6" t="s">
        <v>384</v>
      </c>
      <c r="E1332" s="6">
        <v>15272</v>
      </c>
      <c r="F1332" s="6" t="s">
        <v>18</v>
      </c>
      <c r="G1332" s="6" t="s">
        <v>2923</v>
      </c>
      <c r="H1332" s="6" t="s">
        <v>2924</v>
      </c>
      <c r="I1332" s="7">
        <v>5.6688172000000003</v>
      </c>
      <c r="J1332" s="8">
        <v>-72.994107499999998</v>
      </c>
    </row>
    <row r="1333" spans="1:10" x14ac:dyDescent="0.35">
      <c r="A1333" s="5" t="s">
        <v>10</v>
      </c>
      <c r="B1333" s="6">
        <v>231743</v>
      </c>
      <c r="C1333" s="6" t="s">
        <v>24</v>
      </c>
      <c r="D1333" s="6" t="s">
        <v>88</v>
      </c>
      <c r="E1333" s="6">
        <v>15001</v>
      </c>
      <c r="F1333" s="6" t="s">
        <v>18</v>
      </c>
      <c r="G1333" s="6" t="s">
        <v>2925</v>
      </c>
      <c r="H1333" s="6" t="s">
        <v>2926</v>
      </c>
      <c r="I1333" s="7">
        <v>5.5722054999999999</v>
      </c>
      <c r="J1333" s="8">
        <v>-73.336403700000005</v>
      </c>
    </row>
    <row r="1334" spans="1:10" x14ac:dyDescent="0.35">
      <c r="A1334" s="5" t="s">
        <v>10</v>
      </c>
      <c r="B1334" s="6">
        <v>233449</v>
      </c>
      <c r="C1334" s="6" t="s">
        <v>24</v>
      </c>
      <c r="D1334" s="6" t="s">
        <v>2927</v>
      </c>
      <c r="E1334" s="6">
        <v>15842</v>
      </c>
      <c r="F1334" s="6" t="s">
        <v>18</v>
      </c>
      <c r="G1334" s="6" t="s">
        <v>2928</v>
      </c>
      <c r="H1334" s="6" t="s">
        <v>2929</v>
      </c>
      <c r="I1334" s="7">
        <v>5.2211800000000004</v>
      </c>
      <c r="J1334" s="8">
        <v>-73.456680000000006</v>
      </c>
    </row>
    <row r="1335" spans="1:10" x14ac:dyDescent="0.35">
      <c r="A1335" s="5" t="s">
        <v>10</v>
      </c>
      <c r="B1335" s="6">
        <v>238991</v>
      </c>
      <c r="C1335" s="6" t="s">
        <v>24</v>
      </c>
      <c r="D1335" s="6" t="s">
        <v>137</v>
      </c>
      <c r="E1335" s="6">
        <v>15238</v>
      </c>
      <c r="F1335" s="6" t="s">
        <v>18</v>
      </c>
      <c r="G1335" s="6" t="s">
        <v>2930</v>
      </c>
      <c r="H1335" s="6" t="s">
        <v>2931</v>
      </c>
      <c r="I1335" s="7">
        <v>5.8203193999999998</v>
      </c>
      <c r="J1335" s="8">
        <v>-73.030482599999999</v>
      </c>
    </row>
    <row r="1336" spans="1:10" x14ac:dyDescent="0.35">
      <c r="A1336" s="5" t="s">
        <v>10</v>
      </c>
      <c r="B1336" s="6">
        <v>183636</v>
      </c>
      <c r="C1336" s="6" t="s">
        <v>28</v>
      </c>
      <c r="D1336" s="6" t="s">
        <v>1046</v>
      </c>
      <c r="E1336" s="6">
        <v>54599</v>
      </c>
      <c r="F1336" s="6" t="s">
        <v>18</v>
      </c>
      <c r="G1336" s="6" t="s">
        <v>2932</v>
      </c>
      <c r="H1336" s="6" t="s">
        <v>2933</v>
      </c>
      <c r="I1336" s="7">
        <v>7.5780260999999998</v>
      </c>
      <c r="J1336" s="8">
        <v>-72.475555299999996</v>
      </c>
    </row>
    <row r="1337" spans="1:10" x14ac:dyDescent="0.35">
      <c r="A1337" s="5" t="s">
        <v>10</v>
      </c>
      <c r="B1337" s="6">
        <v>228337</v>
      </c>
      <c r="C1337" s="6" t="s">
        <v>28</v>
      </c>
      <c r="D1337" s="6" t="s">
        <v>2934</v>
      </c>
      <c r="E1337" s="6">
        <v>54245</v>
      </c>
      <c r="F1337" s="6" t="s">
        <v>18</v>
      </c>
      <c r="G1337" s="6" t="s">
        <v>2935</v>
      </c>
      <c r="H1337" s="6" t="s">
        <v>2936</v>
      </c>
      <c r="I1337" s="7">
        <v>8.5112369999999995</v>
      </c>
      <c r="J1337" s="8">
        <v>-73.447287000000003</v>
      </c>
    </row>
    <row r="1338" spans="1:10" x14ac:dyDescent="0.35">
      <c r="A1338" s="5" t="s">
        <v>10</v>
      </c>
      <c r="B1338" s="6">
        <v>236224</v>
      </c>
      <c r="C1338" s="6" t="s">
        <v>117</v>
      </c>
      <c r="D1338" s="6" t="s">
        <v>992</v>
      </c>
      <c r="E1338" s="6">
        <v>76736</v>
      </c>
      <c r="F1338" s="6" t="s">
        <v>18</v>
      </c>
      <c r="G1338" s="6" t="s">
        <v>2937</v>
      </c>
      <c r="H1338" s="6" t="s">
        <v>2938</v>
      </c>
      <c r="I1338" s="7">
        <v>4.2664742000000002</v>
      </c>
      <c r="J1338" s="8">
        <v>-75.933399800000004</v>
      </c>
    </row>
    <row r="1339" spans="1:10" x14ac:dyDescent="0.35">
      <c r="A1339" s="5" t="s">
        <v>10</v>
      </c>
      <c r="B1339" s="6">
        <v>210743</v>
      </c>
      <c r="C1339" s="6" t="s">
        <v>11</v>
      </c>
      <c r="D1339" s="6" t="s">
        <v>454</v>
      </c>
      <c r="E1339" s="6">
        <v>25594</v>
      </c>
      <c r="F1339" s="6" t="s">
        <v>18</v>
      </c>
      <c r="G1339" s="6" t="s">
        <v>2939</v>
      </c>
      <c r="H1339" s="6" t="s">
        <v>2940</v>
      </c>
      <c r="I1339" s="7">
        <v>4.3316375999999996</v>
      </c>
      <c r="J1339" s="8">
        <v>-73.8715361</v>
      </c>
    </row>
    <row r="1340" spans="1:10" x14ac:dyDescent="0.35">
      <c r="A1340" s="5" t="s">
        <v>10</v>
      </c>
      <c r="B1340" s="6">
        <v>163458</v>
      </c>
      <c r="C1340" s="6" t="s">
        <v>28</v>
      </c>
      <c r="D1340" s="6" t="s">
        <v>29</v>
      </c>
      <c r="E1340" s="6">
        <v>54001</v>
      </c>
      <c r="F1340" s="6" t="s">
        <v>13</v>
      </c>
      <c r="G1340" s="6" t="s">
        <v>50</v>
      </c>
      <c r="H1340" s="6" t="s">
        <v>2941</v>
      </c>
      <c r="I1340" s="7">
        <v>7.9094243000000004</v>
      </c>
      <c r="J1340" s="8">
        <v>-72.524852699999997</v>
      </c>
    </row>
    <row r="1341" spans="1:10" x14ac:dyDescent="0.35">
      <c r="A1341" s="5" t="s">
        <v>10</v>
      </c>
      <c r="B1341" s="6">
        <v>231625</v>
      </c>
      <c r="C1341" s="6" t="s">
        <v>366</v>
      </c>
      <c r="D1341" s="6" t="s">
        <v>367</v>
      </c>
      <c r="E1341" s="6">
        <v>44430</v>
      </c>
      <c r="F1341" s="6" t="s">
        <v>18</v>
      </c>
      <c r="G1341" s="6" t="s">
        <v>2942</v>
      </c>
      <c r="H1341" s="6" t="s">
        <v>2943</v>
      </c>
      <c r="I1341" s="7">
        <v>11.3753276</v>
      </c>
      <c r="J1341" s="8">
        <v>-72.239539300000004</v>
      </c>
    </row>
    <row r="1342" spans="1:10" x14ac:dyDescent="0.35">
      <c r="A1342" s="5" t="s">
        <v>10</v>
      </c>
      <c r="B1342" s="6">
        <v>229301</v>
      </c>
      <c r="C1342" s="6" t="s">
        <v>55</v>
      </c>
      <c r="D1342" s="6" t="s">
        <v>56</v>
      </c>
      <c r="E1342" s="6">
        <v>73001</v>
      </c>
      <c r="F1342" s="6" t="s">
        <v>18</v>
      </c>
      <c r="G1342" s="6" t="s">
        <v>2944</v>
      </c>
      <c r="H1342" s="6" t="s">
        <v>2945</v>
      </c>
      <c r="I1342" s="7">
        <v>4.45017</v>
      </c>
      <c r="J1342" s="8">
        <v>-75.146185599999995</v>
      </c>
    </row>
    <row r="1343" spans="1:10" x14ac:dyDescent="0.35">
      <c r="A1343" s="5" t="s">
        <v>10</v>
      </c>
      <c r="B1343" s="6">
        <v>246171</v>
      </c>
      <c r="C1343" s="6" t="s">
        <v>28</v>
      </c>
      <c r="D1343" s="6" t="s">
        <v>29</v>
      </c>
      <c r="E1343" s="6">
        <v>54001</v>
      </c>
      <c r="F1343" s="6" t="s">
        <v>18</v>
      </c>
      <c r="G1343" s="6" t="s">
        <v>2946</v>
      </c>
      <c r="H1343" s="6" t="s">
        <v>2947</v>
      </c>
      <c r="I1343" s="7">
        <v>7.8852076000000002</v>
      </c>
      <c r="J1343" s="8">
        <v>-72.500139000000004</v>
      </c>
    </row>
    <row r="1344" spans="1:10" x14ac:dyDescent="0.35">
      <c r="A1344" s="5" t="s">
        <v>10</v>
      </c>
      <c r="B1344" s="6">
        <v>245525</v>
      </c>
      <c r="C1344" s="6" t="s">
        <v>278</v>
      </c>
      <c r="D1344" s="6" t="s">
        <v>279</v>
      </c>
      <c r="E1344" s="6">
        <v>50001</v>
      </c>
      <c r="F1344" s="6" t="s">
        <v>18</v>
      </c>
      <c r="G1344" s="6" t="s">
        <v>2948</v>
      </c>
      <c r="H1344" s="6" t="s">
        <v>2949</v>
      </c>
      <c r="I1344" s="7">
        <v>4.1587139999999998</v>
      </c>
      <c r="J1344" s="8">
        <v>-73.650778299999999</v>
      </c>
    </row>
    <row r="1345" spans="1:10" x14ac:dyDescent="0.35">
      <c r="A1345" s="5" t="s">
        <v>10</v>
      </c>
      <c r="B1345" s="6">
        <v>175064</v>
      </c>
      <c r="C1345" s="6" t="s">
        <v>11</v>
      </c>
      <c r="D1345" s="6" t="s">
        <v>334</v>
      </c>
      <c r="E1345" s="6">
        <v>25754</v>
      </c>
      <c r="F1345" s="6" t="s">
        <v>13</v>
      </c>
      <c r="G1345" s="6" t="s">
        <v>2950</v>
      </c>
      <c r="H1345" s="6" t="s">
        <v>2951</v>
      </c>
      <c r="I1345" s="7">
        <v>4.5818155999999997</v>
      </c>
      <c r="J1345" s="8">
        <v>-74.218905100000001</v>
      </c>
    </row>
    <row r="1346" spans="1:10" x14ac:dyDescent="0.35">
      <c r="A1346" s="5" t="s">
        <v>10</v>
      </c>
      <c r="B1346" s="6">
        <v>199693</v>
      </c>
      <c r="C1346" s="6" t="s">
        <v>68</v>
      </c>
      <c r="D1346" s="6" t="s">
        <v>69</v>
      </c>
      <c r="E1346" s="6">
        <v>11001</v>
      </c>
      <c r="F1346" s="6" t="s">
        <v>13</v>
      </c>
      <c r="G1346" s="6" t="s">
        <v>785</v>
      </c>
      <c r="H1346" s="6" t="s">
        <v>786</v>
      </c>
      <c r="I1346" s="7">
        <v>4.6036903000000002</v>
      </c>
      <c r="J1346" s="8">
        <v>-74.189706700000002</v>
      </c>
    </row>
    <row r="1347" spans="1:10" x14ac:dyDescent="0.35">
      <c r="A1347" s="5" t="s">
        <v>10</v>
      </c>
      <c r="B1347" s="6">
        <v>198887</v>
      </c>
      <c r="C1347" s="6" t="s">
        <v>55</v>
      </c>
      <c r="D1347" s="6" t="s">
        <v>56</v>
      </c>
      <c r="E1347" s="6">
        <v>73001</v>
      </c>
      <c r="F1347" s="6" t="s">
        <v>18</v>
      </c>
      <c r="G1347" s="6" t="s">
        <v>2952</v>
      </c>
      <c r="H1347" s="6" t="s">
        <v>2953</v>
      </c>
      <c r="I1347" s="7">
        <v>4.4096848</v>
      </c>
      <c r="J1347" s="8">
        <v>-75.161726599999994</v>
      </c>
    </row>
    <row r="1348" spans="1:10" x14ac:dyDescent="0.35">
      <c r="A1348" s="5" t="s">
        <v>10</v>
      </c>
      <c r="B1348" s="6">
        <v>180918</v>
      </c>
      <c r="C1348" s="6" t="s">
        <v>24</v>
      </c>
      <c r="D1348" s="6" t="s">
        <v>2954</v>
      </c>
      <c r="E1348" s="6">
        <v>15368</v>
      </c>
      <c r="F1348" s="6" t="s">
        <v>18</v>
      </c>
      <c r="G1348" s="6" t="s">
        <v>2955</v>
      </c>
      <c r="H1348" s="6" t="s">
        <v>2956</v>
      </c>
      <c r="I1348" s="7">
        <v>6.1460299999999997</v>
      </c>
      <c r="J1348" s="8">
        <v>-72.570653999999905</v>
      </c>
    </row>
    <row r="1349" spans="1:10" x14ac:dyDescent="0.35">
      <c r="A1349" s="5" t="s">
        <v>10</v>
      </c>
      <c r="B1349" s="6">
        <v>242768</v>
      </c>
      <c r="C1349" s="6" t="s">
        <v>24</v>
      </c>
      <c r="D1349" s="6" t="s">
        <v>88</v>
      </c>
      <c r="E1349" s="6">
        <v>15001</v>
      </c>
      <c r="F1349" s="6" t="s">
        <v>18</v>
      </c>
      <c r="G1349" s="6" t="s">
        <v>2957</v>
      </c>
      <c r="H1349" s="6" t="s">
        <v>2958</v>
      </c>
      <c r="I1349" s="7">
        <v>5.5477015999999999</v>
      </c>
      <c r="J1349" s="8">
        <v>-73.365930399999996</v>
      </c>
    </row>
    <row r="1350" spans="1:10" x14ac:dyDescent="0.35">
      <c r="A1350" s="5" t="s">
        <v>10</v>
      </c>
      <c r="B1350" s="6">
        <v>233743</v>
      </c>
      <c r="C1350" s="6" t="s">
        <v>24</v>
      </c>
      <c r="D1350" s="6" t="s">
        <v>609</v>
      </c>
      <c r="E1350" s="6">
        <v>15455</v>
      </c>
      <c r="F1350" s="6" t="s">
        <v>18</v>
      </c>
      <c r="G1350" s="6" t="s">
        <v>2959</v>
      </c>
      <c r="H1350" s="6" t="s">
        <v>2960</v>
      </c>
      <c r="I1350" s="7">
        <v>5.1951299999999998</v>
      </c>
      <c r="J1350" s="8">
        <v>-73.143379999999993</v>
      </c>
    </row>
    <row r="1351" spans="1:10" x14ac:dyDescent="0.35">
      <c r="A1351" s="5" t="s">
        <v>10</v>
      </c>
      <c r="B1351" s="6">
        <v>218531</v>
      </c>
      <c r="C1351" s="6" t="s">
        <v>28</v>
      </c>
      <c r="D1351" s="6" t="s">
        <v>29</v>
      </c>
      <c r="E1351" s="6">
        <v>54001</v>
      </c>
      <c r="F1351" s="6" t="s">
        <v>18</v>
      </c>
      <c r="G1351" s="6" t="s">
        <v>2961</v>
      </c>
      <c r="H1351" s="6" t="s">
        <v>2962</v>
      </c>
      <c r="I1351" s="7">
        <v>7.9055271999999999</v>
      </c>
      <c r="J1351" s="8">
        <v>-72.524407699999998</v>
      </c>
    </row>
    <row r="1352" spans="1:10" x14ac:dyDescent="0.35">
      <c r="A1352" s="5" t="s">
        <v>10</v>
      </c>
      <c r="B1352" s="6">
        <v>238926</v>
      </c>
      <c r="C1352" s="6" t="s">
        <v>366</v>
      </c>
      <c r="D1352" s="6" t="s">
        <v>370</v>
      </c>
      <c r="E1352" s="6">
        <v>44874</v>
      </c>
      <c r="F1352" s="6" t="s">
        <v>18</v>
      </c>
      <c r="G1352" s="6" t="s">
        <v>2963</v>
      </c>
      <c r="H1352" s="6" t="s">
        <v>2964</v>
      </c>
      <c r="I1352" s="7">
        <v>10.601300699999999</v>
      </c>
      <c r="J1352" s="8">
        <v>-72.982315200000002</v>
      </c>
    </row>
    <row r="1353" spans="1:10" x14ac:dyDescent="0.35">
      <c r="A1353" s="5" t="s">
        <v>10</v>
      </c>
      <c r="B1353" s="6">
        <v>116425</v>
      </c>
      <c r="C1353" s="6" t="s">
        <v>11</v>
      </c>
      <c r="D1353" s="6" t="s">
        <v>106</v>
      </c>
      <c r="E1353" s="6">
        <v>25843</v>
      </c>
      <c r="F1353" s="6" t="s">
        <v>18</v>
      </c>
      <c r="G1353" s="6" t="s">
        <v>131</v>
      </c>
      <c r="H1353" s="6" t="s">
        <v>1733</v>
      </c>
      <c r="I1353" s="7">
        <v>5.3070966999999998</v>
      </c>
      <c r="J1353" s="8">
        <v>-73.815107699999999</v>
      </c>
    </row>
    <row r="1354" spans="1:10" x14ac:dyDescent="0.35">
      <c r="A1354" s="5" t="s">
        <v>10</v>
      </c>
      <c r="B1354" s="6">
        <v>233737</v>
      </c>
      <c r="C1354" s="6" t="s">
        <v>24</v>
      </c>
      <c r="D1354" s="6" t="s">
        <v>25</v>
      </c>
      <c r="E1354" s="6">
        <v>15322</v>
      </c>
      <c r="F1354" s="6" t="s">
        <v>18</v>
      </c>
      <c r="G1354" s="6" t="s">
        <v>2965</v>
      </c>
      <c r="H1354" s="6" t="s">
        <v>2966</v>
      </c>
      <c r="I1354" s="7">
        <v>5.0063899999999997</v>
      </c>
      <c r="J1354" s="8">
        <v>-73.471419999999995</v>
      </c>
    </row>
    <row r="1355" spans="1:10" x14ac:dyDescent="0.35">
      <c r="A1355" s="5" t="s">
        <v>10</v>
      </c>
      <c r="B1355" s="6">
        <v>195949</v>
      </c>
      <c r="C1355" s="6" t="s">
        <v>28</v>
      </c>
      <c r="D1355" s="6" t="s">
        <v>49</v>
      </c>
      <c r="E1355" s="6">
        <v>54498</v>
      </c>
      <c r="F1355" s="6" t="s">
        <v>18</v>
      </c>
      <c r="G1355" s="6" t="s">
        <v>2967</v>
      </c>
      <c r="H1355" s="6" t="s">
        <v>2968</v>
      </c>
      <c r="I1355" s="7">
        <v>8.2520499999999899</v>
      </c>
      <c r="J1355" s="8">
        <v>-73.353219899999999</v>
      </c>
    </row>
    <row r="1356" spans="1:10" x14ac:dyDescent="0.35">
      <c r="A1356" s="5" t="s">
        <v>10</v>
      </c>
      <c r="B1356" s="6">
        <v>230767</v>
      </c>
      <c r="C1356" s="6" t="s">
        <v>42</v>
      </c>
      <c r="D1356" s="6" t="s">
        <v>396</v>
      </c>
      <c r="E1356" s="6">
        <v>17380</v>
      </c>
      <c r="F1356" s="6" t="s">
        <v>18</v>
      </c>
      <c r="G1356" s="6" t="s">
        <v>2969</v>
      </c>
      <c r="H1356" s="6" t="s">
        <v>2970</v>
      </c>
      <c r="I1356" s="7">
        <v>5.4564240000000002</v>
      </c>
      <c r="J1356" s="8">
        <v>-74.666636999999994</v>
      </c>
    </row>
    <row r="1357" spans="1:10" x14ac:dyDescent="0.35">
      <c r="A1357" s="5" t="s">
        <v>10</v>
      </c>
      <c r="B1357" s="6">
        <v>186693</v>
      </c>
      <c r="C1357" s="6" t="s">
        <v>61</v>
      </c>
      <c r="D1357" s="6" t="s">
        <v>2676</v>
      </c>
      <c r="E1357" s="6">
        <v>63594</v>
      </c>
      <c r="F1357" s="6" t="s">
        <v>18</v>
      </c>
      <c r="G1357" s="6" t="s">
        <v>2971</v>
      </c>
      <c r="H1357" s="6" t="s">
        <v>2972</v>
      </c>
      <c r="I1357" s="7">
        <v>4.6259069999999998</v>
      </c>
      <c r="J1357" s="8">
        <v>-75.761865</v>
      </c>
    </row>
    <row r="1358" spans="1:10" x14ac:dyDescent="0.35">
      <c r="A1358" s="5" t="s">
        <v>10</v>
      </c>
      <c r="B1358" s="6">
        <v>224726</v>
      </c>
      <c r="C1358" s="6" t="s">
        <v>94</v>
      </c>
      <c r="D1358" s="6" t="s">
        <v>894</v>
      </c>
      <c r="E1358" s="6">
        <v>66088</v>
      </c>
      <c r="F1358" s="6" t="s">
        <v>18</v>
      </c>
      <c r="G1358" s="6" t="s">
        <v>2973</v>
      </c>
      <c r="H1358" s="6" t="s">
        <v>2974</v>
      </c>
      <c r="I1358" s="7">
        <v>5.2009029999999896</v>
      </c>
      <c r="J1358" s="8">
        <v>-75.869260999999995</v>
      </c>
    </row>
    <row r="1359" spans="1:10" x14ac:dyDescent="0.35">
      <c r="A1359" s="5" t="s">
        <v>10</v>
      </c>
      <c r="B1359" s="6">
        <v>218081</v>
      </c>
      <c r="C1359" s="6" t="s">
        <v>68</v>
      </c>
      <c r="D1359" s="6" t="s">
        <v>69</v>
      </c>
      <c r="E1359" s="6">
        <v>11001</v>
      </c>
      <c r="F1359" s="6" t="s">
        <v>13</v>
      </c>
      <c r="G1359" s="6" t="s">
        <v>2975</v>
      </c>
      <c r="H1359" s="6" t="s">
        <v>2976</v>
      </c>
      <c r="I1359" s="7">
        <v>4.7260502000000004</v>
      </c>
      <c r="J1359" s="8">
        <v>-74.217663099999996</v>
      </c>
    </row>
    <row r="1360" spans="1:10" x14ac:dyDescent="0.35">
      <c r="A1360" s="5" t="s">
        <v>10</v>
      </c>
      <c r="B1360" s="6">
        <v>41262</v>
      </c>
      <c r="C1360" s="6" t="s">
        <v>308</v>
      </c>
      <c r="D1360" s="6" t="s">
        <v>309</v>
      </c>
      <c r="E1360" s="6">
        <v>23001</v>
      </c>
      <c r="F1360" s="6" t="s">
        <v>13</v>
      </c>
      <c r="G1360" s="6" t="s">
        <v>2977</v>
      </c>
      <c r="H1360" s="6" t="s">
        <v>2978</v>
      </c>
      <c r="I1360" s="7">
        <v>8.7356715999999999</v>
      </c>
      <c r="J1360" s="8">
        <v>-75.872457800000007</v>
      </c>
    </row>
    <row r="1361" spans="1:10" x14ac:dyDescent="0.35">
      <c r="A1361" s="5" t="s">
        <v>10</v>
      </c>
      <c r="B1361" s="6">
        <v>41254</v>
      </c>
      <c r="C1361" s="6" t="s">
        <v>308</v>
      </c>
      <c r="D1361" s="6" t="s">
        <v>309</v>
      </c>
      <c r="E1361" s="6">
        <v>23001</v>
      </c>
      <c r="F1361" s="6" t="s">
        <v>13</v>
      </c>
      <c r="G1361" s="6" t="s">
        <v>2979</v>
      </c>
      <c r="H1361" s="6" t="s">
        <v>2980</v>
      </c>
      <c r="I1361" s="7">
        <v>8.7404696000000008</v>
      </c>
      <c r="J1361" s="8">
        <v>-75.897249500000001</v>
      </c>
    </row>
    <row r="1362" spans="1:10" x14ac:dyDescent="0.35">
      <c r="A1362" s="5" t="s">
        <v>10</v>
      </c>
      <c r="B1362" s="6">
        <v>237464</v>
      </c>
      <c r="C1362" s="6" t="s">
        <v>16</v>
      </c>
      <c r="D1362" s="6" t="s">
        <v>17</v>
      </c>
      <c r="E1362" s="6">
        <v>68679</v>
      </c>
      <c r="F1362" s="6" t="s">
        <v>18</v>
      </c>
      <c r="G1362" s="6" t="s">
        <v>2981</v>
      </c>
      <c r="H1362" s="6" t="s">
        <v>2982</v>
      </c>
      <c r="I1362" s="7">
        <v>6.5539082000000004</v>
      </c>
      <c r="J1362" s="8">
        <v>-73.137378900000002</v>
      </c>
    </row>
    <row r="1363" spans="1:10" x14ac:dyDescent="0.35">
      <c r="A1363" s="5" t="s">
        <v>10</v>
      </c>
      <c r="B1363" s="6">
        <v>186089</v>
      </c>
      <c r="C1363" s="6" t="s">
        <v>55</v>
      </c>
      <c r="D1363" s="6" t="s">
        <v>56</v>
      </c>
      <c r="E1363" s="6">
        <v>73001</v>
      </c>
      <c r="F1363" s="6" t="s">
        <v>18</v>
      </c>
      <c r="G1363" s="6" t="s">
        <v>2983</v>
      </c>
      <c r="H1363" s="6" t="s">
        <v>2984</v>
      </c>
      <c r="I1363" s="7">
        <v>4.4399784000000002</v>
      </c>
      <c r="J1363" s="8">
        <v>-75.242818999999997</v>
      </c>
    </row>
    <row r="1364" spans="1:10" x14ac:dyDescent="0.35">
      <c r="A1364" s="5" t="s">
        <v>10</v>
      </c>
      <c r="B1364" s="6">
        <v>210359</v>
      </c>
      <c r="C1364" s="6" t="s">
        <v>55</v>
      </c>
      <c r="D1364" s="6" t="s">
        <v>56</v>
      </c>
      <c r="E1364" s="6">
        <v>73001</v>
      </c>
      <c r="F1364" s="6" t="s">
        <v>18</v>
      </c>
      <c r="G1364" s="6" t="s">
        <v>2985</v>
      </c>
      <c r="H1364" s="6" t="s">
        <v>2986</v>
      </c>
      <c r="I1364" s="7">
        <v>4.4371815999999997</v>
      </c>
      <c r="J1364" s="8">
        <v>-75.164746199999996</v>
      </c>
    </row>
    <row r="1365" spans="1:10" x14ac:dyDescent="0.35">
      <c r="A1365" s="5" t="s">
        <v>10</v>
      </c>
      <c r="B1365" s="6">
        <v>246199</v>
      </c>
      <c r="C1365" s="6" t="s">
        <v>24</v>
      </c>
      <c r="D1365" s="6" t="s">
        <v>416</v>
      </c>
      <c r="E1365" s="6">
        <v>15816</v>
      </c>
      <c r="F1365" s="6" t="s">
        <v>18</v>
      </c>
      <c r="G1365" s="6" t="s">
        <v>2987</v>
      </c>
      <c r="H1365" s="6" t="s">
        <v>2988</v>
      </c>
      <c r="I1365" s="7">
        <v>5.9373589999999998</v>
      </c>
      <c r="J1365" s="8">
        <v>-73.513064999999997</v>
      </c>
    </row>
    <row r="1366" spans="1:10" x14ac:dyDescent="0.35">
      <c r="A1366" s="5" t="s">
        <v>10</v>
      </c>
      <c r="B1366" s="6">
        <v>204844</v>
      </c>
      <c r="C1366" s="6" t="s">
        <v>24</v>
      </c>
      <c r="D1366" s="6" t="s">
        <v>476</v>
      </c>
      <c r="E1366" s="6">
        <v>15693</v>
      </c>
      <c r="F1366" s="6" t="s">
        <v>18</v>
      </c>
      <c r="G1366" s="6" t="s">
        <v>2989</v>
      </c>
      <c r="H1366" s="6" t="s">
        <v>2990</v>
      </c>
      <c r="I1366" s="7">
        <v>5.8741303</v>
      </c>
      <c r="J1366" s="8">
        <v>-72.982869699999995</v>
      </c>
    </row>
    <row r="1367" spans="1:10" x14ac:dyDescent="0.35">
      <c r="A1367" s="5" t="s">
        <v>10</v>
      </c>
      <c r="B1367" s="6">
        <v>205877</v>
      </c>
      <c r="C1367" s="6" t="s">
        <v>24</v>
      </c>
      <c r="D1367" s="6" t="s">
        <v>2991</v>
      </c>
      <c r="E1367" s="6">
        <v>15518</v>
      </c>
      <c r="F1367" s="6" t="s">
        <v>18</v>
      </c>
      <c r="G1367" s="6" t="s">
        <v>2992</v>
      </c>
      <c r="H1367" s="6" t="s">
        <v>2993</v>
      </c>
      <c r="I1367" s="7">
        <v>6.2189750999999998</v>
      </c>
      <c r="J1367" s="8">
        <v>-73.808681300000003</v>
      </c>
    </row>
    <row r="1368" spans="1:10" x14ac:dyDescent="0.35">
      <c r="A1368" s="5" t="s">
        <v>10</v>
      </c>
      <c r="B1368" s="6">
        <v>143061</v>
      </c>
      <c r="C1368" s="6" t="s">
        <v>38</v>
      </c>
      <c r="D1368" s="6" t="s">
        <v>39</v>
      </c>
      <c r="E1368" s="6">
        <v>19001</v>
      </c>
      <c r="F1368" s="6" t="s">
        <v>18</v>
      </c>
      <c r="G1368" s="6" t="s">
        <v>2994</v>
      </c>
      <c r="H1368" s="6" t="s">
        <v>2995</v>
      </c>
      <c r="I1368" s="7">
        <v>2.4506822000000001</v>
      </c>
      <c r="J1368" s="8">
        <v>-76.597460499999997</v>
      </c>
    </row>
    <row r="1369" spans="1:10" x14ac:dyDescent="0.35">
      <c r="A1369" s="5" t="s">
        <v>10</v>
      </c>
      <c r="B1369" s="6">
        <v>143065</v>
      </c>
      <c r="C1369" s="6" t="s">
        <v>38</v>
      </c>
      <c r="D1369" s="6" t="s">
        <v>39</v>
      </c>
      <c r="E1369" s="6">
        <v>19001</v>
      </c>
      <c r="F1369" s="6" t="s">
        <v>18</v>
      </c>
      <c r="G1369" s="6" t="s">
        <v>2996</v>
      </c>
      <c r="H1369" s="6" t="s">
        <v>2997</v>
      </c>
      <c r="I1369" s="7">
        <v>2.4277095000000002</v>
      </c>
      <c r="J1369" s="8">
        <v>-76.611551199999994</v>
      </c>
    </row>
    <row r="1370" spans="1:10" x14ac:dyDescent="0.35">
      <c r="A1370" s="5" t="s">
        <v>10</v>
      </c>
      <c r="B1370" s="6">
        <v>236116</v>
      </c>
      <c r="C1370" s="6" t="s">
        <v>42</v>
      </c>
      <c r="D1370" s="6" t="s">
        <v>599</v>
      </c>
      <c r="E1370" s="6">
        <v>17013</v>
      </c>
      <c r="F1370" s="6" t="s">
        <v>18</v>
      </c>
      <c r="G1370" s="6" t="s">
        <v>2998</v>
      </c>
      <c r="H1370" s="6" t="s">
        <v>2999</v>
      </c>
      <c r="I1370" s="7">
        <v>5.6064048</v>
      </c>
      <c r="J1370" s="8">
        <v>-75.452289199999996</v>
      </c>
    </row>
    <row r="1371" spans="1:10" x14ac:dyDescent="0.35">
      <c r="A1371" s="5" t="s">
        <v>10</v>
      </c>
      <c r="B1371" s="6">
        <v>233007</v>
      </c>
      <c r="C1371" s="6" t="s">
        <v>94</v>
      </c>
      <c r="D1371" s="6" t="s">
        <v>95</v>
      </c>
      <c r="E1371" s="6">
        <v>66170</v>
      </c>
      <c r="F1371" s="6" t="s">
        <v>18</v>
      </c>
      <c r="G1371" s="6" t="s">
        <v>3000</v>
      </c>
      <c r="H1371" s="6" t="s">
        <v>3001</v>
      </c>
      <c r="I1371" s="7">
        <v>4.8102600000000004</v>
      </c>
      <c r="J1371" s="8">
        <v>-75.693989999999999</v>
      </c>
    </row>
    <row r="1372" spans="1:10" x14ac:dyDescent="0.35">
      <c r="A1372" s="5" t="s">
        <v>10</v>
      </c>
      <c r="B1372" s="6">
        <v>237006</v>
      </c>
      <c r="C1372" s="6" t="s">
        <v>68</v>
      </c>
      <c r="D1372" s="6" t="s">
        <v>69</v>
      </c>
      <c r="E1372" s="6">
        <v>11001</v>
      </c>
      <c r="F1372" s="6" t="s">
        <v>18</v>
      </c>
      <c r="G1372" s="6" t="s">
        <v>3002</v>
      </c>
      <c r="H1372" s="6" t="s">
        <v>3003</v>
      </c>
      <c r="I1372" s="7">
        <v>4.6409495999999999</v>
      </c>
      <c r="J1372" s="8">
        <v>-74.194669099999999</v>
      </c>
    </row>
    <row r="1373" spans="1:10" x14ac:dyDescent="0.35">
      <c r="A1373" s="5" t="s">
        <v>10</v>
      </c>
      <c r="B1373" s="6">
        <v>113777</v>
      </c>
      <c r="C1373" s="6" t="s">
        <v>366</v>
      </c>
      <c r="D1373" s="6" t="s">
        <v>367</v>
      </c>
      <c r="E1373" s="6">
        <v>44430</v>
      </c>
      <c r="F1373" s="6" t="s">
        <v>18</v>
      </c>
      <c r="G1373" s="6" t="s">
        <v>3004</v>
      </c>
      <c r="H1373" s="6" t="s">
        <v>3005</v>
      </c>
      <c r="I1373" s="7">
        <v>11.380054299999999</v>
      </c>
      <c r="J1373" s="8">
        <v>-72.242246499999993</v>
      </c>
    </row>
    <row r="1374" spans="1:10" x14ac:dyDescent="0.35">
      <c r="A1374" s="5" t="s">
        <v>10</v>
      </c>
      <c r="B1374" s="6">
        <v>242812</v>
      </c>
      <c r="C1374" s="6" t="s">
        <v>24</v>
      </c>
      <c r="D1374" s="6" t="s">
        <v>85</v>
      </c>
      <c r="E1374" s="6">
        <v>15759</v>
      </c>
      <c r="F1374" s="6" t="s">
        <v>18</v>
      </c>
      <c r="G1374" s="6" t="s">
        <v>3006</v>
      </c>
      <c r="H1374" s="6" t="s">
        <v>3007</v>
      </c>
      <c r="I1374" s="7">
        <v>5.7202850999999999</v>
      </c>
      <c r="J1374" s="8">
        <v>-72.932145700000007</v>
      </c>
    </row>
    <row r="1375" spans="1:10" x14ac:dyDescent="0.35">
      <c r="A1375" s="5" t="s">
        <v>10</v>
      </c>
      <c r="B1375" s="6">
        <v>212192</v>
      </c>
      <c r="C1375" s="6" t="s">
        <v>28</v>
      </c>
      <c r="D1375" s="6" t="s">
        <v>3008</v>
      </c>
      <c r="E1375" s="6">
        <v>54820</v>
      </c>
      <c r="F1375" s="6" t="s">
        <v>18</v>
      </c>
      <c r="G1375" s="6" t="s">
        <v>3009</v>
      </c>
      <c r="H1375" s="6" t="s">
        <v>3010</v>
      </c>
      <c r="I1375" s="7">
        <v>7.3002294000000001</v>
      </c>
      <c r="J1375" s="8">
        <v>-72.480356299999997</v>
      </c>
    </row>
    <row r="1376" spans="1:10" x14ac:dyDescent="0.35">
      <c r="A1376" s="5" t="s">
        <v>10</v>
      </c>
      <c r="B1376" s="6">
        <v>243910</v>
      </c>
      <c r="C1376" s="6" t="s">
        <v>28</v>
      </c>
      <c r="D1376" s="6" t="s">
        <v>489</v>
      </c>
      <c r="E1376" s="6">
        <v>54172</v>
      </c>
      <c r="F1376" s="6" t="s">
        <v>18</v>
      </c>
      <c r="G1376" s="6" t="s">
        <v>3011</v>
      </c>
      <c r="H1376" s="6" t="s">
        <v>3012</v>
      </c>
      <c r="I1376" s="7">
        <v>7.6071073</v>
      </c>
      <c r="J1376" s="8">
        <v>-72.601631100000006</v>
      </c>
    </row>
    <row r="1377" spans="1:10" x14ac:dyDescent="0.35">
      <c r="A1377" s="5" t="s">
        <v>10</v>
      </c>
      <c r="B1377" s="6">
        <v>233851</v>
      </c>
      <c r="C1377" s="6" t="s">
        <v>42</v>
      </c>
      <c r="D1377" s="6" t="s">
        <v>46</v>
      </c>
      <c r="E1377" s="6">
        <v>17174</v>
      </c>
      <c r="F1377" s="6" t="s">
        <v>18</v>
      </c>
      <c r="G1377" s="6" t="s">
        <v>3013</v>
      </c>
      <c r="H1377" s="6" t="s">
        <v>3014</v>
      </c>
      <c r="I1377" s="7">
        <v>4.9832707000000003</v>
      </c>
      <c r="J1377" s="8">
        <v>-75.605863200000002</v>
      </c>
    </row>
    <row r="1378" spans="1:10" x14ac:dyDescent="0.35">
      <c r="A1378" s="5" t="s">
        <v>10</v>
      </c>
      <c r="B1378" s="6">
        <v>237366</v>
      </c>
      <c r="C1378" s="6" t="s">
        <v>94</v>
      </c>
      <c r="D1378" s="6" t="s">
        <v>1700</v>
      </c>
      <c r="E1378" s="6">
        <v>66440</v>
      </c>
      <c r="F1378" s="6" t="s">
        <v>18</v>
      </c>
      <c r="G1378" s="6" t="s">
        <v>3015</v>
      </c>
      <c r="H1378" s="6" t="s">
        <v>3016</v>
      </c>
      <c r="I1378" s="7">
        <v>0</v>
      </c>
      <c r="J1378" s="8">
        <v>0</v>
      </c>
    </row>
    <row r="1379" spans="1:10" x14ac:dyDescent="0.35">
      <c r="A1379" s="5" t="s">
        <v>10</v>
      </c>
      <c r="B1379" s="6">
        <v>210662</v>
      </c>
      <c r="C1379" s="6" t="s">
        <v>68</v>
      </c>
      <c r="D1379" s="6" t="s">
        <v>69</v>
      </c>
      <c r="E1379" s="6">
        <v>11001</v>
      </c>
      <c r="F1379" s="6" t="s">
        <v>13</v>
      </c>
      <c r="G1379" s="6" t="s">
        <v>3017</v>
      </c>
      <c r="H1379" s="6" t="s">
        <v>3018</v>
      </c>
      <c r="I1379" s="7">
        <v>4.6069553000000001</v>
      </c>
      <c r="J1379" s="8">
        <v>-74.073908599999996</v>
      </c>
    </row>
    <row r="1380" spans="1:10" x14ac:dyDescent="0.35">
      <c r="A1380" s="5" t="s">
        <v>10</v>
      </c>
      <c r="B1380" s="6">
        <v>231950</v>
      </c>
      <c r="C1380" s="6" t="s">
        <v>24</v>
      </c>
      <c r="D1380" s="6" t="s">
        <v>85</v>
      </c>
      <c r="E1380" s="6">
        <v>15759</v>
      </c>
      <c r="F1380" s="6" t="s">
        <v>18</v>
      </c>
      <c r="G1380" s="6" t="s">
        <v>3019</v>
      </c>
      <c r="H1380" s="6" t="s">
        <v>3020</v>
      </c>
      <c r="I1380" s="7">
        <v>5.7160848</v>
      </c>
      <c r="J1380" s="8">
        <v>-72.931128900000004</v>
      </c>
    </row>
    <row r="1381" spans="1:10" x14ac:dyDescent="0.35">
      <c r="A1381" s="5" t="s">
        <v>10</v>
      </c>
      <c r="B1381" s="6">
        <v>233287</v>
      </c>
      <c r="C1381" s="6" t="s">
        <v>42</v>
      </c>
      <c r="D1381" s="6" t="s">
        <v>43</v>
      </c>
      <c r="E1381" s="6">
        <v>17001</v>
      </c>
      <c r="F1381" s="6" t="s">
        <v>18</v>
      </c>
      <c r="G1381" s="6" t="s">
        <v>3021</v>
      </c>
      <c r="H1381" s="6" t="s">
        <v>3022</v>
      </c>
      <c r="I1381" s="7">
        <v>5.07029</v>
      </c>
      <c r="J1381" s="8">
        <v>-75.51388</v>
      </c>
    </row>
    <row r="1382" spans="1:10" x14ac:dyDescent="0.35">
      <c r="A1382" s="5" t="s">
        <v>10</v>
      </c>
      <c r="B1382" s="6">
        <v>210681</v>
      </c>
      <c r="C1382" s="6" t="s">
        <v>68</v>
      </c>
      <c r="D1382" s="6" t="s">
        <v>69</v>
      </c>
      <c r="E1382" s="6">
        <v>11001</v>
      </c>
      <c r="F1382" s="6" t="s">
        <v>13</v>
      </c>
      <c r="G1382" s="6" t="s">
        <v>3023</v>
      </c>
      <c r="H1382" s="6" t="s">
        <v>3024</v>
      </c>
      <c r="I1382" s="7">
        <v>4.6287067999999998</v>
      </c>
      <c r="J1382" s="8">
        <v>-74.108789799999997</v>
      </c>
    </row>
    <row r="1383" spans="1:10" x14ac:dyDescent="0.35">
      <c r="A1383" s="5" t="s">
        <v>10</v>
      </c>
      <c r="B1383" s="6">
        <v>185953</v>
      </c>
      <c r="C1383" s="6" t="s">
        <v>55</v>
      </c>
      <c r="D1383" s="6" t="s">
        <v>56</v>
      </c>
      <c r="E1383" s="6">
        <v>73001</v>
      </c>
      <c r="F1383" s="6" t="s">
        <v>18</v>
      </c>
      <c r="G1383" s="6" t="s">
        <v>3025</v>
      </c>
      <c r="H1383" s="6" t="s">
        <v>3026</v>
      </c>
      <c r="I1383" s="7">
        <v>4.4399742</v>
      </c>
      <c r="J1383" s="8">
        <v>-75.234897000000004</v>
      </c>
    </row>
    <row r="1384" spans="1:10" x14ac:dyDescent="0.35">
      <c r="A1384" s="5" t="s">
        <v>10</v>
      </c>
      <c r="B1384" s="6">
        <v>245908</v>
      </c>
      <c r="C1384" s="6" t="s">
        <v>55</v>
      </c>
      <c r="D1384" s="6" t="s">
        <v>165</v>
      </c>
      <c r="E1384" s="6">
        <v>73449</v>
      </c>
      <c r="F1384" s="6" t="s">
        <v>18</v>
      </c>
      <c r="G1384" s="6" t="s">
        <v>3027</v>
      </c>
      <c r="H1384" s="6" t="s">
        <v>3028</v>
      </c>
      <c r="I1384" s="7">
        <v>4.2035720000000003</v>
      </c>
      <c r="J1384" s="8">
        <v>-74.643383</v>
      </c>
    </row>
    <row r="1385" spans="1:10" x14ac:dyDescent="0.35">
      <c r="A1385" s="5" t="s">
        <v>10</v>
      </c>
      <c r="B1385" s="6">
        <v>224859</v>
      </c>
      <c r="C1385" s="6" t="s">
        <v>24</v>
      </c>
      <c r="D1385" s="6" t="s">
        <v>1427</v>
      </c>
      <c r="E1385" s="6">
        <v>15494</v>
      </c>
      <c r="F1385" s="6" t="s">
        <v>18</v>
      </c>
      <c r="G1385" s="6" t="s">
        <v>3029</v>
      </c>
      <c r="H1385" s="6" t="s">
        <v>2918</v>
      </c>
      <c r="I1385" s="7">
        <v>5.3545365999999897</v>
      </c>
      <c r="J1385" s="8">
        <v>-73.456395399999906</v>
      </c>
    </row>
    <row r="1386" spans="1:10" x14ac:dyDescent="0.35">
      <c r="A1386" s="5" t="s">
        <v>10</v>
      </c>
      <c r="B1386" s="6">
        <v>229680</v>
      </c>
      <c r="C1386" s="6" t="s">
        <v>28</v>
      </c>
      <c r="D1386" s="6" t="s">
        <v>29</v>
      </c>
      <c r="E1386" s="6">
        <v>54001</v>
      </c>
      <c r="F1386" s="6" t="s">
        <v>18</v>
      </c>
      <c r="G1386" s="6" t="s">
        <v>3030</v>
      </c>
      <c r="H1386" s="6" t="s">
        <v>3031</v>
      </c>
      <c r="I1386" s="7">
        <v>7.9073688000000004</v>
      </c>
      <c r="J1386" s="8">
        <v>-72.518056400000006</v>
      </c>
    </row>
    <row r="1387" spans="1:10" x14ac:dyDescent="0.35">
      <c r="A1387" s="5" t="s">
        <v>10</v>
      </c>
      <c r="B1387" s="6">
        <v>213187</v>
      </c>
      <c r="C1387" s="6" t="s">
        <v>61</v>
      </c>
      <c r="D1387" s="6" t="s">
        <v>259</v>
      </c>
      <c r="E1387" s="6">
        <v>63190</v>
      </c>
      <c r="F1387" s="6" t="s">
        <v>18</v>
      </c>
      <c r="G1387" s="6" t="s">
        <v>3032</v>
      </c>
      <c r="H1387" s="6" t="s">
        <v>3033</v>
      </c>
      <c r="I1387" s="7">
        <v>4.6160939999999897</v>
      </c>
      <c r="J1387" s="8">
        <v>-75.635594999999995</v>
      </c>
    </row>
    <row r="1388" spans="1:10" x14ac:dyDescent="0.35">
      <c r="A1388" s="5" t="s">
        <v>10</v>
      </c>
      <c r="B1388" s="6">
        <v>141697</v>
      </c>
      <c r="C1388" s="6" t="s">
        <v>11</v>
      </c>
      <c r="D1388" s="6" t="s">
        <v>156</v>
      </c>
      <c r="E1388" s="6">
        <v>25815</v>
      </c>
      <c r="F1388" s="6" t="s">
        <v>13</v>
      </c>
      <c r="G1388" s="6" t="s">
        <v>157</v>
      </c>
      <c r="H1388" s="6" t="s">
        <v>158</v>
      </c>
      <c r="I1388" s="7">
        <v>4.4585293999999998</v>
      </c>
      <c r="J1388" s="8">
        <v>-74.6368449</v>
      </c>
    </row>
    <row r="1389" spans="1:10" x14ac:dyDescent="0.35">
      <c r="A1389" s="5" t="s">
        <v>10</v>
      </c>
      <c r="B1389" s="6">
        <v>78791</v>
      </c>
      <c r="C1389" s="6" t="s">
        <v>16</v>
      </c>
      <c r="D1389" s="6" t="s">
        <v>3034</v>
      </c>
      <c r="E1389" s="6">
        <v>68101</v>
      </c>
      <c r="F1389" s="6" t="s">
        <v>18</v>
      </c>
      <c r="G1389" s="6" t="s">
        <v>3035</v>
      </c>
      <c r="H1389" s="6" t="s">
        <v>3036</v>
      </c>
      <c r="I1389" s="7">
        <v>6.6437075999999999</v>
      </c>
      <c r="J1389" s="8">
        <v>-73.653620899999893</v>
      </c>
    </row>
    <row r="1390" spans="1:10" x14ac:dyDescent="0.35">
      <c r="A1390" s="5" t="s">
        <v>10</v>
      </c>
      <c r="B1390" s="6">
        <v>235559</v>
      </c>
      <c r="C1390" s="6" t="s">
        <v>11</v>
      </c>
      <c r="D1390" s="6" t="s">
        <v>21</v>
      </c>
      <c r="E1390" s="6">
        <v>25386</v>
      </c>
      <c r="F1390" s="6" t="s">
        <v>18</v>
      </c>
      <c r="G1390" s="6" t="s">
        <v>3037</v>
      </c>
      <c r="H1390" s="6" t="s">
        <v>3038</v>
      </c>
      <c r="I1390" s="7">
        <v>4.6321469999999998</v>
      </c>
      <c r="J1390" s="8">
        <v>-74.463014000000001</v>
      </c>
    </row>
    <row r="1391" spans="1:10" x14ac:dyDescent="0.35">
      <c r="A1391" s="5" t="s">
        <v>10</v>
      </c>
      <c r="B1391" s="6">
        <v>185321</v>
      </c>
      <c r="C1391" s="6" t="s">
        <v>24</v>
      </c>
      <c r="D1391" s="6" t="s">
        <v>137</v>
      </c>
      <c r="E1391" s="6">
        <v>15238</v>
      </c>
      <c r="F1391" s="6" t="s">
        <v>18</v>
      </c>
      <c r="G1391" s="6" t="s">
        <v>3039</v>
      </c>
      <c r="H1391" s="6" t="s">
        <v>3040</v>
      </c>
      <c r="I1391" s="7">
        <v>5.8268950999999998</v>
      </c>
      <c r="J1391" s="8">
        <v>-73.032927299999997</v>
      </c>
    </row>
    <row r="1392" spans="1:10" x14ac:dyDescent="0.35">
      <c r="A1392" s="5" t="s">
        <v>10</v>
      </c>
      <c r="B1392" s="6">
        <v>236867</v>
      </c>
      <c r="C1392" s="6" t="s">
        <v>24</v>
      </c>
      <c r="D1392" s="6" t="s">
        <v>88</v>
      </c>
      <c r="E1392" s="6">
        <v>15001</v>
      </c>
      <c r="F1392" s="6" t="s">
        <v>18</v>
      </c>
      <c r="G1392" s="6" t="s">
        <v>3041</v>
      </c>
      <c r="H1392" s="6" t="s">
        <v>3042</v>
      </c>
      <c r="I1392" s="7">
        <v>5.5312697000000002</v>
      </c>
      <c r="J1392" s="8">
        <v>-73.347885899999994</v>
      </c>
    </row>
    <row r="1393" spans="1:10" x14ac:dyDescent="0.35">
      <c r="A1393" s="5" t="s">
        <v>10</v>
      </c>
      <c r="B1393" s="6">
        <v>239849</v>
      </c>
      <c r="C1393" s="6" t="s">
        <v>24</v>
      </c>
      <c r="D1393" s="6" t="s">
        <v>3043</v>
      </c>
      <c r="E1393" s="6">
        <v>15790</v>
      </c>
      <c r="F1393" s="6" t="s">
        <v>18</v>
      </c>
      <c r="G1393" s="6" t="s">
        <v>3044</v>
      </c>
      <c r="H1393" s="6" t="s">
        <v>3045</v>
      </c>
      <c r="I1393" s="7">
        <v>5.9093960000000001</v>
      </c>
      <c r="J1393" s="8">
        <v>-72.780810000000002</v>
      </c>
    </row>
    <row r="1394" spans="1:10" x14ac:dyDescent="0.35">
      <c r="A1394" s="5" t="s">
        <v>10</v>
      </c>
      <c r="B1394" s="6">
        <v>138168</v>
      </c>
      <c r="C1394" s="6" t="s">
        <v>28</v>
      </c>
      <c r="D1394" s="6" t="s">
        <v>29</v>
      </c>
      <c r="E1394" s="6">
        <v>54001</v>
      </c>
      <c r="F1394" s="6" t="s">
        <v>18</v>
      </c>
      <c r="G1394" s="6" t="s">
        <v>3046</v>
      </c>
      <c r="H1394" s="6" t="s">
        <v>3047</v>
      </c>
      <c r="I1394" s="7">
        <v>7.8863463999999999</v>
      </c>
      <c r="J1394" s="8">
        <v>-72.501575299999999</v>
      </c>
    </row>
    <row r="1395" spans="1:10" x14ac:dyDescent="0.35">
      <c r="A1395" s="5" t="s">
        <v>10</v>
      </c>
      <c r="B1395" s="6">
        <v>235590</v>
      </c>
      <c r="C1395" s="6" t="s">
        <v>94</v>
      </c>
      <c r="D1395" s="6" t="s">
        <v>242</v>
      </c>
      <c r="E1395" s="6">
        <v>66682</v>
      </c>
      <c r="F1395" s="6" t="s">
        <v>18</v>
      </c>
      <c r="G1395" s="6" t="s">
        <v>3048</v>
      </c>
      <c r="H1395" s="6" t="s">
        <v>3049</v>
      </c>
      <c r="I1395" s="7">
        <v>4.8701210000000001</v>
      </c>
      <c r="J1395" s="8">
        <v>-75.622389999999996</v>
      </c>
    </row>
    <row r="1396" spans="1:10" x14ac:dyDescent="0.35">
      <c r="A1396" s="5" t="s">
        <v>10</v>
      </c>
      <c r="B1396" s="6">
        <v>227728</v>
      </c>
      <c r="C1396" s="6" t="s">
        <v>42</v>
      </c>
      <c r="D1396" s="6" t="s">
        <v>275</v>
      </c>
      <c r="E1396" s="6">
        <v>17614</v>
      </c>
      <c r="F1396" s="6" t="s">
        <v>18</v>
      </c>
      <c r="G1396" s="6" t="s">
        <v>3050</v>
      </c>
      <c r="H1396" s="6" t="s">
        <v>3051</v>
      </c>
      <c r="I1396" s="7">
        <v>5.4206838999999896</v>
      </c>
      <c r="J1396" s="8">
        <v>-75.705387999999999</v>
      </c>
    </row>
    <row r="1397" spans="1:10" x14ac:dyDescent="0.35">
      <c r="A1397" s="5" t="s">
        <v>10</v>
      </c>
      <c r="B1397" s="6">
        <v>218080</v>
      </c>
      <c r="C1397" s="6" t="s">
        <v>68</v>
      </c>
      <c r="D1397" s="6" t="s">
        <v>69</v>
      </c>
      <c r="E1397" s="6">
        <v>11001</v>
      </c>
      <c r="F1397" s="6" t="s">
        <v>13</v>
      </c>
      <c r="G1397" s="6" t="s">
        <v>3052</v>
      </c>
      <c r="H1397" s="6" t="s">
        <v>3053</v>
      </c>
      <c r="I1397" s="7">
        <v>4.7111242999999998</v>
      </c>
      <c r="J1397" s="8">
        <v>-74.111593099999993</v>
      </c>
    </row>
    <row r="1398" spans="1:10" x14ac:dyDescent="0.35">
      <c r="A1398" s="5" t="s">
        <v>10</v>
      </c>
      <c r="B1398" s="6">
        <v>190316</v>
      </c>
      <c r="C1398" s="6" t="s">
        <v>11</v>
      </c>
      <c r="D1398" s="6" t="s">
        <v>3054</v>
      </c>
      <c r="E1398" s="6">
        <v>25269</v>
      </c>
      <c r="F1398" s="6" t="s">
        <v>13</v>
      </c>
      <c r="G1398" s="6" t="s">
        <v>3055</v>
      </c>
      <c r="H1398" s="6" t="s">
        <v>3056</v>
      </c>
      <c r="I1398" s="7">
        <v>4.8140045999999996</v>
      </c>
      <c r="J1398" s="8">
        <v>-74.354996499999999</v>
      </c>
    </row>
    <row r="1399" spans="1:10" x14ac:dyDescent="0.35">
      <c r="A1399" s="5" t="s">
        <v>10</v>
      </c>
      <c r="B1399" s="6">
        <v>213482</v>
      </c>
      <c r="C1399" s="6" t="s">
        <v>16</v>
      </c>
      <c r="D1399" s="6" t="s">
        <v>17</v>
      </c>
      <c r="E1399" s="6">
        <v>68679</v>
      </c>
      <c r="F1399" s="6" t="s">
        <v>18</v>
      </c>
      <c r="G1399" s="6" t="s">
        <v>3057</v>
      </c>
      <c r="H1399" s="6" t="s">
        <v>3058</v>
      </c>
      <c r="I1399" s="7">
        <v>6.5521021999999904</v>
      </c>
      <c r="J1399" s="8">
        <v>-73.139950799999994</v>
      </c>
    </row>
    <row r="1400" spans="1:10" x14ac:dyDescent="0.35">
      <c r="A1400" s="5" t="s">
        <v>10</v>
      </c>
      <c r="B1400" s="6">
        <v>216841</v>
      </c>
      <c r="C1400" s="6" t="s">
        <v>68</v>
      </c>
      <c r="D1400" s="6" t="s">
        <v>69</v>
      </c>
      <c r="E1400" s="6">
        <v>11001</v>
      </c>
      <c r="F1400" s="6" t="s">
        <v>18</v>
      </c>
      <c r="G1400" s="6" t="s">
        <v>3059</v>
      </c>
      <c r="H1400" s="6" t="s">
        <v>3060</v>
      </c>
      <c r="I1400" s="7">
        <v>4.7642633999999999</v>
      </c>
      <c r="J1400" s="8">
        <v>-74.032571300000001</v>
      </c>
    </row>
    <row r="1401" spans="1:10" x14ac:dyDescent="0.35">
      <c r="A1401" s="5" t="s">
        <v>10</v>
      </c>
      <c r="B1401" s="6">
        <v>218034</v>
      </c>
      <c r="C1401" s="6" t="s">
        <v>16</v>
      </c>
      <c r="D1401" s="6" t="s">
        <v>17</v>
      </c>
      <c r="E1401" s="6">
        <v>68679</v>
      </c>
      <c r="F1401" s="6" t="s">
        <v>18</v>
      </c>
      <c r="G1401" s="6" t="s">
        <v>3061</v>
      </c>
      <c r="H1401" s="6" t="s">
        <v>3062</v>
      </c>
      <c r="I1401" s="7">
        <v>6.554824</v>
      </c>
      <c r="J1401" s="8">
        <v>-73.134119999999996</v>
      </c>
    </row>
    <row r="1402" spans="1:10" x14ac:dyDescent="0.35">
      <c r="A1402" s="5" t="s">
        <v>10</v>
      </c>
      <c r="B1402" s="6">
        <v>175204</v>
      </c>
      <c r="C1402" s="6" t="s">
        <v>11</v>
      </c>
      <c r="D1402" s="6" t="s">
        <v>680</v>
      </c>
      <c r="E1402" s="6">
        <v>25743</v>
      </c>
      <c r="F1402" s="6" t="s">
        <v>18</v>
      </c>
      <c r="G1402" s="6" t="s">
        <v>3063</v>
      </c>
      <c r="H1402" s="6" t="s">
        <v>3064</v>
      </c>
      <c r="I1402" s="7">
        <v>4.3867286999999999</v>
      </c>
      <c r="J1402" s="8">
        <v>-74.399443199999993</v>
      </c>
    </row>
    <row r="1403" spans="1:10" x14ac:dyDescent="0.35">
      <c r="A1403" s="5" t="s">
        <v>10</v>
      </c>
      <c r="B1403" s="6">
        <v>208285</v>
      </c>
      <c r="C1403" s="6" t="s">
        <v>55</v>
      </c>
      <c r="D1403" s="6" t="s">
        <v>56</v>
      </c>
      <c r="E1403" s="6">
        <v>73001</v>
      </c>
      <c r="F1403" s="6" t="s">
        <v>18</v>
      </c>
      <c r="G1403" s="6" t="s">
        <v>3065</v>
      </c>
      <c r="H1403" s="6" t="s">
        <v>3066</v>
      </c>
      <c r="I1403" s="7">
        <v>4.4397611000000001</v>
      </c>
      <c r="J1403" s="8">
        <v>-75.168788499999906</v>
      </c>
    </row>
    <row r="1404" spans="1:10" x14ac:dyDescent="0.35">
      <c r="A1404" s="5" t="s">
        <v>10</v>
      </c>
      <c r="B1404" s="6">
        <v>237387</v>
      </c>
      <c r="C1404" s="6" t="s">
        <v>24</v>
      </c>
      <c r="D1404" s="6" t="s">
        <v>85</v>
      </c>
      <c r="E1404" s="6">
        <v>15759</v>
      </c>
      <c r="F1404" s="6" t="s">
        <v>18</v>
      </c>
      <c r="G1404" s="6" t="s">
        <v>3067</v>
      </c>
      <c r="H1404" s="6" t="s">
        <v>3068</v>
      </c>
      <c r="I1404" s="7">
        <v>5.7106646000000003</v>
      </c>
      <c r="J1404" s="8">
        <v>-72.939374999999998</v>
      </c>
    </row>
    <row r="1405" spans="1:10" x14ac:dyDescent="0.35">
      <c r="A1405" s="5" t="s">
        <v>10</v>
      </c>
      <c r="B1405" s="6">
        <v>237603</v>
      </c>
      <c r="C1405" s="6" t="s">
        <v>24</v>
      </c>
      <c r="D1405" s="6" t="s">
        <v>2409</v>
      </c>
      <c r="E1405" s="6">
        <v>15753</v>
      </c>
      <c r="F1405" s="6" t="s">
        <v>18</v>
      </c>
      <c r="G1405" s="6" t="s">
        <v>3069</v>
      </c>
      <c r="H1405" s="6" t="s">
        <v>3070</v>
      </c>
      <c r="I1405" s="7">
        <v>6.3439655000000004</v>
      </c>
      <c r="J1405" s="8">
        <v>-72.686069599999996</v>
      </c>
    </row>
    <row r="1406" spans="1:10" x14ac:dyDescent="0.35">
      <c r="A1406" s="5" t="s">
        <v>10</v>
      </c>
      <c r="B1406" s="6">
        <v>240114</v>
      </c>
      <c r="C1406" s="6" t="s">
        <v>24</v>
      </c>
      <c r="D1406" s="6" t="s">
        <v>137</v>
      </c>
      <c r="E1406" s="6">
        <v>15238</v>
      </c>
      <c r="F1406" s="6" t="s">
        <v>18</v>
      </c>
      <c r="G1406" s="6" t="s">
        <v>3071</v>
      </c>
      <c r="H1406" s="6" t="s">
        <v>3072</v>
      </c>
      <c r="I1406" s="7">
        <v>5.8249912999999998</v>
      </c>
      <c r="J1406" s="8">
        <v>-73.038493200000005</v>
      </c>
    </row>
    <row r="1407" spans="1:10" x14ac:dyDescent="0.35">
      <c r="A1407" s="5" t="s">
        <v>10</v>
      </c>
      <c r="B1407" s="6">
        <v>214243</v>
      </c>
      <c r="C1407" s="6" t="s">
        <v>94</v>
      </c>
      <c r="D1407" s="6" t="s">
        <v>98</v>
      </c>
      <c r="E1407" s="6">
        <v>66001</v>
      </c>
      <c r="F1407" s="6" t="s">
        <v>18</v>
      </c>
      <c r="G1407" s="6" t="s">
        <v>3073</v>
      </c>
      <c r="H1407" s="6" t="s">
        <v>3074</v>
      </c>
      <c r="I1407" s="7">
        <v>4.7978987999999996</v>
      </c>
      <c r="J1407" s="8">
        <v>-75.7468808</v>
      </c>
    </row>
    <row r="1408" spans="1:10" x14ac:dyDescent="0.35">
      <c r="A1408" s="5" t="s">
        <v>10</v>
      </c>
      <c r="B1408" s="6">
        <v>207038</v>
      </c>
      <c r="C1408" s="6" t="s">
        <v>42</v>
      </c>
      <c r="D1408" s="6" t="s">
        <v>43</v>
      </c>
      <c r="E1408" s="6">
        <v>17001</v>
      </c>
      <c r="F1408" s="6" t="s">
        <v>18</v>
      </c>
      <c r="G1408" s="6" t="s">
        <v>3075</v>
      </c>
      <c r="H1408" s="6" t="s">
        <v>3076</v>
      </c>
      <c r="I1408" s="7">
        <v>5.0629624</v>
      </c>
      <c r="J1408" s="8">
        <v>-75.521180899999905</v>
      </c>
    </row>
    <row r="1409" spans="1:10" x14ac:dyDescent="0.35">
      <c r="A1409" s="5" t="s">
        <v>10</v>
      </c>
      <c r="B1409" s="6">
        <v>192923</v>
      </c>
      <c r="C1409" s="6" t="s">
        <v>61</v>
      </c>
      <c r="D1409" s="6" t="s">
        <v>62</v>
      </c>
      <c r="E1409" s="6">
        <v>63001</v>
      </c>
      <c r="F1409" s="6" t="s">
        <v>18</v>
      </c>
      <c r="G1409" s="6" t="s">
        <v>3077</v>
      </c>
      <c r="H1409" s="6" t="s">
        <v>3078</v>
      </c>
      <c r="I1409" s="7">
        <v>4.5427624</v>
      </c>
      <c r="J1409" s="8">
        <v>-75.676757600000002</v>
      </c>
    </row>
    <row r="1410" spans="1:10" x14ac:dyDescent="0.35">
      <c r="A1410" s="5" t="s">
        <v>10</v>
      </c>
      <c r="B1410" s="6">
        <v>233254</v>
      </c>
      <c r="C1410" s="6" t="s">
        <v>94</v>
      </c>
      <c r="D1410" s="6" t="s">
        <v>236</v>
      </c>
      <c r="E1410" s="6">
        <v>66075</v>
      </c>
      <c r="F1410" s="6" t="s">
        <v>18</v>
      </c>
      <c r="G1410" s="6" t="s">
        <v>3079</v>
      </c>
      <c r="H1410" s="6" t="s">
        <v>3080</v>
      </c>
      <c r="I1410" s="7">
        <v>4.8165500000000003</v>
      </c>
      <c r="J1410" s="8">
        <v>-75.709419999999994</v>
      </c>
    </row>
    <row r="1411" spans="1:10" x14ac:dyDescent="0.35">
      <c r="A1411" s="5" t="s">
        <v>10</v>
      </c>
      <c r="B1411" s="6">
        <v>187500</v>
      </c>
      <c r="C1411" s="6" t="s">
        <v>68</v>
      </c>
      <c r="D1411" s="6" t="s">
        <v>69</v>
      </c>
      <c r="E1411" s="6">
        <v>11001</v>
      </c>
      <c r="F1411" s="6" t="s">
        <v>13</v>
      </c>
      <c r="G1411" s="6" t="s">
        <v>3081</v>
      </c>
      <c r="H1411" s="6" t="s">
        <v>3082</v>
      </c>
      <c r="I1411" s="7">
        <v>4.6146814999999997</v>
      </c>
      <c r="J1411" s="8">
        <v>-74.125326999999999</v>
      </c>
    </row>
    <row r="1412" spans="1:10" x14ac:dyDescent="0.35">
      <c r="A1412" s="5" t="s">
        <v>10</v>
      </c>
      <c r="B1412" s="6">
        <v>241807</v>
      </c>
      <c r="C1412" s="6" t="s">
        <v>109</v>
      </c>
      <c r="D1412" s="6" t="s">
        <v>2830</v>
      </c>
      <c r="E1412" s="6">
        <v>13430</v>
      </c>
      <c r="F1412" s="6" t="s">
        <v>18</v>
      </c>
      <c r="G1412" s="6" t="s">
        <v>3083</v>
      </c>
      <c r="H1412" s="6" t="s">
        <v>3084</v>
      </c>
      <c r="I1412" s="7">
        <v>9.2414155999999998</v>
      </c>
      <c r="J1412" s="8">
        <v>-74.752758700000001</v>
      </c>
    </row>
    <row r="1413" spans="1:10" x14ac:dyDescent="0.35">
      <c r="A1413" s="5" t="s">
        <v>10</v>
      </c>
      <c r="B1413" s="6">
        <v>209529</v>
      </c>
      <c r="C1413" s="6" t="s">
        <v>109</v>
      </c>
      <c r="D1413" s="6" t="s">
        <v>227</v>
      </c>
      <c r="E1413" s="6">
        <v>13001</v>
      </c>
      <c r="F1413" s="6" t="s">
        <v>18</v>
      </c>
      <c r="G1413" s="6" t="s">
        <v>3085</v>
      </c>
      <c r="H1413" s="6" t="s">
        <v>3086</v>
      </c>
      <c r="I1413" s="7">
        <v>10.3996747</v>
      </c>
      <c r="J1413" s="8">
        <v>-75.490543599999995</v>
      </c>
    </row>
    <row r="1414" spans="1:10" x14ac:dyDescent="0.35">
      <c r="A1414" s="5" t="s">
        <v>10</v>
      </c>
      <c r="B1414" s="6">
        <v>244674</v>
      </c>
      <c r="C1414" s="6" t="s">
        <v>55</v>
      </c>
      <c r="D1414" s="6" t="s">
        <v>165</v>
      </c>
      <c r="E1414" s="6">
        <v>73449</v>
      </c>
      <c r="F1414" s="6" t="s">
        <v>18</v>
      </c>
      <c r="G1414" s="6" t="s">
        <v>3087</v>
      </c>
      <c r="H1414" s="6" t="s">
        <v>3088</v>
      </c>
      <c r="I1414" s="7">
        <v>4.2004799999999998</v>
      </c>
      <c r="J1414" s="8">
        <v>-74.646375000000006</v>
      </c>
    </row>
    <row r="1415" spans="1:10" x14ac:dyDescent="0.35">
      <c r="A1415" s="5" t="s">
        <v>10</v>
      </c>
      <c r="B1415" s="6">
        <v>228349</v>
      </c>
      <c r="C1415" s="6" t="s">
        <v>55</v>
      </c>
      <c r="D1415" s="6" t="s">
        <v>56</v>
      </c>
      <c r="E1415" s="6">
        <v>73001</v>
      </c>
      <c r="F1415" s="6" t="s">
        <v>18</v>
      </c>
      <c r="G1415" s="6" t="s">
        <v>3089</v>
      </c>
      <c r="H1415" s="6" t="s">
        <v>3090</v>
      </c>
      <c r="I1415" s="7">
        <v>4.4338553999999997</v>
      </c>
      <c r="J1415" s="8">
        <v>-75.244864100000001</v>
      </c>
    </row>
    <row r="1416" spans="1:10" x14ac:dyDescent="0.35">
      <c r="A1416" s="5" t="s">
        <v>10</v>
      </c>
      <c r="B1416" s="6">
        <v>205684</v>
      </c>
      <c r="C1416" s="6" t="s">
        <v>55</v>
      </c>
      <c r="D1416" s="6" t="s">
        <v>2854</v>
      </c>
      <c r="E1416" s="6">
        <v>73283</v>
      </c>
      <c r="F1416" s="6" t="s">
        <v>18</v>
      </c>
      <c r="G1416" s="6" t="s">
        <v>3091</v>
      </c>
      <c r="H1416" s="6" t="s">
        <v>3092</v>
      </c>
      <c r="I1416" s="7">
        <v>5.1513564999999897</v>
      </c>
      <c r="J1416" s="8">
        <v>-75.036073899999906</v>
      </c>
    </row>
    <row r="1417" spans="1:10" x14ac:dyDescent="0.35">
      <c r="A1417" s="5" t="s">
        <v>10</v>
      </c>
      <c r="B1417" s="6">
        <v>180614</v>
      </c>
      <c r="C1417" s="6" t="s">
        <v>24</v>
      </c>
      <c r="D1417" s="6" t="s">
        <v>317</v>
      </c>
      <c r="E1417" s="6">
        <v>15176</v>
      </c>
      <c r="F1417" s="6" t="s">
        <v>18</v>
      </c>
      <c r="G1417" s="6" t="s">
        <v>3093</v>
      </c>
      <c r="H1417" s="6" t="s">
        <v>3094</v>
      </c>
      <c r="I1417" s="7">
        <v>4.6793933000000001</v>
      </c>
      <c r="J1417" s="8">
        <v>-74.050530499999994</v>
      </c>
    </row>
    <row r="1418" spans="1:10" x14ac:dyDescent="0.35">
      <c r="A1418" s="5" t="s">
        <v>10</v>
      </c>
      <c r="B1418" s="6">
        <v>232545</v>
      </c>
      <c r="C1418" s="6" t="s">
        <v>24</v>
      </c>
      <c r="D1418" s="6" t="s">
        <v>814</v>
      </c>
      <c r="E1418" s="6">
        <v>15469</v>
      </c>
      <c r="F1418" s="6" t="s">
        <v>18</v>
      </c>
      <c r="G1418" s="6" t="s">
        <v>3095</v>
      </c>
      <c r="H1418" s="6" t="s">
        <v>3096</v>
      </c>
      <c r="I1418" s="7">
        <v>5.8746774999999998</v>
      </c>
      <c r="J1418" s="8">
        <v>-73.573183200000003</v>
      </c>
    </row>
    <row r="1419" spans="1:10" x14ac:dyDescent="0.35">
      <c r="A1419" s="5" t="s">
        <v>10</v>
      </c>
      <c r="B1419" s="6">
        <v>240043</v>
      </c>
      <c r="C1419" s="6" t="s">
        <v>24</v>
      </c>
      <c r="D1419" s="6" t="s">
        <v>1324</v>
      </c>
      <c r="E1419" s="6">
        <v>15464</v>
      </c>
      <c r="F1419" s="6" t="s">
        <v>18</v>
      </c>
      <c r="G1419" s="6" t="s">
        <v>3097</v>
      </c>
      <c r="H1419" s="6" t="s">
        <v>1326</v>
      </c>
      <c r="I1419" s="7">
        <v>5.7528876999999996</v>
      </c>
      <c r="J1419" s="8">
        <v>-72.798270099999996</v>
      </c>
    </row>
    <row r="1420" spans="1:10" x14ac:dyDescent="0.35">
      <c r="A1420" s="5" t="s">
        <v>10</v>
      </c>
      <c r="B1420" s="6">
        <v>175062</v>
      </c>
      <c r="C1420" s="6" t="s">
        <v>11</v>
      </c>
      <c r="D1420" s="6" t="s">
        <v>221</v>
      </c>
      <c r="E1420" s="6">
        <v>25430</v>
      </c>
      <c r="F1420" s="6" t="s">
        <v>13</v>
      </c>
      <c r="G1420" s="6" t="s">
        <v>3098</v>
      </c>
      <c r="H1420" s="6" t="s">
        <v>3099</v>
      </c>
      <c r="I1420" s="7">
        <v>4.7336258999999998</v>
      </c>
      <c r="J1420" s="8">
        <v>-74.264042000000003</v>
      </c>
    </row>
    <row r="1421" spans="1:10" x14ac:dyDescent="0.35">
      <c r="A1421" s="5" t="s">
        <v>10</v>
      </c>
      <c r="B1421" s="6">
        <v>191720</v>
      </c>
      <c r="C1421" s="6" t="s">
        <v>16</v>
      </c>
      <c r="D1421" s="6" t="s">
        <v>17</v>
      </c>
      <c r="E1421" s="6">
        <v>68679</v>
      </c>
      <c r="F1421" s="6" t="s">
        <v>18</v>
      </c>
      <c r="G1421" s="6" t="s">
        <v>3100</v>
      </c>
      <c r="H1421" s="6" t="s">
        <v>3101</v>
      </c>
      <c r="I1421" s="7">
        <v>6.554824</v>
      </c>
      <c r="J1421" s="8">
        <v>-73.134119999999996</v>
      </c>
    </row>
    <row r="1422" spans="1:10" x14ac:dyDescent="0.35">
      <c r="A1422" s="5" t="s">
        <v>10</v>
      </c>
      <c r="B1422" s="6">
        <v>229724</v>
      </c>
      <c r="C1422" s="6" t="s">
        <v>16</v>
      </c>
      <c r="D1422" s="6" t="s">
        <v>224</v>
      </c>
      <c r="E1422" s="6">
        <v>68755</v>
      </c>
      <c r="F1422" s="6" t="s">
        <v>18</v>
      </c>
      <c r="G1422" s="6" t="s">
        <v>3102</v>
      </c>
      <c r="H1422" s="6" t="s">
        <v>3103</v>
      </c>
      <c r="I1422" s="7">
        <v>6.4659310999999997</v>
      </c>
      <c r="J1422" s="8">
        <v>-73.263001700000004</v>
      </c>
    </row>
    <row r="1423" spans="1:10" x14ac:dyDescent="0.35">
      <c r="A1423" s="5" t="s">
        <v>10</v>
      </c>
      <c r="B1423" s="6">
        <v>131609</v>
      </c>
      <c r="C1423" s="6" t="s">
        <v>11</v>
      </c>
      <c r="D1423" s="6" t="s">
        <v>3104</v>
      </c>
      <c r="E1423" s="6">
        <v>25245</v>
      </c>
      <c r="F1423" s="6" t="s">
        <v>18</v>
      </c>
      <c r="G1423" s="6" t="s">
        <v>3105</v>
      </c>
      <c r="H1423" s="6" t="s">
        <v>3106</v>
      </c>
      <c r="I1423" s="7">
        <v>4.4923552999999998</v>
      </c>
      <c r="J1423" s="8">
        <v>-74.440226499999994</v>
      </c>
    </row>
    <row r="1424" spans="1:10" x14ac:dyDescent="0.35">
      <c r="A1424" s="5" t="s">
        <v>10</v>
      </c>
      <c r="B1424" s="6">
        <v>169636</v>
      </c>
      <c r="C1424" s="6" t="s">
        <v>11</v>
      </c>
      <c r="D1424" s="6" t="s">
        <v>221</v>
      </c>
      <c r="E1424" s="6">
        <v>25430</v>
      </c>
      <c r="F1424" s="6" t="s">
        <v>18</v>
      </c>
      <c r="G1424" s="6" t="s">
        <v>3107</v>
      </c>
      <c r="H1424" s="6" t="s">
        <v>3108</v>
      </c>
      <c r="I1424" s="7">
        <v>4.734477</v>
      </c>
      <c r="J1424" s="8">
        <v>-74.275572499999996</v>
      </c>
    </row>
    <row r="1425" spans="1:10" x14ac:dyDescent="0.35">
      <c r="A1425" s="5" t="s">
        <v>10</v>
      </c>
      <c r="B1425" s="6">
        <v>246340</v>
      </c>
      <c r="C1425" s="6" t="s">
        <v>24</v>
      </c>
      <c r="D1425" s="6" t="s">
        <v>343</v>
      </c>
      <c r="E1425" s="6">
        <v>15814</v>
      </c>
      <c r="F1425" s="6" t="s">
        <v>18</v>
      </c>
      <c r="G1425" s="6" t="s">
        <v>3109</v>
      </c>
      <c r="H1425" s="6" t="s">
        <v>3110</v>
      </c>
      <c r="I1425" s="7">
        <v>5.5633955000000004</v>
      </c>
      <c r="J1425" s="8">
        <v>-73.182635000000005</v>
      </c>
    </row>
    <row r="1426" spans="1:10" x14ac:dyDescent="0.35">
      <c r="A1426" s="5" t="s">
        <v>10</v>
      </c>
      <c r="B1426" s="6">
        <v>243830</v>
      </c>
      <c r="C1426" s="6" t="s">
        <v>28</v>
      </c>
      <c r="D1426" s="6" t="s">
        <v>1515</v>
      </c>
      <c r="E1426" s="6">
        <v>54239</v>
      </c>
      <c r="F1426" s="6" t="s">
        <v>18</v>
      </c>
      <c r="G1426" s="6" t="s">
        <v>3111</v>
      </c>
      <c r="H1426" s="6" t="s">
        <v>3112</v>
      </c>
      <c r="I1426" s="7">
        <v>7.9260416999999999</v>
      </c>
      <c r="J1426" s="8">
        <v>-72.506035100000005</v>
      </c>
    </row>
    <row r="1427" spans="1:10" x14ac:dyDescent="0.35">
      <c r="A1427" s="5" t="s">
        <v>10</v>
      </c>
      <c r="B1427" s="6">
        <v>202644</v>
      </c>
      <c r="C1427" s="6" t="s">
        <v>16</v>
      </c>
      <c r="D1427" s="6" t="s">
        <v>2694</v>
      </c>
      <c r="E1427" s="6">
        <v>68895</v>
      </c>
      <c r="F1427" s="6" t="s">
        <v>18</v>
      </c>
      <c r="G1427" s="6" t="s">
        <v>3113</v>
      </c>
      <c r="H1427" s="6" t="s">
        <v>3114</v>
      </c>
      <c r="I1427" s="7">
        <v>6.8156657999999997</v>
      </c>
      <c r="J1427" s="8">
        <v>-73.268857099999906</v>
      </c>
    </row>
    <row r="1428" spans="1:10" x14ac:dyDescent="0.35">
      <c r="A1428" s="5" t="s">
        <v>10</v>
      </c>
      <c r="B1428" s="6">
        <v>190761</v>
      </c>
      <c r="C1428" s="6" t="s">
        <v>11</v>
      </c>
      <c r="D1428" s="6" t="s">
        <v>106</v>
      </c>
      <c r="E1428" s="6">
        <v>25843</v>
      </c>
      <c r="F1428" s="6" t="s">
        <v>18</v>
      </c>
      <c r="G1428" s="6" t="s">
        <v>3115</v>
      </c>
      <c r="H1428" s="6" t="s">
        <v>3116</v>
      </c>
      <c r="I1428" s="7">
        <v>5.3097094</v>
      </c>
      <c r="J1428" s="8">
        <v>-73.812448699999905</v>
      </c>
    </row>
    <row r="1429" spans="1:10" x14ac:dyDescent="0.35">
      <c r="A1429" s="5" t="s">
        <v>10</v>
      </c>
      <c r="B1429" s="6">
        <v>207811</v>
      </c>
      <c r="C1429" s="6" t="s">
        <v>55</v>
      </c>
      <c r="D1429" s="6" t="s">
        <v>712</v>
      </c>
      <c r="E1429" s="6">
        <v>73671</v>
      </c>
      <c r="F1429" s="6" t="s">
        <v>18</v>
      </c>
      <c r="G1429" s="6" t="s">
        <v>746</v>
      </c>
      <c r="H1429" s="6" t="s">
        <v>747</v>
      </c>
      <c r="I1429" s="7">
        <v>3.9286132</v>
      </c>
      <c r="J1429" s="8">
        <v>-75.017481399999994</v>
      </c>
    </row>
    <row r="1430" spans="1:10" x14ac:dyDescent="0.35">
      <c r="A1430" s="5" t="s">
        <v>10</v>
      </c>
      <c r="B1430" s="6">
        <v>239308</v>
      </c>
      <c r="C1430" s="6" t="s">
        <v>24</v>
      </c>
      <c r="D1430" s="6" t="s">
        <v>137</v>
      </c>
      <c r="E1430" s="6">
        <v>15238</v>
      </c>
      <c r="F1430" s="6" t="s">
        <v>18</v>
      </c>
      <c r="G1430" s="6" t="s">
        <v>3117</v>
      </c>
      <c r="H1430" s="6" t="s">
        <v>3118</v>
      </c>
      <c r="I1430" s="7">
        <v>5.8263404999999997</v>
      </c>
      <c r="J1430" s="8">
        <v>-73.0261931</v>
      </c>
    </row>
    <row r="1431" spans="1:10" x14ac:dyDescent="0.35">
      <c r="A1431" s="5" t="s">
        <v>10</v>
      </c>
      <c r="B1431" s="6">
        <v>247556</v>
      </c>
      <c r="C1431" s="6" t="s">
        <v>24</v>
      </c>
      <c r="D1431" s="6" t="s">
        <v>317</v>
      </c>
      <c r="E1431" s="6">
        <v>15176</v>
      </c>
      <c r="F1431" s="6" t="s">
        <v>18</v>
      </c>
      <c r="G1431" s="6" t="s">
        <v>3119</v>
      </c>
      <c r="H1431" s="6" t="s">
        <v>3120</v>
      </c>
      <c r="I1431" s="7">
        <v>5.6147749999999998</v>
      </c>
      <c r="J1431" s="8">
        <v>-73.819570999999996</v>
      </c>
    </row>
    <row r="1432" spans="1:10" x14ac:dyDescent="0.35">
      <c r="A1432" s="5" t="s">
        <v>10</v>
      </c>
      <c r="B1432" s="6">
        <v>238293</v>
      </c>
      <c r="C1432" s="6" t="s">
        <v>24</v>
      </c>
      <c r="D1432" s="6" t="s">
        <v>317</v>
      </c>
      <c r="E1432" s="6">
        <v>15176</v>
      </c>
      <c r="F1432" s="6" t="s">
        <v>18</v>
      </c>
      <c r="G1432" s="6" t="s">
        <v>3121</v>
      </c>
      <c r="H1432" s="6" t="s">
        <v>3122</v>
      </c>
      <c r="I1432" s="7">
        <v>5.6189460999999996</v>
      </c>
      <c r="J1432" s="8">
        <v>-73.814596199999997</v>
      </c>
    </row>
    <row r="1433" spans="1:10" x14ac:dyDescent="0.35">
      <c r="A1433" s="5" t="s">
        <v>10</v>
      </c>
      <c r="B1433" s="6">
        <v>205190</v>
      </c>
      <c r="C1433" s="6" t="s">
        <v>28</v>
      </c>
      <c r="D1433" s="6" t="s">
        <v>29</v>
      </c>
      <c r="E1433" s="6">
        <v>54001</v>
      </c>
      <c r="F1433" s="6" t="s">
        <v>18</v>
      </c>
      <c r="G1433" s="6" t="s">
        <v>3123</v>
      </c>
      <c r="H1433" s="6" t="s">
        <v>3124</v>
      </c>
      <c r="I1433" s="7">
        <v>7.9073384000000004</v>
      </c>
      <c r="J1433" s="8">
        <v>-72.4916652</v>
      </c>
    </row>
    <row r="1434" spans="1:10" x14ac:dyDescent="0.35">
      <c r="A1434" s="5" t="s">
        <v>10</v>
      </c>
      <c r="B1434" s="6">
        <v>243847</v>
      </c>
      <c r="C1434" s="6" t="s">
        <v>28</v>
      </c>
      <c r="D1434" s="6" t="s">
        <v>29</v>
      </c>
      <c r="E1434" s="6">
        <v>54001</v>
      </c>
      <c r="F1434" s="6" t="s">
        <v>18</v>
      </c>
      <c r="G1434" s="6" t="s">
        <v>3125</v>
      </c>
      <c r="H1434" s="6" t="s">
        <v>3126</v>
      </c>
      <c r="I1434" s="7">
        <v>7.9331861000000004</v>
      </c>
      <c r="J1434" s="8">
        <v>-72.498497900000004</v>
      </c>
    </row>
    <row r="1435" spans="1:10" x14ac:dyDescent="0.35">
      <c r="A1435" s="5" t="s">
        <v>10</v>
      </c>
      <c r="B1435" s="6">
        <v>203353</v>
      </c>
      <c r="C1435" s="6" t="s">
        <v>28</v>
      </c>
      <c r="D1435" s="6" t="s">
        <v>29</v>
      </c>
      <c r="E1435" s="6">
        <v>54001</v>
      </c>
      <c r="F1435" s="6" t="s">
        <v>18</v>
      </c>
      <c r="G1435" s="6" t="s">
        <v>3127</v>
      </c>
      <c r="H1435" s="6" t="s">
        <v>3128</v>
      </c>
      <c r="I1435" s="7">
        <v>7.9052919999999904</v>
      </c>
      <c r="J1435" s="8">
        <v>-72.525127299999994</v>
      </c>
    </row>
    <row r="1436" spans="1:10" x14ac:dyDescent="0.35">
      <c r="A1436" s="5" t="s">
        <v>10</v>
      </c>
      <c r="B1436" s="6">
        <v>228976</v>
      </c>
      <c r="C1436" s="6" t="s">
        <v>42</v>
      </c>
      <c r="D1436" s="6" t="s">
        <v>396</v>
      </c>
      <c r="E1436" s="6">
        <v>17380</v>
      </c>
      <c r="F1436" s="6" t="s">
        <v>18</v>
      </c>
      <c r="G1436" s="6" t="s">
        <v>3129</v>
      </c>
      <c r="H1436" s="6" t="s">
        <v>3130</v>
      </c>
      <c r="I1436" s="7">
        <v>5.4585349000000001</v>
      </c>
      <c r="J1436" s="8">
        <v>-74.670464100000004</v>
      </c>
    </row>
    <row r="1437" spans="1:10" x14ac:dyDescent="0.35">
      <c r="A1437" s="5" t="s">
        <v>10</v>
      </c>
      <c r="B1437" s="6">
        <v>237308</v>
      </c>
      <c r="C1437" s="6" t="s">
        <v>68</v>
      </c>
      <c r="D1437" s="6" t="s">
        <v>69</v>
      </c>
      <c r="E1437" s="6">
        <v>11001</v>
      </c>
      <c r="F1437" s="6" t="s">
        <v>18</v>
      </c>
      <c r="G1437" s="6" t="s">
        <v>3131</v>
      </c>
      <c r="H1437" s="6" t="s">
        <v>3132</v>
      </c>
      <c r="I1437" s="7">
        <v>4.7321144999999998</v>
      </c>
      <c r="J1437" s="8">
        <v>-74.043110299999995</v>
      </c>
    </row>
    <row r="1438" spans="1:10" x14ac:dyDescent="0.35">
      <c r="A1438" s="5" t="s">
        <v>10</v>
      </c>
      <c r="B1438" s="6">
        <v>98874</v>
      </c>
      <c r="C1438" s="6" t="s">
        <v>294</v>
      </c>
      <c r="D1438" s="6" t="s">
        <v>3133</v>
      </c>
      <c r="E1438" s="6">
        <v>41483</v>
      </c>
      <c r="F1438" s="6" t="s">
        <v>13</v>
      </c>
      <c r="G1438" s="6" t="s">
        <v>544</v>
      </c>
      <c r="H1438" s="6" t="s">
        <v>3134</v>
      </c>
      <c r="I1438" s="7">
        <v>2.5446209999999998</v>
      </c>
      <c r="J1438" s="8">
        <v>-75.808940800000002</v>
      </c>
    </row>
    <row r="1439" spans="1:10" x14ac:dyDescent="0.35">
      <c r="A1439" s="5" t="s">
        <v>10</v>
      </c>
      <c r="B1439" s="6">
        <v>98822</v>
      </c>
      <c r="C1439" s="6" t="s">
        <v>294</v>
      </c>
      <c r="D1439" s="6" t="s">
        <v>543</v>
      </c>
      <c r="E1439" s="6">
        <v>41396</v>
      </c>
      <c r="F1439" s="6" t="s">
        <v>13</v>
      </c>
      <c r="G1439" s="6" t="s">
        <v>544</v>
      </c>
      <c r="H1439" s="6" t="s">
        <v>3135</v>
      </c>
      <c r="I1439" s="7">
        <v>2.3878281000000001</v>
      </c>
      <c r="J1439" s="8">
        <v>-75.891012000000003</v>
      </c>
    </row>
    <row r="1440" spans="1:10" x14ac:dyDescent="0.35">
      <c r="A1440" s="5" t="s">
        <v>10</v>
      </c>
      <c r="B1440" s="6">
        <v>238428</v>
      </c>
      <c r="C1440" s="6" t="s">
        <v>16</v>
      </c>
      <c r="D1440" s="6" t="s">
        <v>3136</v>
      </c>
      <c r="E1440" s="6">
        <v>68425</v>
      </c>
      <c r="F1440" s="6" t="s">
        <v>18</v>
      </c>
      <c r="G1440" s="6" t="s">
        <v>3137</v>
      </c>
      <c r="H1440" s="6" t="s">
        <v>3138</v>
      </c>
      <c r="I1440" s="7">
        <v>6.9887804999999998</v>
      </c>
      <c r="J1440" s="8">
        <v>-73.054585299999999</v>
      </c>
    </row>
    <row r="1441" spans="1:10" x14ac:dyDescent="0.35">
      <c r="A1441" s="5" t="s">
        <v>10</v>
      </c>
      <c r="B1441" s="6">
        <v>202114</v>
      </c>
      <c r="C1441" s="6" t="s">
        <v>61</v>
      </c>
      <c r="D1441" s="6" t="s">
        <v>62</v>
      </c>
      <c r="E1441" s="6">
        <v>63001</v>
      </c>
      <c r="F1441" s="6" t="s">
        <v>18</v>
      </c>
      <c r="G1441" s="6" t="s">
        <v>3139</v>
      </c>
      <c r="H1441" s="6" t="s">
        <v>3140</v>
      </c>
      <c r="I1441" s="7">
        <v>4.5347483999999998</v>
      </c>
      <c r="J1441" s="8">
        <v>-75.664827000000002</v>
      </c>
    </row>
    <row r="1442" spans="1:10" x14ac:dyDescent="0.35">
      <c r="A1442" s="5" t="s">
        <v>10</v>
      </c>
      <c r="B1442" s="6">
        <v>230872</v>
      </c>
      <c r="C1442" s="6" t="s">
        <v>16</v>
      </c>
      <c r="D1442" s="6" t="s">
        <v>1348</v>
      </c>
      <c r="E1442" s="6">
        <v>68167</v>
      </c>
      <c r="F1442" s="6" t="s">
        <v>18</v>
      </c>
      <c r="G1442" s="6" t="s">
        <v>3141</v>
      </c>
      <c r="H1442" s="6" t="s">
        <v>3142</v>
      </c>
      <c r="I1442" s="7">
        <v>6.2335419999999999</v>
      </c>
      <c r="J1442" s="8">
        <v>-73.167598999999996</v>
      </c>
    </row>
    <row r="1443" spans="1:10" x14ac:dyDescent="0.35">
      <c r="A1443" s="5" t="s">
        <v>10</v>
      </c>
      <c r="B1443" s="6">
        <v>129770</v>
      </c>
      <c r="C1443" s="6" t="s">
        <v>11</v>
      </c>
      <c r="D1443" s="6" t="s">
        <v>3143</v>
      </c>
      <c r="E1443" s="6">
        <v>25612</v>
      </c>
      <c r="F1443" s="6" t="s">
        <v>18</v>
      </c>
      <c r="G1443" s="6" t="s">
        <v>3144</v>
      </c>
      <c r="H1443" s="6" t="s">
        <v>3145</v>
      </c>
      <c r="I1443" s="7">
        <v>4.2872078999999896</v>
      </c>
      <c r="J1443" s="8">
        <v>-74.820125199999893</v>
      </c>
    </row>
    <row r="1444" spans="1:10" x14ac:dyDescent="0.35">
      <c r="A1444" s="5" t="s">
        <v>10</v>
      </c>
      <c r="B1444" s="6">
        <v>185141</v>
      </c>
      <c r="C1444" s="6" t="s">
        <v>302</v>
      </c>
      <c r="D1444" s="6" t="s">
        <v>359</v>
      </c>
      <c r="E1444" s="6">
        <v>8001</v>
      </c>
      <c r="F1444" s="6" t="s">
        <v>18</v>
      </c>
      <c r="G1444" s="6" t="s">
        <v>3146</v>
      </c>
      <c r="H1444" s="6" t="s">
        <v>3147</v>
      </c>
      <c r="I1444" s="7">
        <v>10.954444199999999</v>
      </c>
      <c r="J1444" s="8">
        <v>-74.773887500000001</v>
      </c>
    </row>
    <row r="1445" spans="1:10" x14ac:dyDescent="0.35">
      <c r="A1445" s="5" t="s">
        <v>10</v>
      </c>
      <c r="B1445" s="6">
        <v>236578</v>
      </c>
      <c r="C1445" s="6" t="s">
        <v>28</v>
      </c>
      <c r="D1445" s="6" t="s">
        <v>29</v>
      </c>
      <c r="E1445" s="6">
        <v>54001</v>
      </c>
      <c r="F1445" s="6" t="s">
        <v>18</v>
      </c>
      <c r="G1445" s="6" t="s">
        <v>3148</v>
      </c>
      <c r="H1445" s="6" t="s">
        <v>3149</v>
      </c>
      <c r="I1445" s="7">
        <v>7.8769023000000002</v>
      </c>
      <c r="J1445" s="8">
        <v>-72.513183100000006</v>
      </c>
    </row>
    <row r="1446" spans="1:10" x14ac:dyDescent="0.35">
      <c r="A1446" s="5" t="s">
        <v>10</v>
      </c>
      <c r="B1446" s="6">
        <v>230795</v>
      </c>
      <c r="C1446" s="6" t="s">
        <v>94</v>
      </c>
      <c r="D1446" s="6" t="s">
        <v>98</v>
      </c>
      <c r="E1446" s="6">
        <v>66001</v>
      </c>
      <c r="F1446" s="6" t="s">
        <v>18</v>
      </c>
      <c r="G1446" s="6" t="s">
        <v>3150</v>
      </c>
      <c r="H1446" s="6" t="s">
        <v>3151</v>
      </c>
      <c r="I1446" s="7">
        <v>4.8148179999999998</v>
      </c>
      <c r="J1446" s="8">
        <v>-75.690607999999997</v>
      </c>
    </row>
    <row r="1447" spans="1:10" x14ac:dyDescent="0.35">
      <c r="A1447" s="5" t="s">
        <v>10</v>
      </c>
      <c r="B1447" s="6">
        <v>98823</v>
      </c>
      <c r="C1447" s="6" t="s">
        <v>294</v>
      </c>
      <c r="D1447" s="6" t="s">
        <v>543</v>
      </c>
      <c r="E1447" s="6">
        <v>41396</v>
      </c>
      <c r="F1447" s="6" t="s">
        <v>13</v>
      </c>
      <c r="G1447" s="6" t="s">
        <v>544</v>
      </c>
      <c r="H1447" s="6" t="s">
        <v>3152</v>
      </c>
      <c r="I1447" s="7">
        <v>2.3915654000000002</v>
      </c>
      <c r="J1447" s="8">
        <v>-75.885514799999996</v>
      </c>
    </row>
    <row r="1448" spans="1:10" x14ac:dyDescent="0.35">
      <c r="A1448" s="5" t="s">
        <v>10</v>
      </c>
      <c r="B1448" s="6">
        <v>143529</v>
      </c>
      <c r="C1448" s="6" t="s">
        <v>24</v>
      </c>
      <c r="D1448" s="6" t="s">
        <v>85</v>
      </c>
      <c r="E1448" s="6">
        <v>15759</v>
      </c>
      <c r="F1448" s="6" t="s">
        <v>13</v>
      </c>
      <c r="G1448" s="6" t="s">
        <v>357</v>
      </c>
      <c r="H1448" s="6" t="s">
        <v>358</v>
      </c>
      <c r="I1448" s="7">
        <v>5.7229843999999996</v>
      </c>
      <c r="J1448" s="8">
        <v>-72.928854400000006</v>
      </c>
    </row>
    <row r="1449" spans="1:10" x14ac:dyDescent="0.35">
      <c r="A1449" s="5" t="s">
        <v>10</v>
      </c>
      <c r="B1449" s="6">
        <v>221217</v>
      </c>
      <c r="C1449" s="6" t="s">
        <v>16</v>
      </c>
      <c r="D1449" s="6" t="s">
        <v>17</v>
      </c>
      <c r="E1449" s="6">
        <v>68679</v>
      </c>
      <c r="F1449" s="6" t="s">
        <v>18</v>
      </c>
      <c r="G1449" s="6" t="s">
        <v>3153</v>
      </c>
      <c r="H1449" s="6" t="s">
        <v>3154</v>
      </c>
      <c r="I1449" s="7">
        <v>6.5548516000000001</v>
      </c>
      <c r="J1449" s="8">
        <v>-73.130280999999997</v>
      </c>
    </row>
    <row r="1450" spans="1:10" x14ac:dyDescent="0.35">
      <c r="A1450" s="5" t="s">
        <v>10</v>
      </c>
      <c r="B1450" s="6">
        <v>171454</v>
      </c>
      <c r="C1450" s="6" t="s">
        <v>16</v>
      </c>
      <c r="D1450" s="6" t="s">
        <v>17</v>
      </c>
      <c r="E1450" s="6">
        <v>68679</v>
      </c>
      <c r="F1450" s="6" t="s">
        <v>18</v>
      </c>
      <c r="G1450" s="6" t="s">
        <v>3155</v>
      </c>
      <c r="H1450" s="6" t="s">
        <v>3156</v>
      </c>
      <c r="I1450" s="7">
        <v>6.5575106999999999</v>
      </c>
      <c r="J1450" s="8">
        <v>-73.138541899999893</v>
      </c>
    </row>
    <row r="1451" spans="1:10" x14ac:dyDescent="0.35">
      <c r="A1451" s="5" t="s">
        <v>10</v>
      </c>
      <c r="B1451" s="6">
        <v>236269</v>
      </c>
      <c r="C1451" s="6" t="s">
        <v>24</v>
      </c>
      <c r="D1451" s="6" t="s">
        <v>137</v>
      </c>
      <c r="E1451" s="6">
        <v>15238</v>
      </c>
      <c r="F1451" s="6" t="s">
        <v>18</v>
      </c>
      <c r="G1451" s="6" t="s">
        <v>3157</v>
      </c>
      <c r="H1451" s="6" t="s">
        <v>3158</v>
      </c>
      <c r="I1451" s="7">
        <v>5.8311596999999997</v>
      </c>
      <c r="J1451" s="8">
        <v>-73.033340899999999</v>
      </c>
    </row>
    <row r="1452" spans="1:10" x14ac:dyDescent="0.35">
      <c r="A1452" s="5" t="s">
        <v>10</v>
      </c>
      <c r="B1452" s="6">
        <v>246124</v>
      </c>
      <c r="C1452" s="6" t="s">
        <v>24</v>
      </c>
      <c r="D1452" s="6" t="s">
        <v>85</v>
      </c>
      <c r="E1452" s="6">
        <v>15759</v>
      </c>
      <c r="F1452" s="6" t="s">
        <v>18</v>
      </c>
      <c r="G1452" s="6" t="s">
        <v>3159</v>
      </c>
      <c r="H1452" s="6" t="s">
        <v>3160</v>
      </c>
      <c r="I1452" s="7">
        <v>5.7460467</v>
      </c>
      <c r="J1452" s="8">
        <v>-72.917196000000004</v>
      </c>
    </row>
    <row r="1453" spans="1:10" x14ac:dyDescent="0.35">
      <c r="A1453" s="5" t="s">
        <v>10</v>
      </c>
      <c r="B1453" s="6">
        <v>239084</v>
      </c>
      <c r="C1453" s="6" t="s">
        <v>61</v>
      </c>
      <c r="D1453" s="6" t="s">
        <v>62</v>
      </c>
      <c r="E1453" s="6">
        <v>63001</v>
      </c>
      <c r="F1453" s="6" t="s">
        <v>18</v>
      </c>
      <c r="G1453" s="6" t="s">
        <v>3161</v>
      </c>
      <c r="H1453" s="6" t="s">
        <v>3162</v>
      </c>
      <c r="I1453" s="7">
        <v>4.5148330999999997</v>
      </c>
      <c r="J1453" s="8">
        <v>-75.692156800000006</v>
      </c>
    </row>
    <row r="1454" spans="1:10" x14ac:dyDescent="0.35">
      <c r="A1454" s="5" t="s">
        <v>10</v>
      </c>
      <c r="B1454" s="6">
        <v>150078</v>
      </c>
      <c r="C1454" s="6" t="s">
        <v>94</v>
      </c>
      <c r="D1454" s="6" t="s">
        <v>248</v>
      </c>
      <c r="E1454" s="6">
        <v>66594</v>
      </c>
      <c r="F1454" s="6" t="s">
        <v>18</v>
      </c>
      <c r="G1454" s="6" t="s">
        <v>3163</v>
      </c>
      <c r="H1454" s="6" t="s">
        <v>3164</v>
      </c>
      <c r="I1454" s="7">
        <v>5.3411190999999896</v>
      </c>
      <c r="J1454" s="8">
        <v>-75.730475599999906</v>
      </c>
    </row>
    <row r="1455" spans="1:10" x14ac:dyDescent="0.35">
      <c r="A1455" s="5" t="s">
        <v>10</v>
      </c>
      <c r="B1455" s="6">
        <v>226595</v>
      </c>
      <c r="C1455" s="6" t="s">
        <v>190</v>
      </c>
      <c r="D1455" s="6" t="s">
        <v>191</v>
      </c>
      <c r="E1455" s="6">
        <v>5001</v>
      </c>
      <c r="F1455" s="6" t="s">
        <v>13</v>
      </c>
      <c r="G1455" s="6" t="s">
        <v>3165</v>
      </c>
      <c r="H1455" s="6" t="s">
        <v>3166</v>
      </c>
      <c r="I1455" s="7">
        <v>6.1829837000000003</v>
      </c>
      <c r="J1455" s="8">
        <v>-75.653480200000004</v>
      </c>
    </row>
    <row r="1456" spans="1:10" x14ac:dyDescent="0.35">
      <c r="A1456" s="5" t="s">
        <v>10</v>
      </c>
      <c r="B1456" s="6">
        <v>218077</v>
      </c>
      <c r="C1456" s="6" t="s">
        <v>68</v>
      </c>
      <c r="D1456" s="6" t="s">
        <v>69</v>
      </c>
      <c r="E1456" s="6">
        <v>11001</v>
      </c>
      <c r="F1456" s="6" t="s">
        <v>13</v>
      </c>
      <c r="G1456" s="6" t="s">
        <v>3167</v>
      </c>
      <c r="H1456" s="6" t="s">
        <v>3168</v>
      </c>
      <c r="I1456" s="7">
        <v>4.6192548000000002</v>
      </c>
      <c r="J1456" s="8">
        <v>-74.068110500000003</v>
      </c>
    </row>
    <row r="1457" spans="1:10" x14ac:dyDescent="0.35">
      <c r="A1457" s="5" t="s">
        <v>10</v>
      </c>
      <c r="B1457" s="6">
        <v>205687</v>
      </c>
      <c r="C1457" s="6" t="s">
        <v>55</v>
      </c>
      <c r="D1457" s="6" t="s">
        <v>56</v>
      </c>
      <c r="E1457" s="6">
        <v>73001</v>
      </c>
      <c r="F1457" s="6" t="s">
        <v>18</v>
      </c>
      <c r="G1457" s="6" t="s">
        <v>3169</v>
      </c>
      <c r="H1457" s="6" t="s">
        <v>3170</v>
      </c>
      <c r="I1457" s="7">
        <v>4.4435650000000004</v>
      </c>
      <c r="J1457" s="8">
        <v>-75.215446299999996</v>
      </c>
    </row>
    <row r="1458" spans="1:10" x14ac:dyDescent="0.35">
      <c r="A1458" s="5" t="s">
        <v>10</v>
      </c>
      <c r="B1458" s="6">
        <v>241811</v>
      </c>
      <c r="C1458" s="6" t="s">
        <v>109</v>
      </c>
      <c r="D1458" s="6" t="s">
        <v>3171</v>
      </c>
      <c r="E1458" s="6">
        <v>13244</v>
      </c>
      <c r="F1458" s="6" t="s">
        <v>18</v>
      </c>
      <c r="G1458" s="6" t="s">
        <v>3172</v>
      </c>
      <c r="H1458" s="6" t="s">
        <v>3173</v>
      </c>
      <c r="I1458" s="7">
        <v>9.7209889</v>
      </c>
      <c r="J1458" s="8">
        <v>-75.128969699999999</v>
      </c>
    </row>
    <row r="1459" spans="1:10" x14ac:dyDescent="0.35">
      <c r="A1459" s="5" t="s">
        <v>10</v>
      </c>
      <c r="B1459" s="6">
        <v>234113</v>
      </c>
      <c r="C1459" s="6" t="s">
        <v>55</v>
      </c>
      <c r="D1459" s="6" t="s">
        <v>56</v>
      </c>
      <c r="E1459" s="6">
        <v>73001</v>
      </c>
      <c r="F1459" s="6" t="s">
        <v>18</v>
      </c>
      <c r="G1459" s="6" t="s">
        <v>3174</v>
      </c>
      <c r="H1459" s="6" t="s">
        <v>3175</v>
      </c>
      <c r="I1459" s="7">
        <v>4.4418974000000002</v>
      </c>
      <c r="J1459" s="8">
        <v>-75.212878200000006</v>
      </c>
    </row>
    <row r="1460" spans="1:10" x14ac:dyDescent="0.35">
      <c r="A1460" s="5" t="s">
        <v>10</v>
      </c>
      <c r="B1460" s="6">
        <v>208183</v>
      </c>
      <c r="C1460" s="6" t="s">
        <v>55</v>
      </c>
      <c r="D1460" s="6" t="s">
        <v>56</v>
      </c>
      <c r="E1460" s="6">
        <v>73001</v>
      </c>
      <c r="F1460" s="6" t="s">
        <v>18</v>
      </c>
      <c r="G1460" s="6" t="s">
        <v>3176</v>
      </c>
      <c r="H1460" s="6" t="s">
        <v>3177</v>
      </c>
      <c r="I1460" s="7">
        <v>4.4348682999999998</v>
      </c>
      <c r="J1460" s="8">
        <v>-75.168914599999994</v>
      </c>
    </row>
    <row r="1461" spans="1:10" x14ac:dyDescent="0.35">
      <c r="A1461" s="5" t="s">
        <v>10</v>
      </c>
      <c r="B1461" s="6">
        <v>247835</v>
      </c>
      <c r="C1461" s="6" t="s">
        <v>24</v>
      </c>
      <c r="D1461" s="6" t="s">
        <v>2507</v>
      </c>
      <c r="E1461" s="6">
        <v>15778</v>
      </c>
      <c r="F1461" s="6" t="s">
        <v>18</v>
      </c>
      <c r="G1461" s="6" t="s">
        <v>3178</v>
      </c>
      <c r="H1461" s="6" t="s">
        <v>3179</v>
      </c>
      <c r="I1461" s="7">
        <v>5.0218445999999997</v>
      </c>
      <c r="J1461" s="8">
        <v>-73.453314399999996</v>
      </c>
    </row>
    <row r="1462" spans="1:10" x14ac:dyDescent="0.35">
      <c r="A1462" s="5" t="s">
        <v>10</v>
      </c>
      <c r="B1462" s="6">
        <v>169090</v>
      </c>
      <c r="C1462" s="6" t="s">
        <v>28</v>
      </c>
      <c r="D1462" s="6" t="s">
        <v>29</v>
      </c>
      <c r="E1462" s="6">
        <v>54001</v>
      </c>
      <c r="F1462" s="6" t="s">
        <v>18</v>
      </c>
      <c r="G1462" s="6" t="s">
        <v>3180</v>
      </c>
      <c r="H1462" s="6" t="s">
        <v>3181</v>
      </c>
      <c r="I1462" s="7">
        <v>7.9086895000000004</v>
      </c>
      <c r="J1462" s="8">
        <v>-72.499553599999999</v>
      </c>
    </row>
    <row r="1463" spans="1:10" x14ac:dyDescent="0.35">
      <c r="A1463" s="5" t="s">
        <v>10</v>
      </c>
      <c r="B1463" s="6">
        <v>236012</v>
      </c>
      <c r="C1463" s="6" t="s">
        <v>28</v>
      </c>
      <c r="D1463" s="6" t="s">
        <v>29</v>
      </c>
      <c r="E1463" s="6">
        <v>54001</v>
      </c>
      <c r="F1463" s="6" t="s">
        <v>18</v>
      </c>
      <c r="G1463" s="6" t="s">
        <v>3182</v>
      </c>
      <c r="H1463" s="6" t="s">
        <v>3183</v>
      </c>
      <c r="I1463" s="7">
        <v>7.8890970999999999</v>
      </c>
      <c r="J1463" s="8">
        <v>-72.496689599999996</v>
      </c>
    </row>
    <row r="1464" spans="1:10" x14ac:dyDescent="0.35">
      <c r="A1464" s="5" t="s">
        <v>10</v>
      </c>
      <c r="B1464" s="6">
        <v>239676</v>
      </c>
      <c r="C1464" s="6" t="s">
        <v>42</v>
      </c>
      <c r="D1464" s="6" t="s">
        <v>43</v>
      </c>
      <c r="E1464" s="6">
        <v>17001</v>
      </c>
      <c r="F1464" s="6" t="s">
        <v>18</v>
      </c>
      <c r="G1464" s="6" t="s">
        <v>3184</v>
      </c>
      <c r="H1464" s="6" t="s">
        <v>3185</v>
      </c>
      <c r="I1464" s="7">
        <v>5.0558458000000002</v>
      </c>
      <c r="J1464" s="8">
        <v>-75.486998299999996</v>
      </c>
    </row>
    <row r="1465" spans="1:10" x14ac:dyDescent="0.35">
      <c r="A1465" s="5" t="s">
        <v>10</v>
      </c>
      <c r="B1465" s="6">
        <v>182825</v>
      </c>
      <c r="C1465" s="6" t="s">
        <v>55</v>
      </c>
      <c r="D1465" s="6" t="s">
        <v>56</v>
      </c>
      <c r="E1465" s="6">
        <v>73001</v>
      </c>
      <c r="F1465" s="6" t="s">
        <v>18</v>
      </c>
      <c r="G1465" s="6" t="s">
        <v>3186</v>
      </c>
      <c r="H1465" s="6" t="s">
        <v>3187</v>
      </c>
      <c r="I1465" s="7">
        <v>4.4488789000000004</v>
      </c>
      <c r="J1465" s="8">
        <v>-75.243042399999993</v>
      </c>
    </row>
    <row r="1466" spans="1:10" x14ac:dyDescent="0.35">
      <c r="A1466" s="5" t="s">
        <v>10</v>
      </c>
      <c r="B1466" s="6">
        <v>216987</v>
      </c>
      <c r="C1466" s="6" t="s">
        <v>55</v>
      </c>
      <c r="D1466" s="6" t="s">
        <v>1136</v>
      </c>
      <c r="E1466" s="6">
        <v>73483</v>
      </c>
      <c r="F1466" s="6" t="s">
        <v>18</v>
      </c>
      <c r="G1466" s="6" t="s">
        <v>3188</v>
      </c>
      <c r="H1466" s="6" t="s">
        <v>3189</v>
      </c>
      <c r="I1466" s="7">
        <v>3.6218824000000001</v>
      </c>
      <c r="J1466" s="8">
        <v>-75.094318899999905</v>
      </c>
    </row>
    <row r="1467" spans="1:10" x14ac:dyDescent="0.35">
      <c r="A1467" s="5" t="s">
        <v>10</v>
      </c>
      <c r="B1467" s="6">
        <v>239467</v>
      </c>
      <c r="C1467" s="6" t="s">
        <v>55</v>
      </c>
      <c r="D1467" s="6" t="s">
        <v>165</v>
      </c>
      <c r="E1467" s="6">
        <v>73449</v>
      </c>
      <c r="F1467" s="6" t="s">
        <v>18</v>
      </c>
      <c r="G1467" s="6" t="s">
        <v>3190</v>
      </c>
      <c r="H1467" s="6" t="s">
        <v>3191</v>
      </c>
      <c r="I1467" s="7">
        <v>4.2062901000000004</v>
      </c>
      <c r="J1467" s="8">
        <v>-74.631652200000005</v>
      </c>
    </row>
    <row r="1468" spans="1:10" x14ac:dyDescent="0.35">
      <c r="A1468" s="5" t="s">
        <v>10</v>
      </c>
      <c r="B1468" s="6">
        <v>200586</v>
      </c>
      <c r="C1468" s="6" t="s">
        <v>42</v>
      </c>
      <c r="D1468" s="6" t="s">
        <v>46</v>
      </c>
      <c r="E1468" s="6">
        <v>17174</v>
      </c>
      <c r="F1468" s="6" t="s">
        <v>18</v>
      </c>
      <c r="G1468" s="6" t="s">
        <v>3192</v>
      </c>
      <c r="H1468" s="6" t="s">
        <v>3193</v>
      </c>
      <c r="I1468" s="7">
        <v>4.9740951000000004</v>
      </c>
      <c r="J1468" s="8">
        <v>-75.678990499999998</v>
      </c>
    </row>
    <row r="1469" spans="1:10" x14ac:dyDescent="0.35">
      <c r="A1469" s="5" t="s">
        <v>10</v>
      </c>
      <c r="B1469" s="6">
        <v>218698</v>
      </c>
      <c r="C1469" s="6" t="s">
        <v>61</v>
      </c>
      <c r="D1469" s="6" t="s">
        <v>62</v>
      </c>
      <c r="E1469" s="6">
        <v>63001</v>
      </c>
      <c r="F1469" s="6" t="s">
        <v>18</v>
      </c>
      <c r="G1469" s="6" t="s">
        <v>3194</v>
      </c>
      <c r="H1469" s="6" t="s">
        <v>3195</v>
      </c>
      <c r="I1469" s="7">
        <v>4.6738602</v>
      </c>
      <c r="J1469" s="8">
        <v>-75.661869100000004</v>
      </c>
    </row>
    <row r="1470" spans="1:10" x14ac:dyDescent="0.35">
      <c r="A1470" s="5" t="s">
        <v>10</v>
      </c>
      <c r="B1470" s="6">
        <v>232261</v>
      </c>
      <c r="C1470" s="6" t="s">
        <v>94</v>
      </c>
      <c r="D1470" s="6" t="s">
        <v>3196</v>
      </c>
      <c r="E1470" s="6">
        <v>66687</v>
      </c>
      <c r="F1470" s="6" t="s">
        <v>18</v>
      </c>
      <c r="G1470" s="6" t="s">
        <v>3197</v>
      </c>
      <c r="H1470" s="6" t="s">
        <v>3198</v>
      </c>
      <c r="I1470" s="7">
        <v>5.0728340000000003</v>
      </c>
      <c r="J1470" s="8">
        <v>-75.961849000000001</v>
      </c>
    </row>
    <row r="1471" spans="1:10" x14ac:dyDescent="0.35">
      <c r="A1471" s="5" t="s">
        <v>10</v>
      </c>
      <c r="B1471" s="6">
        <v>234655</v>
      </c>
      <c r="C1471" s="6" t="s">
        <v>94</v>
      </c>
      <c r="D1471" s="6" t="s">
        <v>3196</v>
      </c>
      <c r="E1471" s="6">
        <v>66687</v>
      </c>
      <c r="F1471" s="6" t="s">
        <v>18</v>
      </c>
      <c r="G1471" s="6" t="s">
        <v>3199</v>
      </c>
      <c r="H1471" s="6" t="s">
        <v>3200</v>
      </c>
      <c r="I1471" s="7">
        <v>5.0729286</v>
      </c>
      <c r="J1471" s="8">
        <v>-75.963384700000006</v>
      </c>
    </row>
    <row r="1472" spans="1:10" x14ac:dyDescent="0.35">
      <c r="A1472" s="5" t="s">
        <v>10</v>
      </c>
      <c r="B1472" s="6">
        <v>98869</v>
      </c>
      <c r="C1472" s="6" t="s">
        <v>294</v>
      </c>
      <c r="D1472" s="6" t="s">
        <v>3201</v>
      </c>
      <c r="E1472" s="6">
        <v>41378</v>
      </c>
      <c r="F1472" s="6" t="s">
        <v>13</v>
      </c>
      <c r="G1472" s="6" t="s">
        <v>544</v>
      </c>
      <c r="H1472" s="6" t="s">
        <v>3202</v>
      </c>
      <c r="I1472" s="7">
        <v>1.8518258000000001</v>
      </c>
      <c r="J1472" s="8">
        <v>-76.0451221</v>
      </c>
    </row>
    <row r="1473" spans="1:10" x14ac:dyDescent="0.35">
      <c r="A1473" s="5" t="s">
        <v>10</v>
      </c>
      <c r="B1473" s="6">
        <v>235773</v>
      </c>
      <c r="C1473" s="6" t="s">
        <v>16</v>
      </c>
      <c r="D1473" s="6" t="s">
        <v>790</v>
      </c>
      <c r="E1473" s="6">
        <v>68229</v>
      </c>
      <c r="F1473" s="6" t="s">
        <v>18</v>
      </c>
      <c r="G1473" s="6" t="s">
        <v>3203</v>
      </c>
      <c r="H1473" s="6" t="s">
        <v>3204</v>
      </c>
      <c r="I1473" s="7">
        <v>6.6063320000000001</v>
      </c>
      <c r="J1473" s="8">
        <v>-73.068749299999993</v>
      </c>
    </row>
    <row r="1474" spans="1:10" x14ac:dyDescent="0.35">
      <c r="A1474" s="5" t="s">
        <v>10</v>
      </c>
      <c r="B1474" s="6">
        <v>241792</v>
      </c>
      <c r="C1474" s="6" t="s">
        <v>109</v>
      </c>
      <c r="D1474" s="6" t="s">
        <v>3205</v>
      </c>
      <c r="E1474" s="6">
        <v>13030</v>
      </c>
      <c r="F1474" s="6" t="s">
        <v>18</v>
      </c>
      <c r="G1474" s="6" t="s">
        <v>3206</v>
      </c>
      <c r="H1474" s="6" t="s">
        <v>3207</v>
      </c>
      <c r="I1474" s="7">
        <v>8.7931714000000003</v>
      </c>
      <c r="J1474" s="8">
        <v>-74.160870799999998</v>
      </c>
    </row>
    <row r="1475" spans="1:10" x14ac:dyDescent="0.35">
      <c r="A1475" s="5" t="s">
        <v>10</v>
      </c>
      <c r="B1475" s="6">
        <v>218396</v>
      </c>
      <c r="C1475" s="6" t="s">
        <v>55</v>
      </c>
      <c r="D1475" s="6" t="s">
        <v>56</v>
      </c>
      <c r="E1475" s="6">
        <v>73001</v>
      </c>
      <c r="F1475" s="6" t="s">
        <v>18</v>
      </c>
      <c r="G1475" s="6" t="s">
        <v>3208</v>
      </c>
      <c r="H1475" s="6" t="s">
        <v>3209</v>
      </c>
      <c r="I1475" s="7">
        <v>4.4407584</v>
      </c>
      <c r="J1475" s="8">
        <v>-75.2242976</v>
      </c>
    </row>
    <row r="1476" spans="1:10" x14ac:dyDescent="0.35">
      <c r="A1476" s="5" t="s">
        <v>10</v>
      </c>
      <c r="B1476" s="6">
        <v>182585</v>
      </c>
      <c r="C1476" s="6" t="s">
        <v>55</v>
      </c>
      <c r="D1476" s="6" t="s">
        <v>56</v>
      </c>
      <c r="E1476" s="6">
        <v>73001</v>
      </c>
      <c r="F1476" s="6" t="s">
        <v>18</v>
      </c>
      <c r="G1476" s="6" t="s">
        <v>3210</v>
      </c>
      <c r="H1476" s="6" t="s">
        <v>3211</v>
      </c>
      <c r="I1476" s="7">
        <v>4.4455543999999998</v>
      </c>
      <c r="J1476" s="8">
        <v>-75.237078400000001</v>
      </c>
    </row>
    <row r="1477" spans="1:10" x14ac:dyDescent="0.35">
      <c r="A1477" s="5" t="s">
        <v>10</v>
      </c>
      <c r="B1477" s="6">
        <v>235392</v>
      </c>
      <c r="C1477" s="6" t="s">
        <v>28</v>
      </c>
      <c r="D1477" s="6" t="s">
        <v>489</v>
      </c>
      <c r="E1477" s="6">
        <v>54172</v>
      </c>
      <c r="F1477" s="6" t="s">
        <v>18</v>
      </c>
      <c r="G1477" s="6" t="s">
        <v>3212</v>
      </c>
      <c r="H1477" s="6" t="s">
        <v>3213</v>
      </c>
      <c r="I1477" s="7">
        <v>7.6082032999999996</v>
      </c>
      <c r="J1477" s="8">
        <v>-72.599858299999994</v>
      </c>
    </row>
    <row r="1478" spans="1:10" x14ac:dyDescent="0.35">
      <c r="A1478" s="5" t="s">
        <v>10</v>
      </c>
      <c r="B1478" s="6">
        <v>141706</v>
      </c>
      <c r="C1478" s="6" t="s">
        <v>11</v>
      </c>
      <c r="D1478" s="6" t="s">
        <v>21</v>
      </c>
      <c r="E1478" s="6">
        <v>25386</v>
      </c>
      <c r="F1478" s="6" t="s">
        <v>13</v>
      </c>
      <c r="G1478" s="6" t="s">
        <v>3214</v>
      </c>
      <c r="H1478" s="6" t="s">
        <v>3215</v>
      </c>
      <c r="I1478" s="7">
        <v>4.6321469999999998</v>
      </c>
      <c r="J1478" s="8">
        <v>-74.463014000000001</v>
      </c>
    </row>
    <row r="1479" spans="1:10" x14ac:dyDescent="0.35">
      <c r="A1479" s="5" t="s">
        <v>10</v>
      </c>
      <c r="B1479" s="6">
        <v>178967</v>
      </c>
      <c r="C1479" s="6" t="s">
        <v>68</v>
      </c>
      <c r="D1479" s="6" t="s">
        <v>69</v>
      </c>
      <c r="E1479" s="6">
        <v>11001</v>
      </c>
      <c r="F1479" s="6" t="s">
        <v>13</v>
      </c>
      <c r="G1479" s="6" t="s">
        <v>3216</v>
      </c>
      <c r="H1479" s="6" t="s">
        <v>3217</v>
      </c>
      <c r="I1479" s="7">
        <v>4.6293705000000003</v>
      </c>
      <c r="J1479" s="8">
        <v>-74.124925899999994</v>
      </c>
    </row>
    <row r="1480" spans="1:10" x14ac:dyDescent="0.35">
      <c r="A1480" s="5" t="s">
        <v>10</v>
      </c>
      <c r="B1480" s="6">
        <v>183968</v>
      </c>
      <c r="C1480" s="6" t="s">
        <v>11</v>
      </c>
      <c r="D1480" s="6" t="s">
        <v>159</v>
      </c>
      <c r="E1480" s="6">
        <v>25175</v>
      </c>
      <c r="F1480" s="6" t="s">
        <v>13</v>
      </c>
      <c r="G1480" s="6" t="s">
        <v>160</v>
      </c>
      <c r="H1480" s="6" t="s">
        <v>161</v>
      </c>
      <c r="I1480" s="7">
        <v>4.8611145000000002</v>
      </c>
      <c r="J1480" s="8">
        <v>-74.062570699999995</v>
      </c>
    </row>
    <row r="1481" spans="1:10" x14ac:dyDescent="0.35">
      <c r="A1481" s="5" t="s">
        <v>10</v>
      </c>
      <c r="B1481" s="6">
        <v>218072</v>
      </c>
      <c r="C1481" s="6" t="s">
        <v>68</v>
      </c>
      <c r="D1481" s="6" t="s">
        <v>69</v>
      </c>
      <c r="E1481" s="6">
        <v>11001</v>
      </c>
      <c r="F1481" s="6" t="s">
        <v>13</v>
      </c>
      <c r="G1481" s="6" t="s">
        <v>3218</v>
      </c>
      <c r="H1481" s="6" t="s">
        <v>3219</v>
      </c>
      <c r="I1481" s="7">
        <v>4.5923921999999999</v>
      </c>
      <c r="J1481" s="8">
        <v>-74.123384200000004</v>
      </c>
    </row>
    <row r="1482" spans="1:10" x14ac:dyDescent="0.35">
      <c r="A1482" s="5" t="s">
        <v>10</v>
      </c>
      <c r="B1482" s="6">
        <v>210357</v>
      </c>
      <c r="C1482" s="6" t="s">
        <v>16</v>
      </c>
      <c r="D1482" s="6" t="s">
        <v>224</v>
      </c>
      <c r="E1482" s="6">
        <v>68755</v>
      </c>
      <c r="F1482" s="6" t="s">
        <v>18</v>
      </c>
      <c r="G1482" s="6" t="s">
        <v>3220</v>
      </c>
      <c r="H1482" s="6" t="s">
        <v>3221</v>
      </c>
      <c r="I1482" s="7">
        <v>6.4666033999999897</v>
      </c>
      <c r="J1482" s="8">
        <v>-73.262057400000003</v>
      </c>
    </row>
    <row r="1483" spans="1:10" x14ac:dyDescent="0.35">
      <c r="A1483" s="5" t="s">
        <v>10</v>
      </c>
      <c r="B1483" s="6">
        <v>208906</v>
      </c>
      <c r="C1483" s="6" t="s">
        <v>24</v>
      </c>
      <c r="D1483" s="6" t="s">
        <v>88</v>
      </c>
      <c r="E1483" s="6">
        <v>15001</v>
      </c>
      <c r="F1483" s="6" t="s">
        <v>18</v>
      </c>
      <c r="G1483" s="6" t="s">
        <v>3222</v>
      </c>
      <c r="H1483" s="6" t="s">
        <v>3223</v>
      </c>
      <c r="I1483" s="7">
        <v>5.5345920999999896</v>
      </c>
      <c r="J1483" s="8">
        <v>-73.352946899999907</v>
      </c>
    </row>
    <row r="1484" spans="1:10" x14ac:dyDescent="0.35">
      <c r="A1484" s="5" t="s">
        <v>10</v>
      </c>
      <c r="B1484" s="6">
        <v>239680</v>
      </c>
      <c r="C1484" s="6" t="s">
        <v>28</v>
      </c>
      <c r="D1484" s="6" t="s">
        <v>91</v>
      </c>
      <c r="E1484" s="6">
        <v>54874</v>
      </c>
      <c r="F1484" s="6" t="s">
        <v>18</v>
      </c>
      <c r="G1484" s="6" t="s">
        <v>113</v>
      </c>
      <c r="H1484" s="6" t="s">
        <v>3224</v>
      </c>
      <c r="I1484" s="7">
        <v>7.8411245000000003</v>
      </c>
      <c r="J1484" s="8">
        <v>-72.474399000000005</v>
      </c>
    </row>
    <row r="1485" spans="1:10" x14ac:dyDescent="0.35">
      <c r="A1485" s="5" t="s">
        <v>10</v>
      </c>
      <c r="B1485" s="6">
        <v>238202</v>
      </c>
      <c r="C1485" s="6" t="s">
        <v>42</v>
      </c>
      <c r="D1485" s="6" t="s">
        <v>46</v>
      </c>
      <c r="E1485" s="6">
        <v>17174</v>
      </c>
      <c r="F1485" s="6" t="s">
        <v>18</v>
      </c>
      <c r="G1485" s="6" t="s">
        <v>3225</v>
      </c>
      <c r="H1485" s="6" t="s">
        <v>3226</v>
      </c>
      <c r="I1485" s="7">
        <v>4.9850019999999997</v>
      </c>
      <c r="J1485" s="8">
        <v>-75.607315999999997</v>
      </c>
    </row>
    <row r="1486" spans="1:10" x14ac:dyDescent="0.35">
      <c r="A1486" s="5" t="s">
        <v>10</v>
      </c>
      <c r="B1486" s="6">
        <v>234787</v>
      </c>
      <c r="C1486" s="6" t="s">
        <v>68</v>
      </c>
      <c r="D1486" s="6" t="s">
        <v>69</v>
      </c>
      <c r="E1486" s="6">
        <v>11001</v>
      </c>
      <c r="F1486" s="6" t="s">
        <v>18</v>
      </c>
      <c r="G1486" s="6" t="s">
        <v>3227</v>
      </c>
      <c r="H1486" s="6" t="s">
        <v>3228</v>
      </c>
      <c r="I1486" s="7">
        <v>4.6831160000000001</v>
      </c>
      <c r="J1486" s="8">
        <v>-74.091418000000004</v>
      </c>
    </row>
    <row r="1487" spans="1:10" x14ac:dyDescent="0.35">
      <c r="A1487" s="5" t="s">
        <v>10</v>
      </c>
      <c r="B1487" s="6">
        <v>199684</v>
      </c>
      <c r="C1487" s="6" t="s">
        <v>68</v>
      </c>
      <c r="D1487" s="6" t="s">
        <v>69</v>
      </c>
      <c r="E1487" s="6">
        <v>11001</v>
      </c>
      <c r="F1487" s="6" t="s">
        <v>13</v>
      </c>
      <c r="G1487" s="6" t="s">
        <v>2049</v>
      </c>
      <c r="H1487" s="6" t="s">
        <v>2050</v>
      </c>
      <c r="I1487" s="7">
        <v>4.6418299000000003</v>
      </c>
      <c r="J1487" s="8">
        <v>-74.154884999999993</v>
      </c>
    </row>
    <row r="1488" spans="1:10" x14ac:dyDescent="0.35">
      <c r="A1488" s="5" t="s">
        <v>10</v>
      </c>
      <c r="B1488" s="6">
        <v>173767</v>
      </c>
      <c r="C1488" s="6" t="s">
        <v>366</v>
      </c>
      <c r="D1488" s="6" t="s">
        <v>367</v>
      </c>
      <c r="E1488" s="6">
        <v>44430</v>
      </c>
      <c r="F1488" s="6" t="s">
        <v>13</v>
      </c>
      <c r="G1488" s="6" t="s">
        <v>1087</v>
      </c>
      <c r="H1488" s="6" t="s">
        <v>1672</v>
      </c>
      <c r="I1488" s="7">
        <v>11.3778012</v>
      </c>
      <c r="J1488" s="8">
        <v>-72.237508199999994</v>
      </c>
    </row>
    <row r="1489" spans="1:10" x14ac:dyDescent="0.35">
      <c r="A1489" s="5" t="s">
        <v>10</v>
      </c>
      <c r="B1489" s="6">
        <v>227314</v>
      </c>
      <c r="C1489" s="6" t="s">
        <v>55</v>
      </c>
      <c r="D1489" s="6" t="s">
        <v>56</v>
      </c>
      <c r="E1489" s="6">
        <v>73001</v>
      </c>
      <c r="F1489" s="6" t="s">
        <v>18</v>
      </c>
      <c r="G1489" s="6" t="s">
        <v>3229</v>
      </c>
      <c r="H1489" s="6" t="s">
        <v>3230</v>
      </c>
      <c r="I1489" s="7">
        <v>4.4365646999999999</v>
      </c>
      <c r="J1489" s="8">
        <v>-75.186867999999905</v>
      </c>
    </row>
    <row r="1490" spans="1:10" x14ac:dyDescent="0.35">
      <c r="A1490" s="5" t="s">
        <v>10</v>
      </c>
      <c r="B1490" s="6">
        <v>209341</v>
      </c>
      <c r="C1490" s="6" t="s">
        <v>28</v>
      </c>
      <c r="D1490" s="6" t="s">
        <v>29</v>
      </c>
      <c r="E1490" s="6">
        <v>54001</v>
      </c>
      <c r="F1490" s="6" t="s">
        <v>18</v>
      </c>
      <c r="G1490" s="6" t="s">
        <v>3231</v>
      </c>
      <c r="H1490" s="6" t="s">
        <v>752</v>
      </c>
      <c r="I1490" s="7">
        <v>7.9119647999999998</v>
      </c>
      <c r="J1490" s="8">
        <v>-72.493978900000002</v>
      </c>
    </row>
    <row r="1491" spans="1:10" x14ac:dyDescent="0.35">
      <c r="A1491" s="5" t="s">
        <v>10</v>
      </c>
      <c r="B1491" s="6">
        <v>197892</v>
      </c>
      <c r="C1491" s="6" t="s">
        <v>28</v>
      </c>
      <c r="D1491" s="6" t="s">
        <v>29</v>
      </c>
      <c r="E1491" s="6">
        <v>54001</v>
      </c>
      <c r="F1491" s="6" t="s">
        <v>18</v>
      </c>
      <c r="G1491" s="6" t="s">
        <v>3232</v>
      </c>
      <c r="H1491" s="6" t="s">
        <v>3233</v>
      </c>
      <c r="I1491" s="7">
        <v>7.8212500999999897</v>
      </c>
      <c r="J1491" s="8">
        <v>-72.514556099999993</v>
      </c>
    </row>
    <row r="1492" spans="1:10" x14ac:dyDescent="0.35">
      <c r="A1492" s="5" t="s">
        <v>10</v>
      </c>
      <c r="B1492" s="6">
        <v>199539</v>
      </c>
      <c r="C1492" s="6" t="s">
        <v>28</v>
      </c>
      <c r="D1492" s="6" t="s">
        <v>91</v>
      </c>
      <c r="E1492" s="6">
        <v>54874</v>
      </c>
      <c r="F1492" s="6" t="s">
        <v>18</v>
      </c>
      <c r="G1492" s="6" t="s">
        <v>3234</v>
      </c>
      <c r="H1492" s="6" t="s">
        <v>3235</v>
      </c>
      <c r="I1492" s="7">
        <v>7.8266033999999998</v>
      </c>
      <c r="J1492" s="8">
        <v>-72.475336999999996</v>
      </c>
    </row>
    <row r="1493" spans="1:10" x14ac:dyDescent="0.35">
      <c r="A1493" s="5" t="s">
        <v>10</v>
      </c>
      <c r="B1493" s="6">
        <v>222803</v>
      </c>
      <c r="C1493" s="6" t="s">
        <v>38</v>
      </c>
      <c r="D1493" s="6" t="s">
        <v>39</v>
      </c>
      <c r="E1493" s="6">
        <v>19001</v>
      </c>
      <c r="F1493" s="6" t="s">
        <v>18</v>
      </c>
      <c r="G1493" s="6" t="s">
        <v>1603</v>
      </c>
      <c r="H1493" s="6" t="s">
        <v>1604</v>
      </c>
      <c r="I1493" s="7">
        <v>2.4607486999999999</v>
      </c>
      <c r="J1493" s="8">
        <v>-76.644101599999999</v>
      </c>
    </row>
    <row r="1494" spans="1:10" x14ac:dyDescent="0.35">
      <c r="A1494" s="5" t="s">
        <v>10</v>
      </c>
      <c r="B1494" s="6">
        <v>214195</v>
      </c>
      <c r="C1494" s="6" t="s">
        <v>68</v>
      </c>
      <c r="D1494" s="6" t="s">
        <v>69</v>
      </c>
      <c r="E1494" s="6">
        <v>11001</v>
      </c>
      <c r="F1494" s="6" t="s">
        <v>18</v>
      </c>
      <c r="G1494" s="6" t="s">
        <v>3236</v>
      </c>
      <c r="H1494" s="6" t="s">
        <v>3237</v>
      </c>
      <c r="I1494" s="7">
        <v>4.7651085999999996</v>
      </c>
      <c r="J1494" s="8">
        <v>-74.034595799999906</v>
      </c>
    </row>
    <row r="1495" spans="1:10" x14ac:dyDescent="0.35">
      <c r="A1495" s="5" t="s">
        <v>10</v>
      </c>
      <c r="B1495" s="6">
        <v>241814</v>
      </c>
      <c r="C1495" s="6" t="s">
        <v>109</v>
      </c>
      <c r="D1495" s="6" t="s">
        <v>3238</v>
      </c>
      <c r="E1495" s="6">
        <v>13140</v>
      </c>
      <c r="F1495" s="6" t="s">
        <v>18</v>
      </c>
      <c r="G1495" s="6" t="s">
        <v>3239</v>
      </c>
      <c r="H1495" s="6" t="s">
        <v>3240</v>
      </c>
      <c r="I1495" s="7">
        <v>10.2529147</v>
      </c>
      <c r="J1495" s="8">
        <v>-74.911914499999995</v>
      </c>
    </row>
    <row r="1496" spans="1:10" x14ac:dyDescent="0.35">
      <c r="A1496" s="5" t="s">
        <v>10</v>
      </c>
      <c r="B1496" s="6">
        <v>211954</v>
      </c>
      <c r="C1496" s="6" t="s">
        <v>55</v>
      </c>
      <c r="D1496" s="6" t="s">
        <v>56</v>
      </c>
      <c r="E1496" s="6">
        <v>73001</v>
      </c>
      <c r="F1496" s="6" t="s">
        <v>18</v>
      </c>
      <c r="G1496" s="6" t="s">
        <v>3241</v>
      </c>
      <c r="H1496" s="6" t="s">
        <v>3242</v>
      </c>
      <c r="I1496" s="7">
        <v>4.4432619999999998</v>
      </c>
      <c r="J1496" s="8">
        <v>-75.235005000000001</v>
      </c>
    </row>
    <row r="1497" spans="1:10" x14ac:dyDescent="0.35">
      <c r="A1497" s="5" t="s">
        <v>10</v>
      </c>
      <c r="B1497" s="6">
        <v>132463</v>
      </c>
      <c r="C1497" s="6" t="s">
        <v>55</v>
      </c>
      <c r="D1497" s="6" t="s">
        <v>2348</v>
      </c>
      <c r="E1497" s="6">
        <v>73873</v>
      </c>
      <c r="F1497" s="6" t="s">
        <v>18</v>
      </c>
      <c r="G1497" s="6" t="s">
        <v>3243</v>
      </c>
      <c r="H1497" s="6" t="s">
        <v>3244</v>
      </c>
      <c r="I1497" s="7">
        <v>2.4404775999999999</v>
      </c>
      <c r="J1497" s="8">
        <v>-76.603540299999906</v>
      </c>
    </row>
    <row r="1498" spans="1:10" x14ac:dyDescent="0.35">
      <c r="A1498" s="5" t="s">
        <v>10</v>
      </c>
      <c r="B1498" s="6">
        <v>227467</v>
      </c>
      <c r="C1498" s="6" t="s">
        <v>24</v>
      </c>
      <c r="D1498" s="6" t="s">
        <v>530</v>
      </c>
      <c r="E1498" s="6">
        <v>15516</v>
      </c>
      <c r="F1498" s="6" t="s">
        <v>18</v>
      </c>
      <c r="G1498" s="6" t="s">
        <v>3245</v>
      </c>
      <c r="H1498" s="6" t="s">
        <v>3246</v>
      </c>
      <c r="I1498" s="7">
        <v>5.7795242999999896</v>
      </c>
      <c r="J1498" s="8">
        <v>-73.117350500000001</v>
      </c>
    </row>
    <row r="1499" spans="1:10" x14ac:dyDescent="0.35">
      <c r="A1499" s="5" t="s">
        <v>10</v>
      </c>
      <c r="B1499" s="6">
        <v>247005</v>
      </c>
      <c r="C1499" s="6" t="s">
        <v>24</v>
      </c>
      <c r="D1499" s="6" t="s">
        <v>317</v>
      </c>
      <c r="E1499" s="6">
        <v>15176</v>
      </c>
      <c r="F1499" s="6" t="s">
        <v>18</v>
      </c>
      <c r="G1499" s="6" t="s">
        <v>3247</v>
      </c>
      <c r="H1499" s="6" t="s">
        <v>3248</v>
      </c>
      <c r="I1499" s="7">
        <v>5.6108928000000002</v>
      </c>
      <c r="J1499" s="8">
        <v>-73.822400099999996</v>
      </c>
    </row>
    <row r="1500" spans="1:10" x14ac:dyDescent="0.35">
      <c r="A1500" s="5" t="s">
        <v>10</v>
      </c>
      <c r="B1500" s="6">
        <v>236979</v>
      </c>
      <c r="C1500" s="6" t="s">
        <v>24</v>
      </c>
      <c r="D1500" s="6" t="s">
        <v>88</v>
      </c>
      <c r="E1500" s="6">
        <v>15001</v>
      </c>
      <c r="F1500" s="6" t="s">
        <v>18</v>
      </c>
      <c r="G1500" s="6" t="s">
        <v>3249</v>
      </c>
      <c r="H1500" s="6" t="s">
        <v>3250</v>
      </c>
      <c r="I1500" s="7">
        <v>5.5178583000000003</v>
      </c>
      <c r="J1500" s="8">
        <v>-73.360261300000005</v>
      </c>
    </row>
    <row r="1501" spans="1:10" x14ac:dyDescent="0.35">
      <c r="A1501" s="5" t="s">
        <v>10</v>
      </c>
      <c r="B1501" s="6">
        <v>237557</v>
      </c>
      <c r="C1501" s="6" t="s">
        <v>28</v>
      </c>
      <c r="D1501" s="6" t="s">
        <v>867</v>
      </c>
      <c r="E1501" s="6">
        <v>54099</v>
      </c>
      <c r="F1501" s="6" t="s">
        <v>18</v>
      </c>
      <c r="G1501" s="6" t="s">
        <v>3251</v>
      </c>
      <c r="H1501" s="6" t="s">
        <v>3252</v>
      </c>
      <c r="I1501" s="7">
        <v>7.6112311000000004</v>
      </c>
      <c r="J1501" s="8">
        <v>-72.648096699999996</v>
      </c>
    </row>
    <row r="1502" spans="1:10" x14ac:dyDescent="0.35">
      <c r="A1502" s="5" t="s">
        <v>10</v>
      </c>
      <c r="B1502" s="6">
        <v>172587</v>
      </c>
      <c r="C1502" s="6" t="s">
        <v>42</v>
      </c>
      <c r="D1502" s="6" t="s">
        <v>43</v>
      </c>
      <c r="E1502" s="6">
        <v>17001</v>
      </c>
      <c r="F1502" s="6" t="s">
        <v>18</v>
      </c>
      <c r="G1502" s="6" t="s">
        <v>3253</v>
      </c>
      <c r="H1502" s="6" t="s">
        <v>3254</v>
      </c>
      <c r="I1502" s="7">
        <v>5.0630462999999999</v>
      </c>
      <c r="J1502" s="8">
        <v>-75.499254800000003</v>
      </c>
    </row>
    <row r="1503" spans="1:10" x14ac:dyDescent="0.35">
      <c r="A1503" s="5" t="s">
        <v>10</v>
      </c>
      <c r="B1503" s="6">
        <v>236031</v>
      </c>
      <c r="C1503" s="6" t="s">
        <v>11</v>
      </c>
      <c r="D1503" s="6" t="s">
        <v>823</v>
      </c>
      <c r="E1503" s="6">
        <v>25178</v>
      </c>
      <c r="F1503" s="6" t="s">
        <v>18</v>
      </c>
      <c r="G1503" s="6" t="s">
        <v>1634</v>
      </c>
      <c r="H1503" s="6" t="s">
        <v>3255</v>
      </c>
      <c r="I1503" s="7">
        <v>4.4431191999999999</v>
      </c>
      <c r="J1503" s="8">
        <v>-74.0441632</v>
      </c>
    </row>
    <row r="1504" spans="1:10" x14ac:dyDescent="0.35">
      <c r="A1504" s="5" t="s">
        <v>10</v>
      </c>
      <c r="B1504" s="6">
        <v>237003</v>
      </c>
      <c r="C1504" s="6" t="s">
        <v>68</v>
      </c>
      <c r="D1504" s="6" t="s">
        <v>69</v>
      </c>
      <c r="E1504" s="6">
        <v>11001</v>
      </c>
      <c r="F1504" s="6" t="s">
        <v>18</v>
      </c>
      <c r="G1504" s="6" t="s">
        <v>3256</v>
      </c>
      <c r="H1504" s="6" t="s">
        <v>3257</v>
      </c>
      <c r="I1504" s="7">
        <v>4.6292103999999998</v>
      </c>
      <c r="J1504" s="8">
        <v>-74.198033600000002</v>
      </c>
    </row>
    <row r="1505" spans="1:10" x14ac:dyDescent="0.35">
      <c r="A1505" s="5" t="s">
        <v>10</v>
      </c>
      <c r="B1505" s="6">
        <v>235655</v>
      </c>
      <c r="C1505" s="6" t="s">
        <v>68</v>
      </c>
      <c r="D1505" s="6" t="s">
        <v>69</v>
      </c>
      <c r="E1505" s="6">
        <v>11001</v>
      </c>
      <c r="F1505" s="6" t="s">
        <v>18</v>
      </c>
      <c r="G1505" s="6" t="s">
        <v>3258</v>
      </c>
      <c r="H1505" s="6" t="s">
        <v>3259</v>
      </c>
      <c r="I1505" s="7">
        <v>4.6035307999999997</v>
      </c>
      <c r="J1505" s="8">
        <v>-74.121668400000004</v>
      </c>
    </row>
    <row r="1506" spans="1:10" x14ac:dyDescent="0.35">
      <c r="A1506" s="5" t="s">
        <v>10</v>
      </c>
      <c r="B1506" s="6">
        <v>199684</v>
      </c>
      <c r="C1506" s="6" t="s">
        <v>68</v>
      </c>
      <c r="D1506" s="6" t="s">
        <v>69</v>
      </c>
      <c r="E1506" s="6">
        <v>11001</v>
      </c>
      <c r="F1506" s="6" t="s">
        <v>13</v>
      </c>
      <c r="G1506" s="6" t="s">
        <v>2049</v>
      </c>
      <c r="H1506" s="6" t="s">
        <v>2050</v>
      </c>
      <c r="I1506" s="7">
        <v>4.6418299000000003</v>
      </c>
      <c r="J1506" s="8">
        <v>-74.154884999999993</v>
      </c>
    </row>
    <row r="1507" spans="1:10" x14ac:dyDescent="0.35">
      <c r="A1507" s="5" t="s">
        <v>10</v>
      </c>
      <c r="B1507" s="6">
        <v>226566</v>
      </c>
      <c r="C1507" s="6" t="s">
        <v>16</v>
      </c>
      <c r="D1507" s="6" t="s">
        <v>75</v>
      </c>
      <c r="E1507" s="6">
        <v>68432</v>
      </c>
      <c r="F1507" s="6" t="s">
        <v>18</v>
      </c>
      <c r="G1507" s="6" t="s">
        <v>3260</v>
      </c>
      <c r="H1507" s="6" t="s">
        <v>3261</v>
      </c>
      <c r="I1507" s="7">
        <v>6.7018002000000001</v>
      </c>
      <c r="J1507" s="8">
        <v>-72.732061700000003</v>
      </c>
    </row>
    <row r="1508" spans="1:10" x14ac:dyDescent="0.35">
      <c r="A1508" s="5" t="s">
        <v>10</v>
      </c>
      <c r="B1508" s="6">
        <v>237129</v>
      </c>
      <c r="C1508" s="6" t="s">
        <v>55</v>
      </c>
      <c r="D1508" s="6" t="s">
        <v>56</v>
      </c>
      <c r="E1508" s="6">
        <v>73001</v>
      </c>
      <c r="F1508" s="6" t="s">
        <v>18</v>
      </c>
      <c r="G1508" s="6" t="s">
        <v>3262</v>
      </c>
      <c r="H1508" s="6" t="s">
        <v>3263</v>
      </c>
      <c r="I1508" s="7">
        <v>4.4452227000000004</v>
      </c>
      <c r="J1508" s="8">
        <v>-75.186459400000004</v>
      </c>
    </row>
    <row r="1509" spans="1:10" x14ac:dyDescent="0.35">
      <c r="A1509" s="5" t="s">
        <v>10</v>
      </c>
      <c r="B1509" s="6">
        <v>215923</v>
      </c>
      <c r="C1509" s="6" t="s">
        <v>55</v>
      </c>
      <c r="D1509" s="6" t="s">
        <v>1162</v>
      </c>
      <c r="E1509" s="6">
        <v>73411</v>
      </c>
      <c r="F1509" s="6" t="s">
        <v>18</v>
      </c>
      <c r="G1509" s="6" t="s">
        <v>1889</v>
      </c>
      <c r="H1509" s="6" t="s">
        <v>3264</v>
      </c>
      <c r="I1509" s="7">
        <v>4.9217540999999896</v>
      </c>
      <c r="J1509" s="8">
        <v>-75.058492700000002</v>
      </c>
    </row>
    <row r="1510" spans="1:10" x14ac:dyDescent="0.35">
      <c r="A1510" s="5" t="s">
        <v>10</v>
      </c>
      <c r="B1510" s="6">
        <v>243879</v>
      </c>
      <c r="C1510" s="6" t="s">
        <v>28</v>
      </c>
      <c r="D1510" s="6" t="s">
        <v>29</v>
      </c>
      <c r="E1510" s="6">
        <v>54001</v>
      </c>
      <c r="F1510" s="6" t="s">
        <v>18</v>
      </c>
      <c r="G1510" s="6" t="s">
        <v>3265</v>
      </c>
      <c r="H1510" s="6" t="s">
        <v>3266</v>
      </c>
      <c r="I1510" s="7">
        <v>7.8741671000000002</v>
      </c>
      <c r="J1510" s="8">
        <v>-72.528860199999997</v>
      </c>
    </row>
    <row r="1511" spans="1:10" x14ac:dyDescent="0.35">
      <c r="A1511" s="5" t="s">
        <v>10</v>
      </c>
      <c r="B1511" s="6">
        <v>178170</v>
      </c>
      <c r="C1511" s="6" t="s">
        <v>28</v>
      </c>
      <c r="D1511" s="6" t="s">
        <v>29</v>
      </c>
      <c r="E1511" s="6">
        <v>54001</v>
      </c>
      <c r="F1511" s="6" t="s">
        <v>18</v>
      </c>
      <c r="G1511" s="6" t="s">
        <v>3267</v>
      </c>
      <c r="H1511" s="6" t="s">
        <v>3268</v>
      </c>
      <c r="I1511" s="7">
        <v>7.8974053999999896</v>
      </c>
      <c r="J1511" s="8">
        <v>-72.538938199999905</v>
      </c>
    </row>
    <row r="1512" spans="1:10" x14ac:dyDescent="0.35">
      <c r="A1512" s="5" t="s">
        <v>10</v>
      </c>
      <c r="B1512" s="6">
        <v>203370</v>
      </c>
      <c r="C1512" s="6" t="s">
        <v>28</v>
      </c>
      <c r="D1512" s="6" t="s">
        <v>322</v>
      </c>
      <c r="E1512" s="6">
        <v>54405</v>
      </c>
      <c r="F1512" s="6" t="s">
        <v>18</v>
      </c>
      <c r="G1512" s="6" t="s">
        <v>3269</v>
      </c>
      <c r="H1512" s="6" t="s">
        <v>3270</v>
      </c>
      <c r="I1512" s="7">
        <v>7.8245566000000002</v>
      </c>
      <c r="J1512" s="8">
        <v>-72.514676199999997</v>
      </c>
    </row>
    <row r="1513" spans="1:10" x14ac:dyDescent="0.35">
      <c r="A1513" s="5" t="s">
        <v>10</v>
      </c>
      <c r="B1513" s="6">
        <v>228814</v>
      </c>
      <c r="C1513" s="6" t="s">
        <v>68</v>
      </c>
      <c r="D1513" s="6" t="s">
        <v>69</v>
      </c>
      <c r="E1513" s="6">
        <v>11001</v>
      </c>
      <c r="F1513" s="6" t="s">
        <v>18</v>
      </c>
      <c r="G1513" s="6" t="s">
        <v>3271</v>
      </c>
      <c r="H1513" s="6" t="s">
        <v>3272</v>
      </c>
      <c r="I1513" s="7">
        <v>4.6026940999999999</v>
      </c>
      <c r="J1513" s="8">
        <v>-74.069321299999999</v>
      </c>
    </row>
    <row r="1514" spans="1:10" x14ac:dyDescent="0.35">
      <c r="A1514" s="5" t="s">
        <v>10</v>
      </c>
      <c r="B1514" s="6">
        <v>215946</v>
      </c>
      <c r="C1514" s="6" t="s">
        <v>16</v>
      </c>
      <c r="D1514" s="6" t="s">
        <v>254</v>
      </c>
      <c r="E1514" s="6">
        <v>68079</v>
      </c>
      <c r="F1514" s="6" t="s">
        <v>18</v>
      </c>
      <c r="G1514" s="6" t="s">
        <v>3273</v>
      </c>
      <c r="H1514" s="6" t="s">
        <v>3274</v>
      </c>
      <c r="I1514" s="7">
        <v>6.6358489999999897</v>
      </c>
      <c r="J1514" s="8">
        <v>-73.223409000000004</v>
      </c>
    </row>
    <row r="1515" spans="1:10" x14ac:dyDescent="0.35">
      <c r="A1515" s="5" t="s">
        <v>10</v>
      </c>
      <c r="B1515" s="6">
        <v>209505</v>
      </c>
      <c r="C1515" s="6" t="s">
        <v>55</v>
      </c>
      <c r="D1515" s="6" t="s">
        <v>56</v>
      </c>
      <c r="E1515" s="6">
        <v>73001</v>
      </c>
      <c r="F1515" s="6" t="s">
        <v>18</v>
      </c>
      <c r="G1515" s="6" t="s">
        <v>3275</v>
      </c>
      <c r="H1515" s="6" t="s">
        <v>3276</v>
      </c>
      <c r="I1515" s="7">
        <v>4.4344372999999999</v>
      </c>
      <c r="J1515" s="8">
        <v>-75.240070099999997</v>
      </c>
    </row>
    <row r="1516" spans="1:10" x14ac:dyDescent="0.35">
      <c r="A1516" s="5" t="s">
        <v>10</v>
      </c>
      <c r="B1516" s="6">
        <v>238395</v>
      </c>
      <c r="C1516" s="6" t="s">
        <v>24</v>
      </c>
      <c r="D1516" s="6" t="s">
        <v>3277</v>
      </c>
      <c r="E1516" s="6">
        <v>15367</v>
      </c>
      <c r="F1516" s="6" t="s">
        <v>18</v>
      </c>
      <c r="G1516" s="6" t="s">
        <v>3278</v>
      </c>
      <c r="H1516" s="6" t="s">
        <v>3279</v>
      </c>
      <c r="I1516" s="7">
        <v>5.3831971999999997</v>
      </c>
      <c r="J1516" s="8">
        <v>-73.3641559</v>
      </c>
    </row>
    <row r="1517" spans="1:10" x14ac:dyDescent="0.35">
      <c r="A1517" s="5" t="s">
        <v>10</v>
      </c>
      <c r="B1517" s="6">
        <v>170249</v>
      </c>
      <c r="C1517" s="6" t="s">
        <v>24</v>
      </c>
      <c r="D1517" s="6" t="s">
        <v>2522</v>
      </c>
      <c r="E1517" s="6">
        <v>15491</v>
      </c>
      <c r="F1517" s="6" t="s">
        <v>18</v>
      </c>
      <c r="G1517" s="6" t="s">
        <v>3280</v>
      </c>
      <c r="H1517" s="6" t="s">
        <v>3281</v>
      </c>
      <c r="I1517" s="7">
        <v>5.7680050999999999</v>
      </c>
      <c r="J1517" s="8">
        <v>-72.938951299999999</v>
      </c>
    </row>
    <row r="1518" spans="1:10" x14ac:dyDescent="0.35">
      <c r="A1518" s="5" t="s">
        <v>10</v>
      </c>
      <c r="B1518" s="6">
        <v>243406</v>
      </c>
      <c r="C1518" s="6" t="s">
        <v>24</v>
      </c>
      <c r="D1518" s="6" t="s">
        <v>1965</v>
      </c>
      <c r="E1518" s="6">
        <v>15276</v>
      </c>
      <c r="F1518" s="6" t="s">
        <v>18</v>
      </c>
      <c r="G1518" s="6" t="s">
        <v>3282</v>
      </c>
      <c r="H1518" s="6" t="s">
        <v>3283</v>
      </c>
      <c r="I1518" s="7">
        <v>5.8594882000000004</v>
      </c>
      <c r="J1518" s="8">
        <v>-72.918840700000004</v>
      </c>
    </row>
    <row r="1519" spans="1:10" x14ac:dyDescent="0.35">
      <c r="A1519" s="5" t="s">
        <v>10</v>
      </c>
      <c r="B1519" s="6">
        <v>234001</v>
      </c>
      <c r="C1519" s="6" t="s">
        <v>24</v>
      </c>
      <c r="D1519" s="6" t="s">
        <v>137</v>
      </c>
      <c r="E1519" s="6">
        <v>15238</v>
      </c>
      <c r="F1519" s="6" t="s">
        <v>18</v>
      </c>
      <c r="G1519" s="6" t="s">
        <v>3284</v>
      </c>
      <c r="H1519" s="6" t="s">
        <v>3285</v>
      </c>
      <c r="I1519" s="7">
        <v>5.8132875000000004</v>
      </c>
      <c r="J1519" s="8">
        <v>-73.024945099999997</v>
      </c>
    </row>
    <row r="1520" spans="1:10" x14ac:dyDescent="0.35">
      <c r="A1520" s="5" t="s">
        <v>10</v>
      </c>
      <c r="B1520" s="6">
        <v>237109</v>
      </c>
      <c r="C1520" s="6" t="s">
        <v>28</v>
      </c>
      <c r="D1520" s="6" t="s">
        <v>29</v>
      </c>
      <c r="E1520" s="6">
        <v>54001</v>
      </c>
      <c r="F1520" s="6" t="s">
        <v>18</v>
      </c>
      <c r="G1520" s="6" t="s">
        <v>3286</v>
      </c>
      <c r="H1520" s="6" t="s">
        <v>3287</v>
      </c>
      <c r="I1520" s="7">
        <v>7.8817029999999999</v>
      </c>
      <c r="J1520" s="8">
        <v>-72.502769400000005</v>
      </c>
    </row>
    <row r="1521" spans="1:10" x14ac:dyDescent="0.35">
      <c r="A1521" s="5" t="s">
        <v>10</v>
      </c>
      <c r="B1521" s="6">
        <v>200024</v>
      </c>
      <c r="C1521" s="6" t="s">
        <v>61</v>
      </c>
      <c r="D1521" s="6" t="s">
        <v>62</v>
      </c>
      <c r="E1521" s="6">
        <v>63001</v>
      </c>
      <c r="F1521" s="6" t="s">
        <v>18</v>
      </c>
      <c r="G1521" s="6" t="s">
        <v>3288</v>
      </c>
      <c r="H1521" s="6" t="s">
        <v>3289</v>
      </c>
      <c r="I1521" s="7">
        <v>4.5763167999999999</v>
      </c>
      <c r="J1521" s="8">
        <v>-75.644688299999999</v>
      </c>
    </row>
    <row r="1522" spans="1:10" x14ac:dyDescent="0.35">
      <c r="A1522" s="5" t="s">
        <v>10</v>
      </c>
      <c r="B1522" s="6">
        <v>235586</v>
      </c>
      <c r="C1522" s="6" t="s">
        <v>42</v>
      </c>
      <c r="D1522" s="6" t="s">
        <v>43</v>
      </c>
      <c r="E1522" s="6">
        <v>17001</v>
      </c>
      <c r="F1522" s="6" t="s">
        <v>18</v>
      </c>
      <c r="G1522" s="6" t="s">
        <v>3290</v>
      </c>
      <c r="H1522" s="6" t="s">
        <v>3291</v>
      </c>
      <c r="I1522" s="7">
        <v>5.0312687</v>
      </c>
      <c r="J1522" s="8">
        <v>-75.462627800000007</v>
      </c>
    </row>
    <row r="1523" spans="1:10" x14ac:dyDescent="0.35">
      <c r="A1523" s="5" t="s">
        <v>10</v>
      </c>
      <c r="B1523" s="6">
        <v>240252</v>
      </c>
      <c r="C1523" s="6" t="s">
        <v>68</v>
      </c>
      <c r="D1523" s="6" t="s">
        <v>69</v>
      </c>
      <c r="E1523" s="6">
        <v>11001</v>
      </c>
      <c r="F1523" s="6" t="s">
        <v>18</v>
      </c>
      <c r="G1523" s="6" t="s">
        <v>3292</v>
      </c>
      <c r="H1523" s="6" t="s">
        <v>3293</v>
      </c>
      <c r="I1523" s="7">
        <v>4.6319730000000003</v>
      </c>
      <c r="J1523" s="8">
        <v>-74.128921000000005</v>
      </c>
    </row>
    <row r="1524" spans="1:10" x14ac:dyDescent="0.35">
      <c r="A1524" s="5" t="s">
        <v>10</v>
      </c>
      <c r="B1524" s="6">
        <v>180541</v>
      </c>
      <c r="C1524" s="6" t="s">
        <v>11</v>
      </c>
      <c r="D1524" s="6" t="s">
        <v>251</v>
      </c>
      <c r="E1524" s="6">
        <v>25214</v>
      </c>
      <c r="F1524" s="6" t="s">
        <v>13</v>
      </c>
      <c r="G1524" s="6" t="s">
        <v>252</v>
      </c>
      <c r="H1524" s="6" t="s">
        <v>253</v>
      </c>
      <c r="I1524" s="7">
        <v>4.8113048999999997</v>
      </c>
      <c r="J1524" s="8">
        <v>-74.100371699999997</v>
      </c>
    </row>
    <row r="1525" spans="1:10" x14ac:dyDescent="0.35">
      <c r="A1525" s="5" t="s">
        <v>10</v>
      </c>
      <c r="B1525" s="6">
        <v>197530</v>
      </c>
      <c r="C1525" s="6" t="s">
        <v>28</v>
      </c>
      <c r="D1525" s="6" t="s">
        <v>49</v>
      </c>
      <c r="E1525" s="6">
        <v>54498</v>
      </c>
      <c r="F1525" s="6" t="s">
        <v>18</v>
      </c>
      <c r="G1525" s="6" t="s">
        <v>3294</v>
      </c>
      <c r="H1525" s="6" t="s">
        <v>3295</v>
      </c>
      <c r="I1525" s="7">
        <v>8.2676871999999992</v>
      </c>
      <c r="J1525" s="8">
        <v>-73.364331999999905</v>
      </c>
    </row>
    <row r="1526" spans="1:10" x14ac:dyDescent="0.35">
      <c r="A1526" s="5" t="s">
        <v>10</v>
      </c>
      <c r="B1526" s="6">
        <v>191545</v>
      </c>
      <c r="C1526" s="6" t="s">
        <v>11</v>
      </c>
      <c r="D1526" s="6" t="s">
        <v>3054</v>
      </c>
      <c r="E1526" s="6">
        <v>25269</v>
      </c>
      <c r="F1526" s="6" t="s">
        <v>18</v>
      </c>
      <c r="G1526" s="6" t="s">
        <v>3296</v>
      </c>
      <c r="H1526" s="6" t="s">
        <v>3297</v>
      </c>
      <c r="I1526" s="7">
        <v>4.8109164999999896</v>
      </c>
      <c r="J1526" s="8">
        <v>-74.338875799999997</v>
      </c>
    </row>
    <row r="1527" spans="1:10" x14ac:dyDescent="0.35">
      <c r="A1527" s="5" t="s">
        <v>10</v>
      </c>
      <c r="B1527" s="6">
        <v>212681</v>
      </c>
      <c r="C1527" s="6" t="s">
        <v>11</v>
      </c>
      <c r="D1527" s="6" t="s">
        <v>106</v>
      </c>
      <c r="E1527" s="6">
        <v>25843</v>
      </c>
      <c r="F1527" s="6" t="s">
        <v>18</v>
      </c>
      <c r="G1527" s="6" t="s">
        <v>3298</v>
      </c>
      <c r="H1527" s="6" t="s">
        <v>3299</v>
      </c>
      <c r="I1527" s="7">
        <v>5.3120240000000001</v>
      </c>
      <c r="J1527" s="8">
        <v>-73.818221999999906</v>
      </c>
    </row>
    <row r="1528" spans="1:10" x14ac:dyDescent="0.35">
      <c r="A1528" s="5" t="s">
        <v>10</v>
      </c>
      <c r="B1528" s="6">
        <v>236519</v>
      </c>
      <c r="C1528" s="6" t="s">
        <v>55</v>
      </c>
      <c r="D1528" s="6" t="s">
        <v>2776</v>
      </c>
      <c r="E1528" s="6">
        <v>73520</v>
      </c>
      <c r="F1528" s="6" t="s">
        <v>18</v>
      </c>
      <c r="G1528" s="6" t="s">
        <v>3300</v>
      </c>
      <c r="H1528" s="6" t="s">
        <v>3301</v>
      </c>
      <c r="I1528" s="7">
        <v>5.1193580000000001</v>
      </c>
      <c r="J1528" s="8">
        <v>-75.023736</v>
      </c>
    </row>
    <row r="1529" spans="1:10" x14ac:dyDescent="0.35">
      <c r="A1529" s="5" t="s">
        <v>10</v>
      </c>
      <c r="B1529" s="6">
        <v>235499</v>
      </c>
      <c r="C1529" s="6" t="s">
        <v>55</v>
      </c>
      <c r="D1529" s="6" t="s">
        <v>56</v>
      </c>
      <c r="E1529" s="6">
        <v>73001</v>
      </c>
      <c r="F1529" s="6" t="s">
        <v>18</v>
      </c>
      <c r="G1529" s="6" t="s">
        <v>3302</v>
      </c>
      <c r="H1529" s="6" t="s">
        <v>3303</v>
      </c>
      <c r="I1529" s="7">
        <v>4.4294035000000003</v>
      </c>
      <c r="J1529" s="8">
        <v>-75.243862699999994</v>
      </c>
    </row>
    <row r="1530" spans="1:10" x14ac:dyDescent="0.35">
      <c r="A1530" s="5" t="s">
        <v>10</v>
      </c>
      <c r="B1530" s="6">
        <v>234890</v>
      </c>
      <c r="C1530" s="6" t="s">
        <v>24</v>
      </c>
      <c r="D1530" s="6" t="s">
        <v>88</v>
      </c>
      <c r="E1530" s="6">
        <v>15001</v>
      </c>
      <c r="F1530" s="6" t="s">
        <v>18</v>
      </c>
      <c r="G1530" s="6" t="s">
        <v>3304</v>
      </c>
      <c r="H1530" s="6" t="s">
        <v>3305</v>
      </c>
      <c r="I1530" s="7">
        <v>5.5203379999999997</v>
      </c>
      <c r="J1530" s="8">
        <v>-73.368070500000002</v>
      </c>
    </row>
    <row r="1531" spans="1:10" x14ac:dyDescent="0.35">
      <c r="A1531" s="5" t="s">
        <v>10</v>
      </c>
      <c r="B1531" s="6">
        <v>243859</v>
      </c>
      <c r="C1531" s="6" t="s">
        <v>28</v>
      </c>
      <c r="D1531" s="6" t="s">
        <v>91</v>
      </c>
      <c r="E1531" s="6">
        <v>54874</v>
      </c>
      <c r="F1531" s="6" t="s">
        <v>18</v>
      </c>
      <c r="G1531" s="6" t="s">
        <v>3306</v>
      </c>
      <c r="H1531" s="6" t="s">
        <v>3307</v>
      </c>
      <c r="I1531" s="7">
        <v>7.8636561</v>
      </c>
      <c r="J1531" s="8">
        <v>-72.476056099999994</v>
      </c>
    </row>
    <row r="1532" spans="1:10" x14ac:dyDescent="0.35">
      <c r="A1532" s="5" t="s">
        <v>10</v>
      </c>
      <c r="B1532" s="6">
        <v>237793</v>
      </c>
      <c r="C1532" s="6" t="s">
        <v>42</v>
      </c>
      <c r="D1532" s="6" t="s">
        <v>43</v>
      </c>
      <c r="E1532" s="6">
        <v>17001</v>
      </c>
      <c r="F1532" s="6" t="s">
        <v>18</v>
      </c>
      <c r="G1532" s="6" t="s">
        <v>3308</v>
      </c>
      <c r="H1532" s="6" t="s">
        <v>3309</v>
      </c>
      <c r="I1532" s="7">
        <v>5.0629742999999996</v>
      </c>
      <c r="J1532" s="8">
        <v>-75.502769799999996</v>
      </c>
    </row>
    <row r="1533" spans="1:10" x14ac:dyDescent="0.35">
      <c r="A1533" s="5" t="s">
        <v>10</v>
      </c>
      <c r="B1533" s="6">
        <v>175980</v>
      </c>
      <c r="C1533" s="6" t="s">
        <v>42</v>
      </c>
      <c r="D1533" s="6" t="s">
        <v>1947</v>
      </c>
      <c r="E1533" s="6">
        <v>17050</v>
      </c>
      <c r="F1533" s="6" t="s">
        <v>18</v>
      </c>
      <c r="G1533" s="6" t="s">
        <v>3310</v>
      </c>
      <c r="H1533" s="6" t="s">
        <v>3311</v>
      </c>
      <c r="I1533" s="7">
        <v>2.4405233000000002</v>
      </c>
      <c r="J1533" s="8">
        <v>-76.608055399999998</v>
      </c>
    </row>
    <row r="1534" spans="1:10" x14ac:dyDescent="0.35">
      <c r="A1534" s="5" t="s">
        <v>10</v>
      </c>
      <c r="B1534" s="6">
        <v>228911</v>
      </c>
      <c r="C1534" s="6" t="s">
        <v>42</v>
      </c>
      <c r="D1534" s="6" t="s">
        <v>1697</v>
      </c>
      <c r="E1534" s="6">
        <v>17433</v>
      </c>
      <c r="F1534" s="6" t="s">
        <v>18</v>
      </c>
      <c r="G1534" s="6" t="s">
        <v>3312</v>
      </c>
      <c r="H1534" s="6" t="s">
        <v>3313</v>
      </c>
      <c r="I1534" s="7">
        <v>5.2544933</v>
      </c>
      <c r="J1534" s="8">
        <v>-75.155039500000001</v>
      </c>
    </row>
    <row r="1535" spans="1:10" x14ac:dyDescent="0.35">
      <c r="A1535" s="5" t="s">
        <v>10</v>
      </c>
      <c r="B1535" s="6">
        <v>227099</v>
      </c>
      <c r="C1535" s="6" t="s">
        <v>302</v>
      </c>
      <c r="D1535" s="6" t="s">
        <v>359</v>
      </c>
      <c r="E1535" s="6">
        <v>8001</v>
      </c>
      <c r="F1535" s="6" t="s">
        <v>18</v>
      </c>
      <c r="G1535" s="6" t="s">
        <v>3314</v>
      </c>
      <c r="H1535" s="6" t="s">
        <v>3315</v>
      </c>
      <c r="I1535" s="7">
        <v>10.932852499999999</v>
      </c>
      <c r="J1535" s="8">
        <v>-74.802458000000001</v>
      </c>
    </row>
    <row r="1536" spans="1:10" x14ac:dyDescent="0.35">
      <c r="A1536" s="5" t="s">
        <v>10</v>
      </c>
      <c r="B1536" s="6">
        <v>236819</v>
      </c>
      <c r="C1536" s="6" t="s">
        <v>24</v>
      </c>
      <c r="D1536" s="6" t="s">
        <v>137</v>
      </c>
      <c r="E1536" s="6">
        <v>15238</v>
      </c>
      <c r="F1536" s="6" t="s">
        <v>18</v>
      </c>
      <c r="G1536" s="6" t="s">
        <v>3316</v>
      </c>
      <c r="H1536" s="6" t="s">
        <v>3317</v>
      </c>
      <c r="I1536" s="7">
        <v>5.8223639</v>
      </c>
      <c r="J1536" s="8">
        <v>-73.025984100000002</v>
      </c>
    </row>
    <row r="1537" spans="1:10" x14ac:dyDescent="0.35">
      <c r="A1537" s="5" t="s">
        <v>10</v>
      </c>
      <c r="B1537" s="6">
        <v>236485</v>
      </c>
      <c r="C1537" s="6" t="s">
        <v>28</v>
      </c>
      <c r="D1537" s="6" t="s">
        <v>29</v>
      </c>
      <c r="E1537" s="6">
        <v>54001</v>
      </c>
      <c r="F1537" s="6" t="s">
        <v>18</v>
      </c>
      <c r="G1537" s="6" t="s">
        <v>3318</v>
      </c>
      <c r="H1537" s="6" t="s">
        <v>3319</v>
      </c>
      <c r="I1537" s="7">
        <v>7.9028919000000002</v>
      </c>
      <c r="J1537" s="8">
        <v>-72.503485999999995</v>
      </c>
    </row>
    <row r="1538" spans="1:10" x14ac:dyDescent="0.35">
      <c r="A1538" s="5" t="s">
        <v>10</v>
      </c>
      <c r="B1538" s="6">
        <v>184227</v>
      </c>
      <c r="C1538" s="6" t="s">
        <v>42</v>
      </c>
      <c r="D1538" s="6" t="s">
        <v>43</v>
      </c>
      <c r="E1538" s="6">
        <v>17001</v>
      </c>
      <c r="F1538" s="6" t="s">
        <v>18</v>
      </c>
      <c r="G1538" s="6" t="s">
        <v>3320</v>
      </c>
      <c r="H1538" s="6" t="s">
        <v>3321</v>
      </c>
      <c r="I1538" s="7">
        <v>5.0674367</v>
      </c>
      <c r="J1538" s="8">
        <v>-75.511896100000001</v>
      </c>
    </row>
    <row r="1539" spans="1:10" x14ac:dyDescent="0.35">
      <c r="A1539" s="5" t="s">
        <v>10</v>
      </c>
      <c r="B1539" s="6">
        <v>228979</v>
      </c>
      <c r="C1539" s="6" t="s">
        <v>42</v>
      </c>
      <c r="D1539" s="6" t="s">
        <v>3322</v>
      </c>
      <c r="E1539" s="6">
        <v>17444</v>
      </c>
      <c r="F1539" s="6" t="s">
        <v>18</v>
      </c>
      <c r="G1539" s="6" t="s">
        <v>3323</v>
      </c>
      <c r="H1539" s="6" t="s">
        <v>3324</v>
      </c>
      <c r="I1539" s="7">
        <v>5.2969011000000004</v>
      </c>
      <c r="J1539" s="8">
        <v>-75.050284199999993</v>
      </c>
    </row>
    <row r="1540" spans="1:10" x14ac:dyDescent="0.35">
      <c r="A1540" s="5" t="s">
        <v>10</v>
      </c>
      <c r="B1540" s="6">
        <v>229909</v>
      </c>
      <c r="C1540" s="6" t="s">
        <v>3325</v>
      </c>
      <c r="D1540" s="6" t="s">
        <v>3326</v>
      </c>
      <c r="E1540" s="6">
        <v>95025</v>
      </c>
      <c r="F1540" s="6" t="s">
        <v>18</v>
      </c>
      <c r="G1540" s="6" t="s">
        <v>3327</v>
      </c>
      <c r="H1540" s="6" t="s">
        <v>3328</v>
      </c>
      <c r="I1540" s="7">
        <v>2.3318989999999999</v>
      </c>
      <c r="J1540" s="8">
        <v>-72.628127000000006</v>
      </c>
    </row>
    <row r="1541" spans="1:10" x14ac:dyDescent="0.35">
      <c r="A1541" s="5" t="s">
        <v>10</v>
      </c>
      <c r="B1541" s="6">
        <v>236022</v>
      </c>
      <c r="C1541" s="6" t="s">
        <v>11</v>
      </c>
      <c r="D1541" s="6" t="s">
        <v>1633</v>
      </c>
      <c r="E1541" s="6">
        <v>25151</v>
      </c>
      <c r="F1541" s="6" t="s">
        <v>18</v>
      </c>
      <c r="G1541" s="6" t="s">
        <v>1634</v>
      </c>
      <c r="H1541" s="6" t="s">
        <v>3329</v>
      </c>
      <c r="I1541" s="7">
        <v>4.4056578000000002</v>
      </c>
      <c r="J1541" s="8">
        <v>-73.947122399999998</v>
      </c>
    </row>
    <row r="1542" spans="1:10" x14ac:dyDescent="0.35">
      <c r="A1542" s="5" t="s">
        <v>10</v>
      </c>
      <c r="B1542" s="6">
        <v>141700</v>
      </c>
      <c r="C1542" s="6" t="s">
        <v>11</v>
      </c>
      <c r="D1542" s="6" t="s">
        <v>2313</v>
      </c>
      <c r="E1542" s="6">
        <v>25785</v>
      </c>
      <c r="F1542" s="6" t="s">
        <v>13</v>
      </c>
      <c r="G1542" s="6" t="s">
        <v>2314</v>
      </c>
      <c r="H1542" s="6" t="s">
        <v>2315</v>
      </c>
      <c r="I1542" s="7">
        <v>4.9147946999999998</v>
      </c>
      <c r="J1542" s="8">
        <v>-74.099004300000004</v>
      </c>
    </row>
    <row r="1543" spans="1:10" x14ac:dyDescent="0.35">
      <c r="A1543" s="5" t="s">
        <v>10</v>
      </c>
      <c r="B1543" s="6">
        <v>167204</v>
      </c>
      <c r="C1543" s="6" t="s">
        <v>16</v>
      </c>
      <c r="D1543" s="6" t="s">
        <v>17</v>
      </c>
      <c r="E1543" s="6">
        <v>68679</v>
      </c>
      <c r="F1543" s="6" t="s">
        <v>18</v>
      </c>
      <c r="G1543" s="6" t="s">
        <v>3330</v>
      </c>
      <c r="H1543" s="6" t="s">
        <v>3331</v>
      </c>
      <c r="I1543" s="7">
        <v>6.5541991999999896</v>
      </c>
      <c r="J1543" s="8">
        <v>-73.132435000000001</v>
      </c>
    </row>
    <row r="1544" spans="1:10" x14ac:dyDescent="0.35">
      <c r="A1544" s="5" t="s">
        <v>10</v>
      </c>
      <c r="B1544" s="6">
        <v>205577</v>
      </c>
      <c r="C1544" s="6" t="s">
        <v>24</v>
      </c>
      <c r="D1544" s="6" t="s">
        <v>88</v>
      </c>
      <c r="E1544" s="6">
        <v>15001</v>
      </c>
      <c r="F1544" s="6" t="s">
        <v>18</v>
      </c>
      <c r="G1544" s="6" t="s">
        <v>3332</v>
      </c>
      <c r="H1544" s="6" t="s">
        <v>3333</v>
      </c>
      <c r="I1544" s="7">
        <v>5.5213375999999998</v>
      </c>
      <c r="J1544" s="8">
        <v>-73.354281299999997</v>
      </c>
    </row>
    <row r="1545" spans="1:10" x14ac:dyDescent="0.35">
      <c r="A1545" s="5" t="s">
        <v>10</v>
      </c>
      <c r="B1545" s="6">
        <v>248554</v>
      </c>
      <c r="C1545" s="6" t="s">
        <v>24</v>
      </c>
      <c r="D1545" s="6" t="s">
        <v>578</v>
      </c>
      <c r="E1545" s="6">
        <v>15047</v>
      </c>
      <c r="F1545" s="6" t="s">
        <v>18</v>
      </c>
      <c r="G1545" s="6" t="s">
        <v>3206</v>
      </c>
      <c r="H1545" s="6" t="s">
        <v>3334</v>
      </c>
      <c r="I1545" s="7">
        <v>5.5191248000000002</v>
      </c>
      <c r="J1545" s="8">
        <v>-72.884828600000006</v>
      </c>
    </row>
    <row r="1546" spans="1:10" x14ac:dyDescent="0.35">
      <c r="A1546" s="5" t="s">
        <v>10</v>
      </c>
      <c r="B1546" s="6">
        <v>217282</v>
      </c>
      <c r="C1546" s="6" t="s">
        <v>24</v>
      </c>
      <c r="D1546" s="6" t="s">
        <v>530</v>
      </c>
      <c r="E1546" s="6">
        <v>15516</v>
      </c>
      <c r="F1546" s="6" t="s">
        <v>18</v>
      </c>
      <c r="G1546" s="6" t="s">
        <v>3335</v>
      </c>
      <c r="H1546" s="6" t="s">
        <v>3336</v>
      </c>
      <c r="I1546" s="7">
        <v>5.7766780000000004</v>
      </c>
      <c r="J1546" s="8">
        <v>-73.118395999999905</v>
      </c>
    </row>
    <row r="1547" spans="1:10" x14ac:dyDescent="0.35">
      <c r="A1547" s="5" t="s">
        <v>10</v>
      </c>
      <c r="B1547" s="6">
        <v>225398</v>
      </c>
      <c r="C1547" s="6" t="s">
        <v>28</v>
      </c>
      <c r="D1547" s="6" t="s">
        <v>29</v>
      </c>
      <c r="E1547" s="6">
        <v>54001</v>
      </c>
      <c r="F1547" s="6" t="s">
        <v>18</v>
      </c>
      <c r="G1547" s="6" t="s">
        <v>3337</v>
      </c>
      <c r="H1547" s="6" t="s">
        <v>3338</v>
      </c>
      <c r="I1547" s="7">
        <v>7.8956917000000004</v>
      </c>
      <c r="J1547" s="8">
        <v>-72.539708099999999</v>
      </c>
    </row>
    <row r="1548" spans="1:10" x14ac:dyDescent="0.35">
      <c r="A1548" s="5" t="s">
        <v>10</v>
      </c>
      <c r="B1548" s="6">
        <v>151926</v>
      </c>
      <c r="C1548" s="6" t="s">
        <v>42</v>
      </c>
      <c r="D1548" s="6" t="s">
        <v>46</v>
      </c>
      <c r="E1548" s="6">
        <v>17174</v>
      </c>
      <c r="F1548" s="6" t="s">
        <v>18</v>
      </c>
      <c r="G1548" s="6" t="s">
        <v>3339</v>
      </c>
      <c r="H1548" s="6" t="s">
        <v>3340</v>
      </c>
      <c r="I1548" s="7">
        <v>4.9901087999999998</v>
      </c>
      <c r="J1548" s="8">
        <v>-75.611943299999993</v>
      </c>
    </row>
    <row r="1549" spans="1:10" x14ac:dyDescent="0.35">
      <c r="A1549" s="5" t="s">
        <v>10</v>
      </c>
      <c r="B1549" s="6">
        <v>202534</v>
      </c>
      <c r="C1549" s="6" t="s">
        <v>42</v>
      </c>
      <c r="D1549" s="6" t="s">
        <v>43</v>
      </c>
      <c r="E1549" s="6">
        <v>17001</v>
      </c>
      <c r="F1549" s="6" t="s">
        <v>18</v>
      </c>
      <c r="G1549" s="6" t="s">
        <v>3341</v>
      </c>
      <c r="H1549" s="6" t="s">
        <v>3342</v>
      </c>
      <c r="I1549" s="7">
        <v>5.0694264999999996</v>
      </c>
      <c r="J1549" s="8">
        <v>-75.511438699999999</v>
      </c>
    </row>
    <row r="1550" spans="1:10" x14ac:dyDescent="0.35">
      <c r="A1550" s="5" t="s">
        <v>10</v>
      </c>
      <c r="B1550" s="6">
        <v>187498</v>
      </c>
      <c r="C1550" s="6" t="s">
        <v>68</v>
      </c>
      <c r="D1550" s="6" t="s">
        <v>69</v>
      </c>
      <c r="E1550" s="6">
        <v>11001</v>
      </c>
      <c r="F1550" s="6" t="s">
        <v>13</v>
      </c>
      <c r="G1550" s="6" t="s">
        <v>3343</v>
      </c>
      <c r="H1550" s="6" t="s">
        <v>3344</v>
      </c>
      <c r="I1550" s="7">
        <v>4.6378677000000001</v>
      </c>
      <c r="J1550" s="8">
        <v>-74.062165399999998</v>
      </c>
    </row>
    <row r="1551" spans="1:10" x14ac:dyDescent="0.35">
      <c r="A1551" s="5" t="s">
        <v>10</v>
      </c>
      <c r="B1551" s="6">
        <v>224941</v>
      </c>
      <c r="C1551" s="6" t="s">
        <v>16</v>
      </c>
      <c r="D1551" s="6" t="s">
        <v>17</v>
      </c>
      <c r="E1551" s="6">
        <v>68679</v>
      </c>
      <c r="F1551" s="6" t="s">
        <v>18</v>
      </c>
      <c r="G1551" s="6" t="s">
        <v>3345</v>
      </c>
      <c r="H1551" s="6" t="s">
        <v>3346</v>
      </c>
      <c r="I1551" s="7">
        <v>6.5539027000000001</v>
      </c>
      <c r="J1551" s="8">
        <v>-73.1312712</v>
      </c>
    </row>
    <row r="1552" spans="1:10" x14ac:dyDescent="0.35">
      <c r="A1552" s="5" t="s">
        <v>10</v>
      </c>
      <c r="B1552" s="6">
        <v>236698</v>
      </c>
      <c r="C1552" s="6" t="s">
        <v>16</v>
      </c>
      <c r="D1552" s="6" t="s">
        <v>790</v>
      </c>
      <c r="E1552" s="6">
        <v>68229</v>
      </c>
      <c r="F1552" s="6" t="s">
        <v>18</v>
      </c>
      <c r="G1552" s="6" t="s">
        <v>3347</v>
      </c>
      <c r="H1552" s="6" t="s">
        <v>3348</v>
      </c>
      <c r="I1552" s="7">
        <v>6.6063320000000001</v>
      </c>
      <c r="J1552" s="8">
        <v>-73.068749299999993</v>
      </c>
    </row>
    <row r="1553" spans="1:10" x14ac:dyDescent="0.35">
      <c r="A1553" s="5" t="s">
        <v>10</v>
      </c>
      <c r="B1553" s="6">
        <v>182323</v>
      </c>
      <c r="C1553" s="6" t="s">
        <v>55</v>
      </c>
      <c r="D1553" s="6" t="s">
        <v>2758</v>
      </c>
      <c r="E1553" s="6">
        <v>73270</v>
      </c>
      <c r="F1553" s="6" t="s">
        <v>18</v>
      </c>
      <c r="G1553" s="6" t="s">
        <v>3349</v>
      </c>
      <c r="H1553" s="6" t="s">
        <v>3350</v>
      </c>
      <c r="I1553" s="7">
        <v>5.0315104000000002</v>
      </c>
      <c r="J1553" s="8">
        <v>-75.013969799999998</v>
      </c>
    </row>
    <row r="1554" spans="1:10" x14ac:dyDescent="0.35">
      <c r="A1554" s="5" t="s">
        <v>10</v>
      </c>
      <c r="B1554" s="6">
        <v>192176</v>
      </c>
      <c r="C1554" s="6" t="s">
        <v>28</v>
      </c>
      <c r="D1554" s="6" t="s">
        <v>29</v>
      </c>
      <c r="E1554" s="6">
        <v>54001</v>
      </c>
      <c r="F1554" s="6" t="s">
        <v>18</v>
      </c>
      <c r="G1554" s="6" t="s">
        <v>3351</v>
      </c>
      <c r="H1554" s="6" t="s">
        <v>3352</v>
      </c>
      <c r="I1554" s="7">
        <v>7.9101608999999904</v>
      </c>
      <c r="J1554" s="8">
        <v>-72.529570399999997</v>
      </c>
    </row>
    <row r="1555" spans="1:10" x14ac:dyDescent="0.35">
      <c r="A1555" s="5" t="s">
        <v>10</v>
      </c>
      <c r="B1555" s="6">
        <v>235634</v>
      </c>
      <c r="C1555" s="6" t="s">
        <v>28</v>
      </c>
      <c r="D1555" s="6" t="s">
        <v>29</v>
      </c>
      <c r="E1555" s="6">
        <v>54001</v>
      </c>
      <c r="F1555" s="6" t="s">
        <v>18</v>
      </c>
      <c r="G1555" s="6" t="s">
        <v>3353</v>
      </c>
      <c r="H1555" s="6" t="s">
        <v>3354</v>
      </c>
      <c r="I1555" s="7">
        <v>7.9049310999999998</v>
      </c>
      <c r="J1555" s="8">
        <v>-72.537983499999996</v>
      </c>
    </row>
    <row r="1556" spans="1:10" x14ac:dyDescent="0.35">
      <c r="A1556" s="5" t="s">
        <v>10</v>
      </c>
      <c r="B1556" s="6">
        <v>203513</v>
      </c>
      <c r="C1556" s="6" t="s">
        <v>28</v>
      </c>
      <c r="D1556" s="6" t="s">
        <v>29</v>
      </c>
      <c r="E1556" s="6">
        <v>54001</v>
      </c>
      <c r="F1556" s="6" t="s">
        <v>18</v>
      </c>
      <c r="G1556" s="6" t="s">
        <v>3355</v>
      </c>
      <c r="H1556" s="6" t="s">
        <v>3356</v>
      </c>
      <c r="I1556" s="7">
        <v>7.9461662000000004</v>
      </c>
      <c r="J1556" s="8">
        <v>-72.518776099999997</v>
      </c>
    </row>
    <row r="1557" spans="1:10" x14ac:dyDescent="0.35">
      <c r="A1557" s="5" t="s">
        <v>10</v>
      </c>
      <c r="B1557" s="6">
        <v>205974</v>
      </c>
      <c r="C1557" s="6" t="s">
        <v>11</v>
      </c>
      <c r="D1557" s="6" t="s">
        <v>65</v>
      </c>
      <c r="E1557" s="6">
        <v>25572</v>
      </c>
      <c r="F1557" s="6" t="s">
        <v>18</v>
      </c>
      <c r="G1557" s="6" t="s">
        <v>3357</v>
      </c>
      <c r="H1557" s="6" t="s">
        <v>3358</v>
      </c>
      <c r="I1557" s="7">
        <v>5.4622545999999996</v>
      </c>
      <c r="J1557" s="8">
        <v>-74.650757499999997</v>
      </c>
    </row>
    <row r="1558" spans="1:10" x14ac:dyDescent="0.35">
      <c r="A1558" s="5" t="s">
        <v>10</v>
      </c>
      <c r="B1558" s="6">
        <v>237784</v>
      </c>
      <c r="C1558" s="6" t="s">
        <v>42</v>
      </c>
      <c r="D1558" s="6" t="s">
        <v>1066</v>
      </c>
      <c r="E1558" s="6">
        <v>17653</v>
      </c>
      <c r="F1558" s="6" t="s">
        <v>18</v>
      </c>
      <c r="G1558" s="6" t="s">
        <v>3359</v>
      </c>
      <c r="H1558" s="6" t="s">
        <v>3360</v>
      </c>
      <c r="I1558" s="7">
        <v>5.4067062999999997</v>
      </c>
      <c r="J1558" s="8">
        <v>-75.488252700000004</v>
      </c>
    </row>
    <row r="1559" spans="1:10" x14ac:dyDescent="0.35">
      <c r="A1559" s="5" t="s">
        <v>10</v>
      </c>
      <c r="B1559" s="6">
        <v>132286</v>
      </c>
      <c r="C1559" s="6" t="s">
        <v>16</v>
      </c>
      <c r="D1559" s="6" t="s">
        <v>2851</v>
      </c>
      <c r="E1559" s="6">
        <v>68524</v>
      </c>
      <c r="F1559" s="6" t="s">
        <v>18</v>
      </c>
      <c r="G1559" s="6" t="s">
        <v>3361</v>
      </c>
      <c r="H1559" s="6" t="s">
        <v>3362</v>
      </c>
      <c r="I1559" s="7">
        <v>10.4229301</v>
      </c>
      <c r="J1559" s="8">
        <v>-75.550232399999999</v>
      </c>
    </row>
    <row r="1560" spans="1:10" x14ac:dyDescent="0.35">
      <c r="A1560" s="5" t="s">
        <v>10</v>
      </c>
      <c r="B1560" s="6">
        <v>212770</v>
      </c>
      <c r="C1560" s="6" t="s">
        <v>16</v>
      </c>
      <c r="D1560" s="6" t="s">
        <v>78</v>
      </c>
      <c r="E1560" s="6">
        <v>68001</v>
      </c>
      <c r="F1560" s="6" t="s">
        <v>18</v>
      </c>
      <c r="G1560" s="6" t="s">
        <v>3363</v>
      </c>
      <c r="H1560" s="6" t="s">
        <v>3364</v>
      </c>
      <c r="I1560" s="7">
        <v>7.1169912999999996</v>
      </c>
      <c r="J1560" s="8">
        <v>-73.122333499999996</v>
      </c>
    </row>
    <row r="1561" spans="1:10" x14ac:dyDescent="0.35">
      <c r="A1561" s="5" t="s">
        <v>10</v>
      </c>
      <c r="B1561" s="6">
        <v>145604</v>
      </c>
      <c r="C1561" s="6" t="s">
        <v>16</v>
      </c>
      <c r="D1561" s="6" t="s">
        <v>224</v>
      </c>
      <c r="E1561" s="6">
        <v>68755</v>
      </c>
      <c r="F1561" s="6" t="s">
        <v>18</v>
      </c>
      <c r="G1561" s="6" t="s">
        <v>3365</v>
      </c>
      <c r="H1561" s="6" t="s">
        <v>3366</v>
      </c>
      <c r="I1561" s="7">
        <v>6.4679389</v>
      </c>
      <c r="J1561" s="8">
        <v>-73.261643599999999</v>
      </c>
    </row>
    <row r="1562" spans="1:10" x14ac:dyDescent="0.35">
      <c r="A1562" s="5" t="s">
        <v>10</v>
      </c>
      <c r="B1562" s="6">
        <v>221100</v>
      </c>
      <c r="C1562" s="6" t="s">
        <v>16</v>
      </c>
      <c r="D1562" s="6" t="s">
        <v>17</v>
      </c>
      <c r="E1562" s="6">
        <v>68679</v>
      </c>
      <c r="F1562" s="6" t="s">
        <v>18</v>
      </c>
      <c r="G1562" s="6" t="s">
        <v>3367</v>
      </c>
      <c r="H1562" s="6" t="s">
        <v>3368</v>
      </c>
      <c r="I1562" s="7">
        <v>6.5529862999999997</v>
      </c>
      <c r="J1562" s="8">
        <v>-73.131267100000002</v>
      </c>
    </row>
    <row r="1563" spans="1:10" x14ac:dyDescent="0.35">
      <c r="A1563" s="5" t="s">
        <v>10</v>
      </c>
      <c r="B1563" s="6">
        <v>246382</v>
      </c>
      <c r="C1563" s="6" t="s">
        <v>55</v>
      </c>
      <c r="D1563" s="6" t="s">
        <v>3369</v>
      </c>
      <c r="E1563" s="6">
        <v>73148</v>
      </c>
      <c r="F1563" s="6" t="s">
        <v>18</v>
      </c>
      <c r="G1563" s="6" t="s">
        <v>3370</v>
      </c>
      <c r="H1563" s="6" t="s">
        <v>3371</v>
      </c>
      <c r="I1563" s="7">
        <v>4.1496741999999998</v>
      </c>
      <c r="J1563" s="8">
        <v>-74.720289600000001</v>
      </c>
    </row>
    <row r="1564" spans="1:10" x14ac:dyDescent="0.35">
      <c r="A1564" s="5" t="s">
        <v>10</v>
      </c>
      <c r="B1564" s="6">
        <v>219036</v>
      </c>
      <c r="C1564" s="6" t="s">
        <v>24</v>
      </c>
      <c r="D1564" s="6" t="s">
        <v>137</v>
      </c>
      <c r="E1564" s="6">
        <v>15238</v>
      </c>
      <c r="F1564" s="6" t="s">
        <v>18</v>
      </c>
      <c r="G1564" s="6" t="s">
        <v>113</v>
      </c>
      <c r="H1564" s="6" t="s">
        <v>3372</v>
      </c>
      <c r="I1564" s="7">
        <v>5.8253718999999897</v>
      </c>
      <c r="J1564" s="8">
        <v>-73.047666599999999</v>
      </c>
    </row>
    <row r="1565" spans="1:10" x14ac:dyDescent="0.35">
      <c r="A1565" s="5" t="s">
        <v>10</v>
      </c>
      <c r="B1565" s="6">
        <v>242824</v>
      </c>
      <c r="C1565" s="6" t="s">
        <v>24</v>
      </c>
      <c r="D1565" s="6" t="s">
        <v>168</v>
      </c>
      <c r="E1565" s="6">
        <v>15572</v>
      </c>
      <c r="F1565" s="6" t="s">
        <v>18</v>
      </c>
      <c r="G1565" s="6" t="s">
        <v>3373</v>
      </c>
      <c r="H1565" s="6" t="s">
        <v>3374</v>
      </c>
      <c r="I1565" s="7">
        <v>5.9756767000000002</v>
      </c>
      <c r="J1565" s="8">
        <v>-74.5922391</v>
      </c>
    </row>
    <row r="1566" spans="1:10" x14ac:dyDescent="0.35">
      <c r="A1566" s="5" t="s">
        <v>10</v>
      </c>
      <c r="B1566" s="6">
        <v>207669</v>
      </c>
      <c r="C1566" s="6" t="s">
        <v>38</v>
      </c>
      <c r="D1566" s="6" t="s">
        <v>39</v>
      </c>
      <c r="E1566" s="6">
        <v>19001</v>
      </c>
      <c r="F1566" s="6" t="s">
        <v>18</v>
      </c>
      <c r="G1566" s="6" t="s">
        <v>3375</v>
      </c>
      <c r="H1566" s="6" t="s">
        <v>3376</v>
      </c>
      <c r="I1566" s="7">
        <v>2.4433398</v>
      </c>
      <c r="J1566" s="8">
        <v>-76.607396800000004</v>
      </c>
    </row>
    <row r="1567" spans="1:10" x14ac:dyDescent="0.35">
      <c r="A1567" s="5" t="s">
        <v>10</v>
      </c>
      <c r="B1567" s="6">
        <v>167409</v>
      </c>
      <c r="C1567" s="6" t="s">
        <v>11</v>
      </c>
      <c r="D1567" s="6" t="s">
        <v>65</v>
      </c>
      <c r="E1567" s="6">
        <v>25572</v>
      </c>
      <c r="F1567" s="6" t="s">
        <v>18</v>
      </c>
      <c r="G1567" s="6" t="s">
        <v>3377</v>
      </c>
      <c r="H1567" s="6" t="s">
        <v>3378</v>
      </c>
      <c r="I1567" s="7">
        <v>5.4674139999999998</v>
      </c>
      <c r="J1567" s="8">
        <v>-74.652692999999999</v>
      </c>
    </row>
    <row r="1568" spans="1:10" x14ac:dyDescent="0.35">
      <c r="A1568" s="5" t="s">
        <v>10</v>
      </c>
      <c r="B1568" s="6">
        <v>238613</v>
      </c>
      <c r="C1568" s="6" t="s">
        <v>11</v>
      </c>
      <c r="D1568" s="6" t="s">
        <v>3379</v>
      </c>
      <c r="E1568" s="6">
        <v>25407</v>
      </c>
      <c r="F1568" s="6" t="s">
        <v>18</v>
      </c>
      <c r="G1568" s="6" t="s">
        <v>3380</v>
      </c>
      <c r="H1568" s="6" t="s">
        <v>3381</v>
      </c>
      <c r="I1568" s="7">
        <v>5.2814674000000004</v>
      </c>
      <c r="J1568" s="8">
        <v>-73.683709100000002</v>
      </c>
    </row>
    <row r="1569" spans="1:10" x14ac:dyDescent="0.35">
      <c r="A1569" s="5" t="s">
        <v>10</v>
      </c>
      <c r="B1569" s="6">
        <v>141688</v>
      </c>
      <c r="C1569" s="6" t="s">
        <v>11</v>
      </c>
      <c r="D1569" s="6" t="s">
        <v>513</v>
      </c>
      <c r="E1569" s="6">
        <v>25286</v>
      </c>
      <c r="F1569" s="6" t="s">
        <v>13</v>
      </c>
      <c r="G1569" s="6" t="s">
        <v>1650</v>
      </c>
      <c r="H1569" s="6" t="s">
        <v>1651</v>
      </c>
      <c r="I1569" s="7">
        <v>4.7162769999999998</v>
      </c>
      <c r="J1569" s="8">
        <v>-74.213265300000003</v>
      </c>
    </row>
    <row r="1570" spans="1:10" x14ac:dyDescent="0.35">
      <c r="A1570" s="5" t="s">
        <v>10</v>
      </c>
      <c r="B1570" s="6">
        <v>231448</v>
      </c>
      <c r="C1570" s="6" t="s">
        <v>16</v>
      </c>
      <c r="D1570" s="6" t="s">
        <v>224</v>
      </c>
      <c r="E1570" s="6">
        <v>68755</v>
      </c>
      <c r="F1570" s="6" t="s">
        <v>18</v>
      </c>
      <c r="G1570" s="6" t="s">
        <v>3382</v>
      </c>
      <c r="H1570" s="6" t="s">
        <v>3383</v>
      </c>
      <c r="I1570" s="7">
        <v>6.4625060999999997</v>
      </c>
      <c r="J1570" s="8">
        <v>-73.262760099999994</v>
      </c>
    </row>
    <row r="1571" spans="1:10" x14ac:dyDescent="0.35">
      <c r="A1571" s="5" t="s">
        <v>10</v>
      </c>
      <c r="B1571" s="6">
        <v>241784</v>
      </c>
      <c r="C1571" s="6" t="s">
        <v>109</v>
      </c>
      <c r="D1571" s="6" t="s">
        <v>1445</v>
      </c>
      <c r="E1571" s="6">
        <v>13688</v>
      </c>
      <c r="F1571" s="6" t="s">
        <v>18</v>
      </c>
      <c r="G1571" s="6" t="s">
        <v>3384</v>
      </c>
      <c r="H1571" s="6" t="s">
        <v>3385</v>
      </c>
      <c r="I1571" s="7">
        <v>7.9630637999999996</v>
      </c>
      <c r="J1571" s="8">
        <v>-74.050974800000006</v>
      </c>
    </row>
    <row r="1572" spans="1:10" x14ac:dyDescent="0.35">
      <c r="A1572" s="5" t="s">
        <v>10</v>
      </c>
      <c r="B1572" s="6">
        <v>237703</v>
      </c>
      <c r="C1572" s="6" t="s">
        <v>55</v>
      </c>
      <c r="D1572" s="6" t="s">
        <v>56</v>
      </c>
      <c r="E1572" s="6">
        <v>73001</v>
      </c>
      <c r="F1572" s="6" t="s">
        <v>18</v>
      </c>
      <c r="G1572" s="6" t="s">
        <v>3386</v>
      </c>
      <c r="H1572" s="6" t="s">
        <v>3387</v>
      </c>
      <c r="I1572" s="7">
        <v>4.1459976999999997</v>
      </c>
      <c r="J1572" s="8">
        <v>-74.882850399999995</v>
      </c>
    </row>
    <row r="1573" spans="1:10" x14ac:dyDescent="0.35">
      <c r="A1573" s="5" t="s">
        <v>10</v>
      </c>
      <c r="B1573" s="6">
        <v>180005</v>
      </c>
      <c r="C1573" s="6" t="s">
        <v>294</v>
      </c>
      <c r="D1573" s="6" t="s">
        <v>2489</v>
      </c>
      <c r="E1573" s="6">
        <v>41660</v>
      </c>
      <c r="F1573" s="6" t="s">
        <v>18</v>
      </c>
      <c r="G1573" s="6" t="s">
        <v>3388</v>
      </c>
      <c r="H1573" s="6" t="s">
        <v>3389</v>
      </c>
      <c r="I1573" s="7">
        <v>1.9930969999999999</v>
      </c>
      <c r="J1573" s="8">
        <v>-76.043613999999906</v>
      </c>
    </row>
    <row r="1574" spans="1:10" x14ac:dyDescent="0.35">
      <c r="A1574" s="5" t="s">
        <v>10</v>
      </c>
      <c r="B1574" s="6">
        <v>191823</v>
      </c>
      <c r="C1574" s="6" t="s">
        <v>55</v>
      </c>
      <c r="D1574" s="6" t="s">
        <v>165</v>
      </c>
      <c r="E1574" s="6">
        <v>73449</v>
      </c>
      <c r="F1574" s="6" t="s">
        <v>18</v>
      </c>
      <c r="G1574" s="6" t="s">
        <v>3390</v>
      </c>
      <c r="H1574" s="6" t="s">
        <v>3391</v>
      </c>
      <c r="I1574" s="7">
        <v>4.2062596000000001</v>
      </c>
      <c r="J1574" s="8">
        <v>-74.633055299999995</v>
      </c>
    </row>
    <row r="1575" spans="1:10" x14ac:dyDescent="0.35">
      <c r="A1575" s="5" t="s">
        <v>10</v>
      </c>
      <c r="B1575" s="6">
        <v>183142</v>
      </c>
      <c r="C1575" s="6" t="s">
        <v>24</v>
      </c>
      <c r="D1575" s="6" t="s">
        <v>137</v>
      </c>
      <c r="E1575" s="6">
        <v>15238</v>
      </c>
      <c r="F1575" s="6" t="s">
        <v>18</v>
      </c>
      <c r="G1575" s="6" t="s">
        <v>3392</v>
      </c>
      <c r="H1575" s="6" t="s">
        <v>3393</v>
      </c>
      <c r="I1575" s="7">
        <v>5.8269142</v>
      </c>
      <c r="J1575" s="8">
        <v>-73.032887799999997</v>
      </c>
    </row>
    <row r="1576" spans="1:10" x14ac:dyDescent="0.35">
      <c r="A1576" s="5" t="s">
        <v>10</v>
      </c>
      <c r="B1576" s="6">
        <v>213581</v>
      </c>
      <c r="C1576" s="6" t="s">
        <v>24</v>
      </c>
      <c r="D1576" s="6" t="s">
        <v>85</v>
      </c>
      <c r="E1576" s="6">
        <v>15759</v>
      </c>
      <c r="F1576" s="6" t="s">
        <v>18</v>
      </c>
      <c r="G1576" s="6" t="s">
        <v>3394</v>
      </c>
      <c r="H1576" s="6" t="s">
        <v>3395</v>
      </c>
      <c r="I1576" s="7">
        <v>5.7579737</v>
      </c>
      <c r="J1576" s="8">
        <v>-72.905757199999996</v>
      </c>
    </row>
    <row r="1577" spans="1:10" x14ac:dyDescent="0.35">
      <c r="A1577" s="5" t="s">
        <v>10</v>
      </c>
      <c r="B1577" s="6">
        <v>238242</v>
      </c>
      <c r="C1577" s="6" t="s">
        <v>42</v>
      </c>
      <c r="D1577" s="6" t="s">
        <v>43</v>
      </c>
      <c r="E1577" s="6">
        <v>17001</v>
      </c>
      <c r="F1577" s="6" t="s">
        <v>18</v>
      </c>
      <c r="G1577" s="6" t="s">
        <v>3396</v>
      </c>
      <c r="H1577" s="6" t="s">
        <v>3397</v>
      </c>
      <c r="I1577" s="7">
        <v>5.0676142000000004</v>
      </c>
      <c r="J1577" s="8">
        <v>-75.527213200000006</v>
      </c>
    </row>
    <row r="1578" spans="1:10" x14ac:dyDescent="0.35">
      <c r="A1578" s="5" t="s">
        <v>10</v>
      </c>
      <c r="B1578" s="6">
        <v>238927</v>
      </c>
      <c r="C1578" s="6" t="s">
        <v>42</v>
      </c>
      <c r="D1578" s="6" t="s">
        <v>602</v>
      </c>
      <c r="E1578" s="6">
        <v>17777</v>
      </c>
      <c r="F1578" s="6" t="s">
        <v>18</v>
      </c>
      <c r="G1578" s="6" t="s">
        <v>3398</v>
      </c>
      <c r="H1578" s="6" t="s">
        <v>3399</v>
      </c>
      <c r="I1578" s="7">
        <v>5.4546668</v>
      </c>
      <c r="J1578" s="8">
        <v>-75.649669599999996</v>
      </c>
    </row>
    <row r="1579" spans="1:10" x14ac:dyDescent="0.35">
      <c r="A1579" s="5" t="s">
        <v>10</v>
      </c>
      <c r="B1579" s="6">
        <v>247770</v>
      </c>
      <c r="C1579" s="6" t="s">
        <v>68</v>
      </c>
      <c r="D1579" s="6" t="s">
        <v>69</v>
      </c>
      <c r="E1579" s="6">
        <v>11001</v>
      </c>
      <c r="F1579" s="6" t="s">
        <v>18</v>
      </c>
      <c r="G1579" s="6" t="s">
        <v>3400</v>
      </c>
      <c r="H1579" s="6" t="s">
        <v>3401</v>
      </c>
      <c r="I1579" s="7">
        <v>4.6353083000000002</v>
      </c>
      <c r="J1579" s="8">
        <v>-74.092267899999996</v>
      </c>
    </row>
    <row r="1580" spans="1:10" x14ac:dyDescent="0.35">
      <c r="A1580" s="5" t="s">
        <v>10</v>
      </c>
      <c r="B1580" s="6">
        <v>191492</v>
      </c>
      <c r="C1580" s="6" t="s">
        <v>117</v>
      </c>
      <c r="D1580" s="6" t="s">
        <v>3402</v>
      </c>
      <c r="E1580" s="6">
        <v>76364</v>
      </c>
      <c r="F1580" s="6" t="s">
        <v>13</v>
      </c>
      <c r="G1580" s="6" t="s">
        <v>3403</v>
      </c>
      <c r="H1580" s="6" t="s">
        <v>3404</v>
      </c>
      <c r="I1580" s="7">
        <v>3.2587554000000001</v>
      </c>
      <c r="J1580" s="8">
        <v>-76.553694800000002</v>
      </c>
    </row>
    <row r="1581" spans="1:10" x14ac:dyDescent="0.35">
      <c r="A1581" s="5" t="s">
        <v>10</v>
      </c>
      <c r="B1581" s="6">
        <v>227316</v>
      </c>
      <c r="C1581" s="6" t="s">
        <v>109</v>
      </c>
      <c r="D1581" s="6" t="s">
        <v>658</v>
      </c>
      <c r="E1581" s="6">
        <v>13836</v>
      </c>
      <c r="F1581" s="6" t="s">
        <v>18</v>
      </c>
      <c r="G1581" s="6" t="s">
        <v>3405</v>
      </c>
      <c r="H1581" s="6" t="s">
        <v>3406</v>
      </c>
      <c r="I1581" s="7">
        <v>10.3360652</v>
      </c>
      <c r="J1581" s="8">
        <v>-75.424662699999999</v>
      </c>
    </row>
    <row r="1582" spans="1:10" x14ac:dyDescent="0.35">
      <c r="A1582" s="5" t="s">
        <v>10</v>
      </c>
      <c r="B1582" s="6">
        <v>233097</v>
      </c>
      <c r="C1582" s="6" t="s">
        <v>109</v>
      </c>
      <c r="D1582" s="6" t="s">
        <v>227</v>
      </c>
      <c r="E1582" s="6">
        <v>13001</v>
      </c>
      <c r="F1582" s="6" t="s">
        <v>18</v>
      </c>
      <c r="G1582" s="6" t="s">
        <v>3407</v>
      </c>
      <c r="H1582" s="6" t="s">
        <v>3408</v>
      </c>
      <c r="I1582" s="7">
        <v>10.3984898</v>
      </c>
      <c r="J1582" s="8">
        <v>-75.495656999999994</v>
      </c>
    </row>
    <row r="1583" spans="1:10" x14ac:dyDescent="0.35">
      <c r="A1583" s="5" t="s">
        <v>10</v>
      </c>
      <c r="B1583" s="6">
        <v>239741</v>
      </c>
      <c r="C1583" s="6" t="s">
        <v>24</v>
      </c>
      <c r="D1583" s="6" t="s">
        <v>137</v>
      </c>
      <c r="E1583" s="6">
        <v>15238</v>
      </c>
      <c r="F1583" s="6" t="s">
        <v>18</v>
      </c>
      <c r="G1583" s="6" t="s">
        <v>3409</v>
      </c>
      <c r="H1583" s="6" t="s">
        <v>3410</v>
      </c>
      <c r="I1583" s="7">
        <v>5.8101707999999999</v>
      </c>
      <c r="J1583" s="8">
        <v>-73.028554200000002</v>
      </c>
    </row>
    <row r="1584" spans="1:10" x14ac:dyDescent="0.35">
      <c r="A1584" s="5" t="s">
        <v>10</v>
      </c>
      <c r="B1584" s="6">
        <v>214501</v>
      </c>
      <c r="C1584" s="6" t="s">
        <v>24</v>
      </c>
      <c r="D1584" s="6" t="s">
        <v>340</v>
      </c>
      <c r="E1584" s="6">
        <v>15897</v>
      </c>
      <c r="F1584" s="6" t="s">
        <v>18</v>
      </c>
      <c r="G1584" s="6" t="s">
        <v>3411</v>
      </c>
      <c r="H1584" s="6" t="s">
        <v>3412</v>
      </c>
      <c r="I1584" s="7">
        <v>5.282203</v>
      </c>
      <c r="J1584" s="8">
        <v>-73.169049700000002</v>
      </c>
    </row>
    <row r="1585" spans="1:10" x14ac:dyDescent="0.35">
      <c r="A1585" s="5" t="s">
        <v>10</v>
      </c>
      <c r="B1585" s="6">
        <v>234661</v>
      </c>
      <c r="C1585" s="6" t="s">
        <v>24</v>
      </c>
      <c r="D1585" s="6" t="s">
        <v>3413</v>
      </c>
      <c r="E1585" s="6">
        <v>15798</v>
      </c>
      <c r="F1585" s="6" t="s">
        <v>18</v>
      </c>
      <c r="G1585" s="6" t="s">
        <v>3414</v>
      </c>
      <c r="H1585" s="6" t="s">
        <v>3415</v>
      </c>
      <c r="I1585" s="7">
        <v>5.0754834999999998</v>
      </c>
      <c r="J1585" s="8">
        <v>-73.417503600000003</v>
      </c>
    </row>
    <row r="1586" spans="1:10" x14ac:dyDescent="0.35">
      <c r="A1586" s="5" t="s">
        <v>10</v>
      </c>
      <c r="B1586" s="6">
        <v>235190</v>
      </c>
      <c r="C1586" s="6" t="s">
        <v>24</v>
      </c>
      <c r="D1586" s="6" t="s">
        <v>1028</v>
      </c>
      <c r="E1586" s="6">
        <v>15299</v>
      </c>
      <c r="F1586" s="6" t="s">
        <v>18</v>
      </c>
      <c r="G1586" s="6" t="s">
        <v>3416</v>
      </c>
      <c r="H1586" s="6" t="s">
        <v>3417</v>
      </c>
      <c r="I1586" s="7">
        <v>5.0820008999999997</v>
      </c>
      <c r="J1586" s="8">
        <v>-73.364909800000007</v>
      </c>
    </row>
    <row r="1587" spans="1:10" x14ac:dyDescent="0.35">
      <c r="A1587" s="5" t="s">
        <v>10</v>
      </c>
      <c r="B1587" s="6">
        <v>240013</v>
      </c>
      <c r="C1587" s="6" t="s">
        <v>24</v>
      </c>
      <c r="D1587" s="6" t="s">
        <v>2412</v>
      </c>
      <c r="E1587" s="6">
        <v>15442</v>
      </c>
      <c r="F1587" s="6" t="s">
        <v>18</v>
      </c>
      <c r="G1587" s="6" t="s">
        <v>3418</v>
      </c>
      <c r="H1587" s="6" t="s">
        <v>3419</v>
      </c>
      <c r="I1587" s="7">
        <v>5.5496230000000004</v>
      </c>
      <c r="J1587" s="8">
        <v>-74.0046909</v>
      </c>
    </row>
    <row r="1588" spans="1:10" x14ac:dyDescent="0.35">
      <c r="A1588" s="5" t="s">
        <v>10</v>
      </c>
      <c r="B1588" s="6">
        <v>189767</v>
      </c>
      <c r="C1588" s="6" t="s">
        <v>28</v>
      </c>
      <c r="D1588" s="6" t="s">
        <v>29</v>
      </c>
      <c r="E1588" s="6">
        <v>54001</v>
      </c>
      <c r="F1588" s="6" t="s">
        <v>18</v>
      </c>
      <c r="G1588" s="6" t="s">
        <v>3420</v>
      </c>
      <c r="H1588" s="6" t="s">
        <v>3421</v>
      </c>
      <c r="I1588" s="7">
        <v>7.8809907999999904</v>
      </c>
      <c r="J1588" s="8">
        <v>-72.474112699999907</v>
      </c>
    </row>
    <row r="1589" spans="1:10" x14ac:dyDescent="0.35">
      <c r="A1589" s="5" t="s">
        <v>10</v>
      </c>
      <c r="B1589" s="6">
        <v>237414</v>
      </c>
      <c r="C1589" s="6" t="s">
        <v>28</v>
      </c>
      <c r="D1589" s="6" t="s">
        <v>153</v>
      </c>
      <c r="E1589" s="6">
        <v>54518</v>
      </c>
      <c r="F1589" s="6" t="s">
        <v>18</v>
      </c>
      <c r="G1589" s="6" t="s">
        <v>3422</v>
      </c>
      <c r="H1589" s="6" t="s">
        <v>3423</v>
      </c>
      <c r="I1589" s="7">
        <v>7.3799596000000003</v>
      </c>
      <c r="J1589" s="8">
        <v>-72.647518700000006</v>
      </c>
    </row>
    <row r="1590" spans="1:10" x14ac:dyDescent="0.35">
      <c r="A1590" s="5" t="s">
        <v>10</v>
      </c>
      <c r="B1590" s="6">
        <v>230225</v>
      </c>
      <c r="C1590" s="6" t="s">
        <v>61</v>
      </c>
      <c r="D1590" s="6" t="s">
        <v>259</v>
      </c>
      <c r="E1590" s="6">
        <v>63190</v>
      </c>
      <c r="F1590" s="6" t="s">
        <v>18</v>
      </c>
      <c r="G1590" s="6" t="s">
        <v>3424</v>
      </c>
      <c r="H1590" s="6" t="s">
        <v>3425</v>
      </c>
      <c r="I1590" s="7">
        <v>4.6201884</v>
      </c>
      <c r="J1590" s="8">
        <v>-75.635170599999995</v>
      </c>
    </row>
    <row r="1591" spans="1:10" x14ac:dyDescent="0.35">
      <c r="A1591" s="5" t="s">
        <v>10</v>
      </c>
      <c r="B1591" s="6">
        <v>234346</v>
      </c>
      <c r="C1591" s="6" t="s">
        <v>16</v>
      </c>
      <c r="D1591" s="6" t="s">
        <v>224</v>
      </c>
      <c r="E1591" s="6">
        <v>68755</v>
      </c>
      <c r="F1591" s="6" t="s">
        <v>18</v>
      </c>
      <c r="G1591" s="6" t="s">
        <v>3426</v>
      </c>
      <c r="H1591" s="6" t="s">
        <v>3427</v>
      </c>
      <c r="I1591" s="7">
        <v>6.4660013000000003</v>
      </c>
      <c r="J1591" s="8">
        <v>-73.262897199999998</v>
      </c>
    </row>
    <row r="1592" spans="1:10" x14ac:dyDescent="0.35">
      <c r="A1592" s="5" t="s">
        <v>10</v>
      </c>
      <c r="B1592" s="6">
        <v>192780</v>
      </c>
      <c r="C1592" s="6" t="s">
        <v>109</v>
      </c>
      <c r="D1592" s="6" t="s">
        <v>658</v>
      </c>
      <c r="E1592" s="6">
        <v>13836</v>
      </c>
      <c r="F1592" s="6" t="s">
        <v>18</v>
      </c>
      <c r="G1592" s="6" t="s">
        <v>3428</v>
      </c>
      <c r="H1592" s="6" t="s">
        <v>3429</v>
      </c>
      <c r="I1592" s="7">
        <v>10.3113093</v>
      </c>
      <c r="J1592" s="8">
        <v>-75.402685300000002</v>
      </c>
    </row>
    <row r="1593" spans="1:10" x14ac:dyDescent="0.35">
      <c r="A1593" s="5" t="s">
        <v>10</v>
      </c>
      <c r="B1593" s="6">
        <v>242814</v>
      </c>
      <c r="C1593" s="6" t="s">
        <v>24</v>
      </c>
      <c r="D1593" s="6" t="s">
        <v>137</v>
      </c>
      <c r="E1593" s="6">
        <v>15238</v>
      </c>
      <c r="F1593" s="6" t="s">
        <v>18</v>
      </c>
      <c r="G1593" s="6" t="s">
        <v>3430</v>
      </c>
      <c r="H1593" s="6" t="s">
        <v>3431</v>
      </c>
      <c r="I1593" s="7">
        <v>5.8263749999999996</v>
      </c>
      <c r="J1593" s="8">
        <v>-73.033912999999998</v>
      </c>
    </row>
    <row r="1594" spans="1:10" x14ac:dyDescent="0.35">
      <c r="A1594" s="5" t="s">
        <v>10</v>
      </c>
      <c r="B1594" s="6">
        <v>243562</v>
      </c>
      <c r="C1594" s="6" t="s">
        <v>24</v>
      </c>
      <c r="D1594" s="6" t="s">
        <v>137</v>
      </c>
      <c r="E1594" s="6">
        <v>15238</v>
      </c>
      <c r="F1594" s="6" t="s">
        <v>18</v>
      </c>
      <c r="G1594" s="6" t="s">
        <v>3432</v>
      </c>
      <c r="H1594" s="6" t="s">
        <v>3433</v>
      </c>
      <c r="I1594" s="7">
        <v>5.8294476</v>
      </c>
      <c r="J1594" s="8">
        <v>-73.038789300000005</v>
      </c>
    </row>
    <row r="1595" spans="1:10" x14ac:dyDescent="0.35">
      <c r="A1595" s="5" t="s">
        <v>10</v>
      </c>
      <c r="B1595" s="6">
        <v>246802</v>
      </c>
      <c r="C1595" s="6" t="s">
        <v>24</v>
      </c>
      <c r="D1595" s="6" t="s">
        <v>88</v>
      </c>
      <c r="E1595" s="6">
        <v>15001</v>
      </c>
      <c r="F1595" s="6" t="s">
        <v>18</v>
      </c>
      <c r="G1595" s="6" t="s">
        <v>3434</v>
      </c>
      <c r="H1595" s="6" t="s">
        <v>3435</v>
      </c>
      <c r="I1595" s="7">
        <v>5.5586979000000003</v>
      </c>
      <c r="J1595" s="8">
        <v>-73.343891600000006</v>
      </c>
    </row>
    <row r="1596" spans="1:10" x14ac:dyDescent="0.35">
      <c r="A1596" s="5" t="s">
        <v>10</v>
      </c>
      <c r="B1596" s="6">
        <v>236200</v>
      </c>
      <c r="C1596" s="6" t="s">
        <v>24</v>
      </c>
      <c r="D1596" s="6" t="s">
        <v>621</v>
      </c>
      <c r="E1596" s="6">
        <v>15646</v>
      </c>
      <c r="F1596" s="6" t="s">
        <v>18</v>
      </c>
      <c r="G1596" s="6" t="s">
        <v>3436</v>
      </c>
      <c r="H1596" s="6" t="s">
        <v>3437</v>
      </c>
      <c r="I1596" s="7">
        <v>5.4929315000000001</v>
      </c>
      <c r="J1596" s="8">
        <v>-73.483536200000003</v>
      </c>
    </row>
    <row r="1597" spans="1:10" x14ac:dyDescent="0.35">
      <c r="A1597" s="5" t="s">
        <v>10</v>
      </c>
      <c r="B1597" s="6">
        <v>242748</v>
      </c>
      <c r="C1597" s="6" t="s">
        <v>24</v>
      </c>
      <c r="D1597" s="6" t="s">
        <v>168</v>
      </c>
      <c r="E1597" s="6">
        <v>15572</v>
      </c>
      <c r="F1597" s="6" t="s">
        <v>18</v>
      </c>
      <c r="G1597" s="6" t="s">
        <v>3438</v>
      </c>
      <c r="H1597" s="6" t="s">
        <v>3439</v>
      </c>
      <c r="I1597" s="7">
        <v>5.9756767000000002</v>
      </c>
      <c r="J1597" s="8">
        <v>-74.5922391</v>
      </c>
    </row>
    <row r="1598" spans="1:10" x14ac:dyDescent="0.35">
      <c r="A1598" s="5" t="s">
        <v>10</v>
      </c>
      <c r="B1598" s="6">
        <v>234865</v>
      </c>
      <c r="C1598" s="6" t="s">
        <v>24</v>
      </c>
      <c r="D1598" s="6" t="s">
        <v>85</v>
      </c>
      <c r="E1598" s="6">
        <v>15759</v>
      </c>
      <c r="F1598" s="6" t="s">
        <v>18</v>
      </c>
      <c r="G1598" s="6" t="s">
        <v>3440</v>
      </c>
      <c r="H1598" s="6" t="s">
        <v>3441</v>
      </c>
      <c r="I1598" s="7">
        <v>5.7361465999999997</v>
      </c>
      <c r="J1598" s="8">
        <v>-72.917422099999996</v>
      </c>
    </row>
    <row r="1599" spans="1:10" x14ac:dyDescent="0.35">
      <c r="A1599" s="5" t="s">
        <v>10</v>
      </c>
      <c r="B1599" s="6">
        <v>234577</v>
      </c>
      <c r="C1599" s="6" t="s">
        <v>42</v>
      </c>
      <c r="D1599" s="6" t="s">
        <v>396</v>
      </c>
      <c r="E1599" s="6">
        <v>17380</v>
      </c>
      <c r="F1599" s="6" t="s">
        <v>18</v>
      </c>
      <c r="G1599" s="6" t="s">
        <v>3442</v>
      </c>
      <c r="H1599" s="6" t="s">
        <v>3443</v>
      </c>
      <c r="I1599" s="7">
        <v>5.4775141999999999</v>
      </c>
      <c r="J1599" s="8">
        <v>-74.674247100000002</v>
      </c>
    </row>
    <row r="1600" spans="1:10" x14ac:dyDescent="0.35">
      <c r="A1600" s="5" t="s">
        <v>10</v>
      </c>
      <c r="B1600" s="6">
        <v>158218</v>
      </c>
      <c r="C1600" s="6" t="s">
        <v>61</v>
      </c>
      <c r="D1600" s="6" t="s">
        <v>62</v>
      </c>
      <c r="E1600" s="6">
        <v>63001</v>
      </c>
      <c r="F1600" s="6" t="s">
        <v>18</v>
      </c>
      <c r="G1600" s="6" t="s">
        <v>3444</v>
      </c>
      <c r="H1600" s="6" t="s">
        <v>3445</v>
      </c>
      <c r="I1600" s="7">
        <v>4.5389942999999997</v>
      </c>
      <c r="J1600" s="8">
        <v>-75.666182999999904</v>
      </c>
    </row>
    <row r="1601" spans="1:10" x14ac:dyDescent="0.35">
      <c r="A1601" s="5" t="s">
        <v>10</v>
      </c>
      <c r="B1601" s="6">
        <v>224447</v>
      </c>
      <c r="C1601" s="6" t="s">
        <v>42</v>
      </c>
      <c r="D1601" s="6" t="s">
        <v>1104</v>
      </c>
      <c r="E1601" s="6">
        <v>17272</v>
      </c>
      <c r="F1601" s="6" t="s">
        <v>18</v>
      </c>
      <c r="G1601" s="6" t="s">
        <v>3446</v>
      </c>
      <c r="H1601" s="6" t="s">
        <v>3447</v>
      </c>
      <c r="I1601" s="7">
        <v>5.2976999999999999</v>
      </c>
      <c r="J1601" s="8">
        <v>-75.562344899999999</v>
      </c>
    </row>
    <row r="1602" spans="1:10" x14ac:dyDescent="0.35">
      <c r="A1602" s="5" t="s">
        <v>10</v>
      </c>
      <c r="B1602" s="6">
        <v>217734</v>
      </c>
      <c r="C1602" s="6" t="s">
        <v>24</v>
      </c>
      <c r="D1602" s="6" t="s">
        <v>3448</v>
      </c>
      <c r="E1602" s="6">
        <v>15599</v>
      </c>
      <c r="F1602" s="6" t="s">
        <v>18</v>
      </c>
      <c r="G1602" s="6" t="s">
        <v>3449</v>
      </c>
      <c r="H1602" s="6" t="s">
        <v>3450</v>
      </c>
      <c r="I1602" s="7">
        <v>5.4018410000000001</v>
      </c>
      <c r="J1602" s="8">
        <v>-73.335737999999907</v>
      </c>
    </row>
    <row r="1603" spans="1:10" x14ac:dyDescent="0.35">
      <c r="A1603" s="5" t="s">
        <v>10</v>
      </c>
      <c r="B1603" s="6">
        <v>141699</v>
      </c>
      <c r="C1603" s="6" t="s">
        <v>11</v>
      </c>
      <c r="D1603" s="6" t="s">
        <v>1547</v>
      </c>
      <c r="E1603" s="6">
        <v>25817</v>
      </c>
      <c r="F1603" s="6" t="s">
        <v>13</v>
      </c>
      <c r="G1603" s="6" t="s">
        <v>3451</v>
      </c>
      <c r="H1603" s="6" t="s">
        <v>3452</v>
      </c>
      <c r="I1603" s="7">
        <v>4.9650919</v>
      </c>
      <c r="J1603" s="8">
        <v>-73.912004400000001</v>
      </c>
    </row>
    <row r="1604" spans="1:10" x14ac:dyDescent="0.35">
      <c r="A1604" s="5" t="s">
        <v>10</v>
      </c>
      <c r="B1604" s="6">
        <v>158369</v>
      </c>
      <c r="C1604" s="6" t="s">
        <v>94</v>
      </c>
      <c r="D1604" s="6" t="s">
        <v>98</v>
      </c>
      <c r="E1604" s="6">
        <v>66001</v>
      </c>
      <c r="F1604" s="6" t="s">
        <v>13</v>
      </c>
      <c r="G1604" s="6" t="s">
        <v>306</v>
      </c>
      <c r="H1604" s="6" t="s">
        <v>307</v>
      </c>
      <c r="I1604" s="7">
        <v>4.8058074</v>
      </c>
      <c r="J1604" s="8">
        <v>-75.694122800000002</v>
      </c>
    </row>
    <row r="1605" spans="1:10" x14ac:dyDescent="0.35">
      <c r="A1605" s="5" t="s">
        <v>10</v>
      </c>
      <c r="B1605" s="6">
        <v>238938</v>
      </c>
      <c r="C1605" s="6" t="s">
        <v>16</v>
      </c>
      <c r="D1605" s="6" t="s">
        <v>254</v>
      </c>
      <c r="E1605" s="6">
        <v>68079</v>
      </c>
      <c r="F1605" s="6" t="s">
        <v>18</v>
      </c>
      <c r="G1605" s="6" t="s">
        <v>3453</v>
      </c>
      <c r="H1605" s="6" t="s">
        <v>3454</v>
      </c>
      <c r="I1605" s="7">
        <v>6.6358490000000003</v>
      </c>
      <c r="J1605" s="8">
        <v>-73.223409000000004</v>
      </c>
    </row>
    <row r="1606" spans="1:10" x14ac:dyDescent="0.35">
      <c r="A1606" s="5" t="s">
        <v>10</v>
      </c>
      <c r="B1606" s="6">
        <v>242795</v>
      </c>
      <c r="C1606" s="6" t="s">
        <v>24</v>
      </c>
      <c r="D1606" s="6" t="s">
        <v>85</v>
      </c>
      <c r="E1606" s="6">
        <v>15759</v>
      </c>
      <c r="F1606" s="6" t="s">
        <v>18</v>
      </c>
      <c r="G1606" s="6" t="s">
        <v>3455</v>
      </c>
      <c r="H1606" s="6" t="s">
        <v>3456</v>
      </c>
      <c r="I1606" s="7">
        <v>5.7216864999999997</v>
      </c>
      <c r="J1606" s="8">
        <v>-72.924705399999993</v>
      </c>
    </row>
    <row r="1607" spans="1:10" x14ac:dyDescent="0.35">
      <c r="A1607" s="5" t="s">
        <v>10</v>
      </c>
      <c r="B1607" s="6">
        <v>235265</v>
      </c>
      <c r="C1607" s="6" t="s">
        <v>24</v>
      </c>
      <c r="D1607" s="6" t="s">
        <v>88</v>
      </c>
      <c r="E1607" s="6">
        <v>15001</v>
      </c>
      <c r="F1607" s="6" t="s">
        <v>18</v>
      </c>
      <c r="G1607" s="6" t="s">
        <v>3457</v>
      </c>
      <c r="H1607" s="6" t="s">
        <v>3458</v>
      </c>
      <c r="I1607" s="7">
        <v>5.5659549000000004</v>
      </c>
      <c r="J1607" s="8">
        <v>-73.347487200000003</v>
      </c>
    </row>
    <row r="1608" spans="1:10" x14ac:dyDescent="0.35">
      <c r="A1608" s="5" t="s">
        <v>10</v>
      </c>
      <c r="B1608" s="6">
        <v>242830</v>
      </c>
      <c r="C1608" s="6" t="s">
        <v>24</v>
      </c>
      <c r="D1608" s="6" t="s">
        <v>3459</v>
      </c>
      <c r="E1608" s="6">
        <v>15533</v>
      </c>
      <c r="F1608" s="6" t="s">
        <v>18</v>
      </c>
      <c r="G1608" s="6" t="s">
        <v>3460</v>
      </c>
      <c r="H1608" s="6" t="s">
        <v>3461</v>
      </c>
      <c r="I1608" s="7">
        <v>5.6260228999999997</v>
      </c>
      <c r="J1608" s="8">
        <v>-72.422179200000002</v>
      </c>
    </row>
    <row r="1609" spans="1:10" x14ac:dyDescent="0.35">
      <c r="A1609" s="5" t="s">
        <v>10</v>
      </c>
      <c r="B1609" s="6">
        <v>209252</v>
      </c>
      <c r="C1609" s="6" t="s">
        <v>42</v>
      </c>
      <c r="D1609" s="6" t="s">
        <v>275</v>
      </c>
      <c r="E1609" s="6">
        <v>17614</v>
      </c>
      <c r="F1609" s="6" t="s">
        <v>18</v>
      </c>
      <c r="G1609" s="6" t="s">
        <v>3462</v>
      </c>
      <c r="H1609" s="6" t="s">
        <v>3463</v>
      </c>
      <c r="I1609" s="7">
        <v>1.7967443999999999</v>
      </c>
      <c r="J1609" s="8">
        <v>-77.164258599999997</v>
      </c>
    </row>
    <row r="1610" spans="1:10" x14ac:dyDescent="0.35">
      <c r="A1610" s="5" t="s">
        <v>10</v>
      </c>
      <c r="B1610" s="6">
        <v>222588</v>
      </c>
      <c r="C1610" s="6" t="s">
        <v>278</v>
      </c>
      <c r="D1610" s="6" t="s">
        <v>279</v>
      </c>
      <c r="E1610" s="6">
        <v>50001</v>
      </c>
      <c r="F1610" s="6" t="s">
        <v>18</v>
      </c>
      <c r="G1610" s="6" t="s">
        <v>3464</v>
      </c>
      <c r="H1610" s="6" t="s">
        <v>3465</v>
      </c>
      <c r="I1610" s="7">
        <v>4.1190680999999998</v>
      </c>
      <c r="J1610" s="8">
        <v>-73.625432000000004</v>
      </c>
    </row>
    <row r="1611" spans="1:10" x14ac:dyDescent="0.35">
      <c r="A1611" s="5" t="s">
        <v>10</v>
      </c>
      <c r="B1611" s="6">
        <v>72362</v>
      </c>
      <c r="C1611" s="6" t="s">
        <v>16</v>
      </c>
      <c r="D1611" s="6" t="s">
        <v>3466</v>
      </c>
      <c r="E1611" s="6">
        <v>68572</v>
      </c>
      <c r="F1611" s="6" t="s">
        <v>18</v>
      </c>
      <c r="G1611" s="6" t="s">
        <v>3467</v>
      </c>
      <c r="H1611" s="6" t="s">
        <v>3468</v>
      </c>
      <c r="I1611" s="7">
        <v>5.8777505000000003</v>
      </c>
      <c r="J1611" s="8">
        <v>-73.679199999999994</v>
      </c>
    </row>
    <row r="1612" spans="1:10" x14ac:dyDescent="0.35">
      <c r="A1612" s="5" t="s">
        <v>10</v>
      </c>
      <c r="B1612" s="6">
        <v>241808</v>
      </c>
      <c r="C1612" s="6" t="s">
        <v>109</v>
      </c>
      <c r="D1612" s="6" t="s">
        <v>3469</v>
      </c>
      <c r="E1612" s="6">
        <v>13490</v>
      </c>
      <c r="F1612" s="6" t="s">
        <v>18</v>
      </c>
      <c r="G1612" s="6" t="s">
        <v>3470</v>
      </c>
      <c r="H1612" s="6" t="s">
        <v>3471</v>
      </c>
      <c r="I1612" s="7">
        <v>8.5280269999999998</v>
      </c>
      <c r="J1612" s="8">
        <v>-74.037018000000003</v>
      </c>
    </row>
    <row r="1613" spans="1:10" x14ac:dyDescent="0.35">
      <c r="A1613" s="5" t="s">
        <v>10</v>
      </c>
      <c r="B1613" s="6">
        <v>181685</v>
      </c>
      <c r="C1613" s="6" t="s">
        <v>55</v>
      </c>
      <c r="D1613" s="6" t="s">
        <v>3369</v>
      </c>
      <c r="E1613" s="6">
        <v>73148</v>
      </c>
      <c r="F1613" s="6" t="s">
        <v>18</v>
      </c>
      <c r="G1613" s="6" t="s">
        <v>3472</v>
      </c>
      <c r="H1613" s="6" t="s">
        <v>3473</v>
      </c>
      <c r="I1613" s="7">
        <v>4.1496741999999998</v>
      </c>
      <c r="J1613" s="8">
        <v>-74.720289600000001</v>
      </c>
    </row>
    <row r="1614" spans="1:10" x14ac:dyDescent="0.35">
      <c r="A1614" s="5" t="s">
        <v>10</v>
      </c>
      <c r="B1614" s="6">
        <v>200974</v>
      </c>
      <c r="C1614" s="6" t="s">
        <v>24</v>
      </c>
      <c r="D1614" s="6" t="s">
        <v>205</v>
      </c>
      <c r="E1614" s="6">
        <v>15660</v>
      </c>
      <c r="F1614" s="6" t="s">
        <v>18</v>
      </c>
      <c r="G1614" s="6" t="s">
        <v>3474</v>
      </c>
      <c r="H1614" s="6" t="s">
        <v>3475</v>
      </c>
      <c r="I1614" s="7">
        <v>5.2245860000000004</v>
      </c>
      <c r="J1614" s="8">
        <v>-73.078446</v>
      </c>
    </row>
    <row r="1615" spans="1:10" x14ac:dyDescent="0.35">
      <c r="A1615" s="5" t="s">
        <v>10</v>
      </c>
      <c r="B1615" s="6">
        <v>243843</v>
      </c>
      <c r="C1615" s="6" t="s">
        <v>28</v>
      </c>
      <c r="D1615" s="6" t="s">
        <v>29</v>
      </c>
      <c r="E1615" s="6">
        <v>54001</v>
      </c>
      <c r="F1615" s="6" t="s">
        <v>18</v>
      </c>
      <c r="G1615" s="6" t="s">
        <v>3476</v>
      </c>
      <c r="H1615" s="6" t="s">
        <v>3477</v>
      </c>
      <c r="I1615" s="7">
        <v>7.889297</v>
      </c>
      <c r="J1615" s="8">
        <v>-72.504167100000004</v>
      </c>
    </row>
    <row r="1616" spans="1:10" x14ac:dyDescent="0.35">
      <c r="A1616" s="5" t="s">
        <v>10</v>
      </c>
      <c r="B1616" s="6">
        <v>229820</v>
      </c>
      <c r="C1616" s="6" t="s">
        <v>11</v>
      </c>
      <c r="D1616" s="6" t="s">
        <v>901</v>
      </c>
      <c r="E1616" s="6">
        <v>25307</v>
      </c>
      <c r="F1616" s="6" t="s">
        <v>18</v>
      </c>
      <c r="G1616" s="6" t="s">
        <v>3478</v>
      </c>
      <c r="H1616" s="6" t="s">
        <v>3479</v>
      </c>
      <c r="I1616" s="7">
        <v>4.2941364000000002</v>
      </c>
      <c r="J1616" s="8">
        <v>-74.804344400000005</v>
      </c>
    </row>
    <row r="1617" spans="1:10" x14ac:dyDescent="0.35">
      <c r="A1617" s="5" t="s">
        <v>10</v>
      </c>
      <c r="B1617" s="6">
        <v>165744</v>
      </c>
      <c r="C1617" s="6" t="s">
        <v>42</v>
      </c>
      <c r="D1617" s="6" t="s">
        <v>43</v>
      </c>
      <c r="E1617" s="6">
        <v>17001</v>
      </c>
      <c r="F1617" s="6" t="s">
        <v>18</v>
      </c>
      <c r="G1617" s="6" t="s">
        <v>3480</v>
      </c>
      <c r="H1617" s="6" t="s">
        <v>3481</v>
      </c>
      <c r="I1617" s="7">
        <v>5.0646551999999998</v>
      </c>
      <c r="J1617" s="8">
        <v>-75.497407699999997</v>
      </c>
    </row>
    <row r="1618" spans="1:10" x14ac:dyDescent="0.35">
      <c r="A1618" s="5" t="s">
        <v>10</v>
      </c>
      <c r="B1618" s="6">
        <v>199021</v>
      </c>
      <c r="C1618" s="6" t="s">
        <v>42</v>
      </c>
      <c r="D1618" s="6" t="s">
        <v>396</v>
      </c>
      <c r="E1618" s="6">
        <v>17380</v>
      </c>
      <c r="F1618" s="6" t="s">
        <v>18</v>
      </c>
      <c r="G1618" s="6" t="s">
        <v>3482</v>
      </c>
      <c r="H1618" s="6" t="s">
        <v>3483</v>
      </c>
      <c r="I1618" s="7">
        <v>5.4752931</v>
      </c>
      <c r="J1618" s="8">
        <v>-74.677357599999993</v>
      </c>
    </row>
    <row r="1619" spans="1:10" x14ac:dyDescent="0.35">
      <c r="A1619" s="5" t="s">
        <v>10</v>
      </c>
      <c r="B1619" s="6">
        <v>232290</v>
      </c>
      <c r="C1619" s="6" t="s">
        <v>42</v>
      </c>
      <c r="D1619" s="6" t="s">
        <v>46</v>
      </c>
      <c r="E1619" s="6">
        <v>17174</v>
      </c>
      <c r="F1619" s="6" t="s">
        <v>18</v>
      </c>
      <c r="G1619" s="6" t="s">
        <v>3484</v>
      </c>
      <c r="H1619" s="6" t="s">
        <v>3485</v>
      </c>
      <c r="I1619" s="7">
        <v>4.976979</v>
      </c>
      <c r="J1619" s="8">
        <v>-75.601489000000001</v>
      </c>
    </row>
    <row r="1620" spans="1:10" x14ac:dyDescent="0.35">
      <c r="A1620" s="5" t="s">
        <v>10</v>
      </c>
      <c r="B1620" s="6">
        <v>239656</v>
      </c>
      <c r="C1620" s="6" t="s">
        <v>94</v>
      </c>
      <c r="D1620" s="6" t="s">
        <v>242</v>
      </c>
      <c r="E1620" s="6">
        <v>66682</v>
      </c>
      <c r="F1620" s="6" t="s">
        <v>18</v>
      </c>
      <c r="G1620" s="6" t="s">
        <v>3486</v>
      </c>
      <c r="H1620" s="6" t="s">
        <v>3487</v>
      </c>
      <c r="I1620" s="7">
        <v>4.8701210000000001</v>
      </c>
      <c r="J1620" s="8">
        <v>-75.622389999999996</v>
      </c>
    </row>
    <row r="1621" spans="1:10" x14ac:dyDescent="0.35">
      <c r="A1621" s="5" t="s">
        <v>10</v>
      </c>
      <c r="B1621" s="6">
        <v>180544</v>
      </c>
      <c r="C1621" s="6" t="s">
        <v>11</v>
      </c>
      <c r="D1621" s="6" t="s">
        <v>334</v>
      </c>
      <c r="E1621" s="6">
        <v>25754</v>
      </c>
      <c r="F1621" s="6" t="s">
        <v>13</v>
      </c>
      <c r="G1621" s="6" t="s">
        <v>1952</v>
      </c>
      <c r="H1621" s="6" t="s">
        <v>1953</v>
      </c>
      <c r="I1621" s="7">
        <v>4.5881616000000003</v>
      </c>
      <c r="J1621" s="8">
        <v>-74.203519099999994</v>
      </c>
    </row>
    <row r="1622" spans="1:10" x14ac:dyDescent="0.35">
      <c r="A1622" s="5" t="s">
        <v>10</v>
      </c>
      <c r="B1622" s="6">
        <v>141706</v>
      </c>
      <c r="C1622" s="6" t="s">
        <v>11</v>
      </c>
      <c r="D1622" s="6" t="s">
        <v>21</v>
      </c>
      <c r="E1622" s="6">
        <v>25386</v>
      </c>
      <c r="F1622" s="6" t="s">
        <v>13</v>
      </c>
      <c r="G1622" s="6" t="s">
        <v>3214</v>
      </c>
      <c r="H1622" s="6" t="s">
        <v>3215</v>
      </c>
      <c r="I1622" s="7">
        <v>4.6321469999999998</v>
      </c>
      <c r="J1622" s="8">
        <v>-74.463014000000001</v>
      </c>
    </row>
    <row r="1623" spans="1:10" x14ac:dyDescent="0.35">
      <c r="A1623" s="5" t="s">
        <v>10</v>
      </c>
      <c r="B1623" s="6">
        <v>225374</v>
      </c>
      <c r="C1623" s="6" t="s">
        <v>190</v>
      </c>
      <c r="D1623" s="6" t="s">
        <v>191</v>
      </c>
      <c r="E1623" s="6">
        <v>5001</v>
      </c>
      <c r="F1623" s="6" t="s">
        <v>13</v>
      </c>
      <c r="G1623" s="6" t="s">
        <v>3488</v>
      </c>
      <c r="H1623" s="6" t="s">
        <v>3489</v>
      </c>
      <c r="I1623" s="7">
        <v>6.2531027000000003</v>
      </c>
      <c r="J1623" s="8">
        <v>-75.568597600000004</v>
      </c>
    </row>
    <row r="1624" spans="1:10" x14ac:dyDescent="0.35">
      <c r="A1624" s="5" t="s">
        <v>10</v>
      </c>
      <c r="B1624" s="6">
        <v>210671</v>
      </c>
      <c r="C1624" s="6" t="s">
        <v>68</v>
      </c>
      <c r="D1624" s="6" t="s">
        <v>69</v>
      </c>
      <c r="E1624" s="6">
        <v>11001</v>
      </c>
      <c r="F1624" s="6" t="s">
        <v>13</v>
      </c>
      <c r="G1624" s="6" t="s">
        <v>3490</v>
      </c>
      <c r="H1624" s="6" t="s">
        <v>3491</v>
      </c>
      <c r="I1624" s="7">
        <v>4.6083638000000002</v>
      </c>
      <c r="J1624" s="8">
        <v>-74.070576599999995</v>
      </c>
    </row>
    <row r="1625" spans="1:10" x14ac:dyDescent="0.35">
      <c r="A1625" s="5" t="s">
        <v>10</v>
      </c>
      <c r="B1625" s="6">
        <v>225368</v>
      </c>
      <c r="C1625" s="6" t="s">
        <v>117</v>
      </c>
      <c r="D1625" s="6" t="s">
        <v>3492</v>
      </c>
      <c r="E1625" s="6">
        <v>76520</v>
      </c>
      <c r="F1625" s="6" t="s">
        <v>13</v>
      </c>
      <c r="G1625" s="6" t="s">
        <v>3493</v>
      </c>
      <c r="H1625" s="6" t="s">
        <v>3494</v>
      </c>
      <c r="I1625" s="7">
        <v>3.5552291999999999</v>
      </c>
      <c r="J1625" s="8">
        <v>-76.294538599999996</v>
      </c>
    </row>
    <row r="1626" spans="1:10" x14ac:dyDescent="0.35">
      <c r="A1626" s="5" t="s">
        <v>10</v>
      </c>
      <c r="B1626" s="6">
        <v>202523</v>
      </c>
      <c r="C1626" s="6" t="s">
        <v>55</v>
      </c>
      <c r="D1626" s="6" t="s">
        <v>728</v>
      </c>
      <c r="E1626" s="6">
        <v>73675</v>
      </c>
      <c r="F1626" s="6" t="s">
        <v>18</v>
      </c>
      <c r="G1626" s="6" t="s">
        <v>3495</v>
      </c>
      <c r="H1626" s="6" t="s">
        <v>3496</v>
      </c>
      <c r="I1626" s="7">
        <v>3.91409899999999</v>
      </c>
      <c r="J1626" s="8">
        <v>-75.479861</v>
      </c>
    </row>
    <row r="1627" spans="1:10" x14ac:dyDescent="0.35">
      <c r="A1627" s="5" t="s">
        <v>10</v>
      </c>
      <c r="B1627" s="6">
        <v>239224</v>
      </c>
      <c r="C1627" s="6" t="s">
        <v>24</v>
      </c>
      <c r="D1627" s="6" t="s">
        <v>85</v>
      </c>
      <c r="E1627" s="6">
        <v>15759</v>
      </c>
      <c r="F1627" s="6" t="s">
        <v>18</v>
      </c>
      <c r="G1627" s="6" t="s">
        <v>3497</v>
      </c>
      <c r="H1627" s="6" t="s">
        <v>3498</v>
      </c>
      <c r="I1627" s="7">
        <v>5.6883910000000002</v>
      </c>
      <c r="J1627" s="8">
        <v>-72.948307499999999</v>
      </c>
    </row>
    <row r="1628" spans="1:10" x14ac:dyDescent="0.35">
      <c r="A1628" s="5" t="s">
        <v>10</v>
      </c>
      <c r="B1628" s="6">
        <v>243889</v>
      </c>
      <c r="C1628" s="6" t="s">
        <v>28</v>
      </c>
      <c r="D1628" s="6" t="s">
        <v>1171</v>
      </c>
      <c r="E1628" s="6">
        <v>54810</v>
      </c>
      <c r="F1628" s="6" t="s">
        <v>18</v>
      </c>
      <c r="G1628" s="6" t="s">
        <v>3499</v>
      </c>
      <c r="H1628" s="6" t="s">
        <v>3500</v>
      </c>
      <c r="I1628" s="7">
        <v>8.6423559999999995</v>
      </c>
      <c r="J1628" s="8">
        <v>-72.737733000000006</v>
      </c>
    </row>
    <row r="1629" spans="1:10" x14ac:dyDescent="0.35">
      <c r="A1629" s="5" t="s">
        <v>10</v>
      </c>
      <c r="B1629" s="6">
        <v>249554</v>
      </c>
      <c r="C1629" s="6" t="s">
        <v>28</v>
      </c>
      <c r="D1629" s="6" t="s">
        <v>29</v>
      </c>
      <c r="E1629" s="6">
        <v>54001</v>
      </c>
      <c r="F1629" s="6" t="s">
        <v>18</v>
      </c>
      <c r="G1629" s="6" t="s">
        <v>3501</v>
      </c>
      <c r="H1629" s="6" t="s">
        <v>3502</v>
      </c>
      <c r="I1629" s="7">
        <v>7.9102544000000004</v>
      </c>
      <c r="J1629" s="8">
        <v>-72.5102428</v>
      </c>
    </row>
    <row r="1630" spans="1:10" x14ac:dyDescent="0.35">
      <c r="A1630" s="5" t="s">
        <v>10</v>
      </c>
      <c r="B1630" s="6">
        <v>158728</v>
      </c>
      <c r="C1630" s="6" t="s">
        <v>38</v>
      </c>
      <c r="D1630" s="6" t="s">
        <v>39</v>
      </c>
      <c r="E1630" s="6">
        <v>19001</v>
      </c>
      <c r="F1630" s="6" t="s">
        <v>18</v>
      </c>
      <c r="G1630" s="6" t="s">
        <v>3503</v>
      </c>
      <c r="H1630" s="6" t="s">
        <v>3504</v>
      </c>
      <c r="I1630" s="7">
        <v>2.4563244000000002</v>
      </c>
      <c r="J1630" s="8">
        <v>-76.5987358</v>
      </c>
    </row>
    <row r="1631" spans="1:10" x14ac:dyDescent="0.35">
      <c r="A1631" s="5" t="s">
        <v>10</v>
      </c>
      <c r="B1631" s="6">
        <v>232546</v>
      </c>
      <c r="C1631" s="6" t="s">
        <v>42</v>
      </c>
      <c r="D1631" s="6" t="s">
        <v>181</v>
      </c>
      <c r="E1631" s="6">
        <v>17616</v>
      </c>
      <c r="F1631" s="6" t="s">
        <v>18</v>
      </c>
      <c r="G1631" s="6" t="s">
        <v>3505</v>
      </c>
      <c r="H1631" s="6" t="s">
        <v>3506</v>
      </c>
      <c r="I1631" s="7">
        <v>5.1636759999999997</v>
      </c>
      <c r="J1631" s="8">
        <v>-75.768462</v>
      </c>
    </row>
    <row r="1632" spans="1:10" x14ac:dyDescent="0.35">
      <c r="A1632" s="5" t="s">
        <v>10</v>
      </c>
      <c r="B1632" s="6">
        <v>141692</v>
      </c>
      <c r="C1632" s="6" t="s">
        <v>11</v>
      </c>
      <c r="D1632" s="6" t="s">
        <v>3104</v>
      </c>
      <c r="E1632" s="6">
        <v>25245</v>
      </c>
      <c r="F1632" s="6" t="s">
        <v>13</v>
      </c>
      <c r="G1632" s="6" t="s">
        <v>3507</v>
      </c>
      <c r="H1632" s="6" t="s">
        <v>3508</v>
      </c>
      <c r="I1632" s="7">
        <v>4.5744106000000002</v>
      </c>
      <c r="J1632" s="8">
        <v>-74.305294399999994</v>
      </c>
    </row>
    <row r="1633" spans="1:10" x14ac:dyDescent="0.35">
      <c r="A1633" s="5" t="s">
        <v>10</v>
      </c>
      <c r="B1633" s="6">
        <v>183488</v>
      </c>
      <c r="C1633" s="6" t="s">
        <v>55</v>
      </c>
      <c r="D1633" s="6" t="s">
        <v>56</v>
      </c>
      <c r="E1633" s="6">
        <v>73001</v>
      </c>
      <c r="F1633" s="6" t="s">
        <v>18</v>
      </c>
      <c r="G1633" s="6" t="s">
        <v>3509</v>
      </c>
      <c r="H1633" s="6" t="s">
        <v>3510</v>
      </c>
      <c r="I1633" s="7">
        <v>4.44428</v>
      </c>
      <c r="J1633" s="8">
        <v>-75.219914500000002</v>
      </c>
    </row>
    <row r="1634" spans="1:10" x14ac:dyDescent="0.35">
      <c r="A1634" s="5" t="s">
        <v>10</v>
      </c>
      <c r="B1634" s="6">
        <v>228121</v>
      </c>
      <c r="C1634" s="6" t="s">
        <v>24</v>
      </c>
      <c r="D1634" s="6" t="s">
        <v>530</v>
      </c>
      <c r="E1634" s="6">
        <v>15516</v>
      </c>
      <c r="F1634" s="6" t="s">
        <v>18</v>
      </c>
      <c r="G1634" s="6" t="s">
        <v>3511</v>
      </c>
      <c r="H1634" s="6" t="s">
        <v>3512</v>
      </c>
      <c r="I1634" s="7">
        <v>5.7799078000000002</v>
      </c>
      <c r="J1634" s="8">
        <v>-73.117459499999995</v>
      </c>
    </row>
    <row r="1635" spans="1:10" x14ac:dyDescent="0.35">
      <c r="A1635" s="5" t="s">
        <v>10</v>
      </c>
      <c r="B1635" s="6">
        <v>230755</v>
      </c>
      <c r="C1635" s="6" t="s">
        <v>24</v>
      </c>
      <c r="D1635" s="6" t="s">
        <v>88</v>
      </c>
      <c r="E1635" s="6">
        <v>15001</v>
      </c>
      <c r="F1635" s="6" t="s">
        <v>18</v>
      </c>
      <c r="G1635" s="6" t="s">
        <v>3513</v>
      </c>
      <c r="H1635" s="6" t="s">
        <v>3514</v>
      </c>
      <c r="I1635" s="7">
        <v>5.5155038000000003</v>
      </c>
      <c r="J1635" s="8">
        <v>-73.360518999999996</v>
      </c>
    </row>
    <row r="1636" spans="1:10" x14ac:dyDescent="0.35">
      <c r="A1636" s="5" t="s">
        <v>10</v>
      </c>
      <c r="B1636" s="6">
        <v>230607</v>
      </c>
      <c r="C1636" s="6" t="s">
        <v>42</v>
      </c>
      <c r="D1636" s="6" t="s">
        <v>1066</v>
      </c>
      <c r="E1636" s="6">
        <v>17653</v>
      </c>
      <c r="F1636" s="6" t="s">
        <v>18</v>
      </c>
      <c r="G1636" s="6" t="s">
        <v>3515</v>
      </c>
      <c r="H1636" s="6" t="s">
        <v>3516</v>
      </c>
      <c r="I1636" s="7">
        <v>5.0819720000000004</v>
      </c>
      <c r="J1636" s="8">
        <v>-75.524333999999996</v>
      </c>
    </row>
    <row r="1637" spans="1:10" x14ac:dyDescent="0.35">
      <c r="A1637" s="5" t="s">
        <v>10</v>
      </c>
      <c r="B1637" s="6">
        <v>116159</v>
      </c>
      <c r="C1637" s="6" t="s">
        <v>11</v>
      </c>
      <c r="D1637" s="6" t="s">
        <v>3143</v>
      </c>
      <c r="E1637" s="6">
        <v>25612</v>
      </c>
      <c r="F1637" s="6" t="s">
        <v>18</v>
      </c>
      <c r="G1637" s="6" t="s">
        <v>3517</v>
      </c>
      <c r="H1637" s="6" t="s">
        <v>3518</v>
      </c>
      <c r="I1637" s="7">
        <v>4.2773089999999998</v>
      </c>
      <c r="J1637" s="8">
        <v>-74.772305000000003</v>
      </c>
    </row>
    <row r="1638" spans="1:10" x14ac:dyDescent="0.35">
      <c r="A1638" s="5" t="s">
        <v>10</v>
      </c>
      <c r="B1638" s="6">
        <v>181384</v>
      </c>
      <c r="C1638" s="6" t="s">
        <v>11</v>
      </c>
      <c r="D1638" s="6" t="s">
        <v>3519</v>
      </c>
      <c r="E1638" s="6">
        <v>25736</v>
      </c>
      <c r="F1638" s="6" t="s">
        <v>18</v>
      </c>
      <c r="G1638" s="6" t="s">
        <v>3520</v>
      </c>
      <c r="H1638" s="6" t="s">
        <v>3521</v>
      </c>
      <c r="I1638" s="7">
        <v>5.1039289999999999</v>
      </c>
      <c r="J1638" s="8">
        <v>-73.798631999999998</v>
      </c>
    </row>
    <row r="1639" spans="1:10" x14ac:dyDescent="0.35">
      <c r="A1639" s="5" t="s">
        <v>10</v>
      </c>
      <c r="B1639" s="6">
        <v>203462</v>
      </c>
      <c r="C1639" s="6" t="s">
        <v>24</v>
      </c>
      <c r="D1639" s="6" t="s">
        <v>137</v>
      </c>
      <c r="E1639" s="6">
        <v>15238</v>
      </c>
      <c r="F1639" s="6" t="s">
        <v>18</v>
      </c>
      <c r="G1639" s="6" t="s">
        <v>3522</v>
      </c>
      <c r="H1639" s="6" t="s">
        <v>3523</v>
      </c>
      <c r="I1639" s="7">
        <v>5.8244056999999998</v>
      </c>
      <c r="J1639" s="8">
        <v>-73.044004099999995</v>
      </c>
    </row>
    <row r="1640" spans="1:10" x14ac:dyDescent="0.35">
      <c r="A1640" s="5" t="s">
        <v>10</v>
      </c>
      <c r="B1640" s="6">
        <v>209303</v>
      </c>
      <c r="C1640" s="6" t="s">
        <v>24</v>
      </c>
      <c r="D1640" s="6" t="s">
        <v>530</v>
      </c>
      <c r="E1640" s="6">
        <v>15516</v>
      </c>
      <c r="F1640" s="6" t="s">
        <v>18</v>
      </c>
      <c r="G1640" s="6" t="s">
        <v>3524</v>
      </c>
      <c r="H1640" s="6" t="s">
        <v>3525</v>
      </c>
      <c r="I1640" s="7">
        <v>5.7819911999999896</v>
      </c>
      <c r="J1640" s="8">
        <v>-73.115715600000001</v>
      </c>
    </row>
    <row r="1641" spans="1:10" x14ac:dyDescent="0.35">
      <c r="A1641" s="5" t="s">
        <v>10</v>
      </c>
      <c r="B1641" s="6">
        <v>205296</v>
      </c>
      <c r="C1641" s="6" t="s">
        <v>28</v>
      </c>
      <c r="D1641" s="6" t="s">
        <v>29</v>
      </c>
      <c r="E1641" s="6">
        <v>54001</v>
      </c>
      <c r="F1641" s="6" t="s">
        <v>18</v>
      </c>
      <c r="G1641" s="6" t="s">
        <v>3526</v>
      </c>
      <c r="H1641" s="6" t="s">
        <v>3527</v>
      </c>
      <c r="I1641" s="7">
        <v>7.9429318000000002</v>
      </c>
      <c r="J1641" s="8">
        <v>-72.505940199999998</v>
      </c>
    </row>
    <row r="1642" spans="1:10" x14ac:dyDescent="0.35">
      <c r="A1642" s="5" t="s">
        <v>10</v>
      </c>
      <c r="B1642" s="6">
        <v>204768</v>
      </c>
      <c r="C1642" s="6" t="s">
        <v>38</v>
      </c>
      <c r="D1642" s="6" t="s">
        <v>39</v>
      </c>
      <c r="E1642" s="6">
        <v>19001</v>
      </c>
      <c r="F1642" s="6" t="s">
        <v>18</v>
      </c>
      <c r="G1642" s="6" t="s">
        <v>3528</v>
      </c>
      <c r="H1642" s="6" t="s">
        <v>3529</v>
      </c>
      <c r="I1642" s="7">
        <v>2.4451255000000001</v>
      </c>
      <c r="J1642" s="8">
        <v>-76.614928000000006</v>
      </c>
    </row>
    <row r="1643" spans="1:10" x14ac:dyDescent="0.35">
      <c r="A1643" s="5" t="s">
        <v>10</v>
      </c>
      <c r="B1643" s="6">
        <v>152356</v>
      </c>
      <c r="C1643" s="6" t="s">
        <v>42</v>
      </c>
      <c r="D1643" s="6" t="s">
        <v>46</v>
      </c>
      <c r="E1643" s="6">
        <v>17174</v>
      </c>
      <c r="F1643" s="6" t="s">
        <v>18</v>
      </c>
      <c r="G1643" s="6" t="s">
        <v>3530</v>
      </c>
      <c r="H1643" s="6" t="s">
        <v>3531</v>
      </c>
      <c r="I1643" s="7">
        <v>3.1970244000000001</v>
      </c>
      <c r="J1643" s="8">
        <v>-75.642629599999907</v>
      </c>
    </row>
    <row r="1644" spans="1:10" x14ac:dyDescent="0.35">
      <c r="A1644" s="5" t="s">
        <v>10</v>
      </c>
      <c r="B1644" s="6">
        <v>224725</v>
      </c>
      <c r="C1644" s="6" t="s">
        <v>42</v>
      </c>
      <c r="D1644" s="6" t="s">
        <v>3532</v>
      </c>
      <c r="E1644" s="6">
        <v>17388</v>
      </c>
      <c r="F1644" s="6" t="s">
        <v>18</v>
      </c>
      <c r="G1644" s="6" t="s">
        <v>3533</v>
      </c>
      <c r="H1644" s="6" t="s">
        <v>3534</v>
      </c>
      <c r="I1644" s="7">
        <v>5.398218</v>
      </c>
      <c r="J1644" s="8">
        <v>-75.5470349</v>
      </c>
    </row>
    <row r="1645" spans="1:10" x14ac:dyDescent="0.35">
      <c r="A1645" s="5" t="s">
        <v>10</v>
      </c>
      <c r="B1645" s="6">
        <v>212962</v>
      </c>
      <c r="C1645" s="6" t="s">
        <v>278</v>
      </c>
      <c r="D1645" s="6" t="s">
        <v>1331</v>
      </c>
      <c r="E1645" s="6">
        <v>50006</v>
      </c>
      <c r="F1645" s="6" t="s">
        <v>18</v>
      </c>
      <c r="G1645" s="6" t="s">
        <v>3535</v>
      </c>
      <c r="H1645" s="6" t="s">
        <v>3536</v>
      </c>
      <c r="I1645" s="7">
        <v>3.9904714999999999</v>
      </c>
      <c r="J1645" s="8">
        <v>-73.759956000000003</v>
      </c>
    </row>
    <row r="1646" spans="1:10" x14ac:dyDescent="0.35">
      <c r="A1646" s="5" t="s">
        <v>10</v>
      </c>
      <c r="B1646" s="6">
        <v>187496</v>
      </c>
      <c r="C1646" s="6" t="s">
        <v>68</v>
      </c>
      <c r="D1646" s="6" t="s">
        <v>69</v>
      </c>
      <c r="E1646" s="6">
        <v>11001</v>
      </c>
      <c r="F1646" s="6" t="s">
        <v>13</v>
      </c>
      <c r="G1646" s="6" t="s">
        <v>3537</v>
      </c>
      <c r="H1646" s="6" t="s">
        <v>3538</v>
      </c>
      <c r="I1646" s="7">
        <v>4.5511869999999996</v>
      </c>
      <c r="J1646" s="8">
        <v>-74.089747200000005</v>
      </c>
    </row>
    <row r="1647" spans="1:10" x14ac:dyDescent="0.35">
      <c r="A1647" s="5" t="s">
        <v>10</v>
      </c>
      <c r="B1647" s="6">
        <v>172854</v>
      </c>
      <c r="C1647" s="6" t="s">
        <v>68</v>
      </c>
      <c r="D1647" s="6" t="s">
        <v>69</v>
      </c>
      <c r="E1647" s="6">
        <v>11001</v>
      </c>
      <c r="F1647" s="6" t="s">
        <v>13</v>
      </c>
      <c r="G1647" s="6" t="s">
        <v>2811</v>
      </c>
      <c r="H1647" s="6" t="s">
        <v>2812</v>
      </c>
      <c r="I1647" s="7">
        <v>4.6655100000000003</v>
      </c>
      <c r="J1647" s="8">
        <v>-74.120609000000002</v>
      </c>
    </row>
    <row r="1648" spans="1:10" x14ac:dyDescent="0.35">
      <c r="A1648" s="5" t="s">
        <v>10</v>
      </c>
      <c r="B1648" s="6">
        <v>235364</v>
      </c>
      <c r="C1648" s="6" t="s">
        <v>55</v>
      </c>
      <c r="D1648" s="6" t="s">
        <v>56</v>
      </c>
      <c r="E1648" s="6">
        <v>73001</v>
      </c>
      <c r="F1648" s="6" t="s">
        <v>18</v>
      </c>
      <c r="G1648" s="6" t="s">
        <v>3539</v>
      </c>
      <c r="H1648" s="6" t="s">
        <v>3540</v>
      </c>
      <c r="I1648" s="7">
        <v>4.4493337999999998</v>
      </c>
      <c r="J1648" s="8">
        <v>-75.233346600000004</v>
      </c>
    </row>
    <row r="1649" spans="1:10" x14ac:dyDescent="0.35">
      <c r="A1649" s="5" t="s">
        <v>10</v>
      </c>
      <c r="B1649" s="6">
        <v>179992</v>
      </c>
      <c r="C1649" s="6" t="s">
        <v>294</v>
      </c>
      <c r="D1649" s="6" t="s">
        <v>2887</v>
      </c>
      <c r="E1649" s="6">
        <v>41668</v>
      </c>
      <c r="F1649" s="6" t="s">
        <v>18</v>
      </c>
      <c r="G1649" s="6" t="s">
        <v>3541</v>
      </c>
      <c r="H1649" s="6" t="s">
        <v>3542</v>
      </c>
      <c r="I1649" s="7">
        <v>1.8799121999999999</v>
      </c>
      <c r="J1649" s="8">
        <v>-76.270209199999996</v>
      </c>
    </row>
    <row r="1650" spans="1:10" x14ac:dyDescent="0.35">
      <c r="A1650" s="5" t="s">
        <v>10</v>
      </c>
      <c r="B1650" s="6">
        <v>245605</v>
      </c>
      <c r="C1650" s="6" t="s">
        <v>55</v>
      </c>
      <c r="D1650" s="6" t="s">
        <v>1705</v>
      </c>
      <c r="E1650" s="6">
        <v>73443</v>
      </c>
      <c r="F1650" s="6" t="s">
        <v>18</v>
      </c>
      <c r="G1650" s="6" t="s">
        <v>3543</v>
      </c>
      <c r="H1650" s="6" t="s">
        <v>3544</v>
      </c>
      <c r="I1650" s="7">
        <v>5.1959004999999996</v>
      </c>
      <c r="J1650" s="8">
        <v>-74.895511499999998</v>
      </c>
    </row>
    <row r="1651" spans="1:10" x14ac:dyDescent="0.35">
      <c r="A1651" s="5" t="s">
        <v>10</v>
      </c>
      <c r="B1651" s="6">
        <v>200954</v>
      </c>
      <c r="C1651" s="6" t="s">
        <v>24</v>
      </c>
      <c r="D1651" s="6" t="s">
        <v>2409</v>
      </c>
      <c r="E1651" s="6">
        <v>15753</v>
      </c>
      <c r="F1651" s="6" t="s">
        <v>18</v>
      </c>
      <c r="G1651" s="6" t="s">
        <v>3545</v>
      </c>
      <c r="H1651" s="6" t="s">
        <v>3546</v>
      </c>
      <c r="I1651" s="7">
        <v>5.8265880000000001</v>
      </c>
      <c r="J1651" s="8">
        <v>-73.033886499999994</v>
      </c>
    </row>
    <row r="1652" spans="1:10" x14ac:dyDescent="0.35">
      <c r="A1652" s="5" t="s">
        <v>10</v>
      </c>
      <c r="B1652" s="6">
        <v>246877</v>
      </c>
      <c r="C1652" s="6" t="s">
        <v>24</v>
      </c>
      <c r="D1652" s="6" t="s">
        <v>137</v>
      </c>
      <c r="E1652" s="6">
        <v>15238</v>
      </c>
      <c r="F1652" s="6" t="s">
        <v>18</v>
      </c>
      <c r="G1652" s="6" t="s">
        <v>3547</v>
      </c>
      <c r="H1652" s="6" t="s">
        <v>3548</v>
      </c>
      <c r="I1652" s="7">
        <v>5.8287915999999997</v>
      </c>
      <c r="J1652" s="8">
        <v>-73.034476999999995</v>
      </c>
    </row>
    <row r="1653" spans="1:10" x14ac:dyDescent="0.35">
      <c r="A1653" s="5" t="s">
        <v>10</v>
      </c>
      <c r="B1653" s="6">
        <v>228154</v>
      </c>
      <c r="C1653" s="6" t="s">
        <v>28</v>
      </c>
      <c r="D1653" s="6" t="s">
        <v>1171</v>
      </c>
      <c r="E1653" s="6">
        <v>54810</v>
      </c>
      <c r="F1653" s="6" t="s">
        <v>18</v>
      </c>
      <c r="G1653" s="6" t="s">
        <v>3549</v>
      </c>
      <c r="H1653" s="6" t="s">
        <v>3550</v>
      </c>
      <c r="I1653" s="7">
        <v>8.6423559999999995</v>
      </c>
      <c r="J1653" s="8">
        <v>-72.737732999999906</v>
      </c>
    </row>
    <row r="1654" spans="1:10" x14ac:dyDescent="0.35">
      <c r="A1654" s="5" t="s">
        <v>10</v>
      </c>
      <c r="B1654" s="6">
        <v>190776</v>
      </c>
      <c r="C1654" s="6" t="s">
        <v>42</v>
      </c>
      <c r="D1654" s="6" t="s">
        <v>46</v>
      </c>
      <c r="E1654" s="6">
        <v>17174</v>
      </c>
      <c r="F1654" s="6" t="s">
        <v>18</v>
      </c>
      <c r="G1654" s="6" t="s">
        <v>3551</v>
      </c>
      <c r="H1654" s="6" t="s">
        <v>3552</v>
      </c>
      <c r="I1654" s="7">
        <v>5.6658407999999998</v>
      </c>
      <c r="J1654" s="8">
        <v>-74.934015000000002</v>
      </c>
    </row>
    <row r="1655" spans="1:10" x14ac:dyDescent="0.35">
      <c r="A1655" s="5" t="s">
        <v>10</v>
      </c>
      <c r="B1655" s="6">
        <v>227792</v>
      </c>
      <c r="C1655" s="6" t="s">
        <v>55</v>
      </c>
      <c r="D1655" s="6" t="s">
        <v>1162</v>
      </c>
      <c r="E1655" s="6">
        <v>73411</v>
      </c>
      <c r="F1655" s="6" t="s">
        <v>18</v>
      </c>
      <c r="G1655" s="6" t="s">
        <v>3553</v>
      </c>
      <c r="H1655" s="6" t="s">
        <v>3554</v>
      </c>
      <c r="I1655" s="7">
        <v>4.9224601999999997</v>
      </c>
      <c r="J1655" s="8">
        <v>-75.064224400000001</v>
      </c>
    </row>
    <row r="1656" spans="1:10" x14ac:dyDescent="0.35">
      <c r="A1656" s="5" t="s">
        <v>10</v>
      </c>
      <c r="B1656" s="6">
        <v>210664</v>
      </c>
      <c r="C1656" s="6" t="s">
        <v>24</v>
      </c>
      <c r="D1656" s="6" t="s">
        <v>530</v>
      </c>
      <c r="E1656" s="6">
        <v>15516</v>
      </c>
      <c r="F1656" s="6" t="s">
        <v>18</v>
      </c>
      <c r="G1656" s="6" t="s">
        <v>3555</v>
      </c>
      <c r="H1656" s="6" t="s">
        <v>3556</v>
      </c>
      <c r="I1656" s="7">
        <v>5.7818867999999997</v>
      </c>
      <c r="J1656" s="8">
        <v>-73.117461300000002</v>
      </c>
    </row>
    <row r="1657" spans="1:10" x14ac:dyDescent="0.35">
      <c r="A1657" s="5" t="s">
        <v>10</v>
      </c>
      <c r="B1657" s="6">
        <v>184815</v>
      </c>
      <c r="C1657" s="6" t="s">
        <v>308</v>
      </c>
      <c r="D1657" s="6" t="s">
        <v>309</v>
      </c>
      <c r="E1657" s="6">
        <v>23001</v>
      </c>
      <c r="F1657" s="6" t="s">
        <v>13</v>
      </c>
      <c r="G1657" s="6" t="s">
        <v>160</v>
      </c>
      <c r="H1657" s="6" t="s">
        <v>310</v>
      </c>
      <c r="I1657" s="7">
        <v>8.7453120000000002</v>
      </c>
      <c r="J1657" s="8">
        <v>-75.893833599999994</v>
      </c>
    </row>
    <row r="1658" spans="1:10" x14ac:dyDescent="0.35">
      <c r="A1658" s="5" t="s">
        <v>10</v>
      </c>
      <c r="B1658" s="6">
        <v>127368</v>
      </c>
      <c r="C1658" s="6" t="s">
        <v>16</v>
      </c>
      <c r="D1658" s="6" t="s">
        <v>3557</v>
      </c>
      <c r="E1658" s="6">
        <v>68320</v>
      </c>
      <c r="F1658" s="6" t="s">
        <v>18</v>
      </c>
      <c r="G1658" s="6" t="s">
        <v>3558</v>
      </c>
      <c r="H1658" s="6" t="s">
        <v>3559</v>
      </c>
      <c r="I1658" s="7">
        <v>6.2460489999999904</v>
      </c>
      <c r="J1658" s="8">
        <v>-73.418739000000002</v>
      </c>
    </row>
    <row r="1659" spans="1:10" x14ac:dyDescent="0.35">
      <c r="A1659" s="5" t="s">
        <v>10</v>
      </c>
      <c r="B1659" s="6">
        <v>241777</v>
      </c>
      <c r="C1659" s="6" t="s">
        <v>109</v>
      </c>
      <c r="D1659" s="6" t="s">
        <v>227</v>
      </c>
      <c r="E1659" s="6">
        <v>13001</v>
      </c>
      <c r="F1659" s="6" t="s">
        <v>18</v>
      </c>
      <c r="G1659" s="6" t="s">
        <v>3560</v>
      </c>
      <c r="H1659" s="6" t="s">
        <v>3561</v>
      </c>
      <c r="I1659" s="7">
        <v>10.405834199999999</v>
      </c>
      <c r="J1659" s="8">
        <v>-75.500970800000005</v>
      </c>
    </row>
    <row r="1660" spans="1:10" x14ac:dyDescent="0.35">
      <c r="A1660" s="5" t="s">
        <v>10</v>
      </c>
      <c r="B1660" s="6">
        <v>185199</v>
      </c>
      <c r="C1660" s="6" t="s">
        <v>24</v>
      </c>
      <c r="D1660" s="6" t="s">
        <v>137</v>
      </c>
      <c r="E1660" s="6">
        <v>15238</v>
      </c>
      <c r="F1660" s="6" t="s">
        <v>18</v>
      </c>
      <c r="G1660" s="6" t="s">
        <v>3562</v>
      </c>
      <c r="H1660" s="6" t="s">
        <v>3563</v>
      </c>
      <c r="I1660" s="7">
        <v>5.8275962999999997</v>
      </c>
      <c r="J1660" s="8">
        <v>-73.038728500000005</v>
      </c>
    </row>
    <row r="1661" spans="1:10" x14ac:dyDescent="0.35">
      <c r="A1661" s="5" t="s">
        <v>10</v>
      </c>
      <c r="B1661" s="6">
        <v>212130</v>
      </c>
      <c r="C1661" s="6" t="s">
        <v>466</v>
      </c>
      <c r="D1661" s="6" t="s">
        <v>467</v>
      </c>
      <c r="E1661" s="6">
        <v>81736</v>
      </c>
      <c r="F1661" s="6" t="s">
        <v>18</v>
      </c>
      <c r="G1661" s="6" t="s">
        <v>3564</v>
      </c>
      <c r="H1661" s="6" t="s">
        <v>3565</v>
      </c>
      <c r="I1661" s="7">
        <v>6.9492601999999897</v>
      </c>
      <c r="J1661" s="8">
        <v>-71.877625799999905</v>
      </c>
    </row>
    <row r="1662" spans="1:10" x14ac:dyDescent="0.35">
      <c r="A1662" s="5" t="s">
        <v>10</v>
      </c>
      <c r="B1662" s="6">
        <v>235657</v>
      </c>
      <c r="C1662" s="6" t="s">
        <v>68</v>
      </c>
      <c r="D1662" s="6" t="s">
        <v>69</v>
      </c>
      <c r="E1662" s="6">
        <v>11001</v>
      </c>
      <c r="F1662" s="6" t="s">
        <v>18</v>
      </c>
      <c r="G1662" s="6" t="s">
        <v>3566</v>
      </c>
      <c r="H1662" s="6" t="s">
        <v>3567</v>
      </c>
      <c r="I1662" s="7">
        <v>4.6323882000000003</v>
      </c>
      <c r="J1662" s="8">
        <v>-74.198007099999998</v>
      </c>
    </row>
    <row r="1663" spans="1:10" x14ac:dyDescent="0.35">
      <c r="A1663" s="5" t="s">
        <v>10</v>
      </c>
      <c r="B1663" s="6">
        <v>175058</v>
      </c>
      <c r="C1663" s="6" t="s">
        <v>11</v>
      </c>
      <c r="D1663" s="6" t="s">
        <v>3054</v>
      </c>
      <c r="E1663" s="6">
        <v>25269</v>
      </c>
      <c r="F1663" s="6" t="s">
        <v>13</v>
      </c>
      <c r="G1663" s="6" t="s">
        <v>3568</v>
      </c>
      <c r="H1663" s="6" t="s">
        <v>3569</v>
      </c>
      <c r="I1663" s="7">
        <v>4.809984</v>
      </c>
      <c r="J1663" s="8">
        <v>-74.354009000000005</v>
      </c>
    </row>
    <row r="1664" spans="1:10" x14ac:dyDescent="0.35">
      <c r="A1664" s="5" t="s">
        <v>10</v>
      </c>
      <c r="B1664" s="6">
        <v>158369</v>
      </c>
      <c r="C1664" s="6" t="s">
        <v>94</v>
      </c>
      <c r="D1664" s="6" t="s">
        <v>98</v>
      </c>
      <c r="E1664" s="6">
        <v>66001</v>
      </c>
      <c r="F1664" s="6" t="s">
        <v>13</v>
      </c>
      <c r="G1664" s="6" t="s">
        <v>306</v>
      </c>
      <c r="H1664" s="6" t="s">
        <v>307</v>
      </c>
      <c r="I1664" s="7">
        <v>4.8058074</v>
      </c>
      <c r="J1664" s="8">
        <v>-75.694122800000002</v>
      </c>
    </row>
    <row r="1665" spans="1:10" x14ac:dyDescent="0.35">
      <c r="A1665" s="5" t="s">
        <v>10</v>
      </c>
      <c r="B1665" s="6">
        <v>68328</v>
      </c>
      <c r="C1665" s="6" t="s">
        <v>366</v>
      </c>
      <c r="D1665" s="6" t="s">
        <v>367</v>
      </c>
      <c r="E1665" s="6">
        <v>44430</v>
      </c>
      <c r="F1665" s="6" t="s">
        <v>18</v>
      </c>
      <c r="G1665" s="6" t="s">
        <v>656</v>
      </c>
      <c r="H1665" s="6" t="s">
        <v>657</v>
      </c>
      <c r="I1665" s="7">
        <v>11.380054299999999</v>
      </c>
      <c r="J1665" s="8">
        <v>-72.242246499999993</v>
      </c>
    </row>
    <row r="1666" spans="1:10" x14ac:dyDescent="0.35">
      <c r="A1666" s="5" t="s">
        <v>10</v>
      </c>
      <c r="B1666" s="6">
        <v>185948</v>
      </c>
      <c r="C1666" s="6" t="s">
        <v>55</v>
      </c>
      <c r="D1666" s="6" t="s">
        <v>56</v>
      </c>
      <c r="E1666" s="6">
        <v>73001</v>
      </c>
      <c r="F1666" s="6" t="s">
        <v>18</v>
      </c>
      <c r="G1666" s="6" t="s">
        <v>3570</v>
      </c>
      <c r="H1666" s="6" t="s">
        <v>3571</v>
      </c>
      <c r="I1666" s="7">
        <v>4.4510157000000001</v>
      </c>
      <c r="J1666" s="8">
        <v>-75.243987899999993</v>
      </c>
    </row>
    <row r="1667" spans="1:10" x14ac:dyDescent="0.35">
      <c r="A1667" s="5" t="s">
        <v>10</v>
      </c>
      <c r="B1667" s="6">
        <v>245681</v>
      </c>
      <c r="C1667" s="6" t="s">
        <v>24</v>
      </c>
      <c r="D1667" s="6" t="s">
        <v>168</v>
      </c>
      <c r="E1667" s="6">
        <v>15572</v>
      </c>
      <c r="F1667" s="6" t="s">
        <v>18</v>
      </c>
      <c r="G1667" s="6" t="s">
        <v>3572</v>
      </c>
      <c r="H1667" s="6" t="s">
        <v>3573</v>
      </c>
      <c r="I1667" s="7">
        <v>5.9756767000000002</v>
      </c>
      <c r="J1667" s="8">
        <v>-74.5922391</v>
      </c>
    </row>
    <row r="1668" spans="1:10" x14ac:dyDescent="0.35">
      <c r="A1668" s="5" t="s">
        <v>10</v>
      </c>
      <c r="B1668" s="6">
        <v>235534</v>
      </c>
      <c r="C1668" s="6" t="s">
        <v>24</v>
      </c>
      <c r="D1668" s="6" t="s">
        <v>609</v>
      </c>
      <c r="E1668" s="6">
        <v>15455</v>
      </c>
      <c r="F1668" s="6" t="s">
        <v>18</v>
      </c>
      <c r="G1668" s="6" t="s">
        <v>3574</v>
      </c>
      <c r="H1668" s="6" t="s">
        <v>3575</v>
      </c>
      <c r="I1668" s="7">
        <v>5.1979059000000003</v>
      </c>
      <c r="J1668" s="8">
        <v>-73.143767299999993</v>
      </c>
    </row>
    <row r="1669" spans="1:10" x14ac:dyDescent="0.35">
      <c r="A1669" s="5" t="s">
        <v>10</v>
      </c>
      <c r="B1669" s="6">
        <v>245751</v>
      </c>
      <c r="C1669" s="6" t="s">
        <v>28</v>
      </c>
      <c r="D1669" s="6" t="s">
        <v>29</v>
      </c>
      <c r="E1669" s="6">
        <v>54001</v>
      </c>
      <c r="F1669" s="6" t="s">
        <v>18</v>
      </c>
      <c r="G1669" s="6" t="s">
        <v>3576</v>
      </c>
      <c r="H1669" s="6" t="s">
        <v>2291</v>
      </c>
      <c r="I1669" s="7">
        <v>7.8794015000000002</v>
      </c>
      <c r="J1669" s="8">
        <v>-72.479809099999997</v>
      </c>
    </row>
    <row r="1670" spans="1:10" x14ac:dyDescent="0.35">
      <c r="A1670" s="5" t="s">
        <v>10</v>
      </c>
      <c r="B1670" s="6">
        <v>243875</v>
      </c>
      <c r="C1670" s="6" t="s">
        <v>466</v>
      </c>
      <c r="D1670" s="6" t="s">
        <v>1576</v>
      </c>
      <c r="E1670" s="6">
        <v>81065</v>
      </c>
      <c r="F1670" s="6" t="s">
        <v>18</v>
      </c>
      <c r="G1670" s="6" t="s">
        <v>3577</v>
      </c>
      <c r="H1670" s="6" t="s">
        <v>3578</v>
      </c>
      <c r="I1670" s="7">
        <v>7.0293340000000004</v>
      </c>
      <c r="J1670" s="8">
        <v>-71.4294759</v>
      </c>
    </row>
    <row r="1671" spans="1:10" x14ac:dyDescent="0.35">
      <c r="A1671" s="5" t="s">
        <v>10</v>
      </c>
      <c r="B1671" s="6">
        <v>231324</v>
      </c>
      <c r="C1671" s="6" t="s">
        <v>68</v>
      </c>
      <c r="D1671" s="6" t="s">
        <v>69</v>
      </c>
      <c r="E1671" s="6">
        <v>11001</v>
      </c>
      <c r="F1671" s="6" t="s">
        <v>18</v>
      </c>
      <c r="G1671" s="6" t="s">
        <v>3579</v>
      </c>
      <c r="H1671" s="6" t="s">
        <v>3580</v>
      </c>
      <c r="I1671" s="7">
        <v>4.4950700000000001</v>
      </c>
      <c r="J1671" s="8">
        <v>-74.110468999999995</v>
      </c>
    </row>
    <row r="1672" spans="1:10" x14ac:dyDescent="0.35">
      <c r="A1672" s="5" t="s">
        <v>10</v>
      </c>
      <c r="B1672" s="6">
        <v>145124</v>
      </c>
      <c r="C1672" s="6" t="s">
        <v>28</v>
      </c>
      <c r="D1672" s="6" t="s">
        <v>29</v>
      </c>
      <c r="E1672" s="6">
        <v>54001</v>
      </c>
      <c r="F1672" s="6" t="s">
        <v>13</v>
      </c>
      <c r="G1672" s="6" t="s">
        <v>50</v>
      </c>
      <c r="H1672" s="6" t="s">
        <v>3581</v>
      </c>
      <c r="I1672" s="7">
        <v>7.8191706999999999</v>
      </c>
      <c r="J1672" s="8">
        <v>-72.514875599999996</v>
      </c>
    </row>
    <row r="1673" spans="1:10" x14ac:dyDescent="0.35">
      <c r="A1673" s="5" t="s">
        <v>10</v>
      </c>
      <c r="B1673" s="6">
        <v>236278</v>
      </c>
      <c r="C1673" s="6" t="s">
        <v>24</v>
      </c>
      <c r="D1673" s="6" t="s">
        <v>88</v>
      </c>
      <c r="E1673" s="6">
        <v>15001</v>
      </c>
      <c r="F1673" s="6" t="s">
        <v>13</v>
      </c>
      <c r="G1673" s="6" t="s">
        <v>3582</v>
      </c>
      <c r="H1673" s="6" t="s">
        <v>3583</v>
      </c>
      <c r="I1673" s="7">
        <v>5.5268427000000004</v>
      </c>
      <c r="J1673" s="8">
        <v>-73.372144399999996</v>
      </c>
    </row>
    <row r="1674" spans="1:10" x14ac:dyDescent="0.35">
      <c r="A1674" s="5" t="s">
        <v>10</v>
      </c>
      <c r="B1674" s="6">
        <v>187493</v>
      </c>
      <c r="C1674" s="6" t="s">
        <v>11</v>
      </c>
      <c r="D1674" s="6" t="s">
        <v>334</v>
      </c>
      <c r="E1674" s="6">
        <v>25754</v>
      </c>
      <c r="F1674" s="6" t="s">
        <v>13</v>
      </c>
      <c r="G1674" s="6" t="s">
        <v>3584</v>
      </c>
      <c r="H1674" s="6" t="s">
        <v>3585</v>
      </c>
      <c r="I1674" s="7">
        <v>4.5813915999999999</v>
      </c>
      <c r="J1674" s="8">
        <v>-74.204920200000004</v>
      </c>
    </row>
    <row r="1675" spans="1:10" x14ac:dyDescent="0.35">
      <c r="A1675" s="5" t="s">
        <v>10</v>
      </c>
      <c r="B1675" s="6">
        <v>192159</v>
      </c>
      <c r="C1675" s="6" t="s">
        <v>55</v>
      </c>
      <c r="D1675" s="6" t="s">
        <v>56</v>
      </c>
      <c r="E1675" s="6">
        <v>73001</v>
      </c>
      <c r="F1675" s="6" t="s">
        <v>18</v>
      </c>
      <c r="G1675" s="6" t="s">
        <v>3586</v>
      </c>
      <c r="H1675" s="6" t="s">
        <v>3587</v>
      </c>
      <c r="I1675" s="7">
        <v>4.4381275999999996</v>
      </c>
      <c r="J1675" s="8">
        <v>-75.180022399999999</v>
      </c>
    </row>
    <row r="1676" spans="1:10" x14ac:dyDescent="0.35">
      <c r="A1676" s="5" t="s">
        <v>10</v>
      </c>
      <c r="B1676" s="6">
        <v>226757</v>
      </c>
      <c r="C1676" s="6" t="s">
        <v>28</v>
      </c>
      <c r="D1676" s="6" t="s">
        <v>29</v>
      </c>
      <c r="E1676" s="6">
        <v>54001</v>
      </c>
      <c r="F1676" s="6" t="s">
        <v>18</v>
      </c>
      <c r="G1676" s="6" t="s">
        <v>3588</v>
      </c>
      <c r="H1676" s="6" t="s">
        <v>3589</v>
      </c>
      <c r="I1676" s="7">
        <v>7.9108752999999998</v>
      </c>
      <c r="J1676" s="8">
        <v>-72.5278773</v>
      </c>
    </row>
    <row r="1677" spans="1:10" x14ac:dyDescent="0.35">
      <c r="A1677" s="5" t="s">
        <v>10</v>
      </c>
      <c r="B1677" s="6">
        <v>245844</v>
      </c>
      <c r="C1677" s="6" t="s">
        <v>28</v>
      </c>
      <c r="D1677" s="6" t="s">
        <v>29</v>
      </c>
      <c r="E1677" s="6">
        <v>54001</v>
      </c>
      <c r="F1677" s="6" t="s">
        <v>18</v>
      </c>
      <c r="G1677" s="6" t="s">
        <v>3590</v>
      </c>
      <c r="H1677" s="6" t="s">
        <v>3550</v>
      </c>
      <c r="I1677" s="7">
        <v>7.9090014999999996</v>
      </c>
      <c r="J1677" s="8">
        <v>-72.523449999999997</v>
      </c>
    </row>
    <row r="1678" spans="1:10" x14ac:dyDescent="0.35">
      <c r="A1678" s="5" t="s">
        <v>10</v>
      </c>
      <c r="B1678" s="6">
        <v>152778</v>
      </c>
      <c r="C1678" s="6" t="s">
        <v>94</v>
      </c>
      <c r="D1678" s="6" t="s">
        <v>98</v>
      </c>
      <c r="E1678" s="6">
        <v>66001</v>
      </c>
      <c r="F1678" s="6" t="s">
        <v>18</v>
      </c>
      <c r="G1678" s="6" t="s">
        <v>3591</v>
      </c>
      <c r="H1678" s="6" t="s">
        <v>3592</v>
      </c>
      <c r="I1678" s="7">
        <v>4.8202126999999999</v>
      </c>
      <c r="J1678" s="8">
        <v>-75.706425600000003</v>
      </c>
    </row>
    <row r="1679" spans="1:10" x14ac:dyDescent="0.35">
      <c r="A1679" s="5" t="s">
        <v>10</v>
      </c>
      <c r="B1679" s="6">
        <v>230248</v>
      </c>
      <c r="C1679" s="6" t="s">
        <v>117</v>
      </c>
      <c r="D1679" s="6" t="s">
        <v>3593</v>
      </c>
      <c r="E1679" s="6">
        <v>76122</v>
      </c>
      <c r="F1679" s="6" t="s">
        <v>18</v>
      </c>
      <c r="G1679" s="6" t="s">
        <v>3594</v>
      </c>
      <c r="H1679" s="6" t="s">
        <v>3595</v>
      </c>
      <c r="I1679" s="7">
        <v>4.3325640999999999</v>
      </c>
      <c r="J1679" s="8">
        <v>-75.828231700000003</v>
      </c>
    </row>
    <row r="1680" spans="1:10" x14ac:dyDescent="0.35">
      <c r="A1680" s="5" t="s">
        <v>10</v>
      </c>
      <c r="B1680" s="6">
        <v>215109</v>
      </c>
      <c r="C1680" s="6" t="s">
        <v>24</v>
      </c>
      <c r="D1680" s="6" t="s">
        <v>88</v>
      </c>
      <c r="E1680" s="6">
        <v>15001</v>
      </c>
      <c r="F1680" s="6" t="s">
        <v>18</v>
      </c>
      <c r="G1680" s="6" t="s">
        <v>3596</v>
      </c>
      <c r="H1680" s="6" t="s">
        <v>3597</v>
      </c>
      <c r="I1680" s="7">
        <v>5.5096704000000001</v>
      </c>
      <c r="J1680" s="8">
        <v>-73.368031399999893</v>
      </c>
    </row>
    <row r="1681" spans="1:10" x14ac:dyDescent="0.35">
      <c r="A1681" s="5" t="s">
        <v>10</v>
      </c>
      <c r="B1681" s="6">
        <v>141690</v>
      </c>
      <c r="C1681" s="6" t="s">
        <v>11</v>
      </c>
      <c r="D1681" s="6" t="s">
        <v>101</v>
      </c>
      <c r="E1681" s="6">
        <v>25473</v>
      </c>
      <c r="F1681" s="6" t="s">
        <v>13</v>
      </c>
      <c r="G1681" s="6" t="s">
        <v>403</v>
      </c>
      <c r="H1681" s="6" t="s">
        <v>404</v>
      </c>
      <c r="I1681" s="7">
        <v>4.6802367</v>
      </c>
      <c r="J1681" s="8">
        <v>-74.229671300000007</v>
      </c>
    </row>
    <row r="1682" spans="1:10" x14ac:dyDescent="0.35">
      <c r="A1682" s="5" t="s">
        <v>10</v>
      </c>
      <c r="B1682" s="6">
        <v>145116</v>
      </c>
      <c r="C1682" s="6" t="s">
        <v>28</v>
      </c>
      <c r="D1682" s="6" t="s">
        <v>29</v>
      </c>
      <c r="E1682" s="6">
        <v>54001</v>
      </c>
      <c r="F1682" s="6" t="s">
        <v>13</v>
      </c>
      <c r="G1682" s="6" t="s">
        <v>50</v>
      </c>
      <c r="H1682" s="6" t="s">
        <v>3598</v>
      </c>
      <c r="I1682" s="7">
        <v>7.9990813999999997</v>
      </c>
      <c r="J1682" s="8">
        <v>-72.425499500000001</v>
      </c>
    </row>
    <row r="1683" spans="1:10" x14ac:dyDescent="0.35">
      <c r="A1683" s="5" t="s">
        <v>10</v>
      </c>
      <c r="B1683" s="6">
        <v>225086</v>
      </c>
      <c r="C1683" s="6" t="s">
        <v>16</v>
      </c>
      <c r="D1683" s="6" t="s">
        <v>705</v>
      </c>
      <c r="E1683" s="6">
        <v>68077</v>
      </c>
      <c r="F1683" s="6" t="s">
        <v>18</v>
      </c>
      <c r="G1683" s="6" t="s">
        <v>3599</v>
      </c>
      <c r="H1683" s="6" t="s">
        <v>3600</v>
      </c>
      <c r="I1683" s="7">
        <v>5.9328652999999996</v>
      </c>
      <c r="J1683" s="8">
        <v>-73.614873899999907</v>
      </c>
    </row>
    <row r="1684" spans="1:10" x14ac:dyDescent="0.35">
      <c r="A1684" s="5" t="s">
        <v>10</v>
      </c>
      <c r="B1684" s="6">
        <v>237535</v>
      </c>
      <c r="C1684" s="6" t="s">
        <v>109</v>
      </c>
      <c r="D1684" s="6" t="s">
        <v>3601</v>
      </c>
      <c r="E1684" s="6">
        <v>13657</v>
      </c>
      <c r="F1684" s="6" t="s">
        <v>18</v>
      </c>
      <c r="G1684" s="6" t="s">
        <v>3602</v>
      </c>
      <c r="H1684" s="6" t="s">
        <v>3603</v>
      </c>
      <c r="I1684" s="7">
        <v>9.9511400000000005</v>
      </c>
      <c r="J1684" s="8">
        <v>-75.083827999999997</v>
      </c>
    </row>
    <row r="1685" spans="1:10" x14ac:dyDescent="0.35">
      <c r="A1685" s="5" t="s">
        <v>10</v>
      </c>
      <c r="B1685" s="6">
        <v>181724</v>
      </c>
      <c r="C1685" s="6" t="s">
        <v>55</v>
      </c>
      <c r="D1685" s="6" t="s">
        <v>56</v>
      </c>
      <c r="E1685" s="6">
        <v>73001</v>
      </c>
      <c r="F1685" s="6" t="s">
        <v>18</v>
      </c>
      <c r="G1685" s="6" t="s">
        <v>3604</v>
      </c>
      <c r="H1685" s="6" t="s">
        <v>3605</v>
      </c>
      <c r="I1685" s="7">
        <v>4.4505800000000004</v>
      </c>
      <c r="J1685" s="8">
        <v>-75.144959999999998</v>
      </c>
    </row>
    <row r="1686" spans="1:10" x14ac:dyDescent="0.35">
      <c r="A1686" s="5" t="s">
        <v>10</v>
      </c>
      <c r="B1686" s="6">
        <v>245993</v>
      </c>
      <c r="C1686" s="6" t="s">
        <v>24</v>
      </c>
      <c r="D1686" s="6" t="s">
        <v>85</v>
      </c>
      <c r="E1686" s="6">
        <v>15759</v>
      </c>
      <c r="F1686" s="6" t="s">
        <v>18</v>
      </c>
      <c r="G1686" s="6" t="s">
        <v>3606</v>
      </c>
      <c r="H1686" s="6" t="s">
        <v>3607</v>
      </c>
      <c r="I1686" s="7">
        <v>5.7124838999999996</v>
      </c>
      <c r="J1686" s="8">
        <v>-72.929538800000003</v>
      </c>
    </row>
    <row r="1687" spans="1:10" x14ac:dyDescent="0.35">
      <c r="A1687" s="5" t="s">
        <v>10</v>
      </c>
      <c r="B1687" s="6">
        <v>239744</v>
      </c>
      <c r="C1687" s="6" t="s">
        <v>28</v>
      </c>
      <c r="D1687" s="6" t="s">
        <v>3608</v>
      </c>
      <c r="E1687" s="6">
        <v>54206</v>
      </c>
      <c r="F1687" s="6" t="s">
        <v>18</v>
      </c>
      <c r="G1687" s="6" t="s">
        <v>3609</v>
      </c>
      <c r="H1687" s="6" t="s">
        <v>3610</v>
      </c>
      <c r="I1687" s="7">
        <v>8.4653273000000002</v>
      </c>
      <c r="J1687" s="8">
        <v>-73.336149699999993</v>
      </c>
    </row>
    <row r="1688" spans="1:10" x14ac:dyDescent="0.35">
      <c r="A1688" s="5" t="s">
        <v>10</v>
      </c>
      <c r="B1688" s="6">
        <v>223014</v>
      </c>
      <c r="C1688" s="6" t="s">
        <v>28</v>
      </c>
      <c r="D1688" s="6" t="s">
        <v>867</v>
      </c>
      <c r="E1688" s="6">
        <v>54099</v>
      </c>
      <c r="F1688" s="6" t="s">
        <v>18</v>
      </c>
      <c r="G1688" s="6" t="s">
        <v>3611</v>
      </c>
      <c r="H1688" s="6" t="s">
        <v>3612</v>
      </c>
      <c r="I1688" s="7">
        <v>7.6112310999999897</v>
      </c>
      <c r="J1688" s="8">
        <v>-72.648096699999996</v>
      </c>
    </row>
    <row r="1689" spans="1:10" x14ac:dyDescent="0.35">
      <c r="A1689" s="5" t="s">
        <v>10</v>
      </c>
      <c r="B1689" s="6">
        <v>238343</v>
      </c>
      <c r="C1689" s="6" t="s">
        <v>278</v>
      </c>
      <c r="D1689" s="6" t="s">
        <v>1331</v>
      </c>
      <c r="E1689" s="6">
        <v>50006</v>
      </c>
      <c r="F1689" s="6" t="s">
        <v>18</v>
      </c>
      <c r="G1689" s="6" t="s">
        <v>3613</v>
      </c>
      <c r="H1689" s="6" t="s">
        <v>3614</v>
      </c>
      <c r="I1689" s="7">
        <v>3.9876401000000001</v>
      </c>
      <c r="J1689" s="8">
        <v>-73.760805399999995</v>
      </c>
    </row>
    <row r="1690" spans="1:10" x14ac:dyDescent="0.35">
      <c r="A1690" s="5" t="s">
        <v>10</v>
      </c>
      <c r="B1690" s="6">
        <v>214199</v>
      </c>
      <c r="C1690" s="6" t="s">
        <v>68</v>
      </c>
      <c r="D1690" s="6" t="s">
        <v>69</v>
      </c>
      <c r="E1690" s="6">
        <v>11001</v>
      </c>
      <c r="F1690" s="6" t="s">
        <v>18</v>
      </c>
      <c r="G1690" s="6" t="s">
        <v>3615</v>
      </c>
      <c r="H1690" s="6" t="s">
        <v>3616</v>
      </c>
      <c r="I1690" s="7">
        <v>4.7650674999999998</v>
      </c>
      <c r="J1690" s="8">
        <v>-74.036842100000001</v>
      </c>
    </row>
    <row r="1691" spans="1:10" x14ac:dyDescent="0.35">
      <c r="A1691" s="5" t="s">
        <v>10</v>
      </c>
      <c r="B1691" s="6">
        <v>218121</v>
      </c>
      <c r="C1691" s="6" t="s">
        <v>16</v>
      </c>
      <c r="D1691" s="6" t="s">
        <v>17</v>
      </c>
      <c r="E1691" s="6">
        <v>68679</v>
      </c>
      <c r="F1691" s="6" t="s">
        <v>18</v>
      </c>
      <c r="G1691" s="6" t="s">
        <v>3617</v>
      </c>
      <c r="H1691" s="6" t="s">
        <v>3618</v>
      </c>
      <c r="I1691" s="7">
        <v>6.554824</v>
      </c>
      <c r="J1691" s="8">
        <v>-73.134119999999996</v>
      </c>
    </row>
    <row r="1692" spans="1:10" x14ac:dyDescent="0.35">
      <c r="A1692" s="5" t="s">
        <v>10</v>
      </c>
      <c r="B1692" s="6">
        <v>244134</v>
      </c>
      <c r="C1692" s="6" t="s">
        <v>16</v>
      </c>
      <c r="D1692" s="6" t="s">
        <v>790</v>
      </c>
      <c r="E1692" s="6">
        <v>68229</v>
      </c>
      <c r="F1692" s="6" t="s">
        <v>18</v>
      </c>
      <c r="G1692" s="6" t="s">
        <v>3619</v>
      </c>
      <c r="H1692" s="6" t="s">
        <v>3620</v>
      </c>
      <c r="I1692" s="7">
        <v>6.6063320000000001</v>
      </c>
      <c r="J1692" s="8">
        <v>-73.068749299999993</v>
      </c>
    </row>
    <row r="1693" spans="1:10" x14ac:dyDescent="0.35">
      <c r="A1693" s="5" t="s">
        <v>10</v>
      </c>
      <c r="B1693" s="6">
        <v>236264</v>
      </c>
      <c r="C1693" s="6" t="s">
        <v>24</v>
      </c>
      <c r="D1693" s="6" t="s">
        <v>88</v>
      </c>
      <c r="E1693" s="6">
        <v>15001</v>
      </c>
      <c r="F1693" s="6" t="s">
        <v>18</v>
      </c>
      <c r="G1693" s="6" t="s">
        <v>3621</v>
      </c>
      <c r="H1693" s="6" t="s">
        <v>3622</v>
      </c>
      <c r="I1693" s="7">
        <v>5.5271957</v>
      </c>
      <c r="J1693" s="8">
        <v>-73.369673399999996</v>
      </c>
    </row>
    <row r="1694" spans="1:10" x14ac:dyDescent="0.35">
      <c r="A1694" s="5" t="s">
        <v>10</v>
      </c>
      <c r="B1694" s="6">
        <v>215173</v>
      </c>
      <c r="C1694" s="6" t="s">
        <v>24</v>
      </c>
      <c r="D1694" s="6" t="s">
        <v>317</v>
      </c>
      <c r="E1694" s="6">
        <v>15176</v>
      </c>
      <c r="F1694" s="6" t="s">
        <v>18</v>
      </c>
      <c r="G1694" s="6" t="s">
        <v>3623</v>
      </c>
      <c r="H1694" s="6" t="s">
        <v>3624</v>
      </c>
      <c r="I1694" s="7">
        <v>5.6123047000000001</v>
      </c>
      <c r="J1694" s="8">
        <v>-73.8210464</v>
      </c>
    </row>
    <row r="1695" spans="1:10" x14ac:dyDescent="0.35">
      <c r="A1695" s="5" t="s">
        <v>10</v>
      </c>
      <c r="B1695" s="6">
        <v>225742</v>
      </c>
      <c r="C1695" s="6" t="s">
        <v>24</v>
      </c>
      <c r="D1695" s="6" t="s">
        <v>317</v>
      </c>
      <c r="E1695" s="6">
        <v>15176</v>
      </c>
      <c r="F1695" s="6" t="s">
        <v>18</v>
      </c>
      <c r="G1695" s="6" t="s">
        <v>3625</v>
      </c>
      <c r="H1695" s="6" t="s">
        <v>3626</v>
      </c>
      <c r="I1695" s="7">
        <v>5.6251926000000001</v>
      </c>
      <c r="J1695" s="8">
        <v>-73.809230099999994</v>
      </c>
    </row>
    <row r="1696" spans="1:10" x14ac:dyDescent="0.35">
      <c r="A1696" s="5" t="s">
        <v>10</v>
      </c>
      <c r="B1696" s="6">
        <v>204706</v>
      </c>
      <c r="C1696" s="6" t="s">
        <v>28</v>
      </c>
      <c r="D1696" s="6" t="s">
        <v>29</v>
      </c>
      <c r="E1696" s="6">
        <v>54001</v>
      </c>
      <c r="F1696" s="6" t="s">
        <v>18</v>
      </c>
      <c r="G1696" s="6" t="s">
        <v>3627</v>
      </c>
      <c r="H1696" s="6" t="s">
        <v>3628</v>
      </c>
      <c r="I1696" s="7">
        <v>7.9187216999999999</v>
      </c>
      <c r="J1696" s="8">
        <v>-72.5278773</v>
      </c>
    </row>
    <row r="1697" spans="1:10" x14ac:dyDescent="0.35">
      <c r="A1697" s="5" t="s">
        <v>10</v>
      </c>
      <c r="B1697" s="6">
        <v>246437</v>
      </c>
      <c r="C1697" s="6" t="s">
        <v>466</v>
      </c>
      <c r="D1697" s="6" t="s">
        <v>467</v>
      </c>
      <c r="E1697" s="6">
        <v>81736</v>
      </c>
      <c r="F1697" s="6" t="s">
        <v>18</v>
      </c>
      <c r="G1697" s="6" t="s">
        <v>3629</v>
      </c>
      <c r="H1697" s="6" t="s">
        <v>3630</v>
      </c>
      <c r="I1697" s="7">
        <v>6.9528505999999997</v>
      </c>
      <c r="J1697" s="8">
        <v>-71.871625100000003</v>
      </c>
    </row>
    <row r="1698" spans="1:10" x14ac:dyDescent="0.35">
      <c r="A1698" s="5" t="s">
        <v>10</v>
      </c>
      <c r="B1698" s="6">
        <v>229634</v>
      </c>
      <c r="C1698" s="6" t="s">
        <v>61</v>
      </c>
      <c r="D1698" s="6" t="s">
        <v>723</v>
      </c>
      <c r="E1698" s="6">
        <v>63470</v>
      </c>
      <c r="F1698" s="6" t="s">
        <v>18</v>
      </c>
      <c r="G1698" s="6" t="s">
        <v>3631</v>
      </c>
      <c r="H1698" s="6" t="s">
        <v>3632</v>
      </c>
      <c r="I1698" s="7">
        <v>4.5683515000000003</v>
      </c>
      <c r="J1698" s="8">
        <v>-75.748431100000005</v>
      </c>
    </row>
    <row r="1699" spans="1:10" x14ac:dyDescent="0.35">
      <c r="A1699" s="5" t="s">
        <v>10</v>
      </c>
      <c r="B1699" s="6">
        <v>197443</v>
      </c>
      <c r="C1699" s="6" t="s">
        <v>42</v>
      </c>
      <c r="D1699" s="6" t="s">
        <v>239</v>
      </c>
      <c r="E1699" s="6">
        <v>17877</v>
      </c>
      <c r="F1699" s="6" t="s">
        <v>18</v>
      </c>
      <c r="G1699" s="6" t="s">
        <v>3633</v>
      </c>
      <c r="H1699" s="6" t="s">
        <v>3634</v>
      </c>
      <c r="I1699" s="7">
        <v>5.0605779000000002</v>
      </c>
      <c r="J1699" s="8">
        <v>-75.872355999999996</v>
      </c>
    </row>
    <row r="1700" spans="1:10" x14ac:dyDescent="0.35">
      <c r="A1700" s="5" t="s">
        <v>10</v>
      </c>
      <c r="B1700" s="6">
        <v>227097</v>
      </c>
      <c r="C1700" s="6" t="s">
        <v>16</v>
      </c>
      <c r="D1700" s="6" t="s">
        <v>17</v>
      </c>
      <c r="E1700" s="6">
        <v>68679</v>
      </c>
      <c r="F1700" s="6" t="s">
        <v>18</v>
      </c>
      <c r="G1700" s="6" t="s">
        <v>3635</v>
      </c>
      <c r="H1700" s="6" t="s">
        <v>3636</v>
      </c>
      <c r="I1700" s="7">
        <v>6.5573497999999999</v>
      </c>
      <c r="J1700" s="8">
        <v>-73.129831699999997</v>
      </c>
    </row>
    <row r="1701" spans="1:10" x14ac:dyDescent="0.35">
      <c r="A1701" s="5" t="s">
        <v>10</v>
      </c>
      <c r="B1701" s="6">
        <v>203822</v>
      </c>
      <c r="C1701" s="6" t="s">
        <v>109</v>
      </c>
      <c r="D1701" s="6" t="s">
        <v>3171</v>
      </c>
      <c r="E1701" s="6">
        <v>13244</v>
      </c>
      <c r="F1701" s="6" t="s">
        <v>18</v>
      </c>
      <c r="G1701" s="6" t="s">
        <v>3637</v>
      </c>
      <c r="H1701" s="6" t="s">
        <v>3638</v>
      </c>
      <c r="I1701" s="7">
        <v>9.7185823999999901</v>
      </c>
      <c r="J1701" s="8">
        <v>-75.121690599999994</v>
      </c>
    </row>
    <row r="1702" spans="1:10" x14ac:dyDescent="0.35">
      <c r="A1702" s="5" t="s">
        <v>10</v>
      </c>
      <c r="B1702" s="6">
        <v>222553</v>
      </c>
      <c r="C1702" s="6" t="s">
        <v>55</v>
      </c>
      <c r="D1702" s="6" t="s">
        <v>56</v>
      </c>
      <c r="E1702" s="6">
        <v>73001</v>
      </c>
      <c r="F1702" s="6" t="s">
        <v>18</v>
      </c>
      <c r="G1702" s="6" t="s">
        <v>3639</v>
      </c>
      <c r="H1702" s="6" t="s">
        <v>3640</v>
      </c>
      <c r="I1702" s="7">
        <v>4.4470767000000002</v>
      </c>
      <c r="J1702" s="8">
        <v>-75.1603286</v>
      </c>
    </row>
    <row r="1703" spans="1:10" x14ac:dyDescent="0.35">
      <c r="A1703" s="5" t="s">
        <v>10</v>
      </c>
      <c r="B1703" s="6">
        <v>206364</v>
      </c>
      <c r="C1703" s="6" t="s">
        <v>55</v>
      </c>
      <c r="D1703" s="6" t="s">
        <v>56</v>
      </c>
      <c r="E1703" s="6">
        <v>73001</v>
      </c>
      <c r="F1703" s="6" t="s">
        <v>18</v>
      </c>
      <c r="G1703" s="6" t="s">
        <v>3641</v>
      </c>
      <c r="H1703" s="6" t="s">
        <v>3642</v>
      </c>
      <c r="I1703" s="7">
        <v>4.4370434999999997</v>
      </c>
      <c r="J1703" s="8">
        <v>-75.208682099999905</v>
      </c>
    </row>
    <row r="1704" spans="1:10" x14ac:dyDescent="0.35">
      <c r="A1704" s="5" t="s">
        <v>10</v>
      </c>
      <c r="B1704" s="6">
        <v>236199</v>
      </c>
      <c r="C1704" s="6" t="s">
        <v>55</v>
      </c>
      <c r="D1704" s="6" t="s">
        <v>422</v>
      </c>
      <c r="E1704" s="6">
        <v>73504</v>
      </c>
      <c r="F1704" s="6" t="s">
        <v>18</v>
      </c>
      <c r="G1704" s="6" t="s">
        <v>3643</v>
      </c>
      <c r="H1704" s="6" t="s">
        <v>3644</v>
      </c>
      <c r="I1704" s="7">
        <v>3.9338825000000002</v>
      </c>
      <c r="J1704" s="8">
        <v>-75.2185542</v>
      </c>
    </row>
    <row r="1705" spans="1:10" x14ac:dyDescent="0.35">
      <c r="A1705" s="5" t="s">
        <v>10</v>
      </c>
      <c r="B1705" s="6">
        <v>239128</v>
      </c>
      <c r="C1705" s="6" t="s">
        <v>24</v>
      </c>
      <c r="D1705" s="6" t="s">
        <v>85</v>
      </c>
      <c r="E1705" s="6">
        <v>15759</v>
      </c>
      <c r="F1705" s="6" t="s">
        <v>18</v>
      </c>
      <c r="G1705" s="6" t="s">
        <v>3645</v>
      </c>
      <c r="H1705" s="6" t="s">
        <v>3646</v>
      </c>
      <c r="I1705" s="7">
        <v>5.7112679999999996</v>
      </c>
      <c r="J1705" s="8">
        <v>-72.944028299999999</v>
      </c>
    </row>
    <row r="1706" spans="1:10" x14ac:dyDescent="0.35">
      <c r="A1706" s="5" t="s">
        <v>10</v>
      </c>
      <c r="B1706" s="6">
        <v>205751</v>
      </c>
      <c r="C1706" s="6" t="s">
        <v>42</v>
      </c>
      <c r="D1706" s="6" t="s">
        <v>1617</v>
      </c>
      <c r="E1706" s="6">
        <v>17524</v>
      </c>
      <c r="F1706" s="6" t="s">
        <v>18</v>
      </c>
      <c r="G1706" s="6" t="s">
        <v>3647</v>
      </c>
      <c r="H1706" s="6" t="s">
        <v>3648</v>
      </c>
      <c r="I1706" s="7">
        <v>5.1116565999999999</v>
      </c>
      <c r="J1706" s="8">
        <v>-75.702443599999995</v>
      </c>
    </row>
    <row r="1707" spans="1:10" x14ac:dyDescent="0.35">
      <c r="A1707" s="5" t="s">
        <v>10</v>
      </c>
      <c r="B1707" s="6">
        <v>232198</v>
      </c>
      <c r="C1707" s="6" t="s">
        <v>278</v>
      </c>
      <c r="D1707" s="6" t="s">
        <v>1331</v>
      </c>
      <c r="E1707" s="6">
        <v>50006</v>
      </c>
      <c r="F1707" s="6" t="s">
        <v>18</v>
      </c>
      <c r="G1707" s="6" t="s">
        <v>3649</v>
      </c>
      <c r="H1707" s="6" t="s">
        <v>3650</v>
      </c>
      <c r="I1707" s="7">
        <v>3.9890159999999999</v>
      </c>
      <c r="J1707" s="8">
        <v>-73.753129000000001</v>
      </c>
    </row>
    <row r="1708" spans="1:10" x14ac:dyDescent="0.35">
      <c r="A1708" s="5" t="s">
        <v>10</v>
      </c>
      <c r="B1708" s="6">
        <v>143495</v>
      </c>
      <c r="C1708" s="6" t="s">
        <v>278</v>
      </c>
      <c r="D1708" s="6" t="s">
        <v>3651</v>
      </c>
      <c r="E1708" s="6">
        <v>50313</v>
      </c>
      <c r="F1708" s="6" t="s">
        <v>13</v>
      </c>
      <c r="G1708" s="6" t="s">
        <v>3652</v>
      </c>
      <c r="H1708" s="6" t="s">
        <v>3653</v>
      </c>
      <c r="I1708" s="7">
        <v>3.5436442000000001</v>
      </c>
      <c r="J1708" s="8">
        <v>-73.702810700000001</v>
      </c>
    </row>
    <row r="1709" spans="1:10" x14ac:dyDescent="0.35">
      <c r="A1709" s="5" t="s">
        <v>10</v>
      </c>
      <c r="B1709" s="6">
        <v>239248</v>
      </c>
      <c r="C1709" s="6" t="s">
        <v>16</v>
      </c>
      <c r="D1709" s="6" t="s">
        <v>1724</v>
      </c>
      <c r="E1709" s="6">
        <v>68855</v>
      </c>
      <c r="F1709" s="6" t="s">
        <v>18</v>
      </c>
      <c r="G1709" s="6" t="s">
        <v>3654</v>
      </c>
      <c r="H1709" s="6" t="s">
        <v>3655</v>
      </c>
      <c r="I1709" s="7">
        <v>6.4403135999999996</v>
      </c>
      <c r="J1709" s="8">
        <v>-73.111356000000001</v>
      </c>
    </row>
    <row r="1710" spans="1:10" x14ac:dyDescent="0.35">
      <c r="A1710" s="5" t="s">
        <v>10</v>
      </c>
      <c r="B1710" s="6">
        <v>173715</v>
      </c>
      <c r="C1710" s="6" t="s">
        <v>55</v>
      </c>
      <c r="D1710" s="6" t="s">
        <v>2589</v>
      </c>
      <c r="E1710" s="6">
        <v>73275</v>
      </c>
      <c r="F1710" s="6" t="s">
        <v>18</v>
      </c>
      <c r="G1710" s="6" t="s">
        <v>3656</v>
      </c>
      <c r="H1710" s="6" t="s">
        <v>3657</v>
      </c>
      <c r="I1710" s="7">
        <v>4.2915609999999997</v>
      </c>
      <c r="J1710" s="8">
        <v>-74.807302999999905</v>
      </c>
    </row>
    <row r="1711" spans="1:10" x14ac:dyDescent="0.35">
      <c r="A1711" s="5" t="s">
        <v>10</v>
      </c>
      <c r="B1711" s="6">
        <v>216651</v>
      </c>
      <c r="C1711" s="6" t="s">
        <v>24</v>
      </c>
      <c r="D1711" s="6" t="s">
        <v>88</v>
      </c>
      <c r="E1711" s="6">
        <v>15001</v>
      </c>
      <c r="F1711" s="6" t="s">
        <v>18</v>
      </c>
      <c r="G1711" s="6" t="s">
        <v>3658</v>
      </c>
      <c r="H1711" s="6" t="s">
        <v>3659</v>
      </c>
      <c r="I1711" s="7">
        <v>5.5704301999999997</v>
      </c>
      <c r="J1711" s="8">
        <v>-73.3407208</v>
      </c>
    </row>
    <row r="1712" spans="1:10" x14ac:dyDescent="0.35">
      <c r="A1712" s="5" t="s">
        <v>10</v>
      </c>
      <c r="B1712" s="6">
        <v>239662</v>
      </c>
      <c r="C1712" s="6" t="s">
        <v>24</v>
      </c>
      <c r="D1712" s="6" t="s">
        <v>88</v>
      </c>
      <c r="E1712" s="6">
        <v>15001</v>
      </c>
      <c r="F1712" s="6" t="s">
        <v>18</v>
      </c>
      <c r="G1712" s="6" t="s">
        <v>3660</v>
      </c>
      <c r="H1712" s="6" t="s">
        <v>3661</v>
      </c>
      <c r="I1712" s="7">
        <v>5.5339184000000001</v>
      </c>
      <c r="J1712" s="8">
        <v>-73.364159400000005</v>
      </c>
    </row>
    <row r="1713" spans="1:10" x14ac:dyDescent="0.35">
      <c r="A1713" s="5" t="s">
        <v>10</v>
      </c>
      <c r="B1713" s="6">
        <v>237141</v>
      </c>
      <c r="C1713" s="6" t="s">
        <v>24</v>
      </c>
      <c r="D1713" s="6" t="s">
        <v>578</v>
      </c>
      <c r="E1713" s="6">
        <v>15047</v>
      </c>
      <c r="F1713" s="6" t="s">
        <v>18</v>
      </c>
      <c r="G1713" s="6" t="s">
        <v>3662</v>
      </c>
      <c r="H1713" s="6" t="s">
        <v>3663</v>
      </c>
      <c r="I1713" s="7">
        <v>5.5213055999999998</v>
      </c>
      <c r="J1713" s="8">
        <v>-72.882870299999993</v>
      </c>
    </row>
    <row r="1714" spans="1:10" x14ac:dyDescent="0.35">
      <c r="A1714" s="5" t="s">
        <v>10</v>
      </c>
      <c r="B1714" s="6">
        <v>227286</v>
      </c>
      <c r="C1714" s="6" t="s">
        <v>28</v>
      </c>
      <c r="D1714" s="6" t="s">
        <v>29</v>
      </c>
      <c r="E1714" s="6">
        <v>54001</v>
      </c>
      <c r="F1714" s="6" t="s">
        <v>18</v>
      </c>
      <c r="G1714" s="6" t="s">
        <v>3664</v>
      </c>
      <c r="H1714" s="6" t="s">
        <v>3665</v>
      </c>
      <c r="I1714" s="7">
        <v>7.9187216999999999</v>
      </c>
      <c r="J1714" s="8">
        <v>-72.5278773</v>
      </c>
    </row>
    <row r="1715" spans="1:10" x14ac:dyDescent="0.35">
      <c r="A1715" s="5" t="s">
        <v>10</v>
      </c>
      <c r="B1715" s="6">
        <v>237545</v>
      </c>
      <c r="C1715" s="6" t="s">
        <v>28</v>
      </c>
      <c r="D1715" s="6" t="s">
        <v>29</v>
      </c>
      <c r="E1715" s="6">
        <v>54001</v>
      </c>
      <c r="F1715" s="6" t="s">
        <v>18</v>
      </c>
      <c r="G1715" s="6" t="s">
        <v>3666</v>
      </c>
      <c r="H1715" s="6" t="s">
        <v>3667</v>
      </c>
      <c r="I1715" s="7">
        <v>7.9148211000000002</v>
      </c>
      <c r="J1715" s="8">
        <v>-72.510779700000001</v>
      </c>
    </row>
    <row r="1716" spans="1:10" x14ac:dyDescent="0.35">
      <c r="A1716" s="5" t="s">
        <v>10</v>
      </c>
      <c r="B1716" s="6">
        <v>232431</v>
      </c>
      <c r="C1716" s="6" t="s">
        <v>55</v>
      </c>
      <c r="D1716" s="6" t="s">
        <v>1162</v>
      </c>
      <c r="E1716" s="6">
        <v>73411</v>
      </c>
      <c r="F1716" s="6" t="s">
        <v>18</v>
      </c>
      <c r="G1716" s="6" t="s">
        <v>3668</v>
      </c>
      <c r="H1716" s="6" t="s">
        <v>3669</v>
      </c>
      <c r="I1716" s="7">
        <v>4.9246860999999997</v>
      </c>
      <c r="J1716" s="8">
        <v>-75.065962900000002</v>
      </c>
    </row>
    <row r="1717" spans="1:10" x14ac:dyDescent="0.35">
      <c r="A1717" s="5" t="s">
        <v>10</v>
      </c>
      <c r="B1717" s="6">
        <v>234779</v>
      </c>
      <c r="C1717" s="6" t="s">
        <v>94</v>
      </c>
      <c r="D1717" s="6" t="s">
        <v>98</v>
      </c>
      <c r="E1717" s="6">
        <v>66001</v>
      </c>
      <c r="F1717" s="6" t="s">
        <v>18</v>
      </c>
      <c r="G1717" s="6" t="s">
        <v>3670</v>
      </c>
      <c r="H1717" s="6" t="s">
        <v>3671</v>
      </c>
      <c r="I1717" s="7">
        <v>4.7960152000000003</v>
      </c>
      <c r="J1717" s="8">
        <v>-75.739091000000002</v>
      </c>
    </row>
    <row r="1718" spans="1:10" x14ac:dyDescent="0.35">
      <c r="A1718" s="5" t="s">
        <v>10</v>
      </c>
      <c r="B1718" s="6">
        <v>141698</v>
      </c>
      <c r="C1718" s="6" t="s">
        <v>11</v>
      </c>
      <c r="D1718" s="6" t="s">
        <v>1755</v>
      </c>
      <c r="E1718" s="6">
        <v>25001</v>
      </c>
      <c r="F1718" s="6" t="s">
        <v>13</v>
      </c>
      <c r="G1718" s="6" t="s">
        <v>1756</v>
      </c>
      <c r="H1718" s="6" t="s">
        <v>1757</v>
      </c>
      <c r="I1718" s="7">
        <v>4.3766334000000002</v>
      </c>
      <c r="J1718" s="8">
        <v>-74.669945499999997</v>
      </c>
    </row>
    <row r="1719" spans="1:10" x14ac:dyDescent="0.35">
      <c r="A1719" s="5" t="s">
        <v>10</v>
      </c>
      <c r="B1719" s="6">
        <v>216764</v>
      </c>
      <c r="C1719" s="6" t="s">
        <v>11</v>
      </c>
      <c r="D1719" s="6" t="s">
        <v>21</v>
      </c>
      <c r="E1719" s="6">
        <v>25386</v>
      </c>
      <c r="F1719" s="6" t="s">
        <v>18</v>
      </c>
      <c r="G1719" s="6" t="s">
        <v>3672</v>
      </c>
      <c r="H1719" s="6" t="s">
        <v>3673</v>
      </c>
      <c r="I1719" s="7">
        <v>4.6321469999999998</v>
      </c>
      <c r="J1719" s="8">
        <v>-74.463014000000001</v>
      </c>
    </row>
    <row r="1720" spans="1:10" x14ac:dyDescent="0.35">
      <c r="A1720" s="5" t="s">
        <v>10</v>
      </c>
      <c r="B1720" s="6">
        <v>219091</v>
      </c>
      <c r="C1720" s="6" t="s">
        <v>109</v>
      </c>
      <c r="D1720" s="6" t="s">
        <v>658</v>
      </c>
      <c r="E1720" s="6">
        <v>13836</v>
      </c>
      <c r="F1720" s="6" t="s">
        <v>18</v>
      </c>
      <c r="G1720" s="6" t="s">
        <v>3674</v>
      </c>
      <c r="H1720" s="6" t="s">
        <v>3675</v>
      </c>
      <c r="I1720" s="7">
        <v>10.3400813</v>
      </c>
      <c r="J1720" s="8">
        <v>-75.422967200000002</v>
      </c>
    </row>
    <row r="1721" spans="1:10" x14ac:dyDescent="0.35">
      <c r="A1721" s="5" t="s">
        <v>10</v>
      </c>
      <c r="B1721" s="6">
        <v>231825</v>
      </c>
      <c r="C1721" s="6" t="s">
        <v>55</v>
      </c>
      <c r="D1721" s="6" t="s">
        <v>731</v>
      </c>
      <c r="E1721" s="6">
        <v>73268</v>
      </c>
      <c r="F1721" s="6" t="s">
        <v>18</v>
      </c>
      <c r="G1721" s="6" t="s">
        <v>3676</v>
      </c>
      <c r="H1721" s="6" t="s">
        <v>3677</v>
      </c>
      <c r="I1721" s="7">
        <v>4.1466361000000003</v>
      </c>
      <c r="J1721" s="8">
        <v>-74.887248299999996</v>
      </c>
    </row>
    <row r="1722" spans="1:10" x14ac:dyDescent="0.35">
      <c r="A1722" s="5" t="s">
        <v>10</v>
      </c>
      <c r="B1722" s="6">
        <v>205925</v>
      </c>
      <c r="C1722" s="6" t="s">
        <v>55</v>
      </c>
      <c r="D1722" s="6" t="s">
        <v>165</v>
      </c>
      <c r="E1722" s="6">
        <v>73449</v>
      </c>
      <c r="F1722" s="6" t="s">
        <v>18</v>
      </c>
      <c r="G1722" s="6" t="s">
        <v>710</v>
      </c>
      <c r="H1722" s="6" t="s">
        <v>3678</v>
      </c>
      <c r="I1722" s="7">
        <v>4.2058305999999996</v>
      </c>
      <c r="J1722" s="8">
        <v>-74.629517399999997</v>
      </c>
    </row>
    <row r="1723" spans="1:10" x14ac:dyDescent="0.35">
      <c r="A1723" s="5" t="s">
        <v>10</v>
      </c>
      <c r="B1723" s="6">
        <v>232462</v>
      </c>
      <c r="C1723" s="6" t="s">
        <v>24</v>
      </c>
      <c r="D1723" s="6" t="s">
        <v>530</v>
      </c>
      <c r="E1723" s="6">
        <v>15516</v>
      </c>
      <c r="F1723" s="6" t="s">
        <v>18</v>
      </c>
      <c r="G1723" s="6" t="s">
        <v>3679</v>
      </c>
      <c r="H1723" s="6" t="s">
        <v>2840</v>
      </c>
      <c r="I1723" s="7">
        <v>5.7840483000000003</v>
      </c>
      <c r="J1723" s="8">
        <v>-73.124813399999994</v>
      </c>
    </row>
    <row r="1724" spans="1:10" x14ac:dyDescent="0.35">
      <c r="A1724" s="5" t="s">
        <v>10</v>
      </c>
      <c r="B1724" s="6">
        <v>197234</v>
      </c>
      <c r="C1724" s="6" t="s">
        <v>42</v>
      </c>
      <c r="D1724" s="6" t="s">
        <v>43</v>
      </c>
      <c r="E1724" s="6">
        <v>17001</v>
      </c>
      <c r="F1724" s="6" t="s">
        <v>18</v>
      </c>
      <c r="G1724" s="6" t="s">
        <v>3680</v>
      </c>
      <c r="H1724" s="6" t="s">
        <v>3681</v>
      </c>
      <c r="I1724" s="7">
        <v>5.0634020999999896</v>
      </c>
      <c r="J1724" s="8">
        <v>-75.500862699999999</v>
      </c>
    </row>
    <row r="1725" spans="1:10" x14ac:dyDescent="0.35">
      <c r="A1725" s="5" t="s">
        <v>10</v>
      </c>
      <c r="B1725" s="6">
        <v>233865</v>
      </c>
      <c r="C1725" s="6" t="s">
        <v>42</v>
      </c>
      <c r="D1725" s="6" t="s">
        <v>43</v>
      </c>
      <c r="E1725" s="6">
        <v>17001</v>
      </c>
      <c r="F1725" s="6" t="s">
        <v>18</v>
      </c>
      <c r="G1725" s="6" t="s">
        <v>3682</v>
      </c>
      <c r="H1725" s="6" t="s">
        <v>3683</v>
      </c>
      <c r="I1725" s="7">
        <v>5.0661624999999999</v>
      </c>
      <c r="J1725" s="8">
        <v>-75.502054200000003</v>
      </c>
    </row>
    <row r="1726" spans="1:10" x14ac:dyDescent="0.35">
      <c r="A1726" s="5" t="s">
        <v>10</v>
      </c>
      <c r="B1726" s="6">
        <v>239543</v>
      </c>
      <c r="C1726" s="6" t="s">
        <v>42</v>
      </c>
      <c r="D1726" s="6" t="s">
        <v>239</v>
      </c>
      <c r="E1726" s="6">
        <v>17877</v>
      </c>
      <c r="F1726" s="6" t="s">
        <v>18</v>
      </c>
      <c r="G1726" s="6" t="s">
        <v>3684</v>
      </c>
      <c r="H1726" s="6" t="s">
        <v>3685</v>
      </c>
      <c r="I1726" s="7">
        <v>5.0605779000000002</v>
      </c>
      <c r="J1726" s="8">
        <v>-75.872355999999996</v>
      </c>
    </row>
    <row r="1727" spans="1:10" x14ac:dyDescent="0.35">
      <c r="A1727" s="5" t="s">
        <v>10</v>
      </c>
      <c r="B1727" s="6">
        <v>225348</v>
      </c>
      <c r="C1727" s="6" t="s">
        <v>117</v>
      </c>
      <c r="D1727" s="6" t="s">
        <v>3686</v>
      </c>
      <c r="E1727" s="6">
        <v>76111</v>
      </c>
      <c r="F1727" s="6" t="s">
        <v>13</v>
      </c>
      <c r="G1727" s="6" t="s">
        <v>3687</v>
      </c>
      <c r="H1727" s="6" t="s">
        <v>3688</v>
      </c>
      <c r="I1727" s="7">
        <v>3.9016286999999998</v>
      </c>
      <c r="J1727" s="8">
        <v>-76.298888199999993</v>
      </c>
    </row>
    <row r="1728" spans="1:10" x14ac:dyDescent="0.35">
      <c r="A1728" s="5" t="s">
        <v>10</v>
      </c>
      <c r="B1728" s="6">
        <v>226594</v>
      </c>
      <c r="C1728" s="6" t="s">
        <v>190</v>
      </c>
      <c r="D1728" s="6" t="s">
        <v>3689</v>
      </c>
      <c r="E1728" s="6">
        <v>5266</v>
      </c>
      <c r="F1728" s="6" t="s">
        <v>13</v>
      </c>
      <c r="G1728" s="6" t="s">
        <v>3690</v>
      </c>
      <c r="H1728" s="6" t="s">
        <v>3691</v>
      </c>
      <c r="I1728" s="7">
        <v>6.1689661999999998</v>
      </c>
      <c r="J1728" s="8">
        <v>-75.587548400000003</v>
      </c>
    </row>
    <row r="1729" spans="1:10" x14ac:dyDescent="0.35">
      <c r="A1729" s="5" t="s">
        <v>10</v>
      </c>
      <c r="B1729" s="6">
        <v>199693</v>
      </c>
      <c r="C1729" s="6" t="s">
        <v>68</v>
      </c>
      <c r="D1729" s="6" t="s">
        <v>69</v>
      </c>
      <c r="E1729" s="6">
        <v>11001</v>
      </c>
      <c r="F1729" s="6" t="s">
        <v>13</v>
      </c>
      <c r="G1729" s="6" t="s">
        <v>785</v>
      </c>
      <c r="H1729" s="6" t="s">
        <v>786</v>
      </c>
      <c r="I1729" s="7">
        <v>4.6036903000000002</v>
      </c>
      <c r="J1729" s="8">
        <v>-74.189706700000002</v>
      </c>
    </row>
    <row r="1730" spans="1:10" x14ac:dyDescent="0.35">
      <c r="A1730" s="5" t="s">
        <v>10</v>
      </c>
      <c r="B1730" s="6">
        <v>237749</v>
      </c>
      <c r="C1730" s="6" t="s">
        <v>2821</v>
      </c>
      <c r="D1730" s="6" t="s">
        <v>3692</v>
      </c>
      <c r="E1730" s="6">
        <v>47288</v>
      </c>
      <c r="F1730" s="6" t="s">
        <v>18</v>
      </c>
      <c r="G1730" s="6" t="s">
        <v>3693</v>
      </c>
      <c r="H1730" s="6" t="s">
        <v>3694</v>
      </c>
      <c r="I1730" s="7">
        <v>10.517179</v>
      </c>
      <c r="J1730" s="8">
        <v>-74.181997899999999</v>
      </c>
    </row>
    <row r="1731" spans="1:10" x14ac:dyDescent="0.35">
      <c r="A1731" s="5" t="s">
        <v>10</v>
      </c>
      <c r="B1731" s="6">
        <v>200507</v>
      </c>
      <c r="C1731" s="6" t="s">
        <v>551</v>
      </c>
      <c r="D1731" s="6" t="s">
        <v>1529</v>
      </c>
      <c r="E1731" s="6">
        <v>20400</v>
      </c>
      <c r="F1731" s="6" t="s">
        <v>18</v>
      </c>
      <c r="G1731" s="6" t="s">
        <v>3695</v>
      </c>
      <c r="H1731" s="6" t="s">
        <v>3696</v>
      </c>
      <c r="I1731" s="7">
        <v>9.5642946000000002</v>
      </c>
      <c r="J1731" s="8">
        <v>-73.335899799999893</v>
      </c>
    </row>
    <row r="1732" spans="1:10" x14ac:dyDescent="0.35">
      <c r="A1732" s="5" t="s">
        <v>10</v>
      </c>
      <c r="B1732" s="6">
        <v>230255</v>
      </c>
      <c r="C1732" s="6" t="s">
        <v>16</v>
      </c>
      <c r="D1732" s="6" t="s">
        <v>17</v>
      </c>
      <c r="E1732" s="6">
        <v>68679</v>
      </c>
      <c r="F1732" s="6" t="s">
        <v>18</v>
      </c>
      <c r="G1732" s="6" t="s">
        <v>3697</v>
      </c>
      <c r="H1732" s="6" t="s">
        <v>3698</v>
      </c>
      <c r="I1732" s="7">
        <v>6.5296998000000004</v>
      </c>
      <c r="J1732" s="8">
        <v>-73.125297099999997</v>
      </c>
    </row>
    <row r="1733" spans="1:10" x14ac:dyDescent="0.35">
      <c r="A1733" s="5" t="s">
        <v>10</v>
      </c>
      <c r="B1733" s="6">
        <v>248452</v>
      </c>
      <c r="C1733" s="6" t="s">
        <v>55</v>
      </c>
      <c r="D1733" s="6" t="s">
        <v>56</v>
      </c>
      <c r="E1733" s="6">
        <v>73001</v>
      </c>
      <c r="F1733" s="6" t="s">
        <v>18</v>
      </c>
      <c r="G1733" s="6" t="s">
        <v>3699</v>
      </c>
      <c r="H1733" s="6" t="s">
        <v>3700</v>
      </c>
      <c r="I1733" s="7">
        <v>4.4292248000000001</v>
      </c>
      <c r="J1733" s="8">
        <v>-75.2076292</v>
      </c>
    </row>
    <row r="1734" spans="1:10" x14ac:dyDescent="0.35">
      <c r="A1734" s="5" t="s">
        <v>10</v>
      </c>
      <c r="B1734" s="6">
        <v>192879</v>
      </c>
      <c r="C1734" s="6" t="s">
        <v>24</v>
      </c>
      <c r="D1734" s="6" t="s">
        <v>3701</v>
      </c>
      <c r="E1734" s="6">
        <v>15087</v>
      </c>
      <c r="F1734" s="6" t="s">
        <v>18</v>
      </c>
      <c r="G1734" s="6" t="s">
        <v>3702</v>
      </c>
      <c r="H1734" s="6" t="s">
        <v>3703</v>
      </c>
      <c r="I1734" s="7">
        <v>5.9893999999999998</v>
      </c>
      <c r="J1734" s="8">
        <v>-72.910688999999905</v>
      </c>
    </row>
    <row r="1735" spans="1:10" x14ac:dyDescent="0.35">
      <c r="A1735" s="5" t="s">
        <v>10</v>
      </c>
      <c r="B1735" s="6">
        <v>243920</v>
      </c>
      <c r="C1735" s="6" t="s">
        <v>28</v>
      </c>
      <c r="D1735" s="6" t="s">
        <v>322</v>
      </c>
      <c r="E1735" s="6">
        <v>54405</v>
      </c>
      <c r="F1735" s="6" t="s">
        <v>18</v>
      </c>
      <c r="G1735" s="6" t="s">
        <v>3704</v>
      </c>
      <c r="H1735" s="6" t="s">
        <v>3705</v>
      </c>
      <c r="I1735" s="7">
        <v>7.8017887000000004</v>
      </c>
      <c r="J1735" s="8">
        <v>-72.517371900000001</v>
      </c>
    </row>
    <row r="1736" spans="1:10" x14ac:dyDescent="0.35">
      <c r="A1736" s="5" t="s">
        <v>10</v>
      </c>
      <c r="B1736" s="6">
        <v>212289</v>
      </c>
      <c r="C1736" s="6" t="s">
        <v>61</v>
      </c>
      <c r="D1736" s="6" t="s">
        <v>62</v>
      </c>
      <c r="E1736" s="6">
        <v>63001</v>
      </c>
      <c r="F1736" s="6" t="s">
        <v>18</v>
      </c>
      <c r="G1736" s="6" t="s">
        <v>3706</v>
      </c>
      <c r="H1736" s="6" t="s">
        <v>3707</v>
      </c>
      <c r="I1736" s="7">
        <v>4.5193237000000002</v>
      </c>
      <c r="J1736" s="8">
        <v>-75.709218300000003</v>
      </c>
    </row>
    <row r="1737" spans="1:10" x14ac:dyDescent="0.35">
      <c r="A1737" s="5" t="s">
        <v>10</v>
      </c>
      <c r="B1737" s="6">
        <v>235294</v>
      </c>
      <c r="C1737" s="6" t="s">
        <v>24</v>
      </c>
      <c r="D1737" s="6" t="s">
        <v>317</v>
      </c>
      <c r="E1737" s="6">
        <v>15176</v>
      </c>
      <c r="F1737" s="6" t="s">
        <v>18</v>
      </c>
      <c r="G1737" s="6" t="s">
        <v>3708</v>
      </c>
      <c r="H1737" s="6" t="s">
        <v>3709</v>
      </c>
      <c r="I1737" s="7">
        <v>4.5708679999999999</v>
      </c>
      <c r="J1737" s="8">
        <v>-74.297332999999995</v>
      </c>
    </row>
    <row r="1738" spans="1:10" x14ac:dyDescent="0.35">
      <c r="A1738" s="5" t="s">
        <v>10</v>
      </c>
      <c r="B1738" s="6">
        <v>211440</v>
      </c>
      <c r="C1738" s="6" t="s">
        <v>28</v>
      </c>
      <c r="D1738" s="6" t="s">
        <v>29</v>
      </c>
      <c r="E1738" s="6">
        <v>54001</v>
      </c>
      <c r="F1738" s="6" t="s">
        <v>18</v>
      </c>
      <c r="G1738" s="6" t="s">
        <v>3710</v>
      </c>
      <c r="H1738" s="6" t="s">
        <v>3711</v>
      </c>
      <c r="I1738" s="7">
        <v>7.8979434999999896</v>
      </c>
      <c r="J1738" s="8">
        <v>-72.526818699999893</v>
      </c>
    </row>
    <row r="1739" spans="1:10" x14ac:dyDescent="0.35">
      <c r="A1739" s="5" t="s">
        <v>10</v>
      </c>
      <c r="B1739" s="6">
        <v>233831</v>
      </c>
      <c r="C1739" s="6" t="s">
        <v>55</v>
      </c>
      <c r="D1739" s="6" t="s">
        <v>56</v>
      </c>
      <c r="E1739" s="6">
        <v>73001</v>
      </c>
      <c r="F1739" s="6" t="s">
        <v>18</v>
      </c>
      <c r="G1739" s="6" t="s">
        <v>3712</v>
      </c>
      <c r="H1739" s="6" t="s">
        <v>3713</v>
      </c>
      <c r="I1739" s="7">
        <v>4.4381636999999996</v>
      </c>
      <c r="J1739" s="8">
        <v>-75.186765800000003</v>
      </c>
    </row>
    <row r="1740" spans="1:10" x14ac:dyDescent="0.35">
      <c r="A1740" s="5" t="s">
        <v>10</v>
      </c>
      <c r="B1740" s="6">
        <v>212288</v>
      </c>
      <c r="C1740" s="6" t="s">
        <v>42</v>
      </c>
      <c r="D1740" s="6" t="s">
        <v>396</v>
      </c>
      <c r="E1740" s="6">
        <v>17380</v>
      </c>
      <c r="F1740" s="6" t="s">
        <v>18</v>
      </c>
      <c r="G1740" s="6" t="s">
        <v>3714</v>
      </c>
      <c r="H1740" s="6" t="s">
        <v>3715</v>
      </c>
      <c r="I1740" s="7">
        <v>5.459905</v>
      </c>
      <c r="J1740" s="8">
        <v>-74.670176699999999</v>
      </c>
    </row>
    <row r="1741" spans="1:10" x14ac:dyDescent="0.35">
      <c r="A1741" s="5" t="s">
        <v>10</v>
      </c>
      <c r="B1741" s="6">
        <v>245426</v>
      </c>
      <c r="C1741" s="6" t="s">
        <v>278</v>
      </c>
      <c r="D1741" s="6" t="s">
        <v>279</v>
      </c>
      <c r="E1741" s="6">
        <v>50001</v>
      </c>
      <c r="F1741" s="6" t="s">
        <v>18</v>
      </c>
      <c r="G1741" s="6" t="s">
        <v>3716</v>
      </c>
      <c r="H1741" s="6" t="s">
        <v>3717</v>
      </c>
      <c r="I1741" s="7">
        <v>4.1595652000000003</v>
      </c>
      <c r="J1741" s="8">
        <v>-73.646298000000002</v>
      </c>
    </row>
    <row r="1742" spans="1:10" x14ac:dyDescent="0.35">
      <c r="A1742" s="5" t="s">
        <v>10</v>
      </c>
      <c r="B1742" s="6">
        <v>228819</v>
      </c>
      <c r="C1742" s="6" t="s">
        <v>11</v>
      </c>
      <c r="D1742" s="6" t="s">
        <v>337</v>
      </c>
      <c r="E1742" s="6">
        <v>25290</v>
      </c>
      <c r="F1742" s="6" t="s">
        <v>18</v>
      </c>
      <c r="G1742" s="6" t="s">
        <v>3718</v>
      </c>
      <c r="H1742" s="6" t="s">
        <v>3719</v>
      </c>
      <c r="I1742" s="7">
        <v>4.3434796999999996</v>
      </c>
      <c r="J1742" s="8">
        <v>-74.355285300000006</v>
      </c>
    </row>
    <row r="1743" spans="1:10" x14ac:dyDescent="0.35">
      <c r="A1743" s="5" t="s">
        <v>10</v>
      </c>
      <c r="B1743" s="6">
        <v>237601</v>
      </c>
      <c r="C1743" s="6" t="s">
        <v>278</v>
      </c>
      <c r="D1743" s="6" t="s">
        <v>1331</v>
      </c>
      <c r="E1743" s="6">
        <v>50006</v>
      </c>
      <c r="F1743" s="6" t="s">
        <v>18</v>
      </c>
      <c r="G1743" s="6" t="s">
        <v>3720</v>
      </c>
      <c r="H1743" s="6" t="s">
        <v>3721</v>
      </c>
      <c r="I1743" s="7">
        <v>3.9869289999999999</v>
      </c>
      <c r="J1743" s="8">
        <v>-73.763531599999993</v>
      </c>
    </row>
    <row r="1744" spans="1:10" x14ac:dyDescent="0.35">
      <c r="A1744" s="5" t="s">
        <v>10</v>
      </c>
      <c r="B1744" s="6">
        <v>229629</v>
      </c>
      <c r="C1744" s="6" t="s">
        <v>11</v>
      </c>
      <c r="D1744" s="6" t="s">
        <v>101</v>
      </c>
      <c r="E1744" s="6">
        <v>25473</v>
      </c>
      <c r="F1744" s="6" t="s">
        <v>18</v>
      </c>
      <c r="G1744" s="6" t="s">
        <v>3722</v>
      </c>
      <c r="H1744" s="6" t="s">
        <v>3723</v>
      </c>
      <c r="I1744" s="7">
        <v>4.719201</v>
      </c>
      <c r="J1744" s="8">
        <v>-74.225234999999998</v>
      </c>
    </row>
    <row r="1745" spans="1:10" x14ac:dyDescent="0.35">
      <c r="A1745" s="5" t="s">
        <v>10</v>
      </c>
      <c r="B1745" s="6">
        <v>244276</v>
      </c>
      <c r="C1745" s="6" t="s">
        <v>11</v>
      </c>
      <c r="D1745" s="6" t="s">
        <v>3724</v>
      </c>
      <c r="E1745" s="6">
        <v>25513</v>
      </c>
      <c r="F1745" s="6" t="s">
        <v>18</v>
      </c>
      <c r="G1745" s="6" t="s">
        <v>3725</v>
      </c>
      <c r="H1745" s="6" t="s">
        <v>3726</v>
      </c>
      <c r="I1745" s="7">
        <v>5.1323062000000004</v>
      </c>
      <c r="J1745" s="8">
        <v>-74.157700700000007</v>
      </c>
    </row>
    <row r="1746" spans="1:10" x14ac:dyDescent="0.35">
      <c r="A1746" s="5" t="s">
        <v>10</v>
      </c>
      <c r="B1746" s="6">
        <v>245040</v>
      </c>
      <c r="C1746" s="6" t="s">
        <v>11</v>
      </c>
      <c r="D1746" s="6" t="s">
        <v>334</v>
      </c>
      <c r="E1746" s="6">
        <v>25754</v>
      </c>
      <c r="F1746" s="6" t="s">
        <v>18</v>
      </c>
      <c r="G1746" s="6" t="s">
        <v>3727</v>
      </c>
      <c r="H1746" s="6" t="s">
        <v>3728</v>
      </c>
      <c r="I1746" s="7">
        <v>4.5687458999999997</v>
      </c>
      <c r="J1746" s="8">
        <v>-74.240014099999996</v>
      </c>
    </row>
    <row r="1747" spans="1:10" x14ac:dyDescent="0.35">
      <c r="A1747" s="5" t="s">
        <v>10</v>
      </c>
      <c r="B1747" s="6">
        <v>131982</v>
      </c>
      <c r="C1747" s="6" t="s">
        <v>11</v>
      </c>
      <c r="D1747" s="6" t="s">
        <v>1547</v>
      </c>
      <c r="E1747" s="6">
        <v>25817</v>
      </c>
      <c r="F1747" s="6" t="s">
        <v>18</v>
      </c>
      <c r="G1747" s="6" t="s">
        <v>3729</v>
      </c>
      <c r="H1747" s="6" t="s">
        <v>3730</v>
      </c>
      <c r="I1747" s="7">
        <v>4.9670215999999998</v>
      </c>
      <c r="J1747" s="8">
        <v>-73.928052999999906</v>
      </c>
    </row>
    <row r="1748" spans="1:10" x14ac:dyDescent="0.35">
      <c r="A1748" s="5" t="s">
        <v>10</v>
      </c>
      <c r="B1748" s="6">
        <v>188799</v>
      </c>
      <c r="C1748" s="6" t="s">
        <v>11</v>
      </c>
      <c r="D1748" s="6" t="s">
        <v>221</v>
      </c>
      <c r="E1748" s="6">
        <v>25430</v>
      </c>
      <c r="F1748" s="6" t="s">
        <v>18</v>
      </c>
      <c r="G1748" s="6" t="s">
        <v>3731</v>
      </c>
      <c r="H1748" s="6" t="s">
        <v>3732</v>
      </c>
      <c r="I1748" s="7">
        <v>4.7379129999999998</v>
      </c>
      <c r="J1748" s="8">
        <v>-74.250495999999998</v>
      </c>
    </row>
    <row r="1749" spans="1:10" x14ac:dyDescent="0.35">
      <c r="A1749" s="5" t="s">
        <v>10</v>
      </c>
      <c r="B1749" s="6">
        <v>200446</v>
      </c>
      <c r="C1749" s="6" t="s">
        <v>68</v>
      </c>
      <c r="D1749" s="6" t="s">
        <v>69</v>
      </c>
      <c r="E1749" s="6">
        <v>11001</v>
      </c>
      <c r="F1749" s="6" t="s">
        <v>18</v>
      </c>
      <c r="G1749" s="6" t="s">
        <v>3733</v>
      </c>
      <c r="H1749" s="6" t="s">
        <v>3734</v>
      </c>
      <c r="I1749" s="7">
        <v>4.6268630999999996</v>
      </c>
      <c r="J1749" s="8">
        <v>-74.142877099999893</v>
      </c>
    </row>
    <row r="1750" spans="1:10" x14ac:dyDescent="0.35">
      <c r="A1750" s="5" t="s">
        <v>10</v>
      </c>
      <c r="B1750" s="6">
        <v>245278</v>
      </c>
      <c r="C1750" s="6" t="s">
        <v>68</v>
      </c>
      <c r="D1750" s="6" t="s">
        <v>69</v>
      </c>
      <c r="E1750" s="6">
        <v>11001</v>
      </c>
      <c r="F1750" s="6" t="s">
        <v>18</v>
      </c>
      <c r="G1750" s="6" t="s">
        <v>3735</v>
      </c>
      <c r="H1750" s="6" t="s">
        <v>3736</v>
      </c>
      <c r="I1750" s="7">
        <v>4.5974035000000004</v>
      </c>
      <c r="J1750" s="8">
        <v>-74.109118300000006</v>
      </c>
    </row>
    <row r="1751" spans="1:10" x14ac:dyDescent="0.35">
      <c r="A1751" s="5" t="s">
        <v>10</v>
      </c>
      <c r="B1751" s="6">
        <v>226287</v>
      </c>
      <c r="C1751" s="6" t="s">
        <v>68</v>
      </c>
      <c r="D1751" s="6" t="s">
        <v>69</v>
      </c>
      <c r="E1751" s="6">
        <v>11001</v>
      </c>
      <c r="F1751" s="6" t="s">
        <v>13</v>
      </c>
      <c r="G1751" s="6" t="s">
        <v>3737</v>
      </c>
      <c r="H1751" s="6" t="s">
        <v>3738</v>
      </c>
      <c r="I1751" s="7">
        <v>4.6923788999999996</v>
      </c>
      <c r="J1751" s="8">
        <v>-74.150133699999998</v>
      </c>
    </row>
    <row r="1752" spans="1:10" x14ac:dyDescent="0.35">
      <c r="A1752" s="5" t="s">
        <v>10</v>
      </c>
      <c r="B1752" s="6">
        <v>231800</v>
      </c>
      <c r="C1752" s="6" t="s">
        <v>278</v>
      </c>
      <c r="D1752" s="6" t="s">
        <v>3739</v>
      </c>
      <c r="E1752" s="6">
        <v>50287</v>
      </c>
      <c r="F1752" s="6" t="s">
        <v>18</v>
      </c>
      <c r="G1752" s="6" t="s">
        <v>3740</v>
      </c>
      <c r="H1752" s="6" t="s">
        <v>3741</v>
      </c>
      <c r="I1752" s="7">
        <v>3.4661127</v>
      </c>
      <c r="J1752" s="8">
        <v>-73.6177694</v>
      </c>
    </row>
    <row r="1753" spans="1:10" x14ac:dyDescent="0.35">
      <c r="A1753" s="5" t="s">
        <v>10</v>
      </c>
      <c r="B1753" s="6">
        <v>183770</v>
      </c>
      <c r="C1753" s="6" t="s">
        <v>278</v>
      </c>
      <c r="D1753" s="6" t="s">
        <v>279</v>
      </c>
      <c r="E1753" s="6">
        <v>50001</v>
      </c>
      <c r="F1753" s="6" t="s">
        <v>18</v>
      </c>
      <c r="G1753" s="6" t="s">
        <v>3742</v>
      </c>
      <c r="H1753" s="6" t="s">
        <v>3743</v>
      </c>
      <c r="I1753" s="7">
        <v>4.0980128000000002</v>
      </c>
      <c r="J1753" s="8">
        <v>-73.644584899999998</v>
      </c>
    </row>
    <row r="1754" spans="1:10" x14ac:dyDescent="0.35">
      <c r="A1754" s="5" t="s">
        <v>10</v>
      </c>
      <c r="B1754" s="6">
        <v>212557</v>
      </c>
      <c r="C1754" s="6" t="s">
        <v>11</v>
      </c>
      <c r="D1754" s="6" t="s">
        <v>221</v>
      </c>
      <c r="E1754" s="6">
        <v>25430</v>
      </c>
      <c r="F1754" s="6" t="s">
        <v>18</v>
      </c>
      <c r="G1754" s="6" t="s">
        <v>3744</v>
      </c>
      <c r="H1754" s="6" t="s">
        <v>3745</v>
      </c>
      <c r="I1754" s="7">
        <v>4.7335374999999997</v>
      </c>
      <c r="J1754" s="8">
        <v>-74.262411499999999</v>
      </c>
    </row>
    <row r="1755" spans="1:10" x14ac:dyDescent="0.35">
      <c r="A1755" s="5" t="s">
        <v>10</v>
      </c>
      <c r="B1755" s="6">
        <v>232172</v>
      </c>
      <c r="C1755" s="6" t="s">
        <v>117</v>
      </c>
      <c r="D1755" s="6" t="s">
        <v>1334</v>
      </c>
      <c r="E1755" s="6">
        <v>76001</v>
      </c>
      <c r="F1755" s="6" t="s">
        <v>18</v>
      </c>
      <c r="G1755" s="6" t="s">
        <v>3746</v>
      </c>
      <c r="H1755" s="6" t="s">
        <v>3747</v>
      </c>
      <c r="I1755" s="7">
        <v>3.453252</v>
      </c>
      <c r="J1755" s="8">
        <v>-76.4866952</v>
      </c>
    </row>
    <row r="1756" spans="1:10" x14ac:dyDescent="0.35">
      <c r="A1756" s="5" t="s">
        <v>10</v>
      </c>
      <c r="B1756" s="6">
        <v>204430</v>
      </c>
      <c r="C1756" s="6" t="s">
        <v>68</v>
      </c>
      <c r="D1756" s="6" t="s">
        <v>69</v>
      </c>
      <c r="E1756" s="6">
        <v>11001</v>
      </c>
      <c r="F1756" s="6" t="s">
        <v>18</v>
      </c>
      <c r="G1756" s="6" t="s">
        <v>3748</v>
      </c>
      <c r="H1756" s="6" t="s">
        <v>3749</v>
      </c>
      <c r="I1756" s="7">
        <v>4.6402549999999998</v>
      </c>
      <c r="J1756" s="8">
        <v>-74.172760099999905</v>
      </c>
    </row>
    <row r="1757" spans="1:10" x14ac:dyDescent="0.35">
      <c r="A1757" s="5" t="s">
        <v>10</v>
      </c>
      <c r="B1757" s="6">
        <v>206426</v>
      </c>
      <c r="C1757" s="6" t="s">
        <v>68</v>
      </c>
      <c r="D1757" s="6" t="s">
        <v>69</v>
      </c>
      <c r="E1757" s="6">
        <v>11001</v>
      </c>
      <c r="F1757" s="6" t="s">
        <v>18</v>
      </c>
      <c r="G1757" s="6" t="s">
        <v>3750</v>
      </c>
      <c r="H1757" s="6" t="s">
        <v>3751</v>
      </c>
      <c r="I1757" s="7">
        <v>4.6271032999999999</v>
      </c>
      <c r="J1757" s="8">
        <v>-74.116455999999999</v>
      </c>
    </row>
    <row r="1758" spans="1:10" x14ac:dyDescent="0.35">
      <c r="A1758" s="5" t="s">
        <v>10</v>
      </c>
      <c r="B1758" s="6">
        <v>222469</v>
      </c>
      <c r="C1758" s="6" t="s">
        <v>68</v>
      </c>
      <c r="D1758" s="6" t="s">
        <v>69</v>
      </c>
      <c r="E1758" s="6">
        <v>11001</v>
      </c>
      <c r="F1758" s="6" t="s">
        <v>18</v>
      </c>
      <c r="G1758" s="6" t="s">
        <v>3752</v>
      </c>
      <c r="H1758" s="6" t="s">
        <v>3753</v>
      </c>
      <c r="I1758" s="7">
        <v>4.5745867000000002</v>
      </c>
      <c r="J1758" s="8">
        <v>-74.079059700000002</v>
      </c>
    </row>
    <row r="1759" spans="1:10" x14ac:dyDescent="0.35">
      <c r="A1759" s="5" t="s">
        <v>10</v>
      </c>
      <c r="B1759" s="6">
        <v>222429</v>
      </c>
      <c r="C1759" s="6" t="s">
        <v>68</v>
      </c>
      <c r="D1759" s="6" t="s">
        <v>69</v>
      </c>
      <c r="E1759" s="6">
        <v>11001</v>
      </c>
      <c r="F1759" s="6" t="s">
        <v>18</v>
      </c>
      <c r="G1759" s="6" t="s">
        <v>3754</v>
      </c>
      <c r="H1759" s="6" t="s">
        <v>3755</v>
      </c>
      <c r="I1759" s="7">
        <v>4.6013795999999996</v>
      </c>
      <c r="J1759" s="8">
        <v>-74.159916899999999</v>
      </c>
    </row>
    <row r="1760" spans="1:10" x14ac:dyDescent="0.35">
      <c r="A1760" s="5" t="s">
        <v>10</v>
      </c>
      <c r="B1760" s="6">
        <v>234435</v>
      </c>
      <c r="C1760" s="6" t="s">
        <v>11</v>
      </c>
      <c r="D1760" s="6" t="s">
        <v>221</v>
      </c>
      <c r="E1760" s="6">
        <v>25430</v>
      </c>
      <c r="F1760" s="6" t="s">
        <v>18</v>
      </c>
      <c r="G1760" s="6" t="s">
        <v>3756</v>
      </c>
      <c r="H1760" s="6" t="s">
        <v>3757</v>
      </c>
      <c r="I1760" s="7">
        <v>4.7377884000000003</v>
      </c>
      <c r="J1760" s="8">
        <v>-74.265937199999996</v>
      </c>
    </row>
    <row r="1761" spans="1:10" x14ac:dyDescent="0.35">
      <c r="A1761" s="5" t="s">
        <v>10</v>
      </c>
      <c r="B1761" s="6">
        <v>226382</v>
      </c>
      <c r="C1761" s="6" t="s">
        <v>190</v>
      </c>
      <c r="D1761" s="6" t="s">
        <v>3689</v>
      </c>
      <c r="E1761" s="6">
        <v>5266</v>
      </c>
      <c r="F1761" s="6" t="s">
        <v>13</v>
      </c>
      <c r="G1761" s="6" t="s">
        <v>3737</v>
      </c>
      <c r="H1761" s="6" t="s">
        <v>3758</v>
      </c>
      <c r="I1761" s="7">
        <v>6.1771067000000004</v>
      </c>
      <c r="J1761" s="8">
        <v>-75.590508799999995</v>
      </c>
    </row>
    <row r="1762" spans="1:10" x14ac:dyDescent="0.35">
      <c r="A1762" s="5" t="s">
        <v>10</v>
      </c>
      <c r="B1762" s="6">
        <v>220356</v>
      </c>
      <c r="C1762" s="6" t="s">
        <v>278</v>
      </c>
      <c r="D1762" s="6" t="s">
        <v>3759</v>
      </c>
      <c r="E1762" s="6">
        <v>50110</v>
      </c>
      <c r="F1762" s="6" t="s">
        <v>18</v>
      </c>
      <c r="G1762" s="6" t="s">
        <v>113</v>
      </c>
      <c r="H1762" s="6" t="s">
        <v>3760</v>
      </c>
      <c r="I1762" s="7">
        <v>4.5678843000000002</v>
      </c>
      <c r="J1762" s="8">
        <v>-72.963443099999907</v>
      </c>
    </row>
    <row r="1763" spans="1:10" x14ac:dyDescent="0.35">
      <c r="A1763" s="5" t="s">
        <v>10</v>
      </c>
      <c r="B1763" s="6">
        <v>198553</v>
      </c>
      <c r="C1763" s="6" t="s">
        <v>11</v>
      </c>
      <c r="D1763" s="6" t="s">
        <v>101</v>
      </c>
      <c r="E1763" s="6">
        <v>25473</v>
      </c>
      <c r="F1763" s="6" t="s">
        <v>18</v>
      </c>
      <c r="G1763" s="6" t="s">
        <v>3761</v>
      </c>
      <c r="H1763" s="6" t="s">
        <v>3762</v>
      </c>
      <c r="I1763" s="7">
        <v>4.6953516000000004</v>
      </c>
      <c r="J1763" s="8">
        <v>-74.181244199999995</v>
      </c>
    </row>
    <row r="1764" spans="1:10" x14ac:dyDescent="0.35">
      <c r="A1764" s="5" t="s">
        <v>10</v>
      </c>
      <c r="B1764" s="6">
        <v>239404</v>
      </c>
      <c r="C1764" s="6" t="s">
        <v>11</v>
      </c>
      <c r="D1764" s="6" t="s">
        <v>3763</v>
      </c>
      <c r="E1764" s="6">
        <v>25438</v>
      </c>
      <c r="F1764" s="6" t="s">
        <v>18</v>
      </c>
      <c r="G1764" s="6" t="s">
        <v>3764</v>
      </c>
      <c r="H1764" s="6" t="s">
        <v>3765</v>
      </c>
      <c r="I1764" s="7">
        <v>4.5094101999999996</v>
      </c>
      <c r="J1764" s="8">
        <v>-73.350587700000005</v>
      </c>
    </row>
    <row r="1765" spans="1:10" x14ac:dyDescent="0.35">
      <c r="A1765" s="5" t="s">
        <v>10</v>
      </c>
      <c r="B1765" s="6">
        <v>206317</v>
      </c>
      <c r="C1765" s="6" t="s">
        <v>117</v>
      </c>
      <c r="D1765" s="6" t="s">
        <v>1334</v>
      </c>
      <c r="E1765" s="6">
        <v>76001</v>
      </c>
      <c r="F1765" s="6" t="s">
        <v>18</v>
      </c>
      <c r="G1765" s="6" t="s">
        <v>3766</v>
      </c>
      <c r="H1765" s="6" t="s">
        <v>3767</v>
      </c>
      <c r="I1765" s="7">
        <v>3.4650284999999998</v>
      </c>
      <c r="J1765" s="8">
        <v>-76.482365000000001</v>
      </c>
    </row>
    <row r="1766" spans="1:10" x14ac:dyDescent="0.35">
      <c r="A1766" s="5" t="s">
        <v>10</v>
      </c>
      <c r="B1766" s="6">
        <v>237317</v>
      </c>
      <c r="C1766" s="6" t="s">
        <v>55</v>
      </c>
      <c r="D1766" s="6" t="s">
        <v>937</v>
      </c>
      <c r="E1766" s="6">
        <v>73585</v>
      </c>
      <c r="F1766" s="6" t="s">
        <v>18</v>
      </c>
      <c r="G1766" s="6" t="s">
        <v>3768</v>
      </c>
      <c r="H1766" s="6" t="s">
        <v>3769</v>
      </c>
      <c r="I1766" s="7">
        <v>3.8582822999999999</v>
      </c>
      <c r="J1766" s="8">
        <v>-74.930395700000005</v>
      </c>
    </row>
    <row r="1767" spans="1:10" x14ac:dyDescent="0.35">
      <c r="A1767" s="5" t="s">
        <v>10</v>
      </c>
      <c r="B1767" s="6">
        <v>216369</v>
      </c>
      <c r="C1767" s="6" t="s">
        <v>24</v>
      </c>
      <c r="D1767" s="6" t="s">
        <v>137</v>
      </c>
      <c r="E1767" s="6">
        <v>15238</v>
      </c>
      <c r="F1767" s="6" t="s">
        <v>18</v>
      </c>
      <c r="G1767" s="6" t="s">
        <v>3770</v>
      </c>
      <c r="H1767" s="6" t="s">
        <v>3771</v>
      </c>
      <c r="I1767" s="7">
        <v>5.8160590000000001</v>
      </c>
      <c r="J1767" s="8">
        <v>-73.036434</v>
      </c>
    </row>
    <row r="1768" spans="1:10" x14ac:dyDescent="0.35">
      <c r="A1768" s="5" t="s">
        <v>10</v>
      </c>
      <c r="B1768" s="6">
        <v>224003</v>
      </c>
      <c r="C1768" s="6" t="s">
        <v>24</v>
      </c>
      <c r="D1768" s="6" t="s">
        <v>88</v>
      </c>
      <c r="E1768" s="6">
        <v>15001</v>
      </c>
      <c r="F1768" s="6" t="s">
        <v>18</v>
      </c>
      <c r="G1768" s="6" t="s">
        <v>3772</v>
      </c>
      <c r="H1768" s="6" t="s">
        <v>3773</v>
      </c>
      <c r="I1768" s="7">
        <v>5.5194951999999997</v>
      </c>
      <c r="J1768" s="8">
        <v>-73.370676399999994</v>
      </c>
    </row>
    <row r="1769" spans="1:10" x14ac:dyDescent="0.35">
      <c r="A1769" s="5" t="s">
        <v>10</v>
      </c>
      <c r="B1769" s="6">
        <v>239560</v>
      </c>
      <c r="C1769" s="6" t="s">
        <v>294</v>
      </c>
      <c r="D1769" s="6" t="s">
        <v>3774</v>
      </c>
      <c r="E1769" s="6">
        <v>41518</v>
      </c>
      <c r="F1769" s="6" t="s">
        <v>18</v>
      </c>
      <c r="G1769" s="6" t="s">
        <v>3775</v>
      </c>
      <c r="H1769" s="6" t="s">
        <v>3776</v>
      </c>
      <c r="I1769" s="7">
        <v>2.4493146000000001</v>
      </c>
      <c r="J1769" s="8">
        <v>-75.774534299999999</v>
      </c>
    </row>
    <row r="1770" spans="1:10" x14ac:dyDescent="0.35">
      <c r="A1770" s="5" t="s">
        <v>10</v>
      </c>
      <c r="B1770" s="6">
        <v>242031</v>
      </c>
      <c r="C1770" s="6" t="s">
        <v>294</v>
      </c>
      <c r="D1770" s="6" t="s">
        <v>3777</v>
      </c>
      <c r="E1770" s="6">
        <v>41132</v>
      </c>
      <c r="F1770" s="6" t="s">
        <v>18</v>
      </c>
      <c r="G1770" s="6" t="s">
        <v>3778</v>
      </c>
      <c r="H1770" s="6" t="s">
        <v>3779</v>
      </c>
      <c r="I1770" s="7">
        <v>2.9098682</v>
      </c>
      <c r="J1770" s="8">
        <v>-75.285617799999997</v>
      </c>
    </row>
    <row r="1771" spans="1:10" x14ac:dyDescent="0.35">
      <c r="A1771" s="5" t="s">
        <v>10</v>
      </c>
      <c r="B1771" s="6">
        <v>217753</v>
      </c>
      <c r="C1771" s="6" t="s">
        <v>11</v>
      </c>
      <c r="D1771" s="6" t="s">
        <v>407</v>
      </c>
      <c r="E1771" s="6">
        <v>25126</v>
      </c>
      <c r="F1771" s="6" t="s">
        <v>18</v>
      </c>
      <c r="G1771" s="6" t="s">
        <v>3780</v>
      </c>
      <c r="H1771" s="6" t="s">
        <v>3781</v>
      </c>
      <c r="I1771" s="7">
        <v>4.9165320000000001</v>
      </c>
      <c r="J1771" s="8">
        <v>-74.0249199</v>
      </c>
    </row>
    <row r="1772" spans="1:10" x14ac:dyDescent="0.35">
      <c r="A1772" s="5" t="s">
        <v>10</v>
      </c>
      <c r="B1772" s="6">
        <v>245792</v>
      </c>
      <c r="C1772" s="6" t="s">
        <v>11</v>
      </c>
      <c r="D1772" s="6" t="s">
        <v>334</v>
      </c>
      <c r="E1772" s="6">
        <v>25754</v>
      </c>
      <c r="F1772" s="6" t="s">
        <v>18</v>
      </c>
      <c r="G1772" s="6" t="s">
        <v>3782</v>
      </c>
      <c r="H1772" s="6" t="s">
        <v>3783</v>
      </c>
      <c r="I1772" s="7">
        <v>4.5695931999999999</v>
      </c>
      <c r="J1772" s="8">
        <v>-74.239955899999998</v>
      </c>
    </row>
    <row r="1773" spans="1:10" x14ac:dyDescent="0.35">
      <c r="A1773" s="5" t="s">
        <v>10</v>
      </c>
      <c r="B1773" s="6">
        <v>224546</v>
      </c>
      <c r="C1773" s="6" t="s">
        <v>11</v>
      </c>
      <c r="D1773" s="6" t="s">
        <v>334</v>
      </c>
      <c r="E1773" s="6">
        <v>25754</v>
      </c>
      <c r="F1773" s="6" t="s">
        <v>18</v>
      </c>
      <c r="G1773" s="6" t="s">
        <v>3784</v>
      </c>
      <c r="H1773" s="6" t="s">
        <v>3785</v>
      </c>
      <c r="I1773" s="7">
        <v>4.5790772999999998</v>
      </c>
      <c r="J1773" s="8">
        <v>-74.239437699999996</v>
      </c>
    </row>
    <row r="1774" spans="1:10" x14ac:dyDescent="0.35">
      <c r="A1774" s="5" t="s">
        <v>10</v>
      </c>
      <c r="B1774" s="6">
        <v>248076</v>
      </c>
      <c r="C1774" s="6" t="s">
        <v>68</v>
      </c>
      <c r="D1774" s="6" t="s">
        <v>69</v>
      </c>
      <c r="E1774" s="6">
        <v>11001</v>
      </c>
      <c r="F1774" s="6" t="s">
        <v>18</v>
      </c>
      <c r="G1774" s="6" t="s">
        <v>3786</v>
      </c>
      <c r="H1774" s="6" t="s">
        <v>3787</v>
      </c>
      <c r="I1774" s="7">
        <v>4.7012872000000003</v>
      </c>
      <c r="J1774" s="8">
        <v>-74.120876199999998</v>
      </c>
    </row>
    <row r="1775" spans="1:10" x14ac:dyDescent="0.35">
      <c r="A1775" s="5" t="s">
        <v>10</v>
      </c>
      <c r="B1775" s="6">
        <v>230822</v>
      </c>
      <c r="C1775" s="6" t="s">
        <v>3788</v>
      </c>
      <c r="D1775" s="6" t="s">
        <v>3789</v>
      </c>
      <c r="E1775" s="6">
        <v>18592</v>
      </c>
      <c r="F1775" s="6" t="s">
        <v>18</v>
      </c>
      <c r="G1775" s="6" t="s">
        <v>3790</v>
      </c>
      <c r="H1775" s="6" t="s">
        <v>3791</v>
      </c>
      <c r="I1775" s="7">
        <v>1.909918</v>
      </c>
      <c r="J1775" s="8">
        <v>-75.157235</v>
      </c>
    </row>
    <row r="1776" spans="1:10" x14ac:dyDescent="0.35">
      <c r="A1776" s="5" t="s">
        <v>10</v>
      </c>
      <c r="B1776" s="6">
        <v>232428</v>
      </c>
      <c r="C1776" s="6" t="s">
        <v>24</v>
      </c>
      <c r="D1776" s="6" t="s">
        <v>88</v>
      </c>
      <c r="E1776" s="6">
        <v>15001</v>
      </c>
      <c r="F1776" s="6" t="s">
        <v>18</v>
      </c>
      <c r="G1776" s="6" t="s">
        <v>3792</v>
      </c>
      <c r="H1776" s="6" t="s">
        <v>3793</v>
      </c>
      <c r="I1776" s="7">
        <v>5.5277592000000002</v>
      </c>
      <c r="J1776" s="8">
        <v>-73.368549200000004</v>
      </c>
    </row>
    <row r="1777" spans="1:10" x14ac:dyDescent="0.35">
      <c r="A1777" s="5" t="s">
        <v>10</v>
      </c>
      <c r="B1777" s="6">
        <v>133186</v>
      </c>
      <c r="C1777" s="6" t="s">
        <v>16</v>
      </c>
      <c r="D1777" s="6" t="s">
        <v>78</v>
      </c>
      <c r="E1777" s="6">
        <v>68001</v>
      </c>
      <c r="F1777" s="6" t="s">
        <v>18</v>
      </c>
      <c r="G1777" s="6" t="s">
        <v>3794</v>
      </c>
      <c r="H1777" s="6" t="s">
        <v>3795</v>
      </c>
      <c r="I1777" s="7">
        <v>7.1302958999999904</v>
      </c>
      <c r="J1777" s="8">
        <v>-73.121425500000001</v>
      </c>
    </row>
    <row r="1778" spans="1:10" x14ac:dyDescent="0.35">
      <c r="A1778" s="5" t="s">
        <v>10</v>
      </c>
      <c r="B1778" s="6">
        <v>231308</v>
      </c>
      <c r="C1778" s="6" t="s">
        <v>294</v>
      </c>
      <c r="D1778" s="6" t="s">
        <v>703</v>
      </c>
      <c r="E1778" s="6">
        <v>41001</v>
      </c>
      <c r="F1778" s="6" t="s">
        <v>18</v>
      </c>
      <c r="G1778" s="6" t="s">
        <v>3796</v>
      </c>
      <c r="H1778" s="6" t="s">
        <v>3797</v>
      </c>
      <c r="I1778" s="7">
        <v>2.9575745000000002</v>
      </c>
      <c r="J1778" s="8">
        <v>-75.297022900000002</v>
      </c>
    </row>
    <row r="1779" spans="1:10" x14ac:dyDescent="0.35">
      <c r="A1779" s="5" t="s">
        <v>10</v>
      </c>
      <c r="B1779" s="6">
        <v>244571</v>
      </c>
      <c r="C1779" s="6" t="s">
        <v>11</v>
      </c>
      <c r="D1779" s="6" t="s">
        <v>12</v>
      </c>
      <c r="E1779" s="6">
        <v>25899</v>
      </c>
      <c r="F1779" s="6" t="s">
        <v>18</v>
      </c>
      <c r="G1779" s="6" t="s">
        <v>3798</v>
      </c>
      <c r="H1779" s="6" t="s">
        <v>3799</v>
      </c>
      <c r="I1779" s="7">
        <v>5.0214759999999998</v>
      </c>
      <c r="J1779" s="8">
        <v>-73.990955</v>
      </c>
    </row>
    <row r="1780" spans="1:10" x14ac:dyDescent="0.35">
      <c r="A1780" s="5" t="s">
        <v>10</v>
      </c>
      <c r="B1780" s="6">
        <v>228412</v>
      </c>
      <c r="C1780" s="6" t="s">
        <v>11</v>
      </c>
      <c r="D1780" s="6" t="s">
        <v>431</v>
      </c>
      <c r="E1780" s="6">
        <v>25402</v>
      </c>
      <c r="F1780" s="6" t="s">
        <v>18</v>
      </c>
      <c r="G1780" s="6" t="s">
        <v>3800</v>
      </c>
      <c r="H1780" s="6" t="s">
        <v>3801</v>
      </c>
      <c r="I1780" s="7">
        <v>5.0005280000000001</v>
      </c>
      <c r="J1780" s="8">
        <v>-74.339438999999999</v>
      </c>
    </row>
    <row r="1781" spans="1:10" x14ac:dyDescent="0.35">
      <c r="A1781" s="5" t="s">
        <v>10</v>
      </c>
      <c r="B1781" s="6">
        <v>200533</v>
      </c>
      <c r="C1781" s="6" t="s">
        <v>11</v>
      </c>
      <c r="D1781" s="6" t="s">
        <v>101</v>
      </c>
      <c r="E1781" s="6">
        <v>25473</v>
      </c>
      <c r="F1781" s="6" t="s">
        <v>18</v>
      </c>
      <c r="G1781" s="6" t="s">
        <v>3802</v>
      </c>
      <c r="H1781" s="6" t="s">
        <v>3803</v>
      </c>
      <c r="I1781" s="7">
        <v>4.7096302999999997</v>
      </c>
      <c r="J1781" s="8">
        <v>-74.242812299999997</v>
      </c>
    </row>
    <row r="1782" spans="1:10" x14ac:dyDescent="0.35">
      <c r="A1782" s="5" t="s">
        <v>10</v>
      </c>
      <c r="B1782" s="6">
        <v>237292</v>
      </c>
      <c r="C1782" s="6" t="s">
        <v>11</v>
      </c>
      <c r="D1782" s="6" t="s">
        <v>334</v>
      </c>
      <c r="E1782" s="6">
        <v>25754</v>
      </c>
      <c r="F1782" s="6" t="s">
        <v>18</v>
      </c>
      <c r="G1782" s="6" t="s">
        <v>3804</v>
      </c>
      <c r="H1782" s="6" t="s">
        <v>3805</v>
      </c>
      <c r="I1782" s="7">
        <v>4.5805218999999999</v>
      </c>
      <c r="J1782" s="8">
        <v>-74.194257199999996</v>
      </c>
    </row>
    <row r="1783" spans="1:10" x14ac:dyDescent="0.35">
      <c r="A1783" s="5" t="s">
        <v>10</v>
      </c>
      <c r="B1783" s="6">
        <v>235523</v>
      </c>
      <c r="C1783" s="6" t="s">
        <v>117</v>
      </c>
      <c r="D1783" s="6" t="s">
        <v>1334</v>
      </c>
      <c r="E1783" s="6">
        <v>76001</v>
      </c>
      <c r="F1783" s="6" t="s">
        <v>18</v>
      </c>
      <c r="G1783" s="6" t="s">
        <v>3806</v>
      </c>
      <c r="H1783" s="6" t="s">
        <v>3807</v>
      </c>
      <c r="I1783" s="7">
        <v>3.450882</v>
      </c>
      <c r="J1783" s="8">
        <v>-76.529841599999997</v>
      </c>
    </row>
    <row r="1784" spans="1:10" x14ac:dyDescent="0.35">
      <c r="A1784" s="5" t="s">
        <v>10</v>
      </c>
      <c r="B1784" s="6">
        <v>221479</v>
      </c>
      <c r="C1784" s="6" t="s">
        <v>68</v>
      </c>
      <c r="D1784" s="6" t="s">
        <v>69</v>
      </c>
      <c r="E1784" s="6">
        <v>11001</v>
      </c>
      <c r="F1784" s="6" t="s">
        <v>18</v>
      </c>
      <c r="G1784" s="6" t="s">
        <v>3808</v>
      </c>
      <c r="H1784" s="6" t="s">
        <v>3809</v>
      </c>
      <c r="I1784" s="7">
        <v>4.5827264999999997</v>
      </c>
      <c r="J1784" s="8">
        <v>-74.082149599999994</v>
      </c>
    </row>
    <row r="1785" spans="1:10" x14ac:dyDescent="0.35">
      <c r="A1785" s="5" t="s">
        <v>10</v>
      </c>
      <c r="B1785" s="6">
        <v>233921</v>
      </c>
      <c r="C1785" s="6" t="s">
        <v>68</v>
      </c>
      <c r="D1785" s="6" t="s">
        <v>69</v>
      </c>
      <c r="E1785" s="6">
        <v>11001</v>
      </c>
      <c r="F1785" s="6" t="s">
        <v>18</v>
      </c>
      <c r="G1785" s="6" t="s">
        <v>3810</v>
      </c>
      <c r="H1785" s="6" t="s">
        <v>3811</v>
      </c>
      <c r="I1785" s="7">
        <v>4.5780738000000003</v>
      </c>
      <c r="J1785" s="8">
        <v>-74.090455199999994</v>
      </c>
    </row>
    <row r="1786" spans="1:10" x14ac:dyDescent="0.35">
      <c r="A1786" s="5" t="s">
        <v>10</v>
      </c>
      <c r="B1786" s="6">
        <v>237344</v>
      </c>
      <c r="C1786" s="6" t="s">
        <v>24</v>
      </c>
      <c r="D1786" s="6" t="s">
        <v>317</v>
      </c>
      <c r="E1786" s="6">
        <v>15176</v>
      </c>
      <c r="F1786" s="6" t="s">
        <v>18</v>
      </c>
      <c r="G1786" s="6" t="s">
        <v>3812</v>
      </c>
      <c r="H1786" s="6" t="s">
        <v>3813</v>
      </c>
      <c r="I1786" s="7">
        <v>5.6102116000000004</v>
      </c>
      <c r="J1786" s="8">
        <v>-73.813149699999997</v>
      </c>
    </row>
    <row r="1787" spans="1:10" x14ac:dyDescent="0.35">
      <c r="A1787" s="5" t="s">
        <v>10</v>
      </c>
      <c r="B1787" s="6">
        <v>236886</v>
      </c>
      <c r="C1787" s="6" t="s">
        <v>16</v>
      </c>
      <c r="D1787" s="6" t="s">
        <v>78</v>
      </c>
      <c r="E1787" s="6">
        <v>68001</v>
      </c>
      <c r="F1787" s="6" t="s">
        <v>18</v>
      </c>
      <c r="G1787" s="6" t="s">
        <v>3814</v>
      </c>
      <c r="H1787" s="6" t="s">
        <v>3815</v>
      </c>
      <c r="I1787" s="7">
        <v>7.1382895</v>
      </c>
      <c r="J1787" s="8">
        <v>-73.123403600000003</v>
      </c>
    </row>
    <row r="1788" spans="1:10" x14ac:dyDescent="0.35">
      <c r="A1788" s="5" t="s">
        <v>10</v>
      </c>
      <c r="B1788" s="6">
        <v>230992</v>
      </c>
      <c r="C1788" s="6" t="s">
        <v>2130</v>
      </c>
      <c r="D1788" s="6" t="s">
        <v>3816</v>
      </c>
      <c r="E1788" s="6">
        <v>85162</v>
      </c>
      <c r="F1788" s="6" t="s">
        <v>18</v>
      </c>
      <c r="G1788" s="6" t="s">
        <v>3817</v>
      </c>
      <c r="H1788" s="6" t="s">
        <v>3818</v>
      </c>
      <c r="I1788" s="7">
        <v>4.8802903999999998</v>
      </c>
      <c r="J1788" s="8">
        <v>-72.895937599999996</v>
      </c>
    </row>
    <row r="1789" spans="1:10" x14ac:dyDescent="0.35">
      <c r="A1789" s="5" t="s">
        <v>10</v>
      </c>
      <c r="B1789" s="6">
        <v>228835</v>
      </c>
      <c r="C1789" s="6" t="s">
        <v>3819</v>
      </c>
      <c r="D1789" s="6" t="s">
        <v>3820</v>
      </c>
      <c r="E1789" s="6">
        <v>86757</v>
      </c>
      <c r="F1789" s="6" t="s">
        <v>18</v>
      </c>
      <c r="G1789" s="6" t="s">
        <v>3821</v>
      </c>
      <c r="H1789" s="6" t="s">
        <v>3822</v>
      </c>
      <c r="I1789" s="7">
        <v>0.33001999999999998</v>
      </c>
      <c r="J1789" s="8">
        <v>-76.876360000000005</v>
      </c>
    </row>
    <row r="1790" spans="1:10" x14ac:dyDescent="0.35">
      <c r="A1790" s="5" t="s">
        <v>10</v>
      </c>
      <c r="B1790" s="6">
        <v>173733</v>
      </c>
      <c r="C1790" s="6" t="s">
        <v>11</v>
      </c>
      <c r="D1790" s="6" t="s">
        <v>337</v>
      </c>
      <c r="E1790" s="6">
        <v>25290</v>
      </c>
      <c r="F1790" s="6" t="s">
        <v>18</v>
      </c>
      <c r="G1790" s="6" t="s">
        <v>3823</v>
      </c>
      <c r="H1790" s="6" t="s">
        <v>3824</v>
      </c>
      <c r="I1790" s="7">
        <v>4.3287225999999999</v>
      </c>
      <c r="J1790" s="8">
        <v>-74.367364999999893</v>
      </c>
    </row>
    <row r="1791" spans="1:10" x14ac:dyDescent="0.35">
      <c r="A1791" s="5" t="s">
        <v>10</v>
      </c>
      <c r="B1791" s="6">
        <v>225776</v>
      </c>
      <c r="C1791" s="6" t="s">
        <v>68</v>
      </c>
      <c r="D1791" s="6" t="s">
        <v>69</v>
      </c>
      <c r="E1791" s="6">
        <v>11001</v>
      </c>
      <c r="F1791" s="6" t="s">
        <v>18</v>
      </c>
      <c r="G1791" s="6" t="s">
        <v>3825</v>
      </c>
      <c r="H1791" s="6" t="s">
        <v>3826</v>
      </c>
      <c r="I1791" s="7">
        <v>4.7414541999999997</v>
      </c>
      <c r="J1791" s="8">
        <v>-74.1093245</v>
      </c>
    </row>
    <row r="1792" spans="1:10" x14ac:dyDescent="0.35">
      <c r="A1792" s="5" t="s">
        <v>10</v>
      </c>
      <c r="B1792" s="6">
        <v>226398</v>
      </c>
      <c r="C1792" s="6" t="s">
        <v>190</v>
      </c>
      <c r="D1792" s="6" t="s">
        <v>191</v>
      </c>
      <c r="E1792" s="6">
        <v>5001</v>
      </c>
      <c r="F1792" s="6" t="s">
        <v>13</v>
      </c>
      <c r="G1792" s="6" t="s">
        <v>3737</v>
      </c>
      <c r="H1792" s="6" t="s">
        <v>3827</v>
      </c>
      <c r="I1792" s="7">
        <v>6.2900143000000002</v>
      </c>
      <c r="J1792" s="8">
        <v>-75.570915900000003</v>
      </c>
    </row>
    <row r="1793" spans="1:10" x14ac:dyDescent="0.35">
      <c r="A1793" s="5" t="s">
        <v>10</v>
      </c>
      <c r="B1793" s="6">
        <v>129129</v>
      </c>
      <c r="C1793" s="6" t="s">
        <v>24</v>
      </c>
      <c r="D1793" s="6" t="s">
        <v>1028</v>
      </c>
      <c r="E1793" s="6">
        <v>15299</v>
      </c>
      <c r="F1793" s="6" t="s">
        <v>18</v>
      </c>
      <c r="G1793" s="6" t="s">
        <v>3828</v>
      </c>
      <c r="H1793" s="6" t="s">
        <v>3829</v>
      </c>
      <c r="I1793" s="7">
        <v>5.0824530000000001</v>
      </c>
      <c r="J1793" s="8">
        <v>-73.365045999999893</v>
      </c>
    </row>
    <row r="1794" spans="1:10" x14ac:dyDescent="0.35">
      <c r="A1794" s="5" t="s">
        <v>10</v>
      </c>
      <c r="B1794" s="6">
        <v>153513</v>
      </c>
      <c r="C1794" s="6" t="s">
        <v>16</v>
      </c>
      <c r="D1794" s="6" t="s">
        <v>78</v>
      </c>
      <c r="E1794" s="6">
        <v>68001</v>
      </c>
      <c r="F1794" s="6" t="s">
        <v>18</v>
      </c>
      <c r="G1794" s="6" t="s">
        <v>855</v>
      </c>
      <c r="H1794" s="6" t="s">
        <v>3830</v>
      </c>
      <c r="I1794" s="7">
        <v>7.1471</v>
      </c>
      <c r="J1794" s="8">
        <v>-73.133938999999998</v>
      </c>
    </row>
    <row r="1795" spans="1:10" x14ac:dyDescent="0.35">
      <c r="A1795" s="5" t="s">
        <v>10</v>
      </c>
      <c r="B1795" s="6">
        <v>151309</v>
      </c>
      <c r="C1795" s="6" t="s">
        <v>16</v>
      </c>
      <c r="D1795" s="6" t="s">
        <v>78</v>
      </c>
      <c r="E1795" s="6">
        <v>68001</v>
      </c>
      <c r="F1795" s="6" t="s">
        <v>18</v>
      </c>
      <c r="G1795" s="6" t="s">
        <v>3831</v>
      </c>
      <c r="H1795" s="6" t="s">
        <v>3832</v>
      </c>
      <c r="I1795" s="7">
        <v>7.0765642</v>
      </c>
      <c r="J1795" s="8">
        <v>-73.088158300000003</v>
      </c>
    </row>
    <row r="1796" spans="1:10" x14ac:dyDescent="0.35">
      <c r="A1796" s="5" t="s">
        <v>10</v>
      </c>
      <c r="B1796" s="6">
        <v>207496</v>
      </c>
      <c r="C1796" s="6" t="s">
        <v>11</v>
      </c>
      <c r="D1796" s="6" t="s">
        <v>3833</v>
      </c>
      <c r="E1796" s="6">
        <v>25322</v>
      </c>
      <c r="F1796" s="6" t="s">
        <v>18</v>
      </c>
      <c r="G1796" s="6" t="s">
        <v>3834</v>
      </c>
      <c r="H1796" s="6" t="s">
        <v>3835</v>
      </c>
      <c r="I1796" s="7">
        <v>4.8672360000000001</v>
      </c>
      <c r="J1796" s="8">
        <v>-73.877402000000004</v>
      </c>
    </row>
    <row r="1797" spans="1:10" x14ac:dyDescent="0.35">
      <c r="A1797" s="5" t="s">
        <v>10</v>
      </c>
      <c r="B1797" s="6">
        <v>228176</v>
      </c>
      <c r="C1797" s="6" t="s">
        <v>11</v>
      </c>
      <c r="D1797" s="6" t="s">
        <v>1411</v>
      </c>
      <c r="E1797" s="6">
        <v>25279</v>
      </c>
      <c r="F1797" s="6" t="s">
        <v>18</v>
      </c>
      <c r="G1797" s="6" t="s">
        <v>3836</v>
      </c>
      <c r="H1797" s="6" t="s">
        <v>3837</v>
      </c>
      <c r="I1797" s="7">
        <v>4.4850390000000004</v>
      </c>
      <c r="J1797" s="8">
        <v>-73.894742999999906</v>
      </c>
    </row>
    <row r="1798" spans="1:10" x14ac:dyDescent="0.35">
      <c r="A1798" s="5" t="s">
        <v>10</v>
      </c>
      <c r="B1798" s="6">
        <v>236172</v>
      </c>
      <c r="C1798" s="6" t="s">
        <v>11</v>
      </c>
      <c r="D1798" s="6" t="s">
        <v>3054</v>
      </c>
      <c r="E1798" s="6">
        <v>25269</v>
      </c>
      <c r="F1798" s="6" t="s">
        <v>18</v>
      </c>
      <c r="G1798" s="6" t="s">
        <v>3838</v>
      </c>
      <c r="H1798" s="6" t="s">
        <v>3839</v>
      </c>
      <c r="I1798" s="7">
        <v>4.8181102999999998</v>
      </c>
      <c r="J1798" s="8">
        <v>-74.358197500000003</v>
      </c>
    </row>
    <row r="1799" spans="1:10" x14ac:dyDescent="0.35">
      <c r="A1799" s="5" t="s">
        <v>10</v>
      </c>
      <c r="B1799" s="6">
        <v>215238</v>
      </c>
      <c r="C1799" s="6" t="s">
        <v>11</v>
      </c>
      <c r="D1799" s="6" t="s">
        <v>334</v>
      </c>
      <c r="E1799" s="6">
        <v>25754</v>
      </c>
      <c r="F1799" s="6" t="s">
        <v>18</v>
      </c>
      <c r="G1799" s="6" t="s">
        <v>3840</v>
      </c>
      <c r="H1799" s="6" t="s">
        <v>3841</v>
      </c>
      <c r="I1799" s="7">
        <v>4.5694007000000001</v>
      </c>
      <c r="J1799" s="8">
        <v>-74.237936300000001</v>
      </c>
    </row>
    <row r="1800" spans="1:10" x14ac:dyDescent="0.35">
      <c r="A1800" s="5" t="s">
        <v>10</v>
      </c>
      <c r="B1800" s="6">
        <v>236049</v>
      </c>
      <c r="C1800" s="6" t="s">
        <v>68</v>
      </c>
      <c r="D1800" s="6" t="s">
        <v>69</v>
      </c>
      <c r="E1800" s="6">
        <v>11001</v>
      </c>
      <c r="F1800" s="6" t="s">
        <v>18</v>
      </c>
      <c r="G1800" s="6" t="s">
        <v>3842</v>
      </c>
      <c r="H1800" s="6" t="s">
        <v>3843</v>
      </c>
      <c r="I1800" s="7">
        <v>4.616339</v>
      </c>
      <c r="J1800" s="8">
        <v>-74.122364300000001</v>
      </c>
    </row>
    <row r="1801" spans="1:10" x14ac:dyDescent="0.35">
      <c r="A1801" s="5" t="s">
        <v>10</v>
      </c>
      <c r="B1801" s="6">
        <v>229504</v>
      </c>
      <c r="C1801" s="6" t="s">
        <v>278</v>
      </c>
      <c r="D1801" s="6" t="s">
        <v>279</v>
      </c>
      <c r="E1801" s="6">
        <v>50001</v>
      </c>
      <c r="F1801" s="6" t="s">
        <v>18</v>
      </c>
      <c r="G1801" s="6" t="s">
        <v>3844</v>
      </c>
      <c r="H1801" s="6" t="s">
        <v>3845</v>
      </c>
      <c r="I1801" s="7">
        <v>4.1227944000000001</v>
      </c>
      <c r="J1801" s="8">
        <v>-73.624567299999995</v>
      </c>
    </row>
    <row r="1802" spans="1:10" x14ac:dyDescent="0.35">
      <c r="A1802" s="5" t="s">
        <v>10</v>
      </c>
      <c r="B1802" s="6">
        <v>173790</v>
      </c>
      <c r="C1802" s="6" t="s">
        <v>294</v>
      </c>
      <c r="D1802" s="6" t="s">
        <v>703</v>
      </c>
      <c r="E1802" s="6">
        <v>41001</v>
      </c>
      <c r="F1802" s="6" t="s">
        <v>18</v>
      </c>
      <c r="G1802" s="6" t="s">
        <v>3846</v>
      </c>
      <c r="H1802" s="6" t="s">
        <v>3847</v>
      </c>
      <c r="I1802" s="7">
        <v>2.9247812999999998</v>
      </c>
      <c r="J1802" s="8">
        <v>-75.274192299999996</v>
      </c>
    </row>
    <row r="1803" spans="1:10" x14ac:dyDescent="0.35">
      <c r="A1803" s="5" t="s">
        <v>10</v>
      </c>
      <c r="B1803" s="6">
        <v>232689</v>
      </c>
      <c r="C1803" s="6" t="s">
        <v>294</v>
      </c>
      <c r="D1803" s="6" t="s">
        <v>1722</v>
      </c>
      <c r="E1803" s="6">
        <v>41797</v>
      </c>
      <c r="F1803" s="6" t="s">
        <v>18</v>
      </c>
      <c r="G1803" s="6" t="s">
        <v>3848</v>
      </c>
      <c r="H1803" s="6" t="s">
        <v>3849</v>
      </c>
      <c r="I1803" s="7">
        <v>2.4840531000000001</v>
      </c>
      <c r="J1803" s="8">
        <v>-75.729601799999998</v>
      </c>
    </row>
    <row r="1804" spans="1:10" x14ac:dyDescent="0.35">
      <c r="A1804" s="5" t="s">
        <v>10</v>
      </c>
      <c r="B1804" s="6">
        <v>143247</v>
      </c>
      <c r="C1804" s="6" t="s">
        <v>11</v>
      </c>
      <c r="D1804" s="6" t="s">
        <v>2630</v>
      </c>
      <c r="E1804" s="6">
        <v>25769</v>
      </c>
      <c r="F1804" s="6" t="s">
        <v>18</v>
      </c>
      <c r="G1804" s="6" t="s">
        <v>3850</v>
      </c>
      <c r="H1804" s="6" t="s">
        <v>3851</v>
      </c>
      <c r="I1804" s="7">
        <v>4.9290010000000004</v>
      </c>
      <c r="J1804" s="8">
        <v>-74.172465000000003</v>
      </c>
    </row>
    <row r="1805" spans="1:10" x14ac:dyDescent="0.35">
      <c r="A1805" s="5" t="s">
        <v>10</v>
      </c>
      <c r="B1805" s="6">
        <v>233514</v>
      </c>
      <c r="C1805" s="6" t="s">
        <v>11</v>
      </c>
      <c r="D1805" s="6" t="s">
        <v>3852</v>
      </c>
      <c r="E1805" s="6">
        <v>25486</v>
      </c>
      <c r="F1805" s="6" t="s">
        <v>18</v>
      </c>
      <c r="G1805" s="6" t="s">
        <v>3853</v>
      </c>
      <c r="H1805" s="6" t="s">
        <v>3854</v>
      </c>
      <c r="I1805" s="7">
        <v>5.0654000000000003</v>
      </c>
      <c r="J1805" s="8">
        <v>-73.876009999999994</v>
      </c>
    </row>
    <row r="1806" spans="1:10" x14ac:dyDescent="0.35">
      <c r="A1806" s="5" t="s">
        <v>10</v>
      </c>
      <c r="B1806" s="6">
        <v>184967</v>
      </c>
      <c r="C1806" s="6" t="s">
        <v>11</v>
      </c>
      <c r="D1806" s="6" t="s">
        <v>334</v>
      </c>
      <c r="E1806" s="6">
        <v>25754</v>
      </c>
      <c r="F1806" s="6" t="s">
        <v>18</v>
      </c>
      <c r="G1806" s="6" t="s">
        <v>3855</v>
      </c>
      <c r="H1806" s="6" t="s">
        <v>3856</v>
      </c>
      <c r="I1806" s="7">
        <v>4.6055260999999996</v>
      </c>
      <c r="J1806" s="8">
        <v>-74.222765199999998</v>
      </c>
    </row>
    <row r="1807" spans="1:10" x14ac:dyDescent="0.35">
      <c r="A1807" s="5" t="s">
        <v>10</v>
      </c>
      <c r="B1807" s="6">
        <v>201080</v>
      </c>
      <c r="C1807" s="6" t="s">
        <v>11</v>
      </c>
      <c r="D1807" s="6" t="s">
        <v>3857</v>
      </c>
      <c r="E1807" s="6">
        <v>25745</v>
      </c>
      <c r="F1807" s="6" t="s">
        <v>18</v>
      </c>
      <c r="G1807" s="6" t="s">
        <v>3858</v>
      </c>
      <c r="H1807" s="6" t="s">
        <v>3859</v>
      </c>
      <c r="I1807" s="7">
        <v>5.503838</v>
      </c>
      <c r="J1807" s="8">
        <v>-73.851970999999907</v>
      </c>
    </row>
    <row r="1808" spans="1:10" x14ac:dyDescent="0.35">
      <c r="A1808" s="5" t="s">
        <v>10</v>
      </c>
      <c r="B1808" s="6">
        <v>211675</v>
      </c>
      <c r="C1808" s="6" t="s">
        <v>117</v>
      </c>
      <c r="D1808" s="6" t="s">
        <v>3860</v>
      </c>
      <c r="E1808" s="6">
        <v>76130</v>
      </c>
      <c r="F1808" s="6" t="s">
        <v>18</v>
      </c>
      <c r="G1808" s="6" t="s">
        <v>3861</v>
      </c>
      <c r="H1808" s="6" t="s">
        <v>3862</v>
      </c>
      <c r="I1808" s="7">
        <v>3.4102305999999998</v>
      </c>
      <c r="J1808" s="8">
        <v>-76.349286899999996</v>
      </c>
    </row>
    <row r="1809" spans="1:10" x14ac:dyDescent="0.35">
      <c r="A1809" s="5" t="s">
        <v>10</v>
      </c>
      <c r="B1809" s="6">
        <v>203223</v>
      </c>
      <c r="C1809" s="6" t="s">
        <v>11</v>
      </c>
      <c r="D1809" s="6" t="s">
        <v>334</v>
      </c>
      <c r="E1809" s="6">
        <v>25754</v>
      </c>
      <c r="F1809" s="6" t="s">
        <v>18</v>
      </c>
      <c r="G1809" s="6" t="s">
        <v>3863</v>
      </c>
      <c r="H1809" s="6" t="s">
        <v>3864</v>
      </c>
      <c r="I1809" s="7">
        <v>4.5807634999999998</v>
      </c>
      <c r="J1809" s="8">
        <v>-74.198095699999996</v>
      </c>
    </row>
    <row r="1810" spans="1:10" x14ac:dyDescent="0.35">
      <c r="A1810" s="5" t="s">
        <v>10</v>
      </c>
      <c r="B1810" s="6">
        <v>237742</v>
      </c>
      <c r="C1810" s="6" t="s">
        <v>109</v>
      </c>
      <c r="D1810" s="6" t="s">
        <v>227</v>
      </c>
      <c r="E1810" s="6">
        <v>13001</v>
      </c>
      <c r="F1810" s="6" t="s">
        <v>18</v>
      </c>
      <c r="G1810" s="6" t="s">
        <v>3865</v>
      </c>
      <c r="H1810" s="6" t="s">
        <v>3866</v>
      </c>
      <c r="I1810" s="7">
        <v>10.3913937</v>
      </c>
      <c r="J1810" s="8">
        <v>-75.510700299999996</v>
      </c>
    </row>
    <row r="1811" spans="1:10" x14ac:dyDescent="0.35">
      <c r="A1811" s="5" t="s">
        <v>10</v>
      </c>
      <c r="B1811" s="6">
        <v>226246</v>
      </c>
      <c r="C1811" s="6" t="s">
        <v>117</v>
      </c>
      <c r="D1811" s="6" t="s">
        <v>1334</v>
      </c>
      <c r="E1811" s="6">
        <v>76001</v>
      </c>
      <c r="F1811" s="6" t="s">
        <v>13</v>
      </c>
      <c r="G1811" s="6" t="s">
        <v>3737</v>
      </c>
      <c r="H1811" s="6" t="s">
        <v>3867</v>
      </c>
      <c r="I1811" s="7">
        <v>3.3693214999999999</v>
      </c>
      <c r="J1811" s="8">
        <v>-76.528421899999998</v>
      </c>
    </row>
    <row r="1812" spans="1:10" x14ac:dyDescent="0.35">
      <c r="A1812" s="5" t="s">
        <v>10</v>
      </c>
      <c r="B1812" s="6">
        <v>225078</v>
      </c>
      <c r="C1812" s="6" t="s">
        <v>551</v>
      </c>
      <c r="D1812" s="6" t="s">
        <v>3868</v>
      </c>
      <c r="E1812" s="6">
        <v>20001</v>
      </c>
      <c r="F1812" s="6" t="s">
        <v>18</v>
      </c>
      <c r="G1812" s="6" t="s">
        <v>3869</v>
      </c>
      <c r="H1812" s="6" t="s">
        <v>3870</v>
      </c>
      <c r="I1812" s="7">
        <v>10.478095100000001</v>
      </c>
      <c r="J1812" s="8">
        <v>-73.279356399999998</v>
      </c>
    </row>
    <row r="1813" spans="1:10" x14ac:dyDescent="0.35">
      <c r="A1813" s="5" t="s">
        <v>10</v>
      </c>
      <c r="B1813" s="6">
        <v>219514</v>
      </c>
      <c r="C1813" s="6" t="s">
        <v>278</v>
      </c>
      <c r="D1813" s="6" t="s">
        <v>279</v>
      </c>
      <c r="E1813" s="6">
        <v>50001</v>
      </c>
      <c r="F1813" s="6" t="s">
        <v>18</v>
      </c>
      <c r="G1813" s="6" t="s">
        <v>3871</v>
      </c>
      <c r="H1813" s="6" t="s">
        <v>3872</v>
      </c>
      <c r="I1813" s="7">
        <v>4.0740954</v>
      </c>
      <c r="J1813" s="8">
        <v>-73.668911899999998</v>
      </c>
    </row>
    <row r="1814" spans="1:10" x14ac:dyDescent="0.35">
      <c r="A1814" s="5" t="s">
        <v>10</v>
      </c>
      <c r="B1814" s="6">
        <v>221271</v>
      </c>
      <c r="C1814" s="6" t="s">
        <v>278</v>
      </c>
      <c r="D1814" s="6" t="s">
        <v>3873</v>
      </c>
      <c r="E1814" s="6">
        <v>50568</v>
      </c>
      <c r="F1814" s="6" t="s">
        <v>18</v>
      </c>
      <c r="G1814" s="6" t="s">
        <v>3874</v>
      </c>
      <c r="H1814" s="6" t="s">
        <v>3875</v>
      </c>
      <c r="I1814" s="7">
        <v>4.3123762000000001</v>
      </c>
      <c r="J1814" s="8">
        <v>-72.082682199999994</v>
      </c>
    </row>
    <row r="1815" spans="1:10" x14ac:dyDescent="0.35">
      <c r="A1815" s="5" t="s">
        <v>10</v>
      </c>
      <c r="B1815" s="6">
        <v>239425</v>
      </c>
      <c r="C1815" s="6" t="s">
        <v>278</v>
      </c>
      <c r="D1815" s="6" t="s">
        <v>3651</v>
      </c>
      <c r="E1815" s="6">
        <v>50313</v>
      </c>
      <c r="F1815" s="6" t="s">
        <v>18</v>
      </c>
      <c r="G1815" s="6" t="s">
        <v>3876</v>
      </c>
      <c r="H1815" s="6" t="s">
        <v>3877</v>
      </c>
      <c r="I1815" s="7">
        <v>3.5471496999999999</v>
      </c>
      <c r="J1815" s="8">
        <v>-73.701706400000006</v>
      </c>
    </row>
    <row r="1816" spans="1:10" x14ac:dyDescent="0.35">
      <c r="A1816" s="5" t="s">
        <v>10</v>
      </c>
      <c r="B1816" s="6">
        <v>226996</v>
      </c>
      <c r="C1816" s="6" t="s">
        <v>278</v>
      </c>
      <c r="D1816" s="6" t="s">
        <v>3878</v>
      </c>
      <c r="E1816" s="6">
        <v>50245</v>
      </c>
      <c r="F1816" s="6" t="s">
        <v>18</v>
      </c>
      <c r="G1816" s="6" t="s">
        <v>3879</v>
      </c>
      <c r="H1816" s="6" t="s">
        <v>3880</v>
      </c>
      <c r="I1816" s="7">
        <v>4.3523319999999996</v>
      </c>
      <c r="J1816" s="8">
        <v>-73.712965999999994</v>
      </c>
    </row>
    <row r="1817" spans="1:10" x14ac:dyDescent="0.35">
      <c r="A1817" s="5" t="s">
        <v>10</v>
      </c>
      <c r="B1817" s="6">
        <v>238718</v>
      </c>
      <c r="C1817" s="6" t="s">
        <v>294</v>
      </c>
      <c r="D1817" s="6" t="s">
        <v>703</v>
      </c>
      <c r="E1817" s="6">
        <v>41001</v>
      </c>
      <c r="F1817" s="6" t="s">
        <v>18</v>
      </c>
      <c r="G1817" s="6" t="s">
        <v>3881</v>
      </c>
      <c r="H1817" s="6" t="s">
        <v>3882</v>
      </c>
      <c r="I1817" s="7">
        <v>2.9336750999999999</v>
      </c>
      <c r="J1817" s="8">
        <v>-75.284831600000004</v>
      </c>
    </row>
    <row r="1818" spans="1:10" x14ac:dyDescent="0.35">
      <c r="A1818" s="5" t="s">
        <v>10</v>
      </c>
      <c r="B1818" s="6">
        <v>167312</v>
      </c>
      <c r="C1818" s="6" t="s">
        <v>11</v>
      </c>
      <c r="D1818" s="6" t="s">
        <v>3883</v>
      </c>
      <c r="E1818" s="6">
        <v>25524</v>
      </c>
      <c r="F1818" s="6" t="s">
        <v>18</v>
      </c>
      <c r="G1818" s="6" t="s">
        <v>3884</v>
      </c>
      <c r="H1818" s="6" t="s">
        <v>3885</v>
      </c>
      <c r="I1818" s="7">
        <v>4.1906499999999998</v>
      </c>
      <c r="J1818" s="8">
        <v>-74.486750999999998</v>
      </c>
    </row>
    <row r="1819" spans="1:10" x14ac:dyDescent="0.35">
      <c r="A1819" s="5" t="s">
        <v>10</v>
      </c>
      <c r="B1819" s="6">
        <v>226233</v>
      </c>
      <c r="C1819" s="6" t="s">
        <v>117</v>
      </c>
      <c r="D1819" s="6" t="s">
        <v>1334</v>
      </c>
      <c r="E1819" s="6">
        <v>76001</v>
      </c>
      <c r="F1819" s="6" t="s">
        <v>13</v>
      </c>
      <c r="G1819" s="6" t="s">
        <v>3737</v>
      </c>
      <c r="H1819" s="6" t="s">
        <v>3886</v>
      </c>
      <c r="I1819" s="7">
        <v>3.4380478999999999</v>
      </c>
      <c r="J1819" s="8">
        <v>-76.544110899999893</v>
      </c>
    </row>
    <row r="1820" spans="1:10" x14ac:dyDescent="0.35">
      <c r="A1820" s="5" t="s">
        <v>10</v>
      </c>
      <c r="B1820" s="6">
        <v>226332</v>
      </c>
      <c r="C1820" s="6" t="s">
        <v>302</v>
      </c>
      <c r="D1820" s="6" t="s">
        <v>359</v>
      </c>
      <c r="E1820" s="6">
        <v>8001</v>
      </c>
      <c r="F1820" s="6" t="s">
        <v>13</v>
      </c>
      <c r="G1820" s="6" t="s">
        <v>3737</v>
      </c>
      <c r="H1820" s="6" t="s">
        <v>3887</v>
      </c>
      <c r="I1820" s="7">
        <v>10.9689923</v>
      </c>
      <c r="J1820" s="8">
        <v>-74.8055406</v>
      </c>
    </row>
    <row r="1821" spans="1:10" x14ac:dyDescent="0.35">
      <c r="A1821" s="5" t="s">
        <v>10</v>
      </c>
      <c r="B1821" s="6">
        <v>246790</v>
      </c>
      <c r="C1821" s="6" t="s">
        <v>2130</v>
      </c>
      <c r="D1821" s="6" t="s">
        <v>2131</v>
      </c>
      <c r="E1821" s="6">
        <v>85001</v>
      </c>
      <c r="F1821" s="6" t="s">
        <v>2161</v>
      </c>
      <c r="G1821" s="6" t="s">
        <v>3888</v>
      </c>
      <c r="H1821" s="6" t="s">
        <v>3889</v>
      </c>
      <c r="I1821" s="7">
        <v>5.3350954000000002</v>
      </c>
      <c r="J1821" s="8">
        <v>-72.3896558</v>
      </c>
    </row>
    <row r="1822" spans="1:10" x14ac:dyDescent="0.35">
      <c r="A1822" s="5" t="s">
        <v>10</v>
      </c>
      <c r="B1822" s="6">
        <v>68872</v>
      </c>
      <c r="C1822" s="6" t="s">
        <v>24</v>
      </c>
      <c r="D1822" s="6" t="s">
        <v>1215</v>
      </c>
      <c r="E1822" s="6">
        <v>15835</v>
      </c>
      <c r="F1822" s="6" t="s">
        <v>18</v>
      </c>
      <c r="G1822" s="6" t="s">
        <v>3890</v>
      </c>
      <c r="H1822" s="6" t="s">
        <v>3891</v>
      </c>
      <c r="I1822" s="7">
        <v>5.3246520999999998</v>
      </c>
      <c r="J1822" s="8">
        <v>-73.490533399999904</v>
      </c>
    </row>
    <row r="1823" spans="1:10" x14ac:dyDescent="0.35">
      <c r="A1823" s="5" t="s">
        <v>10</v>
      </c>
      <c r="B1823" s="6">
        <v>243305</v>
      </c>
      <c r="C1823" s="6" t="s">
        <v>551</v>
      </c>
      <c r="D1823" s="6" t="s">
        <v>3892</v>
      </c>
      <c r="E1823" s="6">
        <v>20550</v>
      </c>
      <c r="F1823" s="6" t="s">
        <v>18</v>
      </c>
      <c r="G1823" s="6" t="s">
        <v>3893</v>
      </c>
      <c r="H1823" s="6" t="s">
        <v>3894</v>
      </c>
      <c r="I1823" s="7">
        <v>8.6894399</v>
      </c>
      <c r="J1823" s="8">
        <v>-73.666290700000005</v>
      </c>
    </row>
    <row r="1824" spans="1:10" x14ac:dyDescent="0.35">
      <c r="A1824" s="5" t="s">
        <v>10</v>
      </c>
      <c r="B1824" s="6">
        <v>223931</v>
      </c>
      <c r="C1824" s="6" t="s">
        <v>11</v>
      </c>
      <c r="D1824" s="6" t="s">
        <v>334</v>
      </c>
      <c r="E1824" s="6">
        <v>25754</v>
      </c>
      <c r="F1824" s="6" t="s">
        <v>18</v>
      </c>
      <c r="G1824" s="6" t="s">
        <v>3895</v>
      </c>
      <c r="H1824" s="6" t="s">
        <v>3896</v>
      </c>
      <c r="I1824" s="7">
        <v>4.5728806999999998</v>
      </c>
      <c r="J1824" s="8">
        <v>-74.235707699999907</v>
      </c>
    </row>
    <row r="1825" spans="1:10" x14ac:dyDescent="0.35">
      <c r="A1825" s="5" t="s">
        <v>10</v>
      </c>
      <c r="B1825" s="6">
        <v>236941</v>
      </c>
      <c r="C1825" s="6" t="s">
        <v>68</v>
      </c>
      <c r="D1825" s="6" t="s">
        <v>69</v>
      </c>
      <c r="E1825" s="6">
        <v>11001</v>
      </c>
      <c r="F1825" s="6" t="s">
        <v>18</v>
      </c>
      <c r="G1825" s="6" t="s">
        <v>3897</v>
      </c>
      <c r="H1825" s="6" t="s">
        <v>3898</v>
      </c>
      <c r="I1825" s="7">
        <v>4.5562880000000003</v>
      </c>
      <c r="J1825" s="8">
        <v>-74.1253119</v>
      </c>
    </row>
    <row r="1826" spans="1:10" x14ac:dyDescent="0.35">
      <c r="A1826" s="5" t="s">
        <v>10</v>
      </c>
      <c r="B1826" s="6">
        <v>237848</v>
      </c>
      <c r="C1826" s="6" t="s">
        <v>68</v>
      </c>
      <c r="D1826" s="6" t="s">
        <v>69</v>
      </c>
      <c r="E1826" s="6">
        <v>11001</v>
      </c>
      <c r="F1826" s="6" t="s">
        <v>18</v>
      </c>
      <c r="G1826" s="6" t="s">
        <v>3899</v>
      </c>
      <c r="H1826" s="6" t="s">
        <v>3900</v>
      </c>
      <c r="I1826" s="7">
        <v>4.7426971</v>
      </c>
      <c r="J1826" s="8">
        <v>-74.1031835</v>
      </c>
    </row>
    <row r="1827" spans="1:10" x14ac:dyDescent="0.35">
      <c r="A1827" s="5" t="s">
        <v>10</v>
      </c>
      <c r="B1827" s="6">
        <v>239454</v>
      </c>
      <c r="C1827" s="6" t="s">
        <v>68</v>
      </c>
      <c r="D1827" s="6" t="s">
        <v>69</v>
      </c>
      <c r="E1827" s="6">
        <v>11001</v>
      </c>
      <c r="F1827" s="6" t="s">
        <v>18</v>
      </c>
      <c r="G1827" s="6" t="s">
        <v>3901</v>
      </c>
      <c r="H1827" s="6" t="s">
        <v>3902</v>
      </c>
      <c r="I1827" s="7">
        <v>4.6331182999999996</v>
      </c>
      <c r="J1827" s="8">
        <v>-74.057562899999994</v>
      </c>
    </row>
    <row r="1828" spans="1:10" x14ac:dyDescent="0.35">
      <c r="A1828" s="5" t="s">
        <v>10</v>
      </c>
      <c r="B1828" s="6">
        <v>212027</v>
      </c>
      <c r="C1828" s="6" t="s">
        <v>24</v>
      </c>
      <c r="D1828" s="6" t="s">
        <v>88</v>
      </c>
      <c r="E1828" s="6">
        <v>15001</v>
      </c>
      <c r="F1828" s="6" t="s">
        <v>18</v>
      </c>
      <c r="G1828" s="6" t="s">
        <v>3903</v>
      </c>
      <c r="H1828" s="6" t="s">
        <v>3904</v>
      </c>
      <c r="I1828" s="7">
        <v>5.5392336999999996</v>
      </c>
      <c r="J1828" s="8">
        <v>-73.360159999999993</v>
      </c>
    </row>
    <row r="1829" spans="1:10" x14ac:dyDescent="0.35">
      <c r="A1829" s="5" t="s">
        <v>10</v>
      </c>
      <c r="B1829" s="6">
        <v>239916</v>
      </c>
      <c r="C1829" s="6" t="s">
        <v>551</v>
      </c>
      <c r="D1829" s="6" t="s">
        <v>768</v>
      </c>
      <c r="E1829" s="6">
        <v>20621</v>
      </c>
      <c r="F1829" s="6" t="s">
        <v>18</v>
      </c>
      <c r="G1829" s="6" t="s">
        <v>3905</v>
      </c>
      <c r="H1829" s="6" t="s">
        <v>3906</v>
      </c>
      <c r="I1829" s="7">
        <v>10.383434599999999</v>
      </c>
      <c r="J1829" s="8">
        <v>-73.173786399999997</v>
      </c>
    </row>
    <row r="1830" spans="1:10" x14ac:dyDescent="0.35">
      <c r="A1830" s="5" t="s">
        <v>10</v>
      </c>
      <c r="B1830" s="6">
        <v>225882</v>
      </c>
      <c r="C1830" s="6" t="s">
        <v>551</v>
      </c>
      <c r="D1830" s="6" t="s">
        <v>3868</v>
      </c>
      <c r="E1830" s="6">
        <v>20001</v>
      </c>
      <c r="F1830" s="6" t="s">
        <v>18</v>
      </c>
      <c r="G1830" s="6" t="s">
        <v>3907</v>
      </c>
      <c r="H1830" s="6" t="s">
        <v>3908</v>
      </c>
      <c r="I1830" s="7">
        <v>10.459474999999999</v>
      </c>
      <c r="J1830" s="8">
        <v>-73.253115299999905</v>
      </c>
    </row>
    <row r="1831" spans="1:10" x14ac:dyDescent="0.35">
      <c r="A1831" s="5" t="s">
        <v>10</v>
      </c>
      <c r="B1831" s="6">
        <v>183771</v>
      </c>
      <c r="C1831" s="6" t="s">
        <v>278</v>
      </c>
      <c r="D1831" s="6" t="s">
        <v>1524</v>
      </c>
      <c r="E1831" s="6">
        <v>50318</v>
      </c>
      <c r="F1831" s="6" t="s">
        <v>18</v>
      </c>
      <c r="G1831" s="6" t="s">
        <v>3909</v>
      </c>
      <c r="H1831" s="6" t="s">
        <v>3910</v>
      </c>
      <c r="I1831" s="7">
        <v>3.8804750000000001</v>
      </c>
      <c r="J1831" s="8">
        <v>-73.7698769</v>
      </c>
    </row>
    <row r="1832" spans="1:10" x14ac:dyDescent="0.35">
      <c r="A1832" s="5" t="s">
        <v>10</v>
      </c>
      <c r="B1832" s="6">
        <v>201867</v>
      </c>
      <c r="C1832" s="6" t="s">
        <v>278</v>
      </c>
      <c r="D1832" s="6" t="s">
        <v>279</v>
      </c>
      <c r="E1832" s="6">
        <v>50001</v>
      </c>
      <c r="F1832" s="6" t="s">
        <v>18</v>
      </c>
      <c r="G1832" s="6" t="s">
        <v>3911</v>
      </c>
      <c r="H1832" s="6" t="s">
        <v>3912</v>
      </c>
      <c r="I1832" s="7">
        <v>4.1491588999999998</v>
      </c>
      <c r="J1832" s="8">
        <v>-73.628503499999994</v>
      </c>
    </row>
    <row r="1833" spans="1:10" x14ac:dyDescent="0.35">
      <c r="A1833" s="5" t="s">
        <v>10</v>
      </c>
      <c r="B1833" s="6">
        <v>201705</v>
      </c>
      <c r="C1833" s="6" t="s">
        <v>278</v>
      </c>
      <c r="D1833" s="6" t="s">
        <v>3913</v>
      </c>
      <c r="E1833" s="6">
        <v>50124</v>
      </c>
      <c r="F1833" s="6" t="s">
        <v>18</v>
      </c>
      <c r="G1833" s="6" t="s">
        <v>3914</v>
      </c>
      <c r="H1833" s="6" t="s">
        <v>3915</v>
      </c>
      <c r="I1833" s="7">
        <v>4.2845279999999999</v>
      </c>
      <c r="J1833" s="8">
        <v>-72.792312899999999</v>
      </c>
    </row>
    <row r="1834" spans="1:10" x14ac:dyDescent="0.35">
      <c r="A1834" s="5" t="s">
        <v>10</v>
      </c>
      <c r="B1834" s="6">
        <v>217761</v>
      </c>
      <c r="C1834" s="6" t="s">
        <v>294</v>
      </c>
      <c r="D1834" s="6" t="s">
        <v>2489</v>
      </c>
      <c r="E1834" s="6">
        <v>41660</v>
      </c>
      <c r="F1834" s="6" t="s">
        <v>18</v>
      </c>
      <c r="G1834" s="6" t="s">
        <v>3916</v>
      </c>
      <c r="H1834" s="6" t="s">
        <v>2491</v>
      </c>
      <c r="I1834" s="7">
        <v>1.9930969999999999</v>
      </c>
      <c r="J1834" s="8">
        <v>-76.043614000000005</v>
      </c>
    </row>
    <row r="1835" spans="1:10" x14ac:dyDescent="0.35">
      <c r="A1835" s="5" t="s">
        <v>10</v>
      </c>
      <c r="B1835" s="6">
        <v>243148</v>
      </c>
      <c r="C1835" s="6" t="s">
        <v>457</v>
      </c>
      <c r="D1835" s="6" t="s">
        <v>3917</v>
      </c>
      <c r="E1835" s="6">
        <v>52685</v>
      </c>
      <c r="F1835" s="6" t="s">
        <v>18</v>
      </c>
      <c r="G1835" s="6" t="s">
        <v>3918</v>
      </c>
      <c r="H1835" s="6" t="s">
        <v>3919</v>
      </c>
      <c r="I1835" s="7">
        <v>4.8094425999999997</v>
      </c>
      <c r="J1835" s="8">
        <v>-74.351810999999998</v>
      </c>
    </row>
    <row r="1836" spans="1:10" x14ac:dyDescent="0.35">
      <c r="A1836" s="5" t="s">
        <v>10</v>
      </c>
      <c r="B1836" s="6">
        <v>191838</v>
      </c>
      <c r="C1836" s="6" t="s">
        <v>11</v>
      </c>
      <c r="D1836" s="6" t="s">
        <v>101</v>
      </c>
      <c r="E1836" s="6">
        <v>25473</v>
      </c>
      <c r="F1836" s="6" t="s">
        <v>18</v>
      </c>
      <c r="G1836" s="6" t="s">
        <v>3920</v>
      </c>
      <c r="H1836" s="6" t="s">
        <v>3921</v>
      </c>
      <c r="I1836" s="7">
        <v>4.7124899999999998</v>
      </c>
      <c r="J1836" s="8">
        <v>-74.229927599999996</v>
      </c>
    </row>
    <row r="1837" spans="1:10" x14ac:dyDescent="0.35">
      <c r="A1837" s="5" t="s">
        <v>10</v>
      </c>
      <c r="B1837" s="6">
        <v>243094</v>
      </c>
      <c r="C1837" s="6" t="s">
        <v>11</v>
      </c>
      <c r="D1837" s="6" t="s">
        <v>334</v>
      </c>
      <c r="E1837" s="6">
        <v>25754</v>
      </c>
      <c r="F1837" s="6" t="s">
        <v>18</v>
      </c>
      <c r="G1837" s="6" t="s">
        <v>3922</v>
      </c>
      <c r="H1837" s="6" t="s">
        <v>3923</v>
      </c>
      <c r="I1837" s="7">
        <v>4.5857071999999999</v>
      </c>
      <c r="J1837" s="8">
        <v>-74.229679899999994</v>
      </c>
    </row>
    <row r="1838" spans="1:10" x14ac:dyDescent="0.35">
      <c r="A1838" s="5" t="s">
        <v>10</v>
      </c>
      <c r="B1838" s="6">
        <v>231693</v>
      </c>
      <c r="C1838" s="6" t="s">
        <v>117</v>
      </c>
      <c r="D1838" s="6" t="s">
        <v>1334</v>
      </c>
      <c r="E1838" s="6">
        <v>76001</v>
      </c>
      <c r="F1838" s="6" t="s">
        <v>18</v>
      </c>
      <c r="G1838" s="6" t="s">
        <v>3924</v>
      </c>
      <c r="H1838" s="6" t="s">
        <v>3925</v>
      </c>
      <c r="I1838" s="7">
        <v>3.4531721000000002</v>
      </c>
      <c r="J1838" s="8">
        <v>-76.530618500000003</v>
      </c>
    </row>
    <row r="1839" spans="1:10" x14ac:dyDescent="0.35">
      <c r="A1839" s="5" t="s">
        <v>10</v>
      </c>
      <c r="B1839" s="6">
        <v>185099</v>
      </c>
      <c r="C1839" s="6" t="s">
        <v>11</v>
      </c>
      <c r="D1839" s="6" t="s">
        <v>334</v>
      </c>
      <c r="E1839" s="6">
        <v>25754</v>
      </c>
      <c r="F1839" s="6" t="s">
        <v>18</v>
      </c>
      <c r="G1839" s="6" t="s">
        <v>3926</v>
      </c>
      <c r="H1839" s="6" t="s">
        <v>3927</v>
      </c>
      <c r="I1839" s="7">
        <v>4.5638947999999999</v>
      </c>
      <c r="J1839" s="8">
        <v>-74.234247499999995</v>
      </c>
    </row>
    <row r="1840" spans="1:10" x14ac:dyDescent="0.35">
      <c r="A1840" s="5" t="s">
        <v>10</v>
      </c>
      <c r="B1840" s="6">
        <v>245413</v>
      </c>
      <c r="C1840" s="6" t="s">
        <v>68</v>
      </c>
      <c r="D1840" s="6" t="s">
        <v>69</v>
      </c>
      <c r="E1840" s="6">
        <v>11001</v>
      </c>
      <c r="F1840" s="6" t="s">
        <v>18</v>
      </c>
      <c r="G1840" s="6" t="s">
        <v>3928</v>
      </c>
      <c r="H1840" s="6" t="s">
        <v>3929</v>
      </c>
      <c r="I1840" s="7">
        <v>4.6131292999999998</v>
      </c>
      <c r="J1840" s="8">
        <v>-74.208897199999996</v>
      </c>
    </row>
    <row r="1841" spans="1:10" x14ac:dyDescent="0.35">
      <c r="A1841" s="5" t="s">
        <v>10</v>
      </c>
      <c r="B1841" s="6">
        <v>235298</v>
      </c>
      <c r="C1841" s="6" t="s">
        <v>68</v>
      </c>
      <c r="D1841" s="6" t="s">
        <v>69</v>
      </c>
      <c r="E1841" s="6">
        <v>11001</v>
      </c>
      <c r="F1841" s="6" t="s">
        <v>18</v>
      </c>
      <c r="G1841" s="6" t="s">
        <v>3930</v>
      </c>
      <c r="H1841" s="6" t="s">
        <v>3931</v>
      </c>
      <c r="I1841" s="7">
        <v>4.5809591999999997</v>
      </c>
      <c r="J1841" s="8">
        <v>-74.070613100000003</v>
      </c>
    </row>
    <row r="1842" spans="1:10" x14ac:dyDescent="0.35">
      <c r="A1842" s="5" t="s">
        <v>10</v>
      </c>
      <c r="B1842" s="6">
        <v>222515</v>
      </c>
      <c r="C1842" s="6" t="s">
        <v>68</v>
      </c>
      <c r="D1842" s="6" t="s">
        <v>69</v>
      </c>
      <c r="E1842" s="6">
        <v>11001</v>
      </c>
      <c r="F1842" s="6" t="s">
        <v>18</v>
      </c>
      <c r="G1842" s="6" t="s">
        <v>3932</v>
      </c>
      <c r="H1842" s="6" t="s">
        <v>3933</v>
      </c>
      <c r="I1842" s="7">
        <v>4.5618049999999997</v>
      </c>
      <c r="J1842" s="8">
        <v>-74.088184200000001</v>
      </c>
    </row>
    <row r="1843" spans="1:10" x14ac:dyDescent="0.35">
      <c r="A1843" s="5" t="s">
        <v>10</v>
      </c>
      <c r="B1843" s="6">
        <v>232554</v>
      </c>
      <c r="C1843" s="6" t="s">
        <v>68</v>
      </c>
      <c r="D1843" s="6" t="s">
        <v>69</v>
      </c>
      <c r="E1843" s="6">
        <v>11001</v>
      </c>
      <c r="F1843" s="6" t="s">
        <v>18</v>
      </c>
      <c r="G1843" s="6" t="s">
        <v>3934</v>
      </c>
      <c r="H1843" s="6" t="s">
        <v>3935</v>
      </c>
      <c r="I1843" s="7">
        <v>4.6214408000000002</v>
      </c>
      <c r="J1843" s="8">
        <v>-74.192505100000005</v>
      </c>
    </row>
    <row r="1844" spans="1:10" x14ac:dyDescent="0.35">
      <c r="A1844" s="5" t="s">
        <v>10</v>
      </c>
      <c r="B1844" s="6">
        <v>245811</v>
      </c>
      <c r="C1844" s="6" t="s">
        <v>68</v>
      </c>
      <c r="D1844" s="6" t="s">
        <v>69</v>
      </c>
      <c r="E1844" s="6">
        <v>11001</v>
      </c>
      <c r="F1844" s="6" t="s">
        <v>18</v>
      </c>
      <c r="G1844" s="6" t="s">
        <v>3936</v>
      </c>
      <c r="H1844" s="6" t="s">
        <v>3937</v>
      </c>
      <c r="I1844" s="7">
        <v>4.6204004000000003</v>
      </c>
      <c r="J1844" s="8">
        <v>-74.090180099999998</v>
      </c>
    </row>
    <row r="1845" spans="1:10" x14ac:dyDescent="0.35">
      <c r="A1845" s="5" t="s">
        <v>10</v>
      </c>
      <c r="B1845" s="6">
        <v>226445</v>
      </c>
      <c r="C1845" s="6" t="s">
        <v>24</v>
      </c>
      <c r="D1845" s="6" t="s">
        <v>88</v>
      </c>
      <c r="E1845" s="6">
        <v>15001</v>
      </c>
      <c r="F1845" s="6" t="s">
        <v>18</v>
      </c>
      <c r="G1845" s="6" t="s">
        <v>3938</v>
      </c>
      <c r="H1845" s="6" t="s">
        <v>3939</v>
      </c>
      <c r="I1845" s="7">
        <v>5.5446422000000002</v>
      </c>
      <c r="J1845" s="8">
        <v>-73.357557200000002</v>
      </c>
    </row>
    <row r="1846" spans="1:10" x14ac:dyDescent="0.35">
      <c r="A1846" s="5" t="s">
        <v>10</v>
      </c>
      <c r="B1846" s="6">
        <v>204853</v>
      </c>
      <c r="C1846" s="6" t="s">
        <v>24</v>
      </c>
      <c r="D1846" s="6" t="s">
        <v>340</v>
      </c>
      <c r="E1846" s="6">
        <v>15897</v>
      </c>
      <c r="F1846" s="6" t="s">
        <v>18</v>
      </c>
      <c r="G1846" s="6" t="s">
        <v>3940</v>
      </c>
      <c r="H1846" s="6" t="s">
        <v>3941</v>
      </c>
      <c r="I1846" s="7">
        <v>5.282203</v>
      </c>
      <c r="J1846" s="8">
        <v>-73.169049700000002</v>
      </c>
    </row>
    <row r="1847" spans="1:10" x14ac:dyDescent="0.35">
      <c r="A1847" s="5" t="s">
        <v>10</v>
      </c>
      <c r="B1847" s="6">
        <v>234279</v>
      </c>
      <c r="C1847" s="6" t="s">
        <v>551</v>
      </c>
      <c r="D1847" s="6" t="s">
        <v>3942</v>
      </c>
      <c r="E1847" s="6">
        <v>20295</v>
      </c>
      <c r="F1847" s="6" t="s">
        <v>18</v>
      </c>
      <c r="G1847" s="6" t="s">
        <v>3943</v>
      </c>
      <c r="H1847" s="6" t="s">
        <v>3944</v>
      </c>
      <c r="I1847" s="7">
        <v>8.3217456999999992</v>
      </c>
      <c r="J1847" s="8">
        <v>-73.742155999999994</v>
      </c>
    </row>
    <row r="1848" spans="1:10" x14ac:dyDescent="0.35">
      <c r="A1848" s="5" t="s">
        <v>10</v>
      </c>
      <c r="B1848" s="6">
        <v>199458</v>
      </c>
      <c r="C1848" s="6" t="s">
        <v>278</v>
      </c>
      <c r="D1848" s="6" t="s">
        <v>279</v>
      </c>
      <c r="E1848" s="6">
        <v>50001</v>
      </c>
      <c r="F1848" s="6" t="s">
        <v>18</v>
      </c>
      <c r="G1848" s="6" t="s">
        <v>3945</v>
      </c>
      <c r="H1848" s="6" t="s">
        <v>3946</v>
      </c>
      <c r="I1848" s="7">
        <v>4.1467269999999896</v>
      </c>
      <c r="J1848" s="8">
        <v>-73.638289900000004</v>
      </c>
    </row>
    <row r="1849" spans="1:10" x14ac:dyDescent="0.35">
      <c r="A1849" s="5" t="s">
        <v>10</v>
      </c>
      <c r="B1849" s="6">
        <v>237244</v>
      </c>
      <c r="C1849" s="6" t="s">
        <v>68</v>
      </c>
      <c r="D1849" s="6" t="s">
        <v>69</v>
      </c>
      <c r="E1849" s="6">
        <v>11001</v>
      </c>
      <c r="F1849" s="6" t="s">
        <v>18</v>
      </c>
      <c r="G1849" s="6" t="s">
        <v>3947</v>
      </c>
      <c r="H1849" s="6" t="s">
        <v>3948</v>
      </c>
      <c r="I1849" s="7">
        <v>4.6741454999999998</v>
      </c>
      <c r="J1849" s="8">
        <v>-74.072508799999994</v>
      </c>
    </row>
    <row r="1850" spans="1:10" x14ac:dyDescent="0.35">
      <c r="A1850" s="5" t="s">
        <v>10</v>
      </c>
      <c r="B1850" s="6">
        <v>221642</v>
      </c>
      <c r="C1850" s="6" t="s">
        <v>11</v>
      </c>
      <c r="D1850" s="6" t="s">
        <v>334</v>
      </c>
      <c r="E1850" s="6">
        <v>25754</v>
      </c>
      <c r="F1850" s="6" t="s">
        <v>18</v>
      </c>
      <c r="G1850" s="6" t="s">
        <v>3949</v>
      </c>
      <c r="H1850" s="6" t="s">
        <v>3950</v>
      </c>
      <c r="I1850" s="7">
        <v>4.5740001000000001</v>
      </c>
      <c r="J1850" s="8">
        <v>-74.235530400000002</v>
      </c>
    </row>
    <row r="1851" spans="1:10" x14ac:dyDescent="0.35">
      <c r="A1851" s="5" t="s">
        <v>10</v>
      </c>
      <c r="B1851" s="6">
        <v>235305</v>
      </c>
      <c r="C1851" s="6" t="s">
        <v>11</v>
      </c>
      <c r="D1851" s="6" t="s">
        <v>334</v>
      </c>
      <c r="E1851" s="6">
        <v>25754</v>
      </c>
      <c r="F1851" s="6" t="s">
        <v>18</v>
      </c>
      <c r="G1851" s="6" t="s">
        <v>3951</v>
      </c>
      <c r="H1851" s="6" t="s">
        <v>3952</v>
      </c>
      <c r="I1851" s="7">
        <v>4.5833202000000002</v>
      </c>
      <c r="J1851" s="8">
        <v>-74.227364399999999</v>
      </c>
    </row>
    <row r="1852" spans="1:10" x14ac:dyDescent="0.35">
      <c r="A1852" s="5" t="s">
        <v>10</v>
      </c>
      <c r="B1852" s="6">
        <v>219790</v>
      </c>
      <c r="C1852" s="6" t="s">
        <v>24</v>
      </c>
      <c r="D1852" s="6" t="s">
        <v>85</v>
      </c>
      <c r="E1852" s="6">
        <v>15759</v>
      </c>
      <c r="F1852" s="6" t="s">
        <v>18</v>
      </c>
      <c r="G1852" s="6" t="s">
        <v>3953</v>
      </c>
      <c r="H1852" s="6" t="s">
        <v>3954</v>
      </c>
      <c r="I1852" s="7">
        <v>5.7160848</v>
      </c>
      <c r="J1852" s="8">
        <v>-72.931128899999905</v>
      </c>
    </row>
    <row r="1853" spans="1:10" x14ac:dyDescent="0.35">
      <c r="A1853" s="5" t="s">
        <v>10</v>
      </c>
      <c r="B1853" s="6">
        <v>235340</v>
      </c>
      <c r="C1853" s="6" t="s">
        <v>68</v>
      </c>
      <c r="D1853" s="6" t="s">
        <v>69</v>
      </c>
      <c r="E1853" s="6">
        <v>11001</v>
      </c>
      <c r="F1853" s="6" t="s">
        <v>18</v>
      </c>
      <c r="G1853" s="6" t="s">
        <v>3955</v>
      </c>
      <c r="H1853" s="6" t="s">
        <v>3956</v>
      </c>
      <c r="I1853" s="7">
        <v>4.5501607000000002</v>
      </c>
      <c r="J1853" s="8">
        <v>-74.144294299999999</v>
      </c>
    </row>
    <row r="1854" spans="1:10" x14ac:dyDescent="0.35">
      <c r="A1854" s="5" t="s">
        <v>10</v>
      </c>
      <c r="B1854" s="6">
        <v>201732</v>
      </c>
      <c r="C1854" s="6" t="s">
        <v>11</v>
      </c>
      <c r="D1854" s="6" t="s">
        <v>513</v>
      </c>
      <c r="E1854" s="6">
        <v>25286</v>
      </c>
      <c r="F1854" s="6" t="s">
        <v>18</v>
      </c>
      <c r="G1854" s="6" t="s">
        <v>3957</v>
      </c>
      <c r="H1854" s="6" t="s">
        <v>3958</v>
      </c>
      <c r="I1854" s="7">
        <v>4.7181224999999998</v>
      </c>
      <c r="J1854" s="8">
        <v>-74.213610599999996</v>
      </c>
    </row>
    <row r="1855" spans="1:10" x14ac:dyDescent="0.35">
      <c r="A1855" s="5" t="s">
        <v>10</v>
      </c>
      <c r="B1855" s="6">
        <v>211134</v>
      </c>
      <c r="C1855" s="6" t="s">
        <v>11</v>
      </c>
      <c r="D1855" s="6" t="s">
        <v>334</v>
      </c>
      <c r="E1855" s="6">
        <v>25754</v>
      </c>
      <c r="F1855" s="6" t="s">
        <v>18</v>
      </c>
      <c r="G1855" s="6" t="s">
        <v>3959</v>
      </c>
      <c r="H1855" s="6" t="s">
        <v>3960</v>
      </c>
      <c r="I1855" s="7">
        <v>4.5851258000000001</v>
      </c>
      <c r="J1855" s="8">
        <v>-74.217802300000002</v>
      </c>
    </row>
    <row r="1856" spans="1:10" x14ac:dyDescent="0.35">
      <c r="A1856" s="5" t="s">
        <v>10</v>
      </c>
      <c r="B1856" s="6">
        <v>230628</v>
      </c>
      <c r="C1856" s="6" t="s">
        <v>11</v>
      </c>
      <c r="D1856" s="6" t="s">
        <v>513</v>
      </c>
      <c r="E1856" s="6">
        <v>25286</v>
      </c>
      <c r="F1856" s="6" t="s">
        <v>18</v>
      </c>
      <c r="G1856" s="6" t="s">
        <v>3961</v>
      </c>
      <c r="H1856" s="6" t="s">
        <v>3962</v>
      </c>
      <c r="I1856" s="7">
        <v>4.7074737999999998</v>
      </c>
      <c r="J1856" s="8">
        <v>-74.215840099999994</v>
      </c>
    </row>
    <row r="1857" spans="1:10" x14ac:dyDescent="0.35">
      <c r="A1857" s="5" t="s">
        <v>10</v>
      </c>
      <c r="B1857" s="6">
        <v>230326</v>
      </c>
      <c r="C1857" s="6" t="s">
        <v>117</v>
      </c>
      <c r="D1857" s="6" t="s">
        <v>3963</v>
      </c>
      <c r="E1857" s="6">
        <v>76377</v>
      </c>
      <c r="F1857" s="6" t="s">
        <v>18</v>
      </c>
      <c r="G1857" s="6" t="s">
        <v>3964</v>
      </c>
      <c r="H1857" s="6" t="s">
        <v>3965</v>
      </c>
      <c r="I1857" s="7">
        <v>3.6486190999999999</v>
      </c>
      <c r="J1857" s="8">
        <v>-76.564982999999998</v>
      </c>
    </row>
    <row r="1858" spans="1:10" x14ac:dyDescent="0.35">
      <c r="A1858" s="5" t="s">
        <v>10</v>
      </c>
      <c r="B1858" s="6">
        <v>234959</v>
      </c>
      <c r="C1858" s="6" t="s">
        <v>117</v>
      </c>
      <c r="D1858" s="6" t="s">
        <v>1334</v>
      </c>
      <c r="E1858" s="6">
        <v>76001</v>
      </c>
      <c r="F1858" s="6" t="s">
        <v>18</v>
      </c>
      <c r="G1858" s="6" t="s">
        <v>3966</v>
      </c>
      <c r="H1858" s="6" t="s">
        <v>3967</v>
      </c>
      <c r="I1858" s="7">
        <v>3.4939225</v>
      </c>
      <c r="J1858" s="8">
        <v>-76.476922999999999</v>
      </c>
    </row>
    <row r="1859" spans="1:10" x14ac:dyDescent="0.35">
      <c r="A1859" s="5" t="s">
        <v>10</v>
      </c>
      <c r="B1859" s="6">
        <v>244318</v>
      </c>
      <c r="C1859" s="6" t="s">
        <v>11</v>
      </c>
      <c r="D1859" s="6" t="s">
        <v>337</v>
      </c>
      <c r="E1859" s="6">
        <v>25290</v>
      </c>
      <c r="F1859" s="6" t="s">
        <v>18</v>
      </c>
      <c r="G1859" s="6" t="s">
        <v>3968</v>
      </c>
      <c r="H1859" s="6" t="s">
        <v>3969</v>
      </c>
      <c r="I1859" s="7">
        <v>4.3458918000000004</v>
      </c>
      <c r="J1859" s="8">
        <v>-74.376401700000002</v>
      </c>
    </row>
    <row r="1860" spans="1:10" x14ac:dyDescent="0.35">
      <c r="A1860" s="5" t="s">
        <v>10</v>
      </c>
      <c r="B1860" s="6">
        <v>218218</v>
      </c>
      <c r="C1860" s="6" t="s">
        <v>11</v>
      </c>
      <c r="D1860" s="6" t="s">
        <v>334</v>
      </c>
      <c r="E1860" s="6">
        <v>25754</v>
      </c>
      <c r="F1860" s="6" t="s">
        <v>18</v>
      </c>
      <c r="G1860" s="6" t="s">
        <v>3970</v>
      </c>
      <c r="H1860" s="6" t="s">
        <v>3971</v>
      </c>
      <c r="I1860" s="7">
        <v>4.5823296999999998</v>
      </c>
      <c r="J1860" s="8">
        <v>-74.225265299999904</v>
      </c>
    </row>
    <row r="1861" spans="1:10" x14ac:dyDescent="0.35">
      <c r="A1861" s="5" t="s">
        <v>10</v>
      </c>
      <c r="B1861" s="6">
        <v>227928</v>
      </c>
      <c r="C1861" s="6" t="s">
        <v>68</v>
      </c>
      <c r="D1861" s="6" t="s">
        <v>69</v>
      </c>
      <c r="E1861" s="6">
        <v>11001</v>
      </c>
      <c r="F1861" s="6" t="s">
        <v>18</v>
      </c>
      <c r="G1861" s="6" t="s">
        <v>3972</v>
      </c>
      <c r="H1861" s="6" t="s">
        <v>3973</v>
      </c>
      <c r="I1861" s="7">
        <v>4.5759411999999999</v>
      </c>
      <c r="J1861" s="8">
        <v>-74.083512200000001</v>
      </c>
    </row>
    <row r="1862" spans="1:10" x14ac:dyDescent="0.35">
      <c r="A1862" s="5" t="s">
        <v>10</v>
      </c>
      <c r="B1862" s="6">
        <v>232983</v>
      </c>
      <c r="C1862" s="6" t="s">
        <v>3788</v>
      </c>
      <c r="D1862" s="6" t="s">
        <v>3974</v>
      </c>
      <c r="E1862" s="6">
        <v>18001</v>
      </c>
      <c r="F1862" s="6" t="s">
        <v>18</v>
      </c>
      <c r="G1862" s="6" t="s">
        <v>3975</v>
      </c>
      <c r="H1862" s="6" t="s">
        <v>3976</v>
      </c>
      <c r="I1862" s="7">
        <v>1.63446</v>
      </c>
      <c r="J1862" s="8">
        <v>-75.615960000000001</v>
      </c>
    </row>
    <row r="1863" spans="1:10" x14ac:dyDescent="0.35">
      <c r="A1863" s="5" t="s">
        <v>10</v>
      </c>
      <c r="B1863" s="6">
        <v>226274</v>
      </c>
      <c r="C1863" s="6" t="s">
        <v>68</v>
      </c>
      <c r="D1863" s="6" t="s">
        <v>69</v>
      </c>
      <c r="E1863" s="6">
        <v>11001</v>
      </c>
      <c r="F1863" s="6" t="s">
        <v>13</v>
      </c>
      <c r="G1863" s="6" t="s">
        <v>3737</v>
      </c>
      <c r="H1863" s="6" t="s">
        <v>3977</v>
      </c>
      <c r="I1863" s="7">
        <v>4.7058051000000001</v>
      </c>
      <c r="J1863" s="8">
        <v>-74.137083199999907</v>
      </c>
    </row>
    <row r="1864" spans="1:10" x14ac:dyDescent="0.35">
      <c r="A1864" s="5" t="s">
        <v>10</v>
      </c>
      <c r="B1864" s="6">
        <v>226286</v>
      </c>
      <c r="C1864" s="6" t="s">
        <v>68</v>
      </c>
      <c r="D1864" s="6" t="s">
        <v>69</v>
      </c>
      <c r="E1864" s="6">
        <v>11001</v>
      </c>
      <c r="F1864" s="6" t="s">
        <v>13</v>
      </c>
      <c r="G1864" s="6" t="s">
        <v>3737</v>
      </c>
      <c r="H1864" s="6" t="s">
        <v>3978</v>
      </c>
      <c r="I1864" s="7">
        <v>4.6180560000000002</v>
      </c>
      <c r="J1864" s="8">
        <v>-74.135029599999996</v>
      </c>
    </row>
    <row r="1865" spans="1:10" x14ac:dyDescent="0.35">
      <c r="A1865" s="5" t="s">
        <v>10</v>
      </c>
      <c r="B1865" s="6">
        <v>239553</v>
      </c>
      <c r="C1865" s="6" t="s">
        <v>2130</v>
      </c>
      <c r="D1865" s="6" t="s">
        <v>3979</v>
      </c>
      <c r="E1865" s="6">
        <v>85010</v>
      </c>
      <c r="F1865" s="6" t="s">
        <v>18</v>
      </c>
      <c r="G1865" s="6" t="s">
        <v>3980</v>
      </c>
      <c r="H1865" s="6" t="s">
        <v>3981</v>
      </c>
      <c r="I1865" s="7">
        <v>5.1725678000000004</v>
      </c>
      <c r="J1865" s="8">
        <v>-72.549809699999997</v>
      </c>
    </row>
    <row r="1866" spans="1:10" x14ac:dyDescent="0.35">
      <c r="A1866" s="5" t="s">
        <v>10</v>
      </c>
      <c r="B1866" s="6">
        <v>209082</v>
      </c>
      <c r="C1866" s="6" t="s">
        <v>278</v>
      </c>
      <c r="D1866" s="6" t="s">
        <v>3982</v>
      </c>
      <c r="E1866" s="6">
        <v>50450</v>
      </c>
      <c r="F1866" s="6" t="s">
        <v>18</v>
      </c>
      <c r="G1866" s="6" t="s">
        <v>3983</v>
      </c>
      <c r="H1866" s="6" t="s">
        <v>3984</v>
      </c>
      <c r="I1866" s="7">
        <v>4.5987882000000004</v>
      </c>
      <c r="J1866" s="8">
        <v>-74.073937200000003</v>
      </c>
    </row>
    <row r="1867" spans="1:10" x14ac:dyDescent="0.35">
      <c r="A1867" s="5" t="s">
        <v>10</v>
      </c>
      <c r="B1867" s="6">
        <v>209872</v>
      </c>
      <c r="C1867" s="6" t="s">
        <v>278</v>
      </c>
      <c r="D1867" s="6" t="s">
        <v>279</v>
      </c>
      <c r="E1867" s="6">
        <v>50001</v>
      </c>
      <c r="F1867" s="6" t="s">
        <v>18</v>
      </c>
      <c r="G1867" s="6" t="s">
        <v>3985</v>
      </c>
      <c r="H1867" s="6" t="s">
        <v>3986</v>
      </c>
      <c r="I1867" s="7">
        <v>4.1407392999999999</v>
      </c>
      <c r="J1867" s="8">
        <v>-73.612115399999993</v>
      </c>
    </row>
    <row r="1868" spans="1:10" x14ac:dyDescent="0.35">
      <c r="A1868" s="5" t="s">
        <v>10</v>
      </c>
      <c r="B1868" s="6">
        <v>210047</v>
      </c>
      <c r="C1868" s="6" t="s">
        <v>11</v>
      </c>
      <c r="D1868" s="6" t="s">
        <v>3519</v>
      </c>
      <c r="E1868" s="6">
        <v>25736</v>
      </c>
      <c r="F1868" s="6" t="s">
        <v>18</v>
      </c>
      <c r="G1868" s="6" t="s">
        <v>3987</v>
      </c>
      <c r="H1868" s="6" t="s">
        <v>3988</v>
      </c>
      <c r="I1868" s="7">
        <v>4.9987329999999996</v>
      </c>
      <c r="J1868" s="8">
        <v>-73.745096700000005</v>
      </c>
    </row>
    <row r="1869" spans="1:10" x14ac:dyDescent="0.35">
      <c r="A1869" s="5" t="s">
        <v>10</v>
      </c>
      <c r="B1869" s="6">
        <v>243099</v>
      </c>
      <c r="C1869" s="6" t="s">
        <v>11</v>
      </c>
      <c r="D1869" s="6" t="s">
        <v>159</v>
      </c>
      <c r="E1869" s="6">
        <v>25175</v>
      </c>
      <c r="F1869" s="6" t="s">
        <v>18</v>
      </c>
      <c r="G1869" s="6" t="s">
        <v>3989</v>
      </c>
      <c r="H1869" s="6" t="s">
        <v>3990</v>
      </c>
      <c r="I1869" s="7">
        <v>4.8675829000000004</v>
      </c>
      <c r="J1869" s="8">
        <v>-74.040285699999998</v>
      </c>
    </row>
    <row r="1870" spans="1:10" x14ac:dyDescent="0.35">
      <c r="A1870" s="5" t="s">
        <v>10</v>
      </c>
      <c r="B1870" s="6">
        <v>182414</v>
      </c>
      <c r="C1870" s="6" t="s">
        <v>11</v>
      </c>
      <c r="D1870" s="6" t="s">
        <v>334</v>
      </c>
      <c r="E1870" s="6">
        <v>25754</v>
      </c>
      <c r="F1870" s="6" t="s">
        <v>18</v>
      </c>
      <c r="G1870" s="6" t="s">
        <v>3991</v>
      </c>
      <c r="H1870" s="6" t="s">
        <v>3992</v>
      </c>
      <c r="I1870" s="7">
        <v>4.5724583000000001</v>
      </c>
      <c r="J1870" s="8">
        <v>-74.210272099999997</v>
      </c>
    </row>
    <row r="1871" spans="1:10" x14ac:dyDescent="0.35">
      <c r="A1871" s="5" t="s">
        <v>10</v>
      </c>
      <c r="B1871" s="6">
        <v>229385</v>
      </c>
      <c r="C1871" s="6" t="s">
        <v>11</v>
      </c>
      <c r="D1871" s="6" t="s">
        <v>334</v>
      </c>
      <c r="E1871" s="6">
        <v>25754</v>
      </c>
      <c r="F1871" s="6" t="s">
        <v>18</v>
      </c>
      <c r="G1871" s="6" t="s">
        <v>3993</v>
      </c>
      <c r="H1871" s="6" t="s">
        <v>3994</v>
      </c>
      <c r="I1871" s="7">
        <v>4.5738856999999999</v>
      </c>
      <c r="J1871" s="8">
        <v>-74.235405299999996</v>
      </c>
    </row>
    <row r="1872" spans="1:10" x14ac:dyDescent="0.35">
      <c r="A1872" s="5" t="s">
        <v>10</v>
      </c>
      <c r="B1872" s="6">
        <v>234037</v>
      </c>
      <c r="C1872" s="6" t="s">
        <v>68</v>
      </c>
      <c r="D1872" s="6" t="s">
        <v>69</v>
      </c>
      <c r="E1872" s="6">
        <v>11001</v>
      </c>
      <c r="F1872" s="6" t="s">
        <v>18</v>
      </c>
      <c r="G1872" s="6" t="s">
        <v>3995</v>
      </c>
      <c r="H1872" s="6" t="s">
        <v>3996</v>
      </c>
      <c r="I1872" s="7">
        <v>4.5717477000000004</v>
      </c>
      <c r="J1872" s="8">
        <v>-74.139370299999996</v>
      </c>
    </row>
    <row r="1873" spans="1:10" x14ac:dyDescent="0.35">
      <c r="A1873" s="5" t="s">
        <v>10</v>
      </c>
      <c r="B1873" s="6">
        <v>226374</v>
      </c>
      <c r="C1873" s="6" t="s">
        <v>94</v>
      </c>
      <c r="D1873" s="6" t="s">
        <v>98</v>
      </c>
      <c r="E1873" s="6">
        <v>66001</v>
      </c>
      <c r="F1873" s="6" t="s">
        <v>13</v>
      </c>
      <c r="G1873" s="6" t="s">
        <v>3737</v>
      </c>
      <c r="H1873" s="6" t="s">
        <v>3997</v>
      </c>
      <c r="I1873" s="7">
        <v>4.8042562999999996</v>
      </c>
      <c r="J1873" s="8">
        <v>-75.737997100000001</v>
      </c>
    </row>
    <row r="1874" spans="1:10" x14ac:dyDescent="0.35">
      <c r="A1874" s="5" t="s">
        <v>10</v>
      </c>
      <c r="B1874" s="6">
        <v>177209</v>
      </c>
      <c r="C1874" s="6" t="s">
        <v>2821</v>
      </c>
      <c r="D1874" s="6" t="s">
        <v>1524</v>
      </c>
      <c r="E1874" s="6">
        <v>47318</v>
      </c>
      <c r="F1874" s="6" t="s">
        <v>18</v>
      </c>
      <c r="G1874" s="6" t="s">
        <v>3998</v>
      </c>
      <c r="H1874" s="6" t="s">
        <v>3999</v>
      </c>
      <c r="I1874" s="7">
        <v>11.2423039</v>
      </c>
      <c r="J1874" s="8">
        <v>-74.210595499999997</v>
      </c>
    </row>
    <row r="1875" spans="1:10" x14ac:dyDescent="0.35">
      <c r="A1875" s="5" t="s">
        <v>10</v>
      </c>
      <c r="B1875" s="6">
        <v>76842</v>
      </c>
      <c r="C1875" s="6" t="s">
        <v>24</v>
      </c>
      <c r="D1875" s="6" t="s">
        <v>1215</v>
      </c>
      <c r="E1875" s="6">
        <v>15835</v>
      </c>
      <c r="F1875" s="6" t="s">
        <v>18</v>
      </c>
      <c r="G1875" s="6" t="s">
        <v>4000</v>
      </c>
      <c r="H1875" s="6" t="s">
        <v>4001</v>
      </c>
      <c r="I1875" s="7">
        <v>5.3246520999999998</v>
      </c>
      <c r="J1875" s="8">
        <v>-73.490533399999904</v>
      </c>
    </row>
    <row r="1876" spans="1:10" x14ac:dyDescent="0.35">
      <c r="A1876" s="5" t="s">
        <v>10</v>
      </c>
      <c r="B1876" s="6">
        <v>202035</v>
      </c>
      <c r="C1876" s="6" t="s">
        <v>16</v>
      </c>
      <c r="D1876" s="6" t="s">
        <v>78</v>
      </c>
      <c r="E1876" s="6">
        <v>68001</v>
      </c>
      <c r="F1876" s="6" t="s">
        <v>18</v>
      </c>
      <c r="G1876" s="6" t="s">
        <v>4002</v>
      </c>
      <c r="H1876" s="6" t="s">
        <v>4003</v>
      </c>
      <c r="I1876" s="7">
        <v>7.1084516999999998</v>
      </c>
      <c r="J1876" s="8">
        <v>-73.119922099999997</v>
      </c>
    </row>
    <row r="1877" spans="1:10" x14ac:dyDescent="0.35">
      <c r="A1877" s="5" t="s">
        <v>10</v>
      </c>
      <c r="B1877" s="6">
        <v>206509</v>
      </c>
      <c r="C1877" s="6" t="s">
        <v>278</v>
      </c>
      <c r="D1877" s="6" t="s">
        <v>3873</v>
      </c>
      <c r="E1877" s="6">
        <v>50568</v>
      </c>
      <c r="F1877" s="6" t="s">
        <v>18</v>
      </c>
      <c r="G1877" s="6" t="s">
        <v>4004</v>
      </c>
      <c r="H1877" s="6" t="s">
        <v>4005</v>
      </c>
      <c r="I1877" s="7">
        <v>4.3123762000000001</v>
      </c>
      <c r="J1877" s="8">
        <v>-72.082682199999994</v>
      </c>
    </row>
    <row r="1878" spans="1:10" x14ac:dyDescent="0.35">
      <c r="A1878" s="5" t="s">
        <v>10</v>
      </c>
      <c r="B1878" s="6">
        <v>181154</v>
      </c>
      <c r="C1878" s="6" t="s">
        <v>11</v>
      </c>
      <c r="D1878" s="6" t="s">
        <v>12</v>
      </c>
      <c r="E1878" s="6">
        <v>25899</v>
      </c>
      <c r="F1878" s="6" t="s">
        <v>18</v>
      </c>
      <c r="G1878" s="6" t="s">
        <v>4006</v>
      </c>
      <c r="H1878" s="6" t="s">
        <v>4007</v>
      </c>
      <c r="I1878" s="7">
        <v>5.0214759999999998</v>
      </c>
      <c r="J1878" s="8">
        <v>-73.990955</v>
      </c>
    </row>
    <row r="1879" spans="1:10" x14ac:dyDescent="0.35">
      <c r="A1879" s="5" t="s">
        <v>10</v>
      </c>
      <c r="B1879" s="6">
        <v>206941</v>
      </c>
      <c r="C1879" s="6" t="s">
        <v>11</v>
      </c>
      <c r="D1879" s="6" t="s">
        <v>3054</v>
      </c>
      <c r="E1879" s="6">
        <v>25269</v>
      </c>
      <c r="F1879" s="6" t="s">
        <v>18</v>
      </c>
      <c r="G1879" s="6" t="s">
        <v>4008</v>
      </c>
      <c r="H1879" s="6" t="s">
        <v>4009</v>
      </c>
      <c r="I1879" s="7">
        <v>4.8192836999999997</v>
      </c>
      <c r="J1879" s="8">
        <v>-74.364577999999995</v>
      </c>
    </row>
    <row r="1880" spans="1:10" x14ac:dyDescent="0.35">
      <c r="A1880" s="5" t="s">
        <v>10</v>
      </c>
      <c r="B1880" s="6">
        <v>229597</v>
      </c>
      <c r="C1880" s="6" t="s">
        <v>11</v>
      </c>
      <c r="D1880" s="6" t="s">
        <v>334</v>
      </c>
      <c r="E1880" s="6">
        <v>25754</v>
      </c>
      <c r="F1880" s="6" t="s">
        <v>18</v>
      </c>
      <c r="G1880" s="6" t="s">
        <v>4010</v>
      </c>
      <c r="H1880" s="6" t="s">
        <v>4011</v>
      </c>
      <c r="I1880" s="7">
        <v>4.5737192999999996</v>
      </c>
      <c r="J1880" s="8">
        <v>-74.223541400000002</v>
      </c>
    </row>
    <row r="1881" spans="1:10" x14ac:dyDescent="0.35">
      <c r="A1881" s="5" t="s">
        <v>10</v>
      </c>
      <c r="B1881" s="6">
        <v>243129</v>
      </c>
      <c r="C1881" s="6" t="s">
        <v>11</v>
      </c>
      <c r="D1881" s="6" t="s">
        <v>159</v>
      </c>
      <c r="E1881" s="6">
        <v>25175</v>
      </c>
      <c r="F1881" s="6" t="s">
        <v>18</v>
      </c>
      <c r="G1881" s="6" t="s">
        <v>4012</v>
      </c>
      <c r="H1881" s="6" t="s">
        <v>4013</v>
      </c>
      <c r="I1881" s="7">
        <v>4.8780897000000003</v>
      </c>
      <c r="J1881" s="8">
        <v>-74.038389199999997</v>
      </c>
    </row>
    <row r="1882" spans="1:10" x14ac:dyDescent="0.35">
      <c r="A1882" s="5" t="s">
        <v>10</v>
      </c>
      <c r="B1882" s="6">
        <v>238805</v>
      </c>
      <c r="C1882" s="6" t="s">
        <v>68</v>
      </c>
      <c r="D1882" s="6" t="s">
        <v>69</v>
      </c>
      <c r="E1882" s="6">
        <v>11001</v>
      </c>
      <c r="F1882" s="6" t="s">
        <v>18</v>
      </c>
      <c r="G1882" s="6" t="s">
        <v>4014</v>
      </c>
      <c r="H1882" s="6" t="s">
        <v>4015</v>
      </c>
      <c r="I1882" s="7">
        <v>4.5934299999999997</v>
      </c>
      <c r="J1882" s="8">
        <v>-74.082405199999997</v>
      </c>
    </row>
    <row r="1883" spans="1:10" x14ac:dyDescent="0.35">
      <c r="A1883" s="5" t="s">
        <v>10</v>
      </c>
      <c r="B1883" s="6">
        <v>155185</v>
      </c>
      <c r="C1883" s="6" t="s">
        <v>16</v>
      </c>
      <c r="D1883" s="6" t="s">
        <v>78</v>
      </c>
      <c r="E1883" s="6">
        <v>68001</v>
      </c>
      <c r="F1883" s="6" t="s">
        <v>18</v>
      </c>
      <c r="G1883" s="6" t="s">
        <v>4016</v>
      </c>
      <c r="H1883" s="6" t="s">
        <v>4017</v>
      </c>
      <c r="I1883" s="7">
        <v>7.1357876999999998</v>
      </c>
      <c r="J1883" s="8">
        <v>-73.128473999999997</v>
      </c>
    </row>
    <row r="1884" spans="1:10" x14ac:dyDescent="0.35">
      <c r="A1884" s="5" t="s">
        <v>10</v>
      </c>
      <c r="B1884" s="6">
        <v>243303</v>
      </c>
      <c r="C1884" s="6" t="s">
        <v>551</v>
      </c>
      <c r="D1884" s="6" t="s">
        <v>3868</v>
      </c>
      <c r="E1884" s="6">
        <v>20001</v>
      </c>
      <c r="F1884" s="6" t="s">
        <v>18</v>
      </c>
      <c r="G1884" s="6" t="s">
        <v>4018</v>
      </c>
      <c r="H1884" s="6" t="s">
        <v>4019</v>
      </c>
      <c r="I1884" s="7">
        <v>10.473747100000001</v>
      </c>
      <c r="J1884" s="8">
        <v>-73.2451018</v>
      </c>
    </row>
    <row r="1885" spans="1:10" x14ac:dyDescent="0.35">
      <c r="A1885" s="5" t="s">
        <v>10</v>
      </c>
      <c r="B1885" s="6">
        <v>246161</v>
      </c>
      <c r="C1885" s="6" t="s">
        <v>551</v>
      </c>
      <c r="D1885" s="6" t="s">
        <v>977</v>
      </c>
      <c r="E1885" s="6">
        <v>20011</v>
      </c>
      <c r="F1885" s="6" t="s">
        <v>18</v>
      </c>
      <c r="G1885" s="6" t="s">
        <v>113</v>
      </c>
      <c r="H1885" s="6" t="s">
        <v>4020</v>
      </c>
      <c r="I1885" s="7">
        <v>8.3048716000000002</v>
      </c>
      <c r="J1885" s="8">
        <v>-73.630147899999997</v>
      </c>
    </row>
    <row r="1886" spans="1:10" x14ac:dyDescent="0.35">
      <c r="A1886" s="5" t="s">
        <v>10</v>
      </c>
      <c r="B1886" s="6">
        <v>226568</v>
      </c>
      <c r="C1886" s="6" t="s">
        <v>2130</v>
      </c>
      <c r="D1886" s="6" t="s">
        <v>4021</v>
      </c>
      <c r="E1886" s="6">
        <v>85225</v>
      </c>
      <c r="F1886" s="6" t="s">
        <v>18</v>
      </c>
      <c r="G1886" s="6" t="s">
        <v>4022</v>
      </c>
      <c r="H1886" s="6" t="s">
        <v>4023</v>
      </c>
      <c r="I1886" s="7">
        <v>5.6380970000000001</v>
      </c>
      <c r="J1886" s="8">
        <v>-72.195526999999998</v>
      </c>
    </row>
    <row r="1887" spans="1:10" x14ac:dyDescent="0.35">
      <c r="A1887" s="5" t="s">
        <v>10</v>
      </c>
      <c r="B1887" s="6">
        <v>229770</v>
      </c>
      <c r="C1887" s="6" t="s">
        <v>2130</v>
      </c>
      <c r="D1887" s="6" t="s">
        <v>3816</v>
      </c>
      <c r="E1887" s="6">
        <v>85162</v>
      </c>
      <c r="F1887" s="6" t="s">
        <v>18</v>
      </c>
      <c r="G1887" s="6" t="s">
        <v>4024</v>
      </c>
      <c r="H1887" s="6" t="s">
        <v>4025</v>
      </c>
      <c r="I1887" s="7">
        <v>4.8776757999999996</v>
      </c>
      <c r="J1887" s="8">
        <v>-72.893832000000003</v>
      </c>
    </row>
    <row r="1888" spans="1:10" x14ac:dyDescent="0.35">
      <c r="A1888" s="5" t="s">
        <v>10</v>
      </c>
      <c r="B1888" s="6">
        <v>155444</v>
      </c>
      <c r="C1888" s="6" t="s">
        <v>4026</v>
      </c>
      <c r="D1888" s="6" t="s">
        <v>4027</v>
      </c>
      <c r="E1888" s="6">
        <v>94001</v>
      </c>
      <c r="F1888" s="6" t="s">
        <v>18</v>
      </c>
      <c r="G1888" s="6" t="s">
        <v>4028</v>
      </c>
      <c r="H1888" s="6" t="s">
        <v>4029</v>
      </c>
      <c r="I1888" s="7">
        <v>3.8702044</v>
      </c>
      <c r="J1888" s="8">
        <v>-67.924336099999906</v>
      </c>
    </row>
    <row r="1889" spans="1:10" x14ac:dyDescent="0.35">
      <c r="A1889" s="5" t="s">
        <v>10</v>
      </c>
      <c r="B1889" s="6">
        <v>246835</v>
      </c>
      <c r="C1889" s="6" t="s">
        <v>11</v>
      </c>
      <c r="D1889" s="6" t="s">
        <v>4030</v>
      </c>
      <c r="E1889" s="6">
        <v>25183</v>
      </c>
      <c r="F1889" s="6" t="s">
        <v>18</v>
      </c>
      <c r="G1889" s="6" t="s">
        <v>4031</v>
      </c>
      <c r="H1889" s="6" t="s">
        <v>4032</v>
      </c>
      <c r="I1889" s="7">
        <v>5.1454756000000001</v>
      </c>
      <c r="J1889" s="8">
        <v>-73.685187400000004</v>
      </c>
    </row>
    <row r="1890" spans="1:10" x14ac:dyDescent="0.35">
      <c r="A1890" s="5" t="s">
        <v>10</v>
      </c>
      <c r="B1890" s="6">
        <v>237115</v>
      </c>
      <c r="C1890" s="6" t="s">
        <v>11</v>
      </c>
      <c r="D1890" s="6" t="s">
        <v>101</v>
      </c>
      <c r="E1890" s="6">
        <v>25473</v>
      </c>
      <c r="F1890" s="6" t="s">
        <v>18</v>
      </c>
      <c r="G1890" s="6" t="s">
        <v>4033</v>
      </c>
      <c r="H1890" s="6" t="s">
        <v>4034</v>
      </c>
      <c r="I1890" s="7">
        <v>4.7053246</v>
      </c>
      <c r="J1890" s="8">
        <v>-74.2286395</v>
      </c>
    </row>
    <row r="1891" spans="1:10" x14ac:dyDescent="0.35">
      <c r="A1891" s="5" t="s">
        <v>10</v>
      </c>
      <c r="B1891" s="6">
        <v>235555</v>
      </c>
      <c r="C1891" s="6" t="s">
        <v>117</v>
      </c>
      <c r="D1891" s="6" t="s">
        <v>1334</v>
      </c>
      <c r="E1891" s="6">
        <v>76001</v>
      </c>
      <c r="F1891" s="6" t="s">
        <v>18</v>
      </c>
      <c r="G1891" s="6" t="s">
        <v>4035</v>
      </c>
      <c r="H1891" s="6" t="s">
        <v>4036</v>
      </c>
      <c r="I1891" s="7">
        <v>3.4487187000000001</v>
      </c>
      <c r="J1891" s="8">
        <v>-76.497486800000004</v>
      </c>
    </row>
    <row r="1892" spans="1:10" x14ac:dyDescent="0.35">
      <c r="A1892" s="5" t="s">
        <v>10</v>
      </c>
      <c r="B1892" s="6">
        <v>233487</v>
      </c>
      <c r="C1892" s="6" t="s">
        <v>190</v>
      </c>
      <c r="D1892" s="6" t="s">
        <v>191</v>
      </c>
      <c r="E1892" s="6">
        <v>5001</v>
      </c>
      <c r="F1892" s="6" t="s">
        <v>18</v>
      </c>
      <c r="G1892" s="6" t="s">
        <v>4037</v>
      </c>
      <c r="H1892" s="6" t="s">
        <v>4038</v>
      </c>
      <c r="I1892" s="7">
        <v>6.2259700000000002</v>
      </c>
      <c r="J1892" s="8">
        <v>-75.587490000000003</v>
      </c>
    </row>
    <row r="1893" spans="1:10" x14ac:dyDescent="0.35">
      <c r="A1893" s="5" t="s">
        <v>10</v>
      </c>
      <c r="B1893" s="6">
        <v>227151</v>
      </c>
      <c r="C1893" s="6" t="s">
        <v>466</v>
      </c>
      <c r="D1893" s="6" t="s">
        <v>1576</v>
      </c>
      <c r="E1893" s="6">
        <v>81065</v>
      </c>
      <c r="F1893" s="6" t="s">
        <v>18</v>
      </c>
      <c r="G1893" s="6" t="s">
        <v>4039</v>
      </c>
      <c r="H1893" s="6" t="s">
        <v>4040</v>
      </c>
      <c r="I1893" s="7">
        <v>6.9619951999999996</v>
      </c>
      <c r="J1893" s="8">
        <v>-71.6212862</v>
      </c>
    </row>
    <row r="1894" spans="1:10" x14ac:dyDescent="0.35">
      <c r="A1894" s="5" t="s">
        <v>10</v>
      </c>
      <c r="B1894" s="6">
        <v>238977</v>
      </c>
      <c r="C1894" s="6" t="s">
        <v>302</v>
      </c>
      <c r="D1894" s="6" t="s">
        <v>4041</v>
      </c>
      <c r="E1894" s="6">
        <v>8758</v>
      </c>
      <c r="F1894" s="6" t="s">
        <v>18</v>
      </c>
      <c r="G1894" s="6" t="s">
        <v>4042</v>
      </c>
      <c r="H1894" s="6" t="s">
        <v>4043</v>
      </c>
      <c r="I1894" s="7">
        <v>10.918200799999999</v>
      </c>
      <c r="J1894" s="8">
        <v>-74.805149099999994</v>
      </c>
    </row>
    <row r="1895" spans="1:10" x14ac:dyDescent="0.35">
      <c r="A1895" s="5" t="s">
        <v>10</v>
      </c>
      <c r="B1895" s="6">
        <v>203820</v>
      </c>
      <c r="C1895" s="6" t="s">
        <v>466</v>
      </c>
      <c r="D1895" s="6" t="s">
        <v>1262</v>
      </c>
      <c r="E1895" s="6">
        <v>81001</v>
      </c>
      <c r="F1895" s="6" t="s">
        <v>18</v>
      </c>
      <c r="G1895" s="6" t="s">
        <v>4044</v>
      </c>
      <c r="H1895" s="6" t="s">
        <v>4045</v>
      </c>
      <c r="I1895" s="7">
        <v>6.7801280999999998</v>
      </c>
      <c r="J1895" s="8">
        <v>-70.716846899999993</v>
      </c>
    </row>
    <row r="1896" spans="1:10" x14ac:dyDescent="0.35">
      <c r="A1896" s="5" t="s">
        <v>10</v>
      </c>
      <c r="B1896" s="6">
        <v>241957</v>
      </c>
      <c r="C1896" s="6" t="s">
        <v>278</v>
      </c>
      <c r="D1896" s="6" t="s">
        <v>279</v>
      </c>
      <c r="E1896" s="6">
        <v>50001</v>
      </c>
      <c r="F1896" s="6" t="s">
        <v>18</v>
      </c>
      <c r="G1896" s="6" t="s">
        <v>4046</v>
      </c>
      <c r="H1896" s="6" t="s">
        <v>4047</v>
      </c>
      <c r="I1896" s="7">
        <v>4.1426531000000004</v>
      </c>
      <c r="J1896" s="8">
        <v>-73.650272000000001</v>
      </c>
    </row>
    <row r="1897" spans="1:10" x14ac:dyDescent="0.35">
      <c r="A1897" s="5" t="s">
        <v>10</v>
      </c>
      <c r="B1897" s="6">
        <v>200857</v>
      </c>
      <c r="C1897" s="6" t="s">
        <v>294</v>
      </c>
      <c r="D1897" s="6" t="s">
        <v>3777</v>
      </c>
      <c r="E1897" s="6">
        <v>41132</v>
      </c>
      <c r="F1897" s="6" t="s">
        <v>18</v>
      </c>
      <c r="G1897" s="6" t="s">
        <v>4048</v>
      </c>
      <c r="H1897" s="6" t="s">
        <v>4049</v>
      </c>
      <c r="I1897" s="7">
        <v>2.9375610999999999</v>
      </c>
      <c r="J1897" s="8">
        <v>-75.284357200000002</v>
      </c>
    </row>
    <row r="1898" spans="1:10" x14ac:dyDescent="0.35">
      <c r="A1898" s="5" t="s">
        <v>10</v>
      </c>
      <c r="B1898" s="6">
        <v>207236</v>
      </c>
      <c r="C1898" s="6" t="s">
        <v>294</v>
      </c>
      <c r="D1898" s="6" t="s">
        <v>447</v>
      </c>
      <c r="E1898" s="6">
        <v>41551</v>
      </c>
      <c r="F1898" s="6" t="s">
        <v>18</v>
      </c>
      <c r="G1898" s="6" t="s">
        <v>4050</v>
      </c>
      <c r="H1898" s="6" t="s">
        <v>4051</v>
      </c>
      <c r="I1898" s="7">
        <v>1.8475571</v>
      </c>
      <c r="J1898" s="8">
        <v>-76.063768299999893</v>
      </c>
    </row>
    <row r="1899" spans="1:10" x14ac:dyDescent="0.35">
      <c r="A1899" s="5" t="s">
        <v>10</v>
      </c>
      <c r="B1899" s="6">
        <v>217897</v>
      </c>
      <c r="C1899" s="6" t="s">
        <v>294</v>
      </c>
      <c r="D1899" s="6" t="s">
        <v>703</v>
      </c>
      <c r="E1899" s="6">
        <v>41001</v>
      </c>
      <c r="F1899" s="6" t="s">
        <v>18</v>
      </c>
      <c r="G1899" s="6" t="s">
        <v>4052</v>
      </c>
      <c r="H1899" s="6" t="s">
        <v>4053</v>
      </c>
      <c r="I1899" s="7">
        <v>2.9281503</v>
      </c>
      <c r="J1899" s="8">
        <v>-75.266407000000001</v>
      </c>
    </row>
    <row r="1900" spans="1:10" x14ac:dyDescent="0.35">
      <c r="A1900" s="5" t="s">
        <v>10</v>
      </c>
      <c r="B1900" s="6">
        <v>213172</v>
      </c>
      <c r="C1900" s="6" t="s">
        <v>11</v>
      </c>
      <c r="D1900" s="6" t="s">
        <v>101</v>
      </c>
      <c r="E1900" s="6">
        <v>25473</v>
      </c>
      <c r="F1900" s="6" t="s">
        <v>18</v>
      </c>
      <c r="G1900" s="6" t="s">
        <v>4054</v>
      </c>
      <c r="H1900" s="6" t="s">
        <v>4055</v>
      </c>
      <c r="I1900" s="7">
        <v>4.7163202999999996</v>
      </c>
      <c r="J1900" s="8">
        <v>-74.223396800000003</v>
      </c>
    </row>
    <row r="1901" spans="1:10" x14ac:dyDescent="0.35">
      <c r="A1901" s="5" t="s">
        <v>10</v>
      </c>
      <c r="B1901" s="6">
        <v>154441</v>
      </c>
      <c r="C1901" s="6" t="s">
        <v>68</v>
      </c>
      <c r="D1901" s="6" t="s">
        <v>69</v>
      </c>
      <c r="E1901" s="6">
        <v>11001</v>
      </c>
      <c r="F1901" s="6" t="s">
        <v>18</v>
      </c>
      <c r="G1901" s="6" t="s">
        <v>4056</v>
      </c>
      <c r="H1901" s="6" t="s">
        <v>4057</v>
      </c>
      <c r="I1901" s="7">
        <v>4.6410041999999896</v>
      </c>
      <c r="J1901" s="8">
        <v>-74.195989699999998</v>
      </c>
    </row>
    <row r="1902" spans="1:10" x14ac:dyDescent="0.35">
      <c r="A1902" s="5" t="s">
        <v>10</v>
      </c>
      <c r="B1902" s="6">
        <v>172047</v>
      </c>
      <c r="C1902" s="6" t="s">
        <v>11</v>
      </c>
      <c r="D1902" s="6" t="s">
        <v>3054</v>
      </c>
      <c r="E1902" s="6">
        <v>25269</v>
      </c>
      <c r="F1902" s="6" t="s">
        <v>18</v>
      </c>
      <c r="G1902" s="6" t="s">
        <v>4058</v>
      </c>
      <c r="H1902" s="6" t="s">
        <v>4059</v>
      </c>
      <c r="I1902" s="7">
        <v>4.5702634999999896</v>
      </c>
      <c r="J1902" s="8">
        <v>-74.094993099999996</v>
      </c>
    </row>
    <row r="1903" spans="1:10" x14ac:dyDescent="0.35">
      <c r="A1903" s="5" t="s">
        <v>10</v>
      </c>
      <c r="B1903" s="6">
        <v>224644</v>
      </c>
      <c r="C1903" s="6" t="s">
        <v>457</v>
      </c>
      <c r="D1903" s="6" t="s">
        <v>4060</v>
      </c>
      <c r="E1903" s="6">
        <v>52838</v>
      </c>
      <c r="F1903" s="6" t="s">
        <v>18</v>
      </c>
      <c r="G1903" s="6" t="s">
        <v>4061</v>
      </c>
      <c r="H1903" s="6" t="s">
        <v>4062</v>
      </c>
      <c r="I1903" s="7">
        <v>1.08568</v>
      </c>
      <c r="J1903" s="8">
        <v>-77.623609999999999</v>
      </c>
    </row>
    <row r="1904" spans="1:10" x14ac:dyDescent="0.35">
      <c r="A1904" s="5" t="s">
        <v>10</v>
      </c>
      <c r="B1904" s="6">
        <v>226379</v>
      </c>
      <c r="C1904" s="6" t="s">
        <v>190</v>
      </c>
      <c r="D1904" s="6" t="s">
        <v>4063</v>
      </c>
      <c r="E1904" s="6">
        <v>5088</v>
      </c>
      <c r="F1904" s="6" t="s">
        <v>13</v>
      </c>
      <c r="G1904" s="6" t="s">
        <v>3737</v>
      </c>
      <c r="H1904" s="6" t="s">
        <v>4064</v>
      </c>
      <c r="I1904" s="7">
        <v>6.3166798999999996</v>
      </c>
      <c r="J1904" s="8">
        <v>-75.5572193</v>
      </c>
    </row>
    <row r="1905" spans="1:10" x14ac:dyDescent="0.35">
      <c r="A1905" s="5" t="s">
        <v>10</v>
      </c>
      <c r="B1905" s="6">
        <v>244820</v>
      </c>
      <c r="C1905" s="6" t="s">
        <v>278</v>
      </c>
      <c r="D1905" s="6" t="s">
        <v>1331</v>
      </c>
      <c r="E1905" s="6">
        <v>50006</v>
      </c>
      <c r="F1905" s="6" t="s">
        <v>18</v>
      </c>
      <c r="G1905" s="6" t="s">
        <v>4065</v>
      </c>
      <c r="H1905" s="6" t="s">
        <v>4066</v>
      </c>
      <c r="I1905" s="7">
        <v>3.9856576000000001</v>
      </c>
      <c r="J1905" s="8">
        <v>-73.768112500000001</v>
      </c>
    </row>
    <row r="1906" spans="1:10" x14ac:dyDescent="0.35">
      <c r="A1906" s="5" t="s">
        <v>10</v>
      </c>
      <c r="B1906" s="6">
        <v>234428</v>
      </c>
      <c r="C1906" s="6" t="s">
        <v>11</v>
      </c>
      <c r="D1906" s="6" t="s">
        <v>337</v>
      </c>
      <c r="E1906" s="6">
        <v>25290</v>
      </c>
      <c r="F1906" s="6" t="s">
        <v>18</v>
      </c>
      <c r="G1906" s="6" t="s">
        <v>4067</v>
      </c>
      <c r="H1906" s="6" t="s">
        <v>4068</v>
      </c>
      <c r="I1906" s="7">
        <v>4.3512389000000002</v>
      </c>
      <c r="J1906" s="8">
        <v>-74.357996</v>
      </c>
    </row>
    <row r="1907" spans="1:10" x14ac:dyDescent="0.35">
      <c r="A1907" s="5" t="s">
        <v>10</v>
      </c>
      <c r="B1907" s="6">
        <v>151631</v>
      </c>
      <c r="C1907" s="6" t="s">
        <v>11</v>
      </c>
      <c r="D1907" s="6" t="s">
        <v>159</v>
      </c>
      <c r="E1907" s="6">
        <v>25175</v>
      </c>
      <c r="F1907" s="6" t="s">
        <v>18</v>
      </c>
      <c r="G1907" s="6" t="s">
        <v>4069</v>
      </c>
      <c r="H1907" s="6" t="s">
        <v>4070</v>
      </c>
      <c r="I1907" s="7">
        <v>4.8783170999999896</v>
      </c>
      <c r="J1907" s="8">
        <v>-74.045132999999893</v>
      </c>
    </row>
    <row r="1908" spans="1:10" x14ac:dyDescent="0.35">
      <c r="A1908" s="5" t="s">
        <v>10</v>
      </c>
      <c r="B1908" s="6">
        <v>224038</v>
      </c>
      <c r="C1908" s="6" t="s">
        <v>11</v>
      </c>
      <c r="D1908" s="6" t="s">
        <v>513</v>
      </c>
      <c r="E1908" s="6">
        <v>25286</v>
      </c>
      <c r="F1908" s="6" t="s">
        <v>18</v>
      </c>
      <c r="G1908" s="6" t="s">
        <v>4071</v>
      </c>
      <c r="H1908" s="6" t="s">
        <v>4072</v>
      </c>
      <c r="I1908" s="7">
        <v>4.7154020999999897</v>
      </c>
      <c r="J1908" s="8">
        <v>-74.221727099999995</v>
      </c>
    </row>
    <row r="1909" spans="1:10" x14ac:dyDescent="0.35">
      <c r="A1909" s="5" t="s">
        <v>10</v>
      </c>
      <c r="B1909" s="6">
        <v>231198</v>
      </c>
      <c r="C1909" s="6" t="s">
        <v>11</v>
      </c>
      <c r="D1909" s="6" t="s">
        <v>4073</v>
      </c>
      <c r="E1909" s="6">
        <v>25740</v>
      </c>
      <c r="F1909" s="6" t="s">
        <v>18</v>
      </c>
      <c r="G1909" s="6" t="s">
        <v>4074</v>
      </c>
      <c r="H1909" s="6" t="s">
        <v>4075</v>
      </c>
      <c r="I1909" s="7">
        <v>4.4942789999999997</v>
      </c>
      <c r="J1909" s="8">
        <v>-74.260189299999993</v>
      </c>
    </row>
    <row r="1910" spans="1:10" x14ac:dyDescent="0.35">
      <c r="A1910" s="5" t="s">
        <v>10</v>
      </c>
      <c r="B1910" s="6">
        <v>226377</v>
      </c>
      <c r="C1910" s="6" t="s">
        <v>94</v>
      </c>
      <c r="D1910" s="6" t="s">
        <v>843</v>
      </c>
      <c r="E1910" s="6">
        <v>66400</v>
      </c>
      <c r="F1910" s="6" t="s">
        <v>13</v>
      </c>
      <c r="G1910" s="6" t="s">
        <v>3737</v>
      </c>
      <c r="H1910" s="6" t="s">
        <v>4076</v>
      </c>
      <c r="I1910" s="7">
        <v>4.9019630999999997</v>
      </c>
      <c r="J1910" s="8">
        <v>-75.8844402</v>
      </c>
    </row>
    <row r="1911" spans="1:10" x14ac:dyDescent="0.35">
      <c r="A1911" s="5" t="s">
        <v>10</v>
      </c>
      <c r="B1911" s="6">
        <v>239590</v>
      </c>
      <c r="C1911" s="6" t="s">
        <v>68</v>
      </c>
      <c r="D1911" s="6" t="s">
        <v>69</v>
      </c>
      <c r="E1911" s="6">
        <v>11001</v>
      </c>
      <c r="F1911" s="6" t="s">
        <v>2161</v>
      </c>
      <c r="G1911" s="6" t="s">
        <v>4077</v>
      </c>
      <c r="H1911" s="6" t="s">
        <v>4078</v>
      </c>
      <c r="I1911" s="7">
        <v>4.6007676000000002</v>
      </c>
      <c r="J1911" s="8">
        <v>-74.081156899999996</v>
      </c>
    </row>
    <row r="1912" spans="1:10" x14ac:dyDescent="0.35">
      <c r="A1912" s="5" t="s">
        <v>10</v>
      </c>
      <c r="B1912" s="6">
        <v>245294</v>
      </c>
      <c r="C1912" s="6" t="s">
        <v>16</v>
      </c>
      <c r="D1912" s="6" t="s">
        <v>2825</v>
      </c>
      <c r="E1912" s="6">
        <v>68276</v>
      </c>
      <c r="F1912" s="6" t="s">
        <v>18</v>
      </c>
      <c r="G1912" s="6" t="s">
        <v>3831</v>
      </c>
      <c r="H1912" s="6" t="s">
        <v>3832</v>
      </c>
      <c r="I1912" s="7">
        <v>7.0765642</v>
      </c>
      <c r="J1912" s="8">
        <v>-73.088158300000003</v>
      </c>
    </row>
    <row r="1913" spans="1:10" x14ac:dyDescent="0.35">
      <c r="A1913" s="5" t="s">
        <v>10</v>
      </c>
      <c r="B1913" s="6">
        <v>203773</v>
      </c>
      <c r="C1913" s="6" t="s">
        <v>16</v>
      </c>
      <c r="D1913" s="6" t="s">
        <v>510</v>
      </c>
      <c r="E1913" s="6">
        <v>68547</v>
      </c>
      <c r="F1913" s="6" t="s">
        <v>18</v>
      </c>
      <c r="G1913" s="6" t="s">
        <v>4079</v>
      </c>
      <c r="H1913" s="6" t="s">
        <v>4080</v>
      </c>
      <c r="I1913" s="7">
        <v>11.2453599</v>
      </c>
      <c r="J1913" s="8">
        <v>-74.208916799999997</v>
      </c>
    </row>
    <row r="1914" spans="1:10" x14ac:dyDescent="0.35">
      <c r="A1914" s="5" t="s">
        <v>10</v>
      </c>
      <c r="B1914" s="6">
        <v>207558</v>
      </c>
      <c r="C1914" s="6" t="s">
        <v>294</v>
      </c>
      <c r="D1914" s="6" t="s">
        <v>4081</v>
      </c>
      <c r="E1914" s="6">
        <v>41306</v>
      </c>
      <c r="F1914" s="6" t="s">
        <v>18</v>
      </c>
      <c r="G1914" s="6" t="s">
        <v>4082</v>
      </c>
      <c r="H1914" s="6" t="s">
        <v>4083</v>
      </c>
      <c r="I1914" s="7">
        <v>2.3845070000000002</v>
      </c>
      <c r="J1914" s="8">
        <v>-75.542887999999905</v>
      </c>
    </row>
    <row r="1915" spans="1:10" x14ac:dyDescent="0.35">
      <c r="A1915" s="5" t="s">
        <v>10</v>
      </c>
      <c r="B1915" s="6">
        <v>220402</v>
      </c>
      <c r="C1915" s="6" t="s">
        <v>11</v>
      </c>
      <c r="D1915" s="6" t="s">
        <v>4084</v>
      </c>
      <c r="E1915" s="6">
        <v>25535</v>
      </c>
      <c r="F1915" s="6" t="s">
        <v>18</v>
      </c>
      <c r="G1915" s="6" t="s">
        <v>4085</v>
      </c>
      <c r="H1915" s="6" t="s">
        <v>4086</v>
      </c>
      <c r="I1915" s="7">
        <v>4.3083391000000004</v>
      </c>
      <c r="J1915" s="8">
        <v>-74.303697499999998</v>
      </c>
    </row>
    <row r="1916" spans="1:10" x14ac:dyDescent="0.35">
      <c r="A1916" s="5" t="s">
        <v>10</v>
      </c>
      <c r="B1916" s="6">
        <v>227261</v>
      </c>
      <c r="C1916" s="6" t="s">
        <v>11</v>
      </c>
      <c r="D1916" s="6" t="s">
        <v>1193</v>
      </c>
      <c r="E1916" s="6">
        <v>25035</v>
      </c>
      <c r="F1916" s="6" t="s">
        <v>18</v>
      </c>
      <c r="G1916" s="6" t="s">
        <v>4087</v>
      </c>
      <c r="H1916" s="6" t="s">
        <v>4088</v>
      </c>
      <c r="I1916" s="7">
        <v>4.5489419999999896</v>
      </c>
      <c r="J1916" s="8">
        <v>-74.535235</v>
      </c>
    </row>
    <row r="1917" spans="1:10" x14ac:dyDescent="0.35">
      <c r="A1917" s="5" t="s">
        <v>10</v>
      </c>
      <c r="B1917" s="6">
        <v>245444</v>
      </c>
      <c r="C1917" s="6" t="s">
        <v>11</v>
      </c>
      <c r="D1917" s="6" t="s">
        <v>4089</v>
      </c>
      <c r="E1917" s="6">
        <v>25777</v>
      </c>
      <c r="F1917" s="6" t="s">
        <v>18</v>
      </c>
      <c r="G1917" s="6" t="s">
        <v>4090</v>
      </c>
      <c r="H1917" s="6" t="s">
        <v>4091</v>
      </c>
      <c r="I1917" s="7">
        <v>5.0612734000000001</v>
      </c>
      <c r="J1917" s="8">
        <v>-74.236377899999994</v>
      </c>
    </row>
    <row r="1918" spans="1:10" x14ac:dyDescent="0.35">
      <c r="A1918" s="5" t="s">
        <v>10</v>
      </c>
      <c r="B1918" s="6">
        <v>234027</v>
      </c>
      <c r="C1918" s="6" t="s">
        <v>117</v>
      </c>
      <c r="D1918" s="6" t="s">
        <v>1334</v>
      </c>
      <c r="E1918" s="6">
        <v>76001</v>
      </c>
      <c r="F1918" s="6" t="s">
        <v>18</v>
      </c>
      <c r="G1918" s="6" t="s">
        <v>4092</v>
      </c>
      <c r="H1918" s="6" t="s">
        <v>4093</v>
      </c>
      <c r="I1918" s="7">
        <v>3.3977526</v>
      </c>
      <c r="J1918" s="8">
        <v>-76.545682900000003</v>
      </c>
    </row>
    <row r="1919" spans="1:10" x14ac:dyDescent="0.35">
      <c r="A1919" s="5" t="s">
        <v>10</v>
      </c>
      <c r="B1919" s="6">
        <v>203342</v>
      </c>
      <c r="C1919" s="6" t="s">
        <v>117</v>
      </c>
      <c r="D1919" s="6" t="s">
        <v>1334</v>
      </c>
      <c r="E1919" s="6">
        <v>76001</v>
      </c>
      <c r="F1919" s="6" t="s">
        <v>18</v>
      </c>
      <c r="G1919" s="6" t="s">
        <v>4094</v>
      </c>
      <c r="H1919" s="6" t="s">
        <v>4095</v>
      </c>
      <c r="I1919" s="7">
        <v>3.4859689999999999</v>
      </c>
      <c r="J1919" s="8">
        <v>-76.500269000000003</v>
      </c>
    </row>
    <row r="1920" spans="1:10" x14ac:dyDescent="0.35">
      <c r="A1920" s="5" t="s">
        <v>10</v>
      </c>
      <c r="B1920" s="6">
        <v>203469</v>
      </c>
      <c r="C1920" s="6" t="s">
        <v>117</v>
      </c>
      <c r="D1920" s="6" t="s">
        <v>4096</v>
      </c>
      <c r="E1920" s="6">
        <v>76233</v>
      </c>
      <c r="F1920" s="6" t="s">
        <v>18</v>
      </c>
      <c r="G1920" s="6" t="s">
        <v>4097</v>
      </c>
      <c r="H1920" s="6" t="s">
        <v>4098</v>
      </c>
      <c r="I1920" s="7">
        <v>3.5726399999999998</v>
      </c>
      <c r="J1920" s="8">
        <v>-76.644630999999904</v>
      </c>
    </row>
    <row r="1921" spans="1:10" x14ac:dyDescent="0.35">
      <c r="A1921" s="5" t="s">
        <v>10</v>
      </c>
      <c r="B1921" s="6">
        <v>231663</v>
      </c>
      <c r="C1921" s="6" t="s">
        <v>117</v>
      </c>
      <c r="D1921" s="6" t="s">
        <v>1334</v>
      </c>
      <c r="E1921" s="6">
        <v>76001</v>
      </c>
      <c r="F1921" s="6" t="s">
        <v>18</v>
      </c>
      <c r="G1921" s="6" t="s">
        <v>4099</v>
      </c>
      <c r="H1921" s="6" t="s">
        <v>4100</v>
      </c>
      <c r="I1921" s="7">
        <v>3.4338617</v>
      </c>
      <c r="J1921" s="8">
        <v>-76.470056799999995</v>
      </c>
    </row>
    <row r="1922" spans="1:10" x14ac:dyDescent="0.35">
      <c r="A1922" s="5" t="s">
        <v>10</v>
      </c>
      <c r="B1922" s="6">
        <v>236050</v>
      </c>
      <c r="C1922" s="6" t="s">
        <v>68</v>
      </c>
      <c r="D1922" s="6" t="s">
        <v>69</v>
      </c>
      <c r="E1922" s="6">
        <v>11001</v>
      </c>
      <c r="F1922" s="6" t="s">
        <v>18</v>
      </c>
      <c r="G1922" s="6" t="s">
        <v>3842</v>
      </c>
      <c r="H1922" s="6" t="s">
        <v>4101</v>
      </c>
      <c r="I1922" s="7">
        <v>4.6873785999999997</v>
      </c>
      <c r="J1922" s="8">
        <v>-74.061059599999993</v>
      </c>
    </row>
    <row r="1923" spans="1:10" x14ac:dyDescent="0.35">
      <c r="A1923" s="5" t="s">
        <v>10</v>
      </c>
      <c r="B1923" s="6">
        <v>187451</v>
      </c>
      <c r="C1923" s="6" t="s">
        <v>11</v>
      </c>
      <c r="D1923" s="6" t="s">
        <v>334</v>
      </c>
      <c r="E1923" s="6">
        <v>25754</v>
      </c>
      <c r="F1923" s="6" t="s">
        <v>18</v>
      </c>
      <c r="G1923" s="6" t="s">
        <v>4102</v>
      </c>
      <c r="H1923" s="6" t="s">
        <v>4103</v>
      </c>
      <c r="I1923" s="7">
        <v>4.5761503000000001</v>
      </c>
      <c r="J1923" s="8">
        <v>-74.212803100000002</v>
      </c>
    </row>
    <row r="1924" spans="1:10" x14ac:dyDescent="0.35">
      <c r="A1924" s="5" t="s">
        <v>10</v>
      </c>
      <c r="B1924" s="6">
        <v>231311</v>
      </c>
      <c r="C1924" s="6" t="s">
        <v>68</v>
      </c>
      <c r="D1924" s="6" t="s">
        <v>69</v>
      </c>
      <c r="E1924" s="6">
        <v>11001</v>
      </c>
      <c r="F1924" s="6" t="s">
        <v>18</v>
      </c>
      <c r="G1924" s="6" t="s">
        <v>4104</v>
      </c>
      <c r="H1924" s="6" t="s">
        <v>4105</v>
      </c>
      <c r="I1924" s="7">
        <v>4.5491723999999998</v>
      </c>
      <c r="J1924" s="8">
        <v>-74.092651000000004</v>
      </c>
    </row>
    <row r="1925" spans="1:10" x14ac:dyDescent="0.35">
      <c r="A1925" s="5" t="s">
        <v>10</v>
      </c>
      <c r="B1925" s="6">
        <v>226355</v>
      </c>
      <c r="C1925" s="6" t="s">
        <v>190</v>
      </c>
      <c r="D1925" s="6" t="s">
        <v>62</v>
      </c>
      <c r="E1925" s="6">
        <v>5059</v>
      </c>
      <c r="F1925" s="6" t="s">
        <v>13</v>
      </c>
      <c r="G1925" s="6" t="s">
        <v>3737</v>
      </c>
      <c r="H1925" s="6" t="s">
        <v>4106</v>
      </c>
      <c r="I1925" s="7">
        <v>4.5269656999999999</v>
      </c>
      <c r="J1925" s="8">
        <v>-75.639243100000002</v>
      </c>
    </row>
    <row r="1926" spans="1:10" x14ac:dyDescent="0.35">
      <c r="A1926" s="5" t="s">
        <v>10</v>
      </c>
      <c r="B1926" s="6">
        <v>226375</v>
      </c>
      <c r="C1926" s="6" t="s">
        <v>94</v>
      </c>
      <c r="D1926" s="6" t="s">
        <v>98</v>
      </c>
      <c r="E1926" s="6">
        <v>66001</v>
      </c>
      <c r="F1926" s="6" t="s">
        <v>13</v>
      </c>
      <c r="G1926" s="6" t="s">
        <v>3737</v>
      </c>
      <c r="H1926" s="6" t="s">
        <v>4107</v>
      </c>
      <c r="I1926" s="7">
        <v>4.8087173999999999</v>
      </c>
      <c r="J1926" s="8">
        <v>-75.690601000000001</v>
      </c>
    </row>
    <row r="1927" spans="1:10" x14ac:dyDescent="0.35">
      <c r="A1927" s="5" t="s">
        <v>10</v>
      </c>
      <c r="B1927" s="6">
        <v>248209</v>
      </c>
      <c r="C1927" s="6" t="s">
        <v>294</v>
      </c>
      <c r="D1927" s="6" t="s">
        <v>703</v>
      </c>
      <c r="E1927" s="6">
        <v>41001</v>
      </c>
      <c r="F1927" s="6" t="s">
        <v>2161</v>
      </c>
      <c r="G1927" s="6" t="s">
        <v>4108</v>
      </c>
      <c r="H1927" s="6" t="s">
        <v>4109</v>
      </c>
      <c r="I1927" s="7">
        <v>2.9080629999999998</v>
      </c>
      <c r="J1927" s="8">
        <v>-75.268984500000002</v>
      </c>
    </row>
    <row r="1928" spans="1:10" x14ac:dyDescent="0.35">
      <c r="A1928" s="5" t="s">
        <v>10</v>
      </c>
      <c r="B1928" s="6">
        <v>186380</v>
      </c>
      <c r="C1928" s="6" t="s">
        <v>68</v>
      </c>
      <c r="D1928" s="6" t="s">
        <v>69</v>
      </c>
      <c r="E1928" s="6">
        <v>11001</v>
      </c>
      <c r="F1928" s="6" t="s">
        <v>18</v>
      </c>
      <c r="G1928" s="6" t="s">
        <v>4110</v>
      </c>
      <c r="H1928" s="6" t="s">
        <v>4111</v>
      </c>
      <c r="I1928" s="7">
        <v>4.7472585999999897</v>
      </c>
      <c r="J1928" s="8">
        <v>-74.097875599999995</v>
      </c>
    </row>
    <row r="1929" spans="1:10" x14ac:dyDescent="0.35">
      <c r="A1929" s="5" t="s">
        <v>10</v>
      </c>
      <c r="B1929" s="6">
        <v>241860</v>
      </c>
      <c r="C1929" s="6" t="s">
        <v>278</v>
      </c>
      <c r="D1929" s="6" t="s">
        <v>1331</v>
      </c>
      <c r="E1929" s="6">
        <v>50006</v>
      </c>
      <c r="F1929" s="6" t="s">
        <v>18</v>
      </c>
      <c r="G1929" s="6" t="s">
        <v>4112</v>
      </c>
      <c r="H1929" s="6" t="s">
        <v>4113</v>
      </c>
      <c r="I1929" s="7">
        <v>3.9864899999999999</v>
      </c>
      <c r="J1929" s="8">
        <v>-73.757900000000006</v>
      </c>
    </row>
    <row r="1930" spans="1:10" x14ac:dyDescent="0.35">
      <c r="A1930" s="5" t="s">
        <v>10</v>
      </c>
      <c r="B1930" s="6">
        <v>118710</v>
      </c>
      <c r="C1930" s="6" t="s">
        <v>294</v>
      </c>
      <c r="D1930" s="6" t="s">
        <v>703</v>
      </c>
      <c r="E1930" s="6">
        <v>41001</v>
      </c>
      <c r="F1930" s="6" t="s">
        <v>18</v>
      </c>
      <c r="G1930" s="6" t="s">
        <v>4114</v>
      </c>
      <c r="H1930" s="6" t="s">
        <v>4115</v>
      </c>
      <c r="I1930" s="7">
        <v>2.9274871</v>
      </c>
      <c r="J1930" s="8">
        <v>-75.173701800000003</v>
      </c>
    </row>
    <row r="1931" spans="1:10" x14ac:dyDescent="0.35">
      <c r="A1931" s="5" t="s">
        <v>10</v>
      </c>
      <c r="B1931" s="6">
        <v>174126</v>
      </c>
      <c r="C1931" s="6" t="s">
        <v>11</v>
      </c>
      <c r="D1931" s="6" t="s">
        <v>334</v>
      </c>
      <c r="E1931" s="6">
        <v>25754</v>
      </c>
      <c r="F1931" s="6" t="s">
        <v>18</v>
      </c>
      <c r="G1931" s="6" t="s">
        <v>4116</v>
      </c>
      <c r="H1931" s="6" t="s">
        <v>4117</v>
      </c>
      <c r="I1931" s="7">
        <v>4.6124307999999896</v>
      </c>
      <c r="J1931" s="8">
        <v>-74.218864400000001</v>
      </c>
    </row>
    <row r="1932" spans="1:10" x14ac:dyDescent="0.35">
      <c r="A1932" s="5" t="s">
        <v>10</v>
      </c>
      <c r="B1932" s="6">
        <v>187117</v>
      </c>
      <c r="C1932" s="6" t="s">
        <v>11</v>
      </c>
      <c r="D1932" s="6" t="s">
        <v>334</v>
      </c>
      <c r="E1932" s="6">
        <v>25754</v>
      </c>
      <c r="F1932" s="6" t="s">
        <v>18</v>
      </c>
      <c r="G1932" s="6" t="s">
        <v>4118</v>
      </c>
      <c r="H1932" s="6" t="s">
        <v>4119</v>
      </c>
      <c r="I1932" s="7">
        <v>4.5707867000000002</v>
      </c>
      <c r="J1932" s="8">
        <v>-74.224754599999997</v>
      </c>
    </row>
    <row r="1933" spans="1:10" x14ac:dyDescent="0.35">
      <c r="A1933" s="5" t="s">
        <v>10</v>
      </c>
      <c r="B1933" s="6">
        <v>230796</v>
      </c>
      <c r="C1933" s="6" t="s">
        <v>11</v>
      </c>
      <c r="D1933" s="6" t="s">
        <v>12</v>
      </c>
      <c r="E1933" s="6">
        <v>25899</v>
      </c>
      <c r="F1933" s="6" t="s">
        <v>18</v>
      </c>
      <c r="G1933" s="6" t="s">
        <v>4120</v>
      </c>
      <c r="H1933" s="6" t="s">
        <v>4121</v>
      </c>
      <c r="I1933" s="7">
        <v>5.0171561000000002</v>
      </c>
      <c r="J1933" s="8">
        <v>-74.004713199999998</v>
      </c>
    </row>
    <row r="1934" spans="1:10" x14ac:dyDescent="0.35">
      <c r="A1934" s="5" t="s">
        <v>10</v>
      </c>
      <c r="B1934" s="6">
        <v>229682</v>
      </c>
      <c r="C1934" s="6" t="s">
        <v>11</v>
      </c>
      <c r="D1934" s="6" t="s">
        <v>337</v>
      </c>
      <c r="E1934" s="6">
        <v>25290</v>
      </c>
      <c r="F1934" s="6" t="s">
        <v>18</v>
      </c>
      <c r="G1934" s="6" t="s">
        <v>4122</v>
      </c>
      <c r="H1934" s="6" t="s">
        <v>4123</v>
      </c>
      <c r="I1934" s="7">
        <v>4.3431201000000001</v>
      </c>
      <c r="J1934" s="8">
        <v>-74.361429099999995</v>
      </c>
    </row>
    <row r="1935" spans="1:10" x14ac:dyDescent="0.35">
      <c r="A1935" s="5" t="s">
        <v>10</v>
      </c>
      <c r="B1935" s="6">
        <v>236052</v>
      </c>
      <c r="C1935" s="6" t="s">
        <v>11</v>
      </c>
      <c r="D1935" s="6" t="s">
        <v>4124</v>
      </c>
      <c r="E1935" s="6">
        <v>25293</v>
      </c>
      <c r="F1935" s="6" t="s">
        <v>18</v>
      </c>
      <c r="G1935" s="6" t="s">
        <v>4125</v>
      </c>
      <c r="H1935" s="6" t="s">
        <v>4126</v>
      </c>
      <c r="I1935" s="7">
        <v>4.6942668999999997</v>
      </c>
      <c r="J1935" s="8">
        <v>-73.519627299999996</v>
      </c>
    </row>
    <row r="1936" spans="1:10" x14ac:dyDescent="0.35">
      <c r="A1936" s="5" t="s">
        <v>10</v>
      </c>
      <c r="B1936" s="6">
        <v>243051</v>
      </c>
      <c r="C1936" s="6" t="s">
        <v>11</v>
      </c>
      <c r="D1936" s="6" t="s">
        <v>159</v>
      </c>
      <c r="E1936" s="6">
        <v>25175</v>
      </c>
      <c r="F1936" s="6" t="s">
        <v>18</v>
      </c>
      <c r="G1936" s="6" t="s">
        <v>4127</v>
      </c>
      <c r="H1936" s="6" t="s">
        <v>4128</v>
      </c>
      <c r="I1936" s="7">
        <v>4.8627216999999998</v>
      </c>
      <c r="J1936" s="8">
        <v>-74.060158099999995</v>
      </c>
    </row>
    <row r="1937" spans="1:10" x14ac:dyDescent="0.35">
      <c r="A1937" s="5" t="s">
        <v>10</v>
      </c>
      <c r="B1937" s="6">
        <v>243719</v>
      </c>
      <c r="C1937" s="6" t="s">
        <v>11</v>
      </c>
      <c r="D1937" s="6" t="s">
        <v>3104</v>
      </c>
      <c r="E1937" s="6">
        <v>25245</v>
      </c>
      <c r="F1937" s="6" t="s">
        <v>18</v>
      </c>
      <c r="G1937" s="6" t="s">
        <v>4129</v>
      </c>
      <c r="H1937" s="6" t="s">
        <v>4130</v>
      </c>
      <c r="I1937" s="7">
        <v>4.5810706000000003</v>
      </c>
      <c r="J1937" s="8">
        <v>-74.444730300000003</v>
      </c>
    </row>
    <row r="1938" spans="1:10" x14ac:dyDescent="0.35">
      <c r="A1938" s="5" t="s">
        <v>10</v>
      </c>
      <c r="B1938" s="6">
        <v>231967</v>
      </c>
      <c r="C1938" s="6" t="s">
        <v>117</v>
      </c>
      <c r="D1938" s="6" t="s">
        <v>1334</v>
      </c>
      <c r="E1938" s="6">
        <v>76001</v>
      </c>
      <c r="F1938" s="6" t="s">
        <v>18</v>
      </c>
      <c r="G1938" s="6" t="s">
        <v>4131</v>
      </c>
      <c r="H1938" s="6" t="s">
        <v>4132</v>
      </c>
      <c r="I1938" s="7">
        <v>3.4848340000000002</v>
      </c>
      <c r="J1938" s="8">
        <v>-76.498000000000005</v>
      </c>
    </row>
    <row r="1939" spans="1:10" x14ac:dyDescent="0.35">
      <c r="A1939" s="5" t="s">
        <v>10</v>
      </c>
      <c r="B1939" s="6">
        <v>179359</v>
      </c>
      <c r="C1939" s="6" t="s">
        <v>68</v>
      </c>
      <c r="D1939" s="6" t="s">
        <v>69</v>
      </c>
      <c r="E1939" s="6">
        <v>11001</v>
      </c>
      <c r="F1939" s="6" t="s">
        <v>18</v>
      </c>
      <c r="G1939" s="6" t="s">
        <v>4133</v>
      </c>
      <c r="H1939" s="6" t="s">
        <v>4134</v>
      </c>
      <c r="I1939" s="7">
        <v>4.7445506999999996</v>
      </c>
      <c r="J1939" s="8">
        <v>-74.121793799999907</v>
      </c>
    </row>
    <row r="1940" spans="1:10" x14ac:dyDescent="0.35">
      <c r="A1940" s="5" t="s">
        <v>10</v>
      </c>
      <c r="B1940" s="6">
        <v>234738</v>
      </c>
      <c r="C1940" s="6" t="s">
        <v>68</v>
      </c>
      <c r="D1940" s="6" t="s">
        <v>69</v>
      </c>
      <c r="E1940" s="6">
        <v>11001</v>
      </c>
      <c r="F1940" s="6" t="s">
        <v>18</v>
      </c>
      <c r="G1940" s="6" t="s">
        <v>4135</v>
      </c>
      <c r="H1940" s="6" t="s">
        <v>4136</v>
      </c>
      <c r="I1940" s="7">
        <v>4.6460984999999999</v>
      </c>
      <c r="J1940" s="8">
        <v>-74.173986799999994</v>
      </c>
    </row>
    <row r="1941" spans="1:10" x14ac:dyDescent="0.35">
      <c r="A1941" s="5" t="s">
        <v>10</v>
      </c>
      <c r="B1941" s="6">
        <v>244033</v>
      </c>
      <c r="C1941" s="6" t="s">
        <v>278</v>
      </c>
      <c r="D1941" s="6" t="s">
        <v>1331</v>
      </c>
      <c r="E1941" s="6">
        <v>50006</v>
      </c>
      <c r="F1941" s="6" t="s">
        <v>18</v>
      </c>
      <c r="G1941" s="6" t="s">
        <v>4137</v>
      </c>
      <c r="H1941" s="6" t="s">
        <v>4138</v>
      </c>
      <c r="I1941" s="7">
        <v>3.98671</v>
      </c>
      <c r="J1941" s="8">
        <v>-73.779589999999999</v>
      </c>
    </row>
    <row r="1942" spans="1:10" x14ac:dyDescent="0.35">
      <c r="A1942" s="5" t="s">
        <v>10</v>
      </c>
      <c r="B1942" s="6">
        <v>215765</v>
      </c>
      <c r="C1942" s="6" t="s">
        <v>278</v>
      </c>
      <c r="D1942" s="6" t="s">
        <v>279</v>
      </c>
      <c r="E1942" s="6">
        <v>50001</v>
      </c>
      <c r="F1942" s="6" t="s">
        <v>18</v>
      </c>
      <c r="G1942" s="6" t="s">
        <v>4139</v>
      </c>
      <c r="H1942" s="6" t="s">
        <v>4140</v>
      </c>
      <c r="I1942" s="7">
        <v>4.0741372999999896</v>
      </c>
      <c r="J1942" s="8">
        <v>-73.673492999999993</v>
      </c>
    </row>
    <row r="1943" spans="1:10" x14ac:dyDescent="0.35">
      <c r="A1943" s="5" t="s">
        <v>10</v>
      </c>
      <c r="B1943" s="6">
        <v>243141</v>
      </c>
      <c r="C1943" s="6" t="s">
        <v>11</v>
      </c>
      <c r="D1943" s="6" t="s">
        <v>4141</v>
      </c>
      <c r="E1943" s="6">
        <v>25224</v>
      </c>
      <c r="F1943" s="6" t="s">
        <v>18</v>
      </c>
      <c r="G1943" s="6" t="s">
        <v>4142</v>
      </c>
      <c r="H1943" s="6" t="s">
        <v>4143</v>
      </c>
      <c r="I1943" s="7">
        <v>5.2489106000000003</v>
      </c>
      <c r="J1943" s="8">
        <v>-73.767544299999997</v>
      </c>
    </row>
    <row r="1944" spans="1:10" x14ac:dyDescent="0.35">
      <c r="A1944" s="5" t="s">
        <v>10</v>
      </c>
      <c r="B1944" s="6">
        <v>243208</v>
      </c>
      <c r="C1944" s="6" t="s">
        <v>11</v>
      </c>
      <c r="D1944" s="6" t="s">
        <v>334</v>
      </c>
      <c r="E1944" s="6">
        <v>25754</v>
      </c>
      <c r="F1944" s="6" t="s">
        <v>18</v>
      </c>
      <c r="G1944" s="6" t="s">
        <v>4144</v>
      </c>
      <c r="H1944" s="6" t="s">
        <v>4145</v>
      </c>
      <c r="I1944" s="7">
        <v>4.5886779999999998</v>
      </c>
      <c r="J1944" s="8">
        <v>-74.2240939</v>
      </c>
    </row>
    <row r="1945" spans="1:10" x14ac:dyDescent="0.35">
      <c r="A1945" s="5" t="s">
        <v>10</v>
      </c>
      <c r="B1945" s="6">
        <v>208266</v>
      </c>
      <c r="C1945" s="6" t="s">
        <v>117</v>
      </c>
      <c r="D1945" s="6" t="s">
        <v>4146</v>
      </c>
      <c r="E1945" s="6">
        <v>76606</v>
      </c>
      <c r="F1945" s="6" t="s">
        <v>18</v>
      </c>
      <c r="G1945" s="6" t="s">
        <v>4147</v>
      </c>
      <c r="H1945" s="6" t="s">
        <v>4148</v>
      </c>
      <c r="I1945" s="7">
        <v>3.8234545</v>
      </c>
      <c r="J1945" s="8">
        <v>-76.522255200000004</v>
      </c>
    </row>
    <row r="1946" spans="1:10" x14ac:dyDescent="0.35">
      <c r="A1946" s="5" t="s">
        <v>10</v>
      </c>
      <c r="B1946" s="6">
        <v>233599</v>
      </c>
      <c r="C1946" s="6" t="s">
        <v>117</v>
      </c>
      <c r="D1946" s="6" t="s">
        <v>3963</v>
      </c>
      <c r="E1946" s="6">
        <v>76377</v>
      </c>
      <c r="F1946" s="6" t="s">
        <v>18</v>
      </c>
      <c r="G1946" s="6" t="s">
        <v>4149</v>
      </c>
      <c r="H1946" s="6" t="s">
        <v>4150</v>
      </c>
      <c r="I1946" s="7">
        <v>3.4491999999999998</v>
      </c>
      <c r="J1946" s="8">
        <v>-76.541340000000005</v>
      </c>
    </row>
    <row r="1947" spans="1:10" x14ac:dyDescent="0.35">
      <c r="A1947" s="5" t="s">
        <v>10</v>
      </c>
      <c r="B1947" s="6">
        <v>224209</v>
      </c>
      <c r="C1947" s="6" t="s">
        <v>68</v>
      </c>
      <c r="D1947" s="6" t="s">
        <v>69</v>
      </c>
      <c r="E1947" s="6">
        <v>11001</v>
      </c>
      <c r="F1947" s="6" t="s">
        <v>18</v>
      </c>
      <c r="G1947" s="6" t="s">
        <v>4151</v>
      </c>
      <c r="H1947" s="6" t="s">
        <v>4152</v>
      </c>
      <c r="I1947" s="7">
        <v>4.6668693000000001</v>
      </c>
      <c r="J1947" s="8">
        <v>-74.145710399999999</v>
      </c>
    </row>
    <row r="1948" spans="1:10" x14ac:dyDescent="0.35">
      <c r="A1948" s="5" t="s">
        <v>10</v>
      </c>
      <c r="B1948" s="6">
        <v>229441</v>
      </c>
      <c r="C1948" s="6" t="s">
        <v>16</v>
      </c>
      <c r="D1948" s="6" t="s">
        <v>78</v>
      </c>
      <c r="E1948" s="6">
        <v>68001</v>
      </c>
      <c r="F1948" s="6" t="s">
        <v>18</v>
      </c>
      <c r="G1948" s="6" t="s">
        <v>4153</v>
      </c>
      <c r="H1948" s="6" t="s">
        <v>4154</v>
      </c>
      <c r="I1948" s="7">
        <v>7.1147748000000002</v>
      </c>
      <c r="J1948" s="8">
        <v>-73.129179500000006</v>
      </c>
    </row>
    <row r="1949" spans="1:10" x14ac:dyDescent="0.35">
      <c r="A1949" s="5" t="s">
        <v>10</v>
      </c>
      <c r="B1949" s="6">
        <v>229053</v>
      </c>
      <c r="C1949" s="6" t="s">
        <v>68</v>
      </c>
      <c r="D1949" s="6" t="s">
        <v>69</v>
      </c>
      <c r="E1949" s="6">
        <v>11001</v>
      </c>
      <c r="F1949" s="6" t="s">
        <v>18</v>
      </c>
      <c r="G1949" s="6" t="s">
        <v>4155</v>
      </c>
      <c r="H1949" s="6" t="s">
        <v>4156</v>
      </c>
      <c r="I1949" s="7">
        <v>4.7035184000000001</v>
      </c>
      <c r="J1949" s="8">
        <v>-74.110268199999993</v>
      </c>
    </row>
    <row r="1950" spans="1:10" x14ac:dyDescent="0.35">
      <c r="A1950" s="5" t="s">
        <v>10</v>
      </c>
      <c r="B1950" s="6">
        <v>233745</v>
      </c>
      <c r="C1950" s="6" t="s">
        <v>68</v>
      </c>
      <c r="D1950" s="6" t="s">
        <v>69</v>
      </c>
      <c r="E1950" s="6">
        <v>11001</v>
      </c>
      <c r="F1950" s="6" t="s">
        <v>18</v>
      </c>
      <c r="G1950" s="6" t="s">
        <v>4157</v>
      </c>
      <c r="H1950" s="6" t="s">
        <v>4158</v>
      </c>
      <c r="I1950" s="7">
        <v>9.1084300000000002</v>
      </c>
      <c r="J1950" s="8">
        <v>-75.392849999999996</v>
      </c>
    </row>
    <row r="1951" spans="1:10" x14ac:dyDescent="0.35">
      <c r="A1951" s="5" t="s">
        <v>10</v>
      </c>
      <c r="B1951" s="6">
        <v>200803</v>
      </c>
      <c r="C1951" s="6" t="s">
        <v>24</v>
      </c>
      <c r="D1951" s="6" t="s">
        <v>621</v>
      </c>
      <c r="E1951" s="6">
        <v>15646</v>
      </c>
      <c r="F1951" s="6" t="s">
        <v>18</v>
      </c>
      <c r="G1951" s="6" t="s">
        <v>4159</v>
      </c>
      <c r="H1951" s="6" t="s">
        <v>4160</v>
      </c>
      <c r="I1951" s="7">
        <v>5.4923419999999998</v>
      </c>
      <c r="J1951" s="8">
        <v>-73.486159000000001</v>
      </c>
    </row>
    <row r="1952" spans="1:10" x14ac:dyDescent="0.35">
      <c r="A1952" s="5" t="s">
        <v>10</v>
      </c>
      <c r="B1952" s="6">
        <v>237634</v>
      </c>
      <c r="C1952" s="6" t="s">
        <v>24</v>
      </c>
      <c r="D1952" s="6" t="s">
        <v>88</v>
      </c>
      <c r="E1952" s="6">
        <v>15001</v>
      </c>
      <c r="F1952" s="6" t="s">
        <v>18</v>
      </c>
      <c r="G1952" s="6" t="s">
        <v>4161</v>
      </c>
      <c r="H1952" s="6" t="s">
        <v>4162</v>
      </c>
      <c r="I1952" s="7">
        <v>5.5258127999999997</v>
      </c>
      <c r="J1952" s="8">
        <v>-73.3654777</v>
      </c>
    </row>
    <row r="1953" spans="1:10" x14ac:dyDescent="0.35">
      <c r="A1953" s="5" t="s">
        <v>10</v>
      </c>
      <c r="B1953" s="6">
        <v>206788</v>
      </c>
      <c r="C1953" s="6" t="s">
        <v>16</v>
      </c>
      <c r="D1953" s="6" t="s">
        <v>3466</v>
      </c>
      <c r="E1953" s="6">
        <v>68572</v>
      </c>
      <c r="F1953" s="6" t="s">
        <v>18</v>
      </c>
      <c r="G1953" s="6" t="s">
        <v>4163</v>
      </c>
      <c r="H1953" s="6" t="s">
        <v>4164</v>
      </c>
      <c r="I1953" s="7">
        <v>5.8790689</v>
      </c>
      <c r="J1953" s="8">
        <v>-73.678302399999893</v>
      </c>
    </row>
    <row r="1954" spans="1:10" x14ac:dyDescent="0.35">
      <c r="A1954" s="5" t="s">
        <v>10</v>
      </c>
      <c r="B1954" s="6">
        <v>223252</v>
      </c>
      <c r="C1954" s="6" t="s">
        <v>16</v>
      </c>
      <c r="D1954" s="6" t="s">
        <v>78</v>
      </c>
      <c r="E1954" s="6">
        <v>68001</v>
      </c>
      <c r="F1954" s="6" t="s">
        <v>18</v>
      </c>
      <c r="G1954" s="6" t="s">
        <v>4165</v>
      </c>
      <c r="H1954" s="6" t="s">
        <v>4166</v>
      </c>
      <c r="I1954" s="7">
        <v>7.1746797999999998</v>
      </c>
      <c r="J1954" s="8">
        <v>-73.130914899999993</v>
      </c>
    </row>
    <row r="1955" spans="1:10" x14ac:dyDescent="0.35">
      <c r="A1955" s="5" t="s">
        <v>10</v>
      </c>
      <c r="B1955" s="6">
        <v>201492</v>
      </c>
      <c r="C1955" s="6" t="s">
        <v>551</v>
      </c>
      <c r="D1955" s="6" t="s">
        <v>3868</v>
      </c>
      <c r="E1955" s="6">
        <v>20001</v>
      </c>
      <c r="F1955" s="6" t="s">
        <v>18</v>
      </c>
      <c r="G1955" s="6" t="s">
        <v>4167</v>
      </c>
      <c r="H1955" s="6" t="s">
        <v>4168</v>
      </c>
      <c r="I1955" s="7">
        <v>10.467985799999999</v>
      </c>
      <c r="J1955" s="8">
        <v>-73.259932800000001</v>
      </c>
    </row>
    <row r="1956" spans="1:10" x14ac:dyDescent="0.35">
      <c r="A1956" s="5" t="s">
        <v>10</v>
      </c>
      <c r="B1956" s="6">
        <v>233313</v>
      </c>
      <c r="C1956" s="6" t="s">
        <v>551</v>
      </c>
      <c r="D1956" s="6" t="s">
        <v>1550</v>
      </c>
      <c r="E1956" s="6">
        <v>20710</v>
      </c>
      <c r="F1956" s="6" t="s">
        <v>18</v>
      </c>
      <c r="G1956" s="6" t="s">
        <v>4169</v>
      </c>
      <c r="H1956" s="6" t="s">
        <v>4170</v>
      </c>
      <c r="I1956" s="7">
        <v>7.7647300000000001</v>
      </c>
      <c r="J1956" s="8">
        <v>-73.392930000000007</v>
      </c>
    </row>
    <row r="1957" spans="1:10" x14ac:dyDescent="0.35">
      <c r="A1957" s="5" t="s">
        <v>10</v>
      </c>
      <c r="B1957" s="6">
        <v>230075</v>
      </c>
      <c r="C1957" s="6" t="s">
        <v>294</v>
      </c>
      <c r="D1957" s="6" t="s">
        <v>703</v>
      </c>
      <c r="E1957" s="6">
        <v>41001</v>
      </c>
      <c r="F1957" s="6" t="s">
        <v>18</v>
      </c>
      <c r="G1957" s="6" t="s">
        <v>4171</v>
      </c>
      <c r="H1957" s="6" t="s">
        <v>4172</v>
      </c>
      <c r="I1957" s="7">
        <v>2.9017529</v>
      </c>
      <c r="J1957" s="8">
        <v>-75.265585799999997</v>
      </c>
    </row>
    <row r="1958" spans="1:10" x14ac:dyDescent="0.35">
      <c r="A1958" s="5" t="s">
        <v>10</v>
      </c>
      <c r="B1958" s="6">
        <v>206826</v>
      </c>
      <c r="C1958" s="6" t="s">
        <v>11</v>
      </c>
      <c r="D1958" s="6" t="s">
        <v>1752</v>
      </c>
      <c r="E1958" s="6">
        <v>25799</v>
      </c>
      <c r="F1958" s="6" t="s">
        <v>18</v>
      </c>
      <c r="G1958" s="6" t="s">
        <v>4173</v>
      </c>
      <c r="H1958" s="6" t="s">
        <v>4174</v>
      </c>
      <c r="I1958" s="7">
        <v>4.8730140999999998</v>
      </c>
      <c r="J1958" s="8">
        <v>-74.144735499999996</v>
      </c>
    </row>
    <row r="1959" spans="1:10" x14ac:dyDescent="0.35">
      <c r="A1959" s="5" t="s">
        <v>10</v>
      </c>
      <c r="B1959" s="6">
        <v>237613</v>
      </c>
      <c r="C1959" s="6" t="s">
        <v>11</v>
      </c>
      <c r="D1959" s="6" t="s">
        <v>334</v>
      </c>
      <c r="E1959" s="6">
        <v>25754</v>
      </c>
      <c r="F1959" s="6" t="s">
        <v>18</v>
      </c>
      <c r="G1959" s="6" t="s">
        <v>4175</v>
      </c>
      <c r="H1959" s="6" t="s">
        <v>4176</v>
      </c>
      <c r="I1959" s="7">
        <v>4.5868957000000004</v>
      </c>
      <c r="J1959" s="8">
        <v>-74.205587600000001</v>
      </c>
    </row>
    <row r="1960" spans="1:10" x14ac:dyDescent="0.35">
      <c r="A1960" s="5" t="s">
        <v>10</v>
      </c>
      <c r="B1960" s="6">
        <v>226370</v>
      </c>
      <c r="C1960" s="6" t="s">
        <v>94</v>
      </c>
      <c r="D1960" s="6" t="s">
        <v>98</v>
      </c>
      <c r="E1960" s="6">
        <v>66001</v>
      </c>
      <c r="F1960" s="6" t="s">
        <v>13</v>
      </c>
      <c r="G1960" s="6" t="s">
        <v>3737</v>
      </c>
      <c r="H1960" s="6" t="s">
        <v>4177</v>
      </c>
      <c r="I1960" s="7">
        <v>4.8066506999999996</v>
      </c>
      <c r="J1960" s="8">
        <v>-75.6825434</v>
      </c>
    </row>
    <row r="1961" spans="1:10" x14ac:dyDescent="0.35">
      <c r="A1961" s="5" t="s">
        <v>10</v>
      </c>
      <c r="B1961" s="6">
        <v>208079</v>
      </c>
      <c r="C1961" s="6" t="s">
        <v>16</v>
      </c>
      <c r="D1961" s="6" t="s">
        <v>78</v>
      </c>
      <c r="E1961" s="6">
        <v>68001</v>
      </c>
      <c r="F1961" s="6" t="s">
        <v>18</v>
      </c>
      <c r="G1961" s="6" t="s">
        <v>4178</v>
      </c>
      <c r="H1961" s="6" t="s">
        <v>4179</v>
      </c>
      <c r="I1961" s="7">
        <v>7.1017848999999904</v>
      </c>
      <c r="J1961" s="8">
        <v>-73.120181700000003</v>
      </c>
    </row>
    <row r="1962" spans="1:10" x14ac:dyDescent="0.35">
      <c r="A1962" s="5" t="s">
        <v>10</v>
      </c>
      <c r="B1962" s="6">
        <v>243035</v>
      </c>
      <c r="C1962" s="6" t="s">
        <v>11</v>
      </c>
      <c r="D1962" s="6" t="s">
        <v>334</v>
      </c>
      <c r="E1962" s="6">
        <v>25754</v>
      </c>
      <c r="F1962" s="6" t="s">
        <v>18</v>
      </c>
      <c r="G1962" s="6" t="s">
        <v>4180</v>
      </c>
      <c r="H1962" s="6" t="s">
        <v>4181</v>
      </c>
      <c r="I1962" s="7">
        <v>4.5798230000000002</v>
      </c>
      <c r="J1962" s="8">
        <v>-74.202980999999994</v>
      </c>
    </row>
    <row r="1963" spans="1:10" x14ac:dyDescent="0.35">
      <c r="A1963" s="5" t="s">
        <v>10</v>
      </c>
      <c r="B1963" s="6">
        <v>217684</v>
      </c>
      <c r="C1963" s="6" t="s">
        <v>11</v>
      </c>
      <c r="D1963" s="6" t="s">
        <v>901</v>
      </c>
      <c r="E1963" s="6">
        <v>25307</v>
      </c>
      <c r="F1963" s="6" t="s">
        <v>18</v>
      </c>
      <c r="G1963" s="6" t="s">
        <v>4182</v>
      </c>
      <c r="H1963" s="6" t="s">
        <v>4183</v>
      </c>
      <c r="I1963" s="7">
        <v>4.6400265000000003</v>
      </c>
      <c r="J1963" s="8">
        <v>-74.099114099999994</v>
      </c>
    </row>
    <row r="1964" spans="1:10" x14ac:dyDescent="0.35">
      <c r="A1964" s="5" t="s">
        <v>10</v>
      </c>
      <c r="B1964" s="6">
        <v>235922</v>
      </c>
      <c r="C1964" s="6" t="s">
        <v>11</v>
      </c>
      <c r="D1964" s="6" t="s">
        <v>101</v>
      </c>
      <c r="E1964" s="6">
        <v>25473</v>
      </c>
      <c r="F1964" s="6" t="s">
        <v>18</v>
      </c>
      <c r="G1964" s="6" t="s">
        <v>4184</v>
      </c>
      <c r="H1964" s="6" t="s">
        <v>4185</v>
      </c>
      <c r="I1964" s="7">
        <v>4.7131989999999897</v>
      </c>
      <c r="J1964" s="8">
        <v>-74.220638499999893</v>
      </c>
    </row>
    <row r="1965" spans="1:10" x14ac:dyDescent="0.35">
      <c r="A1965" s="5" t="s">
        <v>10</v>
      </c>
      <c r="B1965" s="6">
        <v>243120</v>
      </c>
      <c r="C1965" s="6" t="s">
        <v>11</v>
      </c>
      <c r="D1965" s="6" t="s">
        <v>513</v>
      </c>
      <c r="E1965" s="6">
        <v>25286</v>
      </c>
      <c r="F1965" s="6" t="s">
        <v>18</v>
      </c>
      <c r="G1965" s="6" t="s">
        <v>4186</v>
      </c>
      <c r="H1965" s="6" t="s">
        <v>4187</v>
      </c>
      <c r="I1965" s="7">
        <v>4.7184187</v>
      </c>
      <c r="J1965" s="8">
        <v>-74.210865299999995</v>
      </c>
    </row>
    <row r="1966" spans="1:10" x14ac:dyDescent="0.35">
      <c r="A1966" s="5" t="s">
        <v>10</v>
      </c>
      <c r="B1966" s="6">
        <v>202595</v>
      </c>
      <c r="C1966" s="6" t="s">
        <v>11</v>
      </c>
      <c r="D1966" s="6" t="s">
        <v>334</v>
      </c>
      <c r="E1966" s="6">
        <v>25754</v>
      </c>
      <c r="F1966" s="6" t="s">
        <v>18</v>
      </c>
      <c r="G1966" s="6" t="s">
        <v>4188</v>
      </c>
      <c r="H1966" s="6" t="s">
        <v>4189</v>
      </c>
      <c r="I1966" s="7">
        <v>4.5789358</v>
      </c>
      <c r="J1966" s="8">
        <v>-74.242162299999904</v>
      </c>
    </row>
    <row r="1967" spans="1:10" x14ac:dyDescent="0.35">
      <c r="A1967" s="5" t="s">
        <v>10</v>
      </c>
      <c r="B1967" s="6">
        <v>232557</v>
      </c>
      <c r="C1967" s="6" t="s">
        <v>68</v>
      </c>
      <c r="D1967" s="6" t="s">
        <v>69</v>
      </c>
      <c r="E1967" s="6">
        <v>11001</v>
      </c>
      <c r="F1967" s="6" t="s">
        <v>18</v>
      </c>
      <c r="G1967" s="6" t="s">
        <v>4190</v>
      </c>
      <c r="H1967" s="6" t="s">
        <v>4191</v>
      </c>
      <c r="I1967" s="7">
        <v>4.5661082000000004</v>
      </c>
      <c r="J1967" s="8">
        <v>-74.144677200000004</v>
      </c>
    </row>
    <row r="1968" spans="1:10" x14ac:dyDescent="0.35">
      <c r="A1968" s="5" t="s">
        <v>10</v>
      </c>
      <c r="B1968" s="6">
        <v>226716</v>
      </c>
      <c r="C1968" s="6" t="s">
        <v>308</v>
      </c>
      <c r="D1968" s="6" t="s">
        <v>309</v>
      </c>
      <c r="E1968" s="6">
        <v>23001</v>
      </c>
      <c r="F1968" s="6" t="s">
        <v>18</v>
      </c>
      <c r="G1968" s="6" t="s">
        <v>4192</v>
      </c>
      <c r="H1968" s="6" t="s">
        <v>4193</v>
      </c>
      <c r="I1968" s="7">
        <v>8.7448820999999999</v>
      </c>
      <c r="J1968" s="8">
        <v>-75.889255899999995</v>
      </c>
    </row>
    <row r="1969" spans="1:10" x14ac:dyDescent="0.35">
      <c r="A1969" s="5" t="s">
        <v>10</v>
      </c>
      <c r="B1969" s="6">
        <v>239205</v>
      </c>
      <c r="C1969" s="6" t="s">
        <v>68</v>
      </c>
      <c r="D1969" s="6" t="s">
        <v>69</v>
      </c>
      <c r="E1969" s="6">
        <v>11001</v>
      </c>
      <c r="F1969" s="6" t="s">
        <v>18</v>
      </c>
      <c r="G1969" s="6" t="s">
        <v>4194</v>
      </c>
      <c r="H1969" s="6" t="s">
        <v>4195</v>
      </c>
      <c r="I1969" s="7">
        <v>4.6690151000000002</v>
      </c>
      <c r="J1969" s="8">
        <v>-74.131628699999993</v>
      </c>
    </row>
    <row r="1970" spans="1:10" x14ac:dyDescent="0.35">
      <c r="A1970" s="5" t="s">
        <v>10</v>
      </c>
      <c r="B1970" s="6">
        <v>85745</v>
      </c>
      <c r="C1970" s="6" t="s">
        <v>24</v>
      </c>
      <c r="D1970" s="6" t="s">
        <v>4196</v>
      </c>
      <c r="E1970" s="6">
        <v>15180</v>
      </c>
      <c r="F1970" s="6" t="s">
        <v>18</v>
      </c>
      <c r="G1970" s="6" t="s">
        <v>4197</v>
      </c>
      <c r="H1970" s="6" t="s">
        <v>4198</v>
      </c>
      <c r="I1970" s="7">
        <v>6.5527256999999999</v>
      </c>
      <c r="J1970" s="8">
        <v>-72.499581399999997</v>
      </c>
    </row>
    <row r="1971" spans="1:10" x14ac:dyDescent="0.35">
      <c r="A1971" s="5" t="s">
        <v>10</v>
      </c>
      <c r="B1971" s="6">
        <v>163102</v>
      </c>
      <c r="C1971" s="6" t="s">
        <v>16</v>
      </c>
      <c r="D1971" s="6" t="s">
        <v>546</v>
      </c>
      <c r="E1971" s="6">
        <v>68464</v>
      </c>
      <c r="F1971" s="6" t="s">
        <v>18</v>
      </c>
      <c r="G1971" s="6" t="s">
        <v>4199</v>
      </c>
      <c r="H1971" s="6" t="s">
        <v>4200</v>
      </c>
      <c r="I1971" s="7">
        <v>6.4767830999999996</v>
      </c>
      <c r="J1971" s="8">
        <v>-72.971186699999905</v>
      </c>
    </row>
    <row r="1972" spans="1:10" x14ac:dyDescent="0.35">
      <c r="A1972" s="5" t="s">
        <v>10</v>
      </c>
      <c r="B1972" s="6">
        <v>238674</v>
      </c>
      <c r="C1972" s="6" t="s">
        <v>551</v>
      </c>
      <c r="D1972" s="6" t="s">
        <v>977</v>
      </c>
      <c r="E1972" s="6">
        <v>20011</v>
      </c>
      <c r="F1972" s="6" t="s">
        <v>18</v>
      </c>
      <c r="G1972" s="6" t="s">
        <v>4201</v>
      </c>
      <c r="H1972" s="6" t="s">
        <v>4202</v>
      </c>
      <c r="I1972" s="7">
        <v>8.3097458999999994</v>
      </c>
      <c r="J1972" s="8">
        <v>-73.614487100000005</v>
      </c>
    </row>
    <row r="1973" spans="1:10" x14ac:dyDescent="0.35">
      <c r="A1973" s="5" t="s">
        <v>10</v>
      </c>
      <c r="B1973" s="6">
        <v>213281</v>
      </c>
      <c r="C1973" s="6" t="s">
        <v>551</v>
      </c>
      <c r="D1973" s="6" t="s">
        <v>4203</v>
      </c>
      <c r="E1973" s="6">
        <v>20228</v>
      </c>
      <c r="F1973" s="6" t="s">
        <v>18</v>
      </c>
      <c r="G1973" s="6" t="s">
        <v>4204</v>
      </c>
      <c r="H1973" s="6" t="s">
        <v>4205</v>
      </c>
      <c r="I1973" s="7">
        <v>9.1990303999999998</v>
      </c>
      <c r="J1973" s="8">
        <v>-73.543723399999905</v>
      </c>
    </row>
    <row r="1974" spans="1:10" x14ac:dyDescent="0.35">
      <c r="A1974" s="5" t="s">
        <v>10</v>
      </c>
      <c r="B1974" s="6">
        <v>241910</v>
      </c>
      <c r="C1974" s="6" t="s">
        <v>278</v>
      </c>
      <c r="D1974" s="6" t="s">
        <v>3873</v>
      </c>
      <c r="E1974" s="6">
        <v>50568</v>
      </c>
      <c r="F1974" s="6" t="s">
        <v>18</v>
      </c>
      <c r="G1974" s="6" t="s">
        <v>4206</v>
      </c>
      <c r="H1974" s="6" t="s">
        <v>4207</v>
      </c>
      <c r="I1974" s="7">
        <v>4.3125739000000003</v>
      </c>
      <c r="J1974" s="8">
        <v>-72.079029800000001</v>
      </c>
    </row>
    <row r="1975" spans="1:10" x14ac:dyDescent="0.35">
      <c r="A1975" s="5" t="s">
        <v>10</v>
      </c>
      <c r="B1975" s="6">
        <v>241932</v>
      </c>
      <c r="C1975" s="6" t="s">
        <v>2130</v>
      </c>
      <c r="D1975" s="6" t="s">
        <v>3979</v>
      </c>
      <c r="E1975" s="6">
        <v>85010</v>
      </c>
      <c r="F1975" s="6" t="s">
        <v>18</v>
      </c>
      <c r="G1975" s="6" t="s">
        <v>4208</v>
      </c>
      <c r="H1975" s="6" t="s">
        <v>4209</v>
      </c>
      <c r="I1975" s="7">
        <v>5.1759031000000002</v>
      </c>
      <c r="J1975" s="8">
        <v>-72.549382899999998</v>
      </c>
    </row>
    <row r="1976" spans="1:10" x14ac:dyDescent="0.35">
      <c r="A1976" s="5" t="s">
        <v>10</v>
      </c>
      <c r="B1976" s="6">
        <v>246607</v>
      </c>
      <c r="C1976" s="6" t="s">
        <v>278</v>
      </c>
      <c r="D1976" s="6" t="s">
        <v>4210</v>
      </c>
      <c r="E1976" s="6">
        <v>50150</v>
      </c>
      <c r="F1976" s="6" t="s">
        <v>18</v>
      </c>
      <c r="G1976" s="6" t="s">
        <v>4211</v>
      </c>
      <c r="H1976" s="6" t="s">
        <v>4212</v>
      </c>
      <c r="I1976" s="7">
        <v>3.8276157</v>
      </c>
      <c r="J1976" s="8">
        <v>-73.689290799999995</v>
      </c>
    </row>
    <row r="1977" spans="1:10" x14ac:dyDescent="0.35">
      <c r="A1977" s="5" t="s">
        <v>10</v>
      </c>
      <c r="B1977" s="6">
        <v>163216</v>
      </c>
      <c r="C1977" s="6" t="s">
        <v>294</v>
      </c>
      <c r="D1977" s="6" t="s">
        <v>4213</v>
      </c>
      <c r="E1977" s="6">
        <v>41791</v>
      </c>
      <c r="F1977" s="6" t="s">
        <v>13</v>
      </c>
      <c r="G1977" s="6" t="s">
        <v>4214</v>
      </c>
      <c r="H1977" s="6" t="s">
        <v>4215</v>
      </c>
      <c r="I1977" s="7">
        <v>2.1131628</v>
      </c>
      <c r="J1977" s="8">
        <v>-75.825105899999997</v>
      </c>
    </row>
    <row r="1978" spans="1:10" x14ac:dyDescent="0.35">
      <c r="A1978" s="5" t="s">
        <v>10</v>
      </c>
      <c r="B1978" s="6">
        <v>230214</v>
      </c>
      <c r="C1978" s="6" t="s">
        <v>11</v>
      </c>
      <c r="D1978" s="6" t="s">
        <v>12</v>
      </c>
      <c r="E1978" s="6">
        <v>25899</v>
      </c>
      <c r="F1978" s="6" t="s">
        <v>18</v>
      </c>
      <c r="G1978" s="6" t="s">
        <v>4216</v>
      </c>
      <c r="H1978" s="6" t="s">
        <v>4217</v>
      </c>
      <c r="I1978" s="7">
        <v>5.0237772999999999</v>
      </c>
      <c r="J1978" s="8">
        <v>-74.004989199999997</v>
      </c>
    </row>
    <row r="1979" spans="1:10" x14ac:dyDescent="0.35">
      <c r="A1979" s="5" t="s">
        <v>10</v>
      </c>
      <c r="B1979" s="6">
        <v>239055</v>
      </c>
      <c r="C1979" s="6" t="s">
        <v>11</v>
      </c>
      <c r="D1979" s="6" t="s">
        <v>4218</v>
      </c>
      <c r="E1979" s="6">
        <v>25518</v>
      </c>
      <c r="F1979" s="6" t="s">
        <v>18</v>
      </c>
      <c r="G1979" s="6" t="s">
        <v>4219</v>
      </c>
      <c r="H1979" s="6" t="s">
        <v>4220</v>
      </c>
      <c r="I1979" s="7">
        <v>5.3703626</v>
      </c>
      <c r="J1979" s="8">
        <v>-74.155101099999996</v>
      </c>
    </row>
    <row r="1980" spans="1:10" x14ac:dyDescent="0.35">
      <c r="A1980" s="5" t="s">
        <v>10</v>
      </c>
      <c r="B1980" s="6">
        <v>239816</v>
      </c>
      <c r="C1980" s="6" t="s">
        <v>11</v>
      </c>
      <c r="D1980" s="6" t="s">
        <v>3519</v>
      </c>
      <c r="E1980" s="6">
        <v>25736</v>
      </c>
      <c r="F1980" s="6" t="s">
        <v>18</v>
      </c>
      <c r="G1980" s="6" t="s">
        <v>4221</v>
      </c>
      <c r="H1980" s="6" t="s">
        <v>4222</v>
      </c>
      <c r="I1980" s="7">
        <v>5.0434621000000002</v>
      </c>
      <c r="J1980" s="8">
        <v>-73.797296000000003</v>
      </c>
    </row>
    <row r="1981" spans="1:10" x14ac:dyDescent="0.35">
      <c r="A1981" s="5" t="s">
        <v>10</v>
      </c>
      <c r="B1981" s="6">
        <v>243174</v>
      </c>
      <c r="C1981" s="6" t="s">
        <v>11</v>
      </c>
      <c r="D1981" s="6" t="s">
        <v>334</v>
      </c>
      <c r="E1981" s="6">
        <v>25754</v>
      </c>
      <c r="F1981" s="6" t="s">
        <v>18</v>
      </c>
      <c r="G1981" s="6" t="s">
        <v>4223</v>
      </c>
      <c r="H1981" s="6" t="s">
        <v>4224</v>
      </c>
      <c r="I1981" s="7">
        <v>4.5635386000000002</v>
      </c>
      <c r="J1981" s="8">
        <v>-74.233864999999994</v>
      </c>
    </row>
    <row r="1982" spans="1:10" x14ac:dyDescent="0.35">
      <c r="A1982" s="5" t="s">
        <v>10</v>
      </c>
      <c r="B1982" s="6">
        <v>231635</v>
      </c>
      <c r="C1982" s="6" t="s">
        <v>68</v>
      </c>
      <c r="D1982" s="6" t="s">
        <v>69</v>
      </c>
      <c r="E1982" s="6">
        <v>11001</v>
      </c>
      <c r="F1982" s="6" t="s">
        <v>18</v>
      </c>
      <c r="G1982" s="6" t="s">
        <v>4225</v>
      </c>
      <c r="H1982" s="6" t="s">
        <v>4226</v>
      </c>
      <c r="I1982" s="7">
        <v>4.4962631999999996</v>
      </c>
      <c r="J1982" s="8">
        <v>-74.106486099999998</v>
      </c>
    </row>
    <row r="1983" spans="1:10" x14ac:dyDescent="0.35">
      <c r="A1983" s="5" t="s">
        <v>10</v>
      </c>
      <c r="B1983" s="6">
        <v>238458</v>
      </c>
      <c r="C1983" s="6" t="s">
        <v>68</v>
      </c>
      <c r="D1983" s="6" t="s">
        <v>69</v>
      </c>
      <c r="E1983" s="6">
        <v>11001</v>
      </c>
      <c r="F1983" s="6" t="s">
        <v>18</v>
      </c>
      <c r="G1983" s="6" t="s">
        <v>4227</v>
      </c>
      <c r="H1983" s="6" t="s">
        <v>4228</v>
      </c>
      <c r="I1983" s="7">
        <v>4.6635285</v>
      </c>
      <c r="J1983" s="8">
        <v>-74.059914800000001</v>
      </c>
    </row>
    <row r="1984" spans="1:10" x14ac:dyDescent="0.35">
      <c r="A1984" s="5" t="s">
        <v>10</v>
      </c>
      <c r="B1984" s="6">
        <v>226235</v>
      </c>
      <c r="C1984" s="6" t="s">
        <v>117</v>
      </c>
      <c r="D1984" s="6" t="s">
        <v>1334</v>
      </c>
      <c r="E1984" s="6">
        <v>76001</v>
      </c>
      <c r="F1984" s="6" t="s">
        <v>13</v>
      </c>
      <c r="G1984" s="6" t="s">
        <v>3737</v>
      </c>
      <c r="H1984" s="6" t="s">
        <v>4229</v>
      </c>
      <c r="I1984" s="7">
        <v>3.4357549999999999</v>
      </c>
      <c r="J1984" s="8">
        <v>-76.5158299</v>
      </c>
    </row>
    <row r="1985" spans="1:10" x14ac:dyDescent="0.35">
      <c r="A1985" s="5" t="s">
        <v>10</v>
      </c>
      <c r="B1985" s="6">
        <v>248461</v>
      </c>
      <c r="C1985" s="6" t="s">
        <v>68</v>
      </c>
      <c r="D1985" s="6" t="s">
        <v>69</v>
      </c>
      <c r="E1985" s="6">
        <v>11001</v>
      </c>
      <c r="F1985" s="6" t="s">
        <v>18</v>
      </c>
      <c r="G1985" s="6" t="s">
        <v>4230</v>
      </c>
      <c r="H1985" s="6" t="s">
        <v>4231</v>
      </c>
      <c r="I1985" s="7">
        <v>7.4236692</v>
      </c>
      <c r="J1985" s="8">
        <v>-80.432358300000004</v>
      </c>
    </row>
    <row r="1986" spans="1:10" x14ac:dyDescent="0.35">
      <c r="A1986" s="5" t="s">
        <v>10</v>
      </c>
      <c r="B1986" s="6">
        <v>246234</v>
      </c>
      <c r="C1986" s="6" t="s">
        <v>16</v>
      </c>
      <c r="D1986" s="6" t="s">
        <v>1401</v>
      </c>
      <c r="E1986" s="6">
        <v>68307</v>
      </c>
      <c r="F1986" s="6" t="s">
        <v>18</v>
      </c>
      <c r="G1986" s="6" t="s">
        <v>4232</v>
      </c>
      <c r="H1986" s="6" t="s">
        <v>4233</v>
      </c>
      <c r="I1986" s="7">
        <v>7.0619540000000001</v>
      </c>
      <c r="J1986" s="8">
        <v>-73.169258400000004</v>
      </c>
    </row>
    <row r="1987" spans="1:10" x14ac:dyDescent="0.35">
      <c r="A1987" s="5" t="s">
        <v>10</v>
      </c>
      <c r="B1987" s="6">
        <v>119417</v>
      </c>
      <c r="C1987" s="6" t="s">
        <v>16</v>
      </c>
      <c r="D1987" s="6" t="s">
        <v>78</v>
      </c>
      <c r="E1987" s="6">
        <v>68001</v>
      </c>
      <c r="F1987" s="6" t="s">
        <v>18</v>
      </c>
      <c r="G1987" s="6" t="s">
        <v>4234</v>
      </c>
      <c r="H1987" s="6" t="s">
        <v>4235</v>
      </c>
      <c r="I1987" s="7">
        <v>7.1086678000000001</v>
      </c>
      <c r="J1987" s="8">
        <v>-73.1185653</v>
      </c>
    </row>
    <row r="1988" spans="1:10" x14ac:dyDescent="0.35">
      <c r="A1988" s="5" t="s">
        <v>10</v>
      </c>
      <c r="B1988" s="6">
        <v>208850</v>
      </c>
      <c r="C1988" s="6" t="s">
        <v>551</v>
      </c>
      <c r="D1988" s="6" t="s">
        <v>4203</v>
      </c>
      <c r="E1988" s="6">
        <v>20228</v>
      </c>
      <c r="F1988" s="6" t="s">
        <v>18</v>
      </c>
      <c r="G1988" s="6" t="s">
        <v>4236</v>
      </c>
      <c r="H1988" s="6" t="s">
        <v>4237</v>
      </c>
      <c r="I1988" s="7">
        <v>9.1997962999999991</v>
      </c>
      <c r="J1988" s="8">
        <v>-73.531510400000002</v>
      </c>
    </row>
    <row r="1989" spans="1:10" x14ac:dyDescent="0.35">
      <c r="A1989" s="5" t="s">
        <v>10</v>
      </c>
      <c r="B1989" s="6">
        <v>223410</v>
      </c>
      <c r="C1989" s="6" t="s">
        <v>2130</v>
      </c>
      <c r="D1989" s="6" t="s">
        <v>4238</v>
      </c>
      <c r="E1989" s="6">
        <v>85410</v>
      </c>
      <c r="F1989" s="6" t="s">
        <v>18</v>
      </c>
      <c r="G1989" s="6" t="s">
        <v>4239</v>
      </c>
      <c r="H1989" s="6" t="s">
        <v>4240</v>
      </c>
      <c r="I1989" s="7">
        <v>5.0157455000000004</v>
      </c>
      <c r="J1989" s="8">
        <v>-72.743092699999906</v>
      </c>
    </row>
    <row r="1990" spans="1:10" x14ac:dyDescent="0.35">
      <c r="A1990" s="5" t="s">
        <v>10</v>
      </c>
      <c r="B1990" s="6">
        <v>232444</v>
      </c>
      <c r="C1990" s="6" t="s">
        <v>2130</v>
      </c>
      <c r="D1990" s="6" t="s">
        <v>4241</v>
      </c>
      <c r="E1990" s="6">
        <v>85430</v>
      </c>
      <c r="F1990" s="6" t="s">
        <v>18</v>
      </c>
      <c r="G1990" s="6" t="s">
        <v>4242</v>
      </c>
      <c r="H1990" s="6" t="s">
        <v>4243</v>
      </c>
      <c r="I1990" s="7">
        <v>5.4077975</v>
      </c>
      <c r="J1990" s="8">
        <v>-71.661367200000001</v>
      </c>
    </row>
    <row r="1991" spans="1:10" x14ac:dyDescent="0.35">
      <c r="A1991" s="5" t="s">
        <v>10</v>
      </c>
      <c r="B1991" s="6">
        <v>162897</v>
      </c>
      <c r="C1991" s="6" t="s">
        <v>294</v>
      </c>
      <c r="D1991" s="6" t="s">
        <v>4244</v>
      </c>
      <c r="E1991" s="6">
        <v>41298</v>
      </c>
      <c r="F1991" s="6" t="s">
        <v>13</v>
      </c>
      <c r="G1991" s="6" t="s">
        <v>4245</v>
      </c>
      <c r="H1991" s="6" t="s">
        <v>4246</v>
      </c>
      <c r="I1991" s="7">
        <v>2.1969120000000002</v>
      </c>
      <c r="J1991" s="8">
        <v>-75.629863999999998</v>
      </c>
    </row>
    <row r="1992" spans="1:10" x14ac:dyDescent="0.35">
      <c r="A1992" s="5" t="s">
        <v>10</v>
      </c>
      <c r="B1992" s="6">
        <v>235866</v>
      </c>
      <c r="C1992" s="6" t="s">
        <v>24</v>
      </c>
      <c r="D1992" s="6" t="s">
        <v>2243</v>
      </c>
      <c r="E1992" s="6">
        <v>15380</v>
      </c>
      <c r="F1992" s="6" t="s">
        <v>18</v>
      </c>
      <c r="G1992" s="6" t="s">
        <v>4247</v>
      </c>
      <c r="H1992" s="6" t="s">
        <v>4248</v>
      </c>
      <c r="I1992" s="7">
        <v>5.4545110000000001</v>
      </c>
      <c r="J1992" s="8">
        <v>-73.362003000000001</v>
      </c>
    </row>
    <row r="1993" spans="1:10" x14ac:dyDescent="0.35">
      <c r="A1993" s="5" t="s">
        <v>10</v>
      </c>
      <c r="B1993" s="6">
        <v>222048</v>
      </c>
      <c r="C1993" s="6" t="s">
        <v>551</v>
      </c>
      <c r="D1993" s="6" t="s">
        <v>768</v>
      </c>
      <c r="E1993" s="6">
        <v>20621</v>
      </c>
      <c r="F1993" s="6" t="s">
        <v>18</v>
      </c>
      <c r="G1993" s="6" t="s">
        <v>4249</v>
      </c>
      <c r="H1993" s="6" t="s">
        <v>4250</v>
      </c>
      <c r="I1993" s="7">
        <v>10.387150999999999</v>
      </c>
      <c r="J1993" s="8">
        <v>-73.171308999999994</v>
      </c>
    </row>
    <row r="1994" spans="1:10" x14ac:dyDescent="0.35">
      <c r="A1994" s="5" t="s">
        <v>10</v>
      </c>
      <c r="B1994" s="6">
        <v>203090</v>
      </c>
      <c r="C1994" s="6" t="s">
        <v>278</v>
      </c>
      <c r="D1994" s="6" t="s">
        <v>279</v>
      </c>
      <c r="E1994" s="6">
        <v>50001</v>
      </c>
      <c r="F1994" s="6" t="s">
        <v>18</v>
      </c>
      <c r="G1994" s="6" t="s">
        <v>4251</v>
      </c>
      <c r="H1994" s="6" t="s">
        <v>4252</v>
      </c>
      <c r="I1994" s="7">
        <v>4.0827644999999997</v>
      </c>
      <c r="J1994" s="8">
        <v>-73.668986899999993</v>
      </c>
    </row>
    <row r="1995" spans="1:10" x14ac:dyDescent="0.35">
      <c r="A1995" s="5" t="s">
        <v>10</v>
      </c>
      <c r="B1995" s="6">
        <v>216959</v>
      </c>
      <c r="C1995" s="6" t="s">
        <v>278</v>
      </c>
      <c r="D1995" s="6" t="s">
        <v>279</v>
      </c>
      <c r="E1995" s="6">
        <v>50001</v>
      </c>
      <c r="F1995" s="6" t="s">
        <v>18</v>
      </c>
      <c r="G1995" s="6" t="s">
        <v>4253</v>
      </c>
      <c r="H1995" s="6" t="s">
        <v>4254</v>
      </c>
      <c r="I1995" s="7">
        <v>4.1183326999999998</v>
      </c>
      <c r="J1995" s="8">
        <v>-73.596725300000003</v>
      </c>
    </row>
    <row r="1996" spans="1:10" x14ac:dyDescent="0.35">
      <c r="A1996" s="5" t="s">
        <v>10</v>
      </c>
      <c r="B1996" s="6">
        <v>222892</v>
      </c>
      <c r="C1996" s="6" t="s">
        <v>278</v>
      </c>
      <c r="D1996" s="6" t="s">
        <v>2421</v>
      </c>
      <c r="E1996" s="6">
        <v>50573</v>
      </c>
      <c r="F1996" s="6" t="s">
        <v>18</v>
      </c>
      <c r="G1996" s="6" t="s">
        <v>4255</v>
      </c>
      <c r="H1996" s="6" t="s">
        <v>4256</v>
      </c>
      <c r="I1996" s="7">
        <v>2.2281631000000002</v>
      </c>
      <c r="J1996" s="8">
        <v>-74.433415400000001</v>
      </c>
    </row>
    <row r="1997" spans="1:10" x14ac:dyDescent="0.35">
      <c r="A1997" s="5" t="s">
        <v>10</v>
      </c>
      <c r="B1997" s="6">
        <v>235793</v>
      </c>
      <c r="C1997" s="6" t="s">
        <v>294</v>
      </c>
      <c r="D1997" s="6" t="s">
        <v>4257</v>
      </c>
      <c r="E1997" s="6">
        <v>41524</v>
      </c>
      <c r="F1997" s="6" t="s">
        <v>18</v>
      </c>
      <c r="G1997" s="6" t="s">
        <v>4258</v>
      </c>
      <c r="H1997" s="6" t="s">
        <v>4259</v>
      </c>
      <c r="I1997" s="7">
        <v>2.8900961999999999</v>
      </c>
      <c r="J1997" s="8">
        <v>-75.428898599999997</v>
      </c>
    </row>
    <row r="1998" spans="1:10" x14ac:dyDescent="0.35">
      <c r="A1998" s="5" t="s">
        <v>10</v>
      </c>
      <c r="B1998" s="6">
        <v>140397</v>
      </c>
      <c r="C1998" s="6" t="s">
        <v>11</v>
      </c>
      <c r="D1998" s="6" t="s">
        <v>159</v>
      </c>
      <c r="E1998" s="6">
        <v>25175</v>
      </c>
      <c r="F1998" s="6" t="s">
        <v>18</v>
      </c>
      <c r="G1998" s="6" t="s">
        <v>4260</v>
      </c>
      <c r="H1998" s="6" t="s">
        <v>4261</v>
      </c>
      <c r="I1998" s="7">
        <v>4.8554401</v>
      </c>
      <c r="J1998" s="8">
        <v>-74.060735600000001</v>
      </c>
    </row>
    <row r="1999" spans="1:10" x14ac:dyDescent="0.35">
      <c r="A1999" s="5" t="s">
        <v>10</v>
      </c>
      <c r="B1999" s="6">
        <v>199816</v>
      </c>
      <c r="C1999" s="6" t="s">
        <v>11</v>
      </c>
      <c r="D1999" s="6" t="s">
        <v>901</v>
      </c>
      <c r="E1999" s="6">
        <v>25307</v>
      </c>
      <c r="F1999" s="6" t="s">
        <v>18</v>
      </c>
      <c r="G1999" s="6" t="s">
        <v>4262</v>
      </c>
      <c r="H1999" s="6" t="s">
        <v>4263</v>
      </c>
      <c r="I1999" s="7">
        <v>4.3173706999999997</v>
      </c>
      <c r="J1999" s="8">
        <v>-74.802981199999905</v>
      </c>
    </row>
    <row r="2000" spans="1:10" x14ac:dyDescent="0.35">
      <c r="A2000" s="5" t="s">
        <v>10</v>
      </c>
      <c r="B2000" s="6">
        <v>219232</v>
      </c>
      <c r="C2000" s="6" t="s">
        <v>11</v>
      </c>
      <c r="D2000" s="6" t="s">
        <v>3379</v>
      </c>
      <c r="E2000" s="6">
        <v>25407</v>
      </c>
      <c r="F2000" s="6" t="s">
        <v>18</v>
      </c>
      <c r="G2000" s="6" t="s">
        <v>4264</v>
      </c>
      <c r="H2000" s="6" t="s">
        <v>4265</v>
      </c>
      <c r="I2000" s="7">
        <v>5.3061634</v>
      </c>
      <c r="J2000" s="8">
        <v>-73.712066100000001</v>
      </c>
    </row>
    <row r="2001" spans="1:10" x14ac:dyDescent="0.35">
      <c r="A2001" s="5" t="s">
        <v>10</v>
      </c>
      <c r="B2001" s="6">
        <v>186457</v>
      </c>
      <c r="C2001" s="6" t="s">
        <v>11</v>
      </c>
      <c r="D2001" s="6" t="s">
        <v>334</v>
      </c>
      <c r="E2001" s="6">
        <v>25754</v>
      </c>
      <c r="F2001" s="6" t="s">
        <v>18</v>
      </c>
      <c r="G2001" s="6" t="s">
        <v>4266</v>
      </c>
      <c r="H2001" s="6" t="s">
        <v>4267</v>
      </c>
      <c r="I2001" s="7">
        <v>4.5810447999999999</v>
      </c>
      <c r="J2001" s="8">
        <v>-74.199136899999999</v>
      </c>
    </row>
    <row r="2002" spans="1:10" x14ac:dyDescent="0.35">
      <c r="A2002" s="5" t="s">
        <v>10</v>
      </c>
      <c r="B2002" s="6">
        <v>190997</v>
      </c>
      <c r="C2002" s="6" t="s">
        <v>68</v>
      </c>
      <c r="D2002" s="6" t="s">
        <v>69</v>
      </c>
      <c r="E2002" s="6">
        <v>11001</v>
      </c>
      <c r="F2002" s="6" t="s">
        <v>18</v>
      </c>
      <c r="G2002" s="6" t="s">
        <v>4268</v>
      </c>
      <c r="H2002" s="6" t="s">
        <v>4269</v>
      </c>
      <c r="I2002" s="7">
        <v>4.5832442999999996</v>
      </c>
      <c r="J2002" s="8">
        <v>-74.187675200000001</v>
      </c>
    </row>
    <row r="2003" spans="1:10" x14ac:dyDescent="0.35">
      <c r="A2003" s="5" t="s">
        <v>10</v>
      </c>
      <c r="B2003" s="6">
        <v>226383</v>
      </c>
      <c r="C2003" s="6" t="s">
        <v>190</v>
      </c>
      <c r="D2003" s="6" t="s">
        <v>3689</v>
      </c>
      <c r="E2003" s="6">
        <v>5266</v>
      </c>
      <c r="F2003" s="6" t="s">
        <v>13</v>
      </c>
      <c r="G2003" s="6" t="s">
        <v>3737</v>
      </c>
      <c r="H2003" s="6" t="s">
        <v>4270</v>
      </c>
      <c r="I2003" s="7">
        <v>6.1714517999999998</v>
      </c>
      <c r="J2003" s="8">
        <v>-75.586260799999906</v>
      </c>
    </row>
    <row r="2004" spans="1:10" x14ac:dyDescent="0.35">
      <c r="A2004" s="5" t="s">
        <v>10</v>
      </c>
      <c r="B2004" s="6">
        <v>226341</v>
      </c>
      <c r="C2004" s="6" t="s">
        <v>366</v>
      </c>
      <c r="D2004" s="6" t="s">
        <v>367</v>
      </c>
      <c r="E2004" s="6">
        <v>44430</v>
      </c>
      <c r="F2004" s="6" t="s">
        <v>13</v>
      </c>
      <c r="G2004" s="6" t="s">
        <v>3737</v>
      </c>
      <c r="H2004" s="6" t="s">
        <v>4271</v>
      </c>
      <c r="I2004" s="7">
        <v>11.1792122</v>
      </c>
      <c r="J2004" s="8">
        <v>-72.502826499999998</v>
      </c>
    </row>
    <row r="2005" spans="1:10" x14ac:dyDescent="0.35">
      <c r="A2005" s="5" t="s">
        <v>10</v>
      </c>
      <c r="B2005" s="6">
        <v>243514</v>
      </c>
      <c r="C2005" s="6" t="s">
        <v>302</v>
      </c>
      <c r="D2005" s="6" t="s">
        <v>359</v>
      </c>
      <c r="E2005" s="6">
        <v>8001</v>
      </c>
      <c r="F2005" s="6" t="s">
        <v>18</v>
      </c>
      <c r="G2005" s="6" t="s">
        <v>4272</v>
      </c>
      <c r="H2005" s="6" t="s">
        <v>4273</v>
      </c>
      <c r="I2005" s="7">
        <v>10.9354482</v>
      </c>
      <c r="J2005" s="8">
        <v>-74.791063399999999</v>
      </c>
    </row>
    <row r="2006" spans="1:10" x14ac:dyDescent="0.35">
      <c r="A2006" s="5" t="s">
        <v>10</v>
      </c>
      <c r="B2006" s="6">
        <v>233992</v>
      </c>
      <c r="C2006" s="6" t="s">
        <v>551</v>
      </c>
      <c r="D2006" s="6" t="s">
        <v>4274</v>
      </c>
      <c r="E2006" s="6">
        <v>20383</v>
      </c>
      <c r="F2006" s="6" t="s">
        <v>18</v>
      </c>
      <c r="G2006" s="6" t="s">
        <v>4275</v>
      </c>
      <c r="H2006" s="6" t="s">
        <v>4276</v>
      </c>
      <c r="I2006" s="7">
        <v>8.6180138999999993</v>
      </c>
      <c r="J2006" s="8">
        <v>-73.802277200000006</v>
      </c>
    </row>
    <row r="2007" spans="1:10" x14ac:dyDescent="0.35">
      <c r="A2007" s="5" t="s">
        <v>10</v>
      </c>
      <c r="B2007" s="6">
        <v>235898</v>
      </c>
      <c r="C2007" s="6" t="s">
        <v>294</v>
      </c>
      <c r="D2007" s="6" t="s">
        <v>703</v>
      </c>
      <c r="E2007" s="6">
        <v>41001</v>
      </c>
      <c r="F2007" s="6" t="s">
        <v>18</v>
      </c>
      <c r="G2007" s="6" t="s">
        <v>4277</v>
      </c>
      <c r="H2007" s="6" t="s">
        <v>4278</v>
      </c>
      <c r="I2007" s="7">
        <v>2.9398355999999999</v>
      </c>
      <c r="J2007" s="8">
        <v>-75.290489800000003</v>
      </c>
    </row>
    <row r="2008" spans="1:10" x14ac:dyDescent="0.35">
      <c r="A2008" s="5" t="s">
        <v>10</v>
      </c>
      <c r="B2008" s="6">
        <v>213537</v>
      </c>
      <c r="C2008" s="6" t="s">
        <v>11</v>
      </c>
      <c r="D2008" s="6" t="s">
        <v>4279</v>
      </c>
      <c r="E2008" s="6">
        <v>25099</v>
      </c>
      <c r="F2008" s="6" t="s">
        <v>18</v>
      </c>
      <c r="G2008" s="6" t="s">
        <v>4280</v>
      </c>
      <c r="H2008" s="6" t="s">
        <v>4281</v>
      </c>
      <c r="I2008" s="7">
        <v>4.7434963000000003</v>
      </c>
      <c r="J2008" s="8">
        <v>-74.345703</v>
      </c>
    </row>
    <row r="2009" spans="1:10" x14ac:dyDescent="0.35">
      <c r="A2009" s="5" t="s">
        <v>10</v>
      </c>
      <c r="B2009" s="6">
        <v>230994</v>
      </c>
      <c r="C2009" s="6" t="s">
        <v>11</v>
      </c>
      <c r="D2009" s="6" t="s">
        <v>4282</v>
      </c>
      <c r="E2009" s="6">
        <v>25181</v>
      </c>
      <c r="F2009" s="6" t="s">
        <v>18</v>
      </c>
      <c r="G2009" s="6" t="s">
        <v>4283</v>
      </c>
      <c r="H2009" s="6" t="s">
        <v>4284</v>
      </c>
      <c r="I2009" s="7">
        <v>4.5286590000000002</v>
      </c>
      <c r="J2009" s="8">
        <v>-73.922967999999997</v>
      </c>
    </row>
    <row r="2010" spans="1:10" x14ac:dyDescent="0.35">
      <c r="A2010" s="5" t="s">
        <v>10</v>
      </c>
      <c r="B2010" s="6">
        <v>244982</v>
      </c>
      <c r="C2010" s="6" t="s">
        <v>11</v>
      </c>
      <c r="D2010" s="6" t="s">
        <v>106</v>
      </c>
      <c r="E2010" s="6">
        <v>25843</v>
      </c>
      <c r="F2010" s="6" t="s">
        <v>18</v>
      </c>
      <c r="G2010" s="6" t="s">
        <v>4285</v>
      </c>
      <c r="H2010" s="6" t="s">
        <v>4286</v>
      </c>
      <c r="I2010" s="7">
        <v>5.3098634999999996</v>
      </c>
      <c r="J2010" s="8">
        <v>-73.811036400000006</v>
      </c>
    </row>
    <row r="2011" spans="1:10" x14ac:dyDescent="0.35">
      <c r="A2011" s="5" t="s">
        <v>10</v>
      </c>
      <c r="B2011" s="6">
        <v>230266</v>
      </c>
      <c r="C2011" s="6" t="s">
        <v>11</v>
      </c>
      <c r="D2011" s="6" t="s">
        <v>901</v>
      </c>
      <c r="E2011" s="6">
        <v>25307</v>
      </c>
      <c r="F2011" s="6" t="s">
        <v>18</v>
      </c>
      <c r="G2011" s="6" t="s">
        <v>4287</v>
      </c>
      <c r="H2011" s="6" t="s">
        <v>4288</v>
      </c>
      <c r="I2011" s="7">
        <v>4.3038341000000004</v>
      </c>
      <c r="J2011" s="8">
        <v>-74.796325499999995</v>
      </c>
    </row>
    <row r="2012" spans="1:10" x14ac:dyDescent="0.35">
      <c r="A2012" s="5" t="s">
        <v>10</v>
      </c>
      <c r="B2012" s="6">
        <v>171613</v>
      </c>
      <c r="C2012" s="6" t="s">
        <v>11</v>
      </c>
      <c r="D2012" s="6" t="s">
        <v>12</v>
      </c>
      <c r="E2012" s="6">
        <v>25899</v>
      </c>
      <c r="F2012" s="6" t="s">
        <v>18</v>
      </c>
      <c r="G2012" s="6" t="s">
        <v>4289</v>
      </c>
      <c r="H2012" s="6" t="s">
        <v>4290</v>
      </c>
      <c r="I2012" s="7">
        <v>5.0234521999999897</v>
      </c>
      <c r="J2012" s="8">
        <v>-74.002722300000002</v>
      </c>
    </row>
    <row r="2013" spans="1:10" x14ac:dyDescent="0.35">
      <c r="A2013" s="5" t="s">
        <v>10</v>
      </c>
      <c r="B2013" s="6">
        <v>212194</v>
      </c>
      <c r="C2013" s="6" t="s">
        <v>117</v>
      </c>
      <c r="D2013" s="6" t="s">
        <v>1334</v>
      </c>
      <c r="E2013" s="6">
        <v>76001</v>
      </c>
      <c r="F2013" s="6" t="s">
        <v>18</v>
      </c>
      <c r="G2013" s="6" t="s">
        <v>4291</v>
      </c>
      <c r="H2013" s="6" t="s">
        <v>4292</v>
      </c>
      <c r="I2013" s="7">
        <v>3.4738563</v>
      </c>
      <c r="J2013" s="8">
        <v>-76.484203899999997</v>
      </c>
    </row>
    <row r="2014" spans="1:10" x14ac:dyDescent="0.35">
      <c r="A2014" s="5" t="s">
        <v>10</v>
      </c>
      <c r="B2014" s="6">
        <v>224511</v>
      </c>
      <c r="C2014" s="6" t="s">
        <v>117</v>
      </c>
      <c r="D2014" s="6" t="s">
        <v>1334</v>
      </c>
      <c r="E2014" s="6">
        <v>76001</v>
      </c>
      <c r="F2014" s="6" t="s">
        <v>18</v>
      </c>
      <c r="G2014" s="6" t="s">
        <v>4293</v>
      </c>
      <c r="H2014" s="6" t="s">
        <v>4294</v>
      </c>
      <c r="I2014" s="7">
        <v>3.4496864</v>
      </c>
      <c r="J2014" s="8">
        <v>-76.529501199999999</v>
      </c>
    </row>
    <row r="2015" spans="1:10" x14ac:dyDescent="0.35">
      <c r="A2015" s="5" t="s">
        <v>10</v>
      </c>
      <c r="B2015" s="6">
        <v>228745</v>
      </c>
      <c r="C2015" s="6" t="s">
        <v>68</v>
      </c>
      <c r="D2015" s="6" t="s">
        <v>69</v>
      </c>
      <c r="E2015" s="6">
        <v>11001</v>
      </c>
      <c r="F2015" s="6" t="s">
        <v>18</v>
      </c>
      <c r="G2015" s="6" t="s">
        <v>4295</v>
      </c>
      <c r="H2015" s="6" t="s">
        <v>4296</v>
      </c>
      <c r="I2015" s="7">
        <v>4.5741977</v>
      </c>
      <c r="J2015" s="8">
        <v>-74.088683599999996</v>
      </c>
    </row>
    <row r="2016" spans="1:10" x14ac:dyDescent="0.35">
      <c r="A2016" s="5" t="s">
        <v>10</v>
      </c>
      <c r="B2016" s="6">
        <v>226308</v>
      </c>
      <c r="C2016" s="6" t="s">
        <v>16</v>
      </c>
      <c r="D2016" s="6" t="s">
        <v>78</v>
      </c>
      <c r="E2016" s="6">
        <v>68001</v>
      </c>
      <c r="F2016" s="6" t="s">
        <v>13</v>
      </c>
      <c r="G2016" s="6" t="s">
        <v>3737</v>
      </c>
      <c r="H2016" s="6" t="s">
        <v>4297</v>
      </c>
      <c r="I2016" s="7">
        <v>7.1004049999999896</v>
      </c>
      <c r="J2016" s="8">
        <v>-73.107091199999999</v>
      </c>
    </row>
    <row r="2017" spans="1:10" x14ac:dyDescent="0.35">
      <c r="A2017" s="5" t="s">
        <v>10</v>
      </c>
      <c r="B2017" s="6">
        <v>226402</v>
      </c>
      <c r="C2017" s="6" t="s">
        <v>190</v>
      </c>
      <c r="D2017" s="6" t="s">
        <v>191</v>
      </c>
      <c r="E2017" s="6">
        <v>5001</v>
      </c>
      <c r="F2017" s="6" t="s">
        <v>13</v>
      </c>
      <c r="G2017" s="6" t="s">
        <v>3737</v>
      </c>
      <c r="H2017" s="6" t="s">
        <v>4298</v>
      </c>
      <c r="I2017" s="7">
        <v>6.2641013999999897</v>
      </c>
      <c r="J2017" s="8">
        <v>-75.566810699999905</v>
      </c>
    </row>
    <row r="2018" spans="1:10" x14ac:dyDescent="0.35">
      <c r="A2018" s="5" t="s">
        <v>10</v>
      </c>
      <c r="B2018" s="6">
        <v>226659</v>
      </c>
      <c r="C2018" s="6" t="s">
        <v>551</v>
      </c>
      <c r="D2018" s="6" t="s">
        <v>4203</v>
      </c>
      <c r="E2018" s="6">
        <v>20228</v>
      </c>
      <c r="F2018" s="6" t="s">
        <v>18</v>
      </c>
      <c r="G2018" s="6" t="s">
        <v>4299</v>
      </c>
      <c r="H2018" s="6" t="s">
        <v>4300</v>
      </c>
      <c r="I2018" s="7">
        <v>9.2036909999999992</v>
      </c>
      <c r="J2018" s="8">
        <v>-73.539951000000002</v>
      </c>
    </row>
    <row r="2019" spans="1:10" x14ac:dyDescent="0.35">
      <c r="A2019" s="5" t="s">
        <v>10</v>
      </c>
      <c r="B2019" s="6">
        <v>208246</v>
      </c>
      <c r="C2019" s="6" t="s">
        <v>2130</v>
      </c>
      <c r="D2019" s="6" t="s">
        <v>2131</v>
      </c>
      <c r="E2019" s="6">
        <v>85001</v>
      </c>
      <c r="F2019" s="6" t="s">
        <v>18</v>
      </c>
      <c r="G2019" s="6" t="s">
        <v>4301</v>
      </c>
      <c r="H2019" s="6" t="s">
        <v>4302</v>
      </c>
      <c r="I2019" s="7">
        <v>5.3526813000000004</v>
      </c>
      <c r="J2019" s="8">
        <v>-72.403142299999999</v>
      </c>
    </row>
    <row r="2020" spans="1:10" x14ac:dyDescent="0.35">
      <c r="A2020" s="5" t="s">
        <v>10</v>
      </c>
      <c r="B2020" s="6">
        <v>239576</v>
      </c>
      <c r="C2020" s="6" t="s">
        <v>2130</v>
      </c>
      <c r="D2020" s="6" t="s">
        <v>2131</v>
      </c>
      <c r="E2020" s="6">
        <v>85001</v>
      </c>
      <c r="F2020" s="6" t="s">
        <v>18</v>
      </c>
      <c r="G2020" s="6" t="s">
        <v>4303</v>
      </c>
      <c r="H2020" s="6" t="s">
        <v>4304</v>
      </c>
      <c r="I2020" s="7">
        <v>5.3209330000000001</v>
      </c>
      <c r="J2020" s="8">
        <v>-72.401060400000006</v>
      </c>
    </row>
    <row r="2021" spans="1:10" x14ac:dyDescent="0.35">
      <c r="A2021" s="5" t="s">
        <v>10</v>
      </c>
      <c r="B2021" s="6">
        <v>204034</v>
      </c>
      <c r="C2021" s="6" t="s">
        <v>294</v>
      </c>
      <c r="D2021" s="6" t="s">
        <v>1722</v>
      </c>
      <c r="E2021" s="6">
        <v>41797</v>
      </c>
      <c r="F2021" s="6" t="s">
        <v>18</v>
      </c>
      <c r="G2021" s="6" t="s">
        <v>4305</v>
      </c>
      <c r="H2021" s="6" t="s">
        <v>4306</v>
      </c>
      <c r="I2021" s="7">
        <v>2.4851124000000002</v>
      </c>
      <c r="J2021" s="8">
        <v>-75.729997299999994</v>
      </c>
    </row>
    <row r="2022" spans="1:10" x14ac:dyDescent="0.35">
      <c r="A2022" s="5" t="s">
        <v>10</v>
      </c>
      <c r="B2022" s="6">
        <v>239459</v>
      </c>
      <c r="C2022" s="6" t="s">
        <v>11</v>
      </c>
      <c r="D2022" s="6" t="s">
        <v>3724</v>
      </c>
      <c r="E2022" s="6">
        <v>25513</v>
      </c>
      <c r="F2022" s="6" t="s">
        <v>18</v>
      </c>
      <c r="G2022" s="6" t="s">
        <v>4307</v>
      </c>
      <c r="H2022" s="6" t="s">
        <v>4308</v>
      </c>
      <c r="I2022" s="7">
        <v>2.4532968999999998</v>
      </c>
      <c r="J2022" s="8">
        <v>-76.632820699999996</v>
      </c>
    </row>
    <row r="2023" spans="1:10" x14ac:dyDescent="0.35">
      <c r="A2023" s="5" t="s">
        <v>10</v>
      </c>
      <c r="B2023" s="6">
        <v>243097</v>
      </c>
      <c r="C2023" s="6" t="s">
        <v>11</v>
      </c>
      <c r="D2023" s="6" t="s">
        <v>3519</v>
      </c>
      <c r="E2023" s="6">
        <v>25736</v>
      </c>
      <c r="F2023" s="6" t="s">
        <v>18</v>
      </c>
      <c r="G2023" s="6" t="s">
        <v>4309</v>
      </c>
      <c r="H2023" s="6" t="s">
        <v>4310</v>
      </c>
      <c r="I2023" s="7">
        <v>5.045598</v>
      </c>
      <c r="J2023" s="8">
        <v>-73.797293100000005</v>
      </c>
    </row>
    <row r="2024" spans="1:10" x14ac:dyDescent="0.35">
      <c r="A2024" s="5" t="s">
        <v>10</v>
      </c>
      <c r="B2024" s="6">
        <v>209514</v>
      </c>
      <c r="C2024" s="6" t="s">
        <v>117</v>
      </c>
      <c r="D2024" s="6" t="s">
        <v>1334</v>
      </c>
      <c r="E2024" s="6">
        <v>76001</v>
      </c>
      <c r="F2024" s="6" t="s">
        <v>18</v>
      </c>
      <c r="G2024" s="6" t="s">
        <v>4311</v>
      </c>
      <c r="H2024" s="6" t="s">
        <v>4312</v>
      </c>
      <c r="I2024" s="7">
        <v>3.4025470000000002</v>
      </c>
      <c r="J2024" s="8">
        <v>-76.503924599999905</v>
      </c>
    </row>
    <row r="2025" spans="1:10" x14ac:dyDescent="0.35">
      <c r="A2025" s="5" t="s">
        <v>10</v>
      </c>
      <c r="B2025" s="6">
        <v>232106</v>
      </c>
      <c r="C2025" s="6" t="s">
        <v>11</v>
      </c>
      <c r="D2025" s="6" t="s">
        <v>334</v>
      </c>
      <c r="E2025" s="6">
        <v>25754</v>
      </c>
      <c r="F2025" s="6" t="s">
        <v>18</v>
      </c>
      <c r="G2025" s="6" t="s">
        <v>4313</v>
      </c>
      <c r="H2025" s="6" t="s">
        <v>4314</v>
      </c>
      <c r="I2025" s="7">
        <v>4.5970943999999996</v>
      </c>
      <c r="J2025" s="8">
        <v>-74.188965600000003</v>
      </c>
    </row>
    <row r="2026" spans="1:10" x14ac:dyDescent="0.35">
      <c r="A2026" s="5" t="s">
        <v>10</v>
      </c>
      <c r="B2026" s="6">
        <v>236817</v>
      </c>
      <c r="C2026" s="6" t="s">
        <v>68</v>
      </c>
      <c r="D2026" s="6" t="s">
        <v>69</v>
      </c>
      <c r="E2026" s="6">
        <v>11001</v>
      </c>
      <c r="F2026" s="6" t="s">
        <v>18</v>
      </c>
      <c r="G2026" s="6" t="s">
        <v>4315</v>
      </c>
      <c r="H2026" s="6" t="s">
        <v>4316</v>
      </c>
      <c r="I2026" s="7">
        <v>4.7354073000000003</v>
      </c>
      <c r="J2026" s="8">
        <v>-74.025858099999994</v>
      </c>
    </row>
    <row r="2027" spans="1:10" x14ac:dyDescent="0.35">
      <c r="A2027" s="5" t="s">
        <v>10</v>
      </c>
      <c r="B2027" s="6">
        <v>226234</v>
      </c>
      <c r="C2027" s="6" t="s">
        <v>117</v>
      </c>
      <c r="D2027" s="6" t="s">
        <v>1334</v>
      </c>
      <c r="E2027" s="6">
        <v>76001</v>
      </c>
      <c r="F2027" s="6" t="s">
        <v>13</v>
      </c>
      <c r="G2027" s="6" t="s">
        <v>3737</v>
      </c>
      <c r="H2027" s="6" t="s">
        <v>4317</v>
      </c>
      <c r="I2027" s="7">
        <v>3.4011925999999999</v>
      </c>
      <c r="J2027" s="8">
        <v>-76.504956199999995</v>
      </c>
    </row>
    <row r="2028" spans="1:10" x14ac:dyDescent="0.35">
      <c r="A2028" s="5" t="s">
        <v>10</v>
      </c>
      <c r="B2028" s="6">
        <v>235745</v>
      </c>
      <c r="C2028" s="6" t="s">
        <v>68</v>
      </c>
      <c r="D2028" s="6" t="s">
        <v>69</v>
      </c>
      <c r="E2028" s="6">
        <v>11001</v>
      </c>
      <c r="F2028" s="6" t="s">
        <v>18</v>
      </c>
      <c r="G2028" s="6" t="s">
        <v>4318</v>
      </c>
      <c r="H2028" s="6" t="s">
        <v>4319</v>
      </c>
      <c r="I2028" s="7">
        <v>9.1059640000000002</v>
      </c>
      <c r="J2028" s="8">
        <v>-75.401527000000002</v>
      </c>
    </row>
    <row r="2029" spans="1:10" x14ac:dyDescent="0.35">
      <c r="A2029" s="5" t="s">
        <v>10</v>
      </c>
      <c r="B2029" s="6">
        <v>223565</v>
      </c>
      <c r="C2029" s="6" t="s">
        <v>24</v>
      </c>
      <c r="D2029" s="6" t="s">
        <v>137</v>
      </c>
      <c r="E2029" s="6">
        <v>15238</v>
      </c>
      <c r="F2029" s="6" t="s">
        <v>18</v>
      </c>
      <c r="G2029" s="6" t="s">
        <v>4320</v>
      </c>
      <c r="H2029" s="6" t="s">
        <v>4321</v>
      </c>
      <c r="I2029" s="7">
        <v>5.8367070999999999</v>
      </c>
      <c r="J2029" s="8">
        <v>-73.033137999999994</v>
      </c>
    </row>
    <row r="2030" spans="1:10" x14ac:dyDescent="0.35">
      <c r="A2030" s="5" t="s">
        <v>10</v>
      </c>
      <c r="B2030" s="6">
        <v>174020</v>
      </c>
      <c r="C2030" s="6" t="s">
        <v>294</v>
      </c>
      <c r="D2030" s="6" t="s">
        <v>703</v>
      </c>
      <c r="E2030" s="6">
        <v>41001</v>
      </c>
      <c r="F2030" s="6" t="s">
        <v>18</v>
      </c>
      <c r="G2030" s="6" t="s">
        <v>4322</v>
      </c>
      <c r="H2030" s="6" t="s">
        <v>4323</v>
      </c>
      <c r="I2030" s="7">
        <v>2.9041888</v>
      </c>
      <c r="J2030" s="8">
        <v>-75.261177899999893</v>
      </c>
    </row>
    <row r="2031" spans="1:10" x14ac:dyDescent="0.35">
      <c r="A2031" s="5" t="s">
        <v>10</v>
      </c>
      <c r="B2031" s="6">
        <v>191203</v>
      </c>
      <c r="C2031" s="6" t="s">
        <v>11</v>
      </c>
      <c r="D2031" s="6" t="s">
        <v>4324</v>
      </c>
      <c r="E2031" s="6">
        <v>25168</v>
      </c>
      <c r="F2031" s="6" t="s">
        <v>18</v>
      </c>
      <c r="G2031" s="6" t="s">
        <v>4325</v>
      </c>
      <c r="H2031" s="6" t="s">
        <v>4326</v>
      </c>
      <c r="I2031" s="7">
        <v>4.9493413999999998</v>
      </c>
      <c r="J2031" s="8">
        <v>-74.593865800000003</v>
      </c>
    </row>
    <row r="2032" spans="1:10" x14ac:dyDescent="0.35">
      <c r="A2032" s="5" t="s">
        <v>10</v>
      </c>
      <c r="B2032" s="6">
        <v>236198</v>
      </c>
      <c r="C2032" s="6" t="s">
        <v>68</v>
      </c>
      <c r="D2032" s="6" t="s">
        <v>69</v>
      </c>
      <c r="E2032" s="6">
        <v>11001</v>
      </c>
      <c r="F2032" s="6" t="s">
        <v>18</v>
      </c>
      <c r="G2032" s="6" t="s">
        <v>4327</v>
      </c>
      <c r="H2032" s="6" t="s">
        <v>4328</v>
      </c>
      <c r="I2032" s="7">
        <v>4.5802925999999999</v>
      </c>
      <c r="J2032" s="8">
        <v>-74.071740300000002</v>
      </c>
    </row>
    <row r="2033" spans="1:10" x14ac:dyDescent="0.35">
      <c r="A2033" s="5" t="s">
        <v>10</v>
      </c>
      <c r="B2033" s="6">
        <v>233190</v>
      </c>
      <c r="C2033" s="6" t="s">
        <v>68</v>
      </c>
      <c r="D2033" s="6" t="s">
        <v>69</v>
      </c>
      <c r="E2033" s="6">
        <v>11001</v>
      </c>
      <c r="F2033" s="6" t="s">
        <v>18</v>
      </c>
      <c r="G2033" s="6" t="s">
        <v>4329</v>
      </c>
      <c r="H2033" s="6" t="s">
        <v>4330</v>
      </c>
      <c r="I2033" s="7">
        <v>4.7591000000000001</v>
      </c>
      <c r="J2033" s="8">
        <v>-74.105800000000002</v>
      </c>
    </row>
    <row r="2034" spans="1:10" x14ac:dyDescent="0.35">
      <c r="A2034" s="5" t="s">
        <v>10</v>
      </c>
      <c r="B2034" s="6">
        <v>226339</v>
      </c>
      <c r="C2034" s="6" t="s">
        <v>109</v>
      </c>
      <c r="D2034" s="6" t="s">
        <v>227</v>
      </c>
      <c r="E2034" s="6">
        <v>13001</v>
      </c>
      <c r="F2034" s="6" t="s">
        <v>13</v>
      </c>
      <c r="G2034" s="6" t="s">
        <v>3737</v>
      </c>
      <c r="H2034" s="6" t="s">
        <v>4331</v>
      </c>
      <c r="I2034" s="7">
        <v>10.394144900000001</v>
      </c>
      <c r="J2034" s="8">
        <v>-75.560311799999994</v>
      </c>
    </row>
    <row r="2035" spans="1:10" x14ac:dyDescent="0.35">
      <c r="A2035" s="5" t="s">
        <v>10</v>
      </c>
      <c r="B2035" s="6">
        <v>239135</v>
      </c>
      <c r="C2035" s="6" t="s">
        <v>302</v>
      </c>
      <c r="D2035" s="6" t="s">
        <v>4041</v>
      </c>
      <c r="E2035" s="6">
        <v>8758</v>
      </c>
      <c r="F2035" s="6" t="s">
        <v>18</v>
      </c>
      <c r="G2035" s="6" t="s">
        <v>4332</v>
      </c>
      <c r="H2035" s="6" t="s">
        <v>4333</v>
      </c>
      <c r="I2035" s="7">
        <v>10.9296823</v>
      </c>
      <c r="J2035" s="8">
        <v>-74.766854199999997</v>
      </c>
    </row>
    <row r="2036" spans="1:10" x14ac:dyDescent="0.35">
      <c r="A2036" s="5" t="s">
        <v>10</v>
      </c>
      <c r="B2036" s="6">
        <v>229593</v>
      </c>
      <c r="C2036" s="6" t="s">
        <v>24</v>
      </c>
      <c r="D2036" s="6" t="s">
        <v>1141</v>
      </c>
      <c r="E2036" s="6">
        <v>15763</v>
      </c>
      <c r="F2036" s="6" t="s">
        <v>18</v>
      </c>
      <c r="G2036" s="6" t="s">
        <v>4334</v>
      </c>
      <c r="H2036" s="6" t="s">
        <v>4335</v>
      </c>
      <c r="I2036" s="7">
        <v>5.7182640999999998</v>
      </c>
      <c r="J2036" s="8">
        <v>-73.274332700000002</v>
      </c>
    </row>
    <row r="2037" spans="1:10" x14ac:dyDescent="0.35">
      <c r="A2037" s="5" t="s">
        <v>10</v>
      </c>
      <c r="B2037" s="6">
        <v>207805</v>
      </c>
      <c r="C2037" s="6" t="s">
        <v>294</v>
      </c>
      <c r="D2037" s="6" t="s">
        <v>703</v>
      </c>
      <c r="E2037" s="6">
        <v>41001</v>
      </c>
      <c r="F2037" s="6" t="s">
        <v>18</v>
      </c>
      <c r="G2037" s="6" t="s">
        <v>4336</v>
      </c>
      <c r="H2037" s="6" t="s">
        <v>4337</v>
      </c>
      <c r="I2037" s="7">
        <v>2.9265325999999998</v>
      </c>
      <c r="J2037" s="8">
        <v>-75.292541499999999</v>
      </c>
    </row>
    <row r="2038" spans="1:10" x14ac:dyDescent="0.35">
      <c r="A2038" s="5" t="s">
        <v>10</v>
      </c>
      <c r="B2038" s="6">
        <v>229069</v>
      </c>
      <c r="C2038" s="6" t="s">
        <v>11</v>
      </c>
      <c r="D2038" s="6" t="s">
        <v>12</v>
      </c>
      <c r="E2038" s="6">
        <v>25899</v>
      </c>
      <c r="F2038" s="6" t="s">
        <v>18</v>
      </c>
      <c r="G2038" s="6" t="s">
        <v>4338</v>
      </c>
      <c r="H2038" s="6" t="s">
        <v>4339</v>
      </c>
      <c r="I2038" s="7">
        <v>5.0200570000000004</v>
      </c>
      <c r="J2038" s="8">
        <v>-73.969819999999999</v>
      </c>
    </row>
    <row r="2039" spans="1:10" x14ac:dyDescent="0.35">
      <c r="A2039" s="5" t="s">
        <v>10</v>
      </c>
      <c r="B2039" s="6">
        <v>231196</v>
      </c>
      <c r="C2039" s="6" t="s">
        <v>11</v>
      </c>
      <c r="D2039" s="6" t="s">
        <v>4340</v>
      </c>
      <c r="E2039" s="6">
        <v>25841</v>
      </c>
      <c r="F2039" s="6" t="s">
        <v>18</v>
      </c>
      <c r="G2039" s="6" t="s">
        <v>4341</v>
      </c>
      <c r="H2039" s="6" t="s">
        <v>4342</v>
      </c>
      <c r="I2039" s="7">
        <v>4.4829292000000001</v>
      </c>
      <c r="J2039" s="8">
        <v>-73.933625899999996</v>
      </c>
    </row>
    <row r="2040" spans="1:10" x14ac:dyDescent="0.35">
      <c r="A2040" s="5" t="s">
        <v>10</v>
      </c>
      <c r="B2040" s="6">
        <v>227023</v>
      </c>
      <c r="C2040" s="6" t="s">
        <v>11</v>
      </c>
      <c r="D2040" s="6" t="s">
        <v>334</v>
      </c>
      <c r="E2040" s="6">
        <v>25754</v>
      </c>
      <c r="F2040" s="6" t="s">
        <v>18</v>
      </c>
      <c r="G2040" s="6" t="s">
        <v>4343</v>
      </c>
      <c r="H2040" s="6" t="s">
        <v>4344</v>
      </c>
      <c r="I2040" s="7">
        <v>4.5746978</v>
      </c>
      <c r="J2040" s="8">
        <v>-74.212305499999999</v>
      </c>
    </row>
    <row r="2041" spans="1:10" x14ac:dyDescent="0.35">
      <c r="A2041" s="5" t="s">
        <v>10</v>
      </c>
      <c r="B2041" s="6">
        <v>199241</v>
      </c>
      <c r="C2041" s="6" t="s">
        <v>68</v>
      </c>
      <c r="D2041" s="6" t="s">
        <v>69</v>
      </c>
      <c r="E2041" s="6">
        <v>11001</v>
      </c>
      <c r="F2041" s="6" t="s">
        <v>18</v>
      </c>
      <c r="G2041" s="6" t="s">
        <v>4345</v>
      </c>
      <c r="H2041" s="6" t="s">
        <v>4346</v>
      </c>
      <c r="I2041" s="7">
        <v>4.6409170999999896</v>
      </c>
      <c r="J2041" s="8">
        <v>-74.173790800000006</v>
      </c>
    </row>
    <row r="2042" spans="1:10" x14ac:dyDescent="0.35">
      <c r="A2042" s="5" t="s">
        <v>10</v>
      </c>
      <c r="B2042" s="6">
        <v>218129</v>
      </c>
      <c r="C2042" s="6" t="s">
        <v>68</v>
      </c>
      <c r="D2042" s="6" t="s">
        <v>69</v>
      </c>
      <c r="E2042" s="6">
        <v>11001</v>
      </c>
      <c r="F2042" s="6" t="s">
        <v>18</v>
      </c>
      <c r="G2042" s="6" t="s">
        <v>4347</v>
      </c>
      <c r="H2042" s="6" t="s">
        <v>4348</v>
      </c>
      <c r="I2042" s="7">
        <v>4.5936767999999999</v>
      </c>
      <c r="J2042" s="8">
        <v>-74.101184199999906</v>
      </c>
    </row>
    <row r="2043" spans="1:10" x14ac:dyDescent="0.35">
      <c r="A2043" s="5" t="s">
        <v>10</v>
      </c>
      <c r="B2043" s="6">
        <v>210442</v>
      </c>
      <c r="C2043" s="6" t="s">
        <v>68</v>
      </c>
      <c r="D2043" s="6" t="s">
        <v>69</v>
      </c>
      <c r="E2043" s="6">
        <v>11001</v>
      </c>
      <c r="F2043" s="6" t="s">
        <v>18</v>
      </c>
      <c r="G2043" s="6" t="s">
        <v>4349</v>
      </c>
      <c r="H2043" s="6" t="s">
        <v>4350</v>
      </c>
      <c r="I2043" s="7">
        <v>4.7272559999999997</v>
      </c>
      <c r="J2043" s="8">
        <v>-74.089193499999993</v>
      </c>
    </row>
    <row r="2044" spans="1:10" x14ac:dyDescent="0.35">
      <c r="A2044" s="5" t="s">
        <v>10</v>
      </c>
      <c r="B2044" s="6">
        <v>230506</v>
      </c>
      <c r="C2044" s="6" t="s">
        <v>68</v>
      </c>
      <c r="D2044" s="6" t="s">
        <v>69</v>
      </c>
      <c r="E2044" s="6">
        <v>11001</v>
      </c>
      <c r="F2044" s="6" t="s">
        <v>18</v>
      </c>
      <c r="G2044" s="6" t="s">
        <v>4351</v>
      </c>
      <c r="H2044" s="6" t="s">
        <v>4352</v>
      </c>
      <c r="I2044" s="7">
        <v>4.7346328</v>
      </c>
      <c r="J2044" s="8">
        <v>-74.092375899999993</v>
      </c>
    </row>
    <row r="2045" spans="1:10" x14ac:dyDescent="0.35">
      <c r="A2045" s="5" t="s">
        <v>10</v>
      </c>
      <c r="B2045" s="6">
        <v>226297</v>
      </c>
      <c r="C2045" s="6" t="s">
        <v>68</v>
      </c>
      <c r="D2045" s="6" t="s">
        <v>69</v>
      </c>
      <c r="E2045" s="6">
        <v>11001</v>
      </c>
      <c r="F2045" s="6" t="s">
        <v>13</v>
      </c>
      <c r="G2045" s="6" t="s">
        <v>3737</v>
      </c>
      <c r="H2045" s="6" t="s">
        <v>4353</v>
      </c>
      <c r="I2045" s="7">
        <v>4.6562026999999997</v>
      </c>
      <c r="J2045" s="8">
        <v>-74.110893399999995</v>
      </c>
    </row>
    <row r="2046" spans="1:10" x14ac:dyDescent="0.35">
      <c r="A2046" s="5" t="s">
        <v>10</v>
      </c>
      <c r="B2046" s="6">
        <v>173789</v>
      </c>
      <c r="C2046" s="6" t="s">
        <v>294</v>
      </c>
      <c r="D2046" s="6" t="s">
        <v>447</v>
      </c>
      <c r="E2046" s="6">
        <v>41551</v>
      </c>
      <c r="F2046" s="6" t="s">
        <v>18</v>
      </c>
      <c r="G2046" s="6" t="s">
        <v>4354</v>
      </c>
      <c r="H2046" s="6" t="s">
        <v>4355</v>
      </c>
      <c r="I2046" s="7">
        <v>1.853138</v>
      </c>
      <c r="J2046" s="8">
        <v>-76.043481999999997</v>
      </c>
    </row>
    <row r="2047" spans="1:10" x14ac:dyDescent="0.35">
      <c r="A2047" s="5" t="s">
        <v>10</v>
      </c>
      <c r="B2047" s="6">
        <v>232982</v>
      </c>
      <c r="C2047" s="6" t="s">
        <v>117</v>
      </c>
      <c r="D2047" s="6" t="s">
        <v>1334</v>
      </c>
      <c r="E2047" s="6">
        <v>76001</v>
      </c>
      <c r="F2047" s="6" t="s">
        <v>18</v>
      </c>
      <c r="G2047" s="6" t="s">
        <v>4356</v>
      </c>
      <c r="H2047" s="6" t="s">
        <v>4357</v>
      </c>
      <c r="I2047" s="7">
        <v>3.4516</v>
      </c>
      <c r="J2047" s="8">
        <v>-76.559719999999999</v>
      </c>
    </row>
    <row r="2048" spans="1:10" x14ac:dyDescent="0.35">
      <c r="A2048" s="5" t="s">
        <v>10</v>
      </c>
      <c r="B2048" s="6">
        <v>235467</v>
      </c>
      <c r="C2048" s="6" t="s">
        <v>117</v>
      </c>
      <c r="D2048" s="6" t="s">
        <v>1334</v>
      </c>
      <c r="E2048" s="6">
        <v>76001</v>
      </c>
      <c r="F2048" s="6" t="s">
        <v>18</v>
      </c>
      <c r="G2048" s="6" t="s">
        <v>4358</v>
      </c>
      <c r="H2048" s="6" t="s">
        <v>4359</v>
      </c>
      <c r="I2048" s="7">
        <v>3.4151516000000002</v>
      </c>
      <c r="J2048" s="8">
        <v>-76.508137500000004</v>
      </c>
    </row>
    <row r="2049" spans="1:10" x14ac:dyDescent="0.35">
      <c r="A2049" s="5" t="s">
        <v>10</v>
      </c>
      <c r="B2049" s="6">
        <v>182448</v>
      </c>
      <c r="C2049" s="6" t="s">
        <v>11</v>
      </c>
      <c r="D2049" s="6" t="s">
        <v>334</v>
      </c>
      <c r="E2049" s="6">
        <v>25754</v>
      </c>
      <c r="F2049" s="6" t="s">
        <v>18</v>
      </c>
      <c r="G2049" s="6" t="s">
        <v>4360</v>
      </c>
      <c r="H2049" s="6" t="s">
        <v>4361</v>
      </c>
      <c r="I2049" s="7">
        <v>4.5806312</v>
      </c>
      <c r="J2049" s="8">
        <v>-74.204378599999998</v>
      </c>
    </row>
    <row r="2050" spans="1:10" x14ac:dyDescent="0.35">
      <c r="A2050" s="5" t="s">
        <v>10</v>
      </c>
      <c r="B2050" s="6">
        <v>226384</v>
      </c>
      <c r="C2050" s="6" t="s">
        <v>190</v>
      </c>
      <c r="D2050" s="6" t="s">
        <v>4362</v>
      </c>
      <c r="E2050" s="6">
        <v>5360</v>
      </c>
      <c r="F2050" s="6" t="s">
        <v>13</v>
      </c>
      <c r="G2050" s="6" t="s">
        <v>3737</v>
      </c>
      <c r="H2050" s="6" t="s">
        <v>4363</v>
      </c>
      <c r="I2050" s="7">
        <v>6.1724027000000001</v>
      </c>
      <c r="J2050" s="8">
        <v>-75.6085037</v>
      </c>
    </row>
    <row r="2051" spans="1:10" x14ac:dyDescent="0.35">
      <c r="A2051" s="5" t="s">
        <v>10</v>
      </c>
      <c r="B2051" s="6">
        <v>231366</v>
      </c>
      <c r="C2051" s="6" t="s">
        <v>4364</v>
      </c>
      <c r="D2051" s="6" t="s">
        <v>4365</v>
      </c>
      <c r="E2051" s="6">
        <v>70001</v>
      </c>
      <c r="F2051" s="6" t="s">
        <v>18</v>
      </c>
      <c r="G2051" s="6" t="s">
        <v>4366</v>
      </c>
      <c r="H2051" s="6" t="s">
        <v>4367</v>
      </c>
      <c r="I2051" s="7">
        <v>9.2896564000000001</v>
      </c>
      <c r="J2051" s="8">
        <v>-75.385056700000007</v>
      </c>
    </row>
    <row r="2052" spans="1:10" x14ac:dyDescent="0.35">
      <c r="A2052" s="5" t="s">
        <v>10</v>
      </c>
      <c r="B2052" s="6">
        <v>183878</v>
      </c>
      <c r="C2052" s="6" t="s">
        <v>278</v>
      </c>
      <c r="D2052" s="6" t="s">
        <v>279</v>
      </c>
      <c r="E2052" s="6">
        <v>50001</v>
      </c>
      <c r="F2052" s="6" t="s">
        <v>18</v>
      </c>
      <c r="G2052" s="6" t="s">
        <v>4368</v>
      </c>
      <c r="H2052" s="6" t="s">
        <v>4369</v>
      </c>
      <c r="I2052" s="7">
        <v>4.1451343999999999</v>
      </c>
      <c r="J2052" s="8">
        <v>-73.642872499999996</v>
      </c>
    </row>
    <row r="2053" spans="1:10" x14ac:dyDescent="0.35">
      <c r="A2053" s="5" t="s">
        <v>10</v>
      </c>
      <c r="B2053" s="6">
        <v>245849</v>
      </c>
      <c r="C2053" s="6" t="s">
        <v>11</v>
      </c>
      <c r="D2053" s="6" t="s">
        <v>337</v>
      </c>
      <c r="E2053" s="6">
        <v>25290</v>
      </c>
      <c r="F2053" s="6" t="s">
        <v>18</v>
      </c>
      <c r="G2053" s="6" t="s">
        <v>4370</v>
      </c>
      <c r="H2053" s="6" t="s">
        <v>4371</v>
      </c>
      <c r="I2053" s="7">
        <v>4.3416791999999997</v>
      </c>
      <c r="J2053" s="8">
        <v>-74.362618800000007</v>
      </c>
    </row>
    <row r="2054" spans="1:10" x14ac:dyDescent="0.35">
      <c r="A2054" s="5" t="s">
        <v>10</v>
      </c>
      <c r="B2054" s="6">
        <v>211479</v>
      </c>
      <c r="C2054" s="6" t="s">
        <v>11</v>
      </c>
      <c r="D2054" s="6" t="s">
        <v>3857</v>
      </c>
      <c r="E2054" s="6">
        <v>25745</v>
      </c>
      <c r="F2054" s="6" t="s">
        <v>18</v>
      </c>
      <c r="G2054" s="6" t="s">
        <v>4372</v>
      </c>
      <c r="H2054" s="6" t="s">
        <v>4373</v>
      </c>
      <c r="I2054" s="7">
        <v>4.5792618999999997</v>
      </c>
      <c r="J2054" s="8">
        <v>-74.226366200000001</v>
      </c>
    </row>
    <row r="2055" spans="1:10" x14ac:dyDescent="0.35">
      <c r="A2055" s="5" t="s">
        <v>10</v>
      </c>
      <c r="B2055" s="6">
        <v>215338</v>
      </c>
      <c r="C2055" s="6" t="s">
        <v>11</v>
      </c>
      <c r="D2055" s="6" t="s">
        <v>407</v>
      </c>
      <c r="E2055" s="6">
        <v>25126</v>
      </c>
      <c r="F2055" s="6" t="s">
        <v>18</v>
      </c>
      <c r="G2055" s="6" t="s">
        <v>4374</v>
      </c>
      <c r="H2055" s="6" t="s">
        <v>4375</v>
      </c>
      <c r="I2055" s="7">
        <v>4.9166173000000004</v>
      </c>
      <c r="J2055" s="8">
        <v>-74.026046100000002</v>
      </c>
    </row>
    <row r="2056" spans="1:10" x14ac:dyDescent="0.35">
      <c r="A2056" s="5" t="s">
        <v>10</v>
      </c>
      <c r="B2056" s="6">
        <v>207369</v>
      </c>
      <c r="C2056" s="6" t="s">
        <v>11</v>
      </c>
      <c r="D2056" s="6" t="s">
        <v>12</v>
      </c>
      <c r="E2056" s="6">
        <v>25899</v>
      </c>
      <c r="F2056" s="6" t="s">
        <v>18</v>
      </c>
      <c r="G2056" s="6" t="s">
        <v>4376</v>
      </c>
      <c r="H2056" s="6" t="s">
        <v>4377</v>
      </c>
      <c r="I2056" s="7">
        <v>5.0200052999999896</v>
      </c>
      <c r="J2056" s="8">
        <v>-73.9999392</v>
      </c>
    </row>
    <row r="2057" spans="1:10" x14ac:dyDescent="0.35">
      <c r="A2057" s="5" t="s">
        <v>10</v>
      </c>
      <c r="B2057" s="6">
        <v>234967</v>
      </c>
      <c r="C2057" s="6" t="s">
        <v>117</v>
      </c>
      <c r="D2057" s="6" t="s">
        <v>1334</v>
      </c>
      <c r="E2057" s="6">
        <v>76001</v>
      </c>
      <c r="F2057" s="6" t="s">
        <v>18</v>
      </c>
      <c r="G2057" s="6" t="s">
        <v>4378</v>
      </c>
      <c r="H2057" s="6" t="s">
        <v>4379</v>
      </c>
      <c r="I2057" s="7">
        <v>3.418196</v>
      </c>
      <c r="J2057" s="8">
        <v>-76.496358099999995</v>
      </c>
    </row>
    <row r="2058" spans="1:10" x14ac:dyDescent="0.35">
      <c r="A2058" s="5" t="s">
        <v>10</v>
      </c>
      <c r="B2058" s="6">
        <v>231658</v>
      </c>
      <c r="C2058" s="6" t="s">
        <v>68</v>
      </c>
      <c r="D2058" s="6" t="s">
        <v>69</v>
      </c>
      <c r="E2058" s="6">
        <v>11001</v>
      </c>
      <c r="F2058" s="6" t="s">
        <v>18</v>
      </c>
      <c r="G2058" s="6" t="s">
        <v>4380</v>
      </c>
      <c r="H2058" s="6" t="s">
        <v>4381</v>
      </c>
      <c r="I2058" s="7">
        <v>4.641502</v>
      </c>
      <c r="J2058" s="8">
        <v>-74.1743089</v>
      </c>
    </row>
    <row r="2059" spans="1:10" x14ac:dyDescent="0.35">
      <c r="A2059" s="5" t="s">
        <v>10</v>
      </c>
      <c r="B2059" s="6">
        <v>229543</v>
      </c>
      <c r="C2059" s="6" t="s">
        <v>28</v>
      </c>
      <c r="D2059" s="6" t="s">
        <v>29</v>
      </c>
      <c r="E2059" s="6">
        <v>54001</v>
      </c>
      <c r="F2059" s="6" t="s">
        <v>18</v>
      </c>
      <c r="G2059" s="6" t="s">
        <v>4382</v>
      </c>
      <c r="H2059" s="6" t="s">
        <v>4383</v>
      </c>
      <c r="I2059" s="7">
        <v>7.8942503999999998</v>
      </c>
      <c r="J2059" s="8">
        <v>-72.476327499999996</v>
      </c>
    </row>
    <row r="2060" spans="1:10" x14ac:dyDescent="0.35">
      <c r="A2060" s="5" t="s">
        <v>10</v>
      </c>
      <c r="B2060" s="6">
        <v>226348</v>
      </c>
      <c r="C2060" s="6" t="s">
        <v>302</v>
      </c>
      <c r="D2060" s="6" t="s">
        <v>4041</v>
      </c>
      <c r="E2060" s="6">
        <v>8758</v>
      </c>
      <c r="F2060" s="6" t="s">
        <v>13</v>
      </c>
      <c r="G2060" s="6" t="s">
        <v>3737</v>
      </c>
      <c r="H2060" s="6" t="s">
        <v>4384</v>
      </c>
      <c r="I2060" s="7">
        <v>10.927729599999999</v>
      </c>
      <c r="J2060" s="8">
        <v>-74.778414599999905</v>
      </c>
    </row>
    <row r="2061" spans="1:10" x14ac:dyDescent="0.35">
      <c r="A2061" s="5" t="s">
        <v>10</v>
      </c>
      <c r="B2061" s="6">
        <v>241855</v>
      </c>
      <c r="C2061" s="6" t="s">
        <v>278</v>
      </c>
      <c r="D2061" s="6" t="s">
        <v>1524</v>
      </c>
      <c r="E2061" s="6">
        <v>50318</v>
      </c>
      <c r="F2061" s="6" t="s">
        <v>18</v>
      </c>
      <c r="G2061" s="6" t="s">
        <v>4385</v>
      </c>
      <c r="H2061" s="6" t="s">
        <v>4386</v>
      </c>
      <c r="I2061" s="7">
        <v>3.8781420999999998</v>
      </c>
      <c r="J2061" s="8">
        <v>-73.769103299999998</v>
      </c>
    </row>
    <row r="2062" spans="1:10" x14ac:dyDescent="0.35">
      <c r="A2062" s="5" t="s">
        <v>10</v>
      </c>
      <c r="B2062" s="6">
        <v>200119</v>
      </c>
      <c r="C2062" s="6" t="s">
        <v>294</v>
      </c>
      <c r="D2062" s="6" t="s">
        <v>4257</v>
      </c>
      <c r="E2062" s="6">
        <v>41524</v>
      </c>
      <c r="F2062" s="6" t="s">
        <v>18</v>
      </c>
      <c r="G2062" s="6" t="s">
        <v>4387</v>
      </c>
      <c r="H2062" s="6" t="s">
        <v>4388</v>
      </c>
      <c r="I2062" s="7">
        <v>2.8862459999999999</v>
      </c>
      <c r="J2062" s="8">
        <v>-75.433419000000001</v>
      </c>
    </row>
    <row r="2063" spans="1:10" x14ac:dyDescent="0.35">
      <c r="A2063" s="5" t="s">
        <v>10</v>
      </c>
      <c r="B2063" s="6">
        <v>241973</v>
      </c>
      <c r="C2063" s="6" t="s">
        <v>294</v>
      </c>
      <c r="D2063" s="6" t="s">
        <v>703</v>
      </c>
      <c r="E2063" s="6">
        <v>41001</v>
      </c>
      <c r="F2063" s="6" t="s">
        <v>18</v>
      </c>
      <c r="G2063" s="6" t="s">
        <v>4389</v>
      </c>
      <c r="H2063" s="6" t="s">
        <v>4390</v>
      </c>
      <c r="I2063" s="7">
        <v>2.5837642999999999</v>
      </c>
      <c r="J2063" s="8">
        <v>-75.451622099999994</v>
      </c>
    </row>
    <row r="2064" spans="1:10" x14ac:dyDescent="0.35">
      <c r="A2064" s="5" t="s">
        <v>10</v>
      </c>
      <c r="B2064" s="6">
        <v>210844</v>
      </c>
      <c r="C2064" s="6" t="s">
        <v>3788</v>
      </c>
      <c r="D2064" s="6" t="s">
        <v>4391</v>
      </c>
      <c r="E2064" s="6">
        <v>18094</v>
      </c>
      <c r="F2064" s="6" t="s">
        <v>18</v>
      </c>
      <c r="G2064" s="6" t="s">
        <v>4392</v>
      </c>
      <c r="H2064" s="6" t="s">
        <v>4393</v>
      </c>
      <c r="I2064" s="7">
        <v>1.4200429999999999</v>
      </c>
      <c r="J2064" s="8">
        <v>-75.872467099999994</v>
      </c>
    </row>
    <row r="2065" spans="1:10" x14ac:dyDescent="0.35">
      <c r="A2065" s="5" t="s">
        <v>10</v>
      </c>
      <c r="B2065" s="6">
        <v>248438</v>
      </c>
      <c r="C2065" s="6" t="s">
        <v>117</v>
      </c>
      <c r="D2065" s="6" t="s">
        <v>4394</v>
      </c>
      <c r="E2065" s="6">
        <v>76823</v>
      </c>
      <c r="F2065" s="6" t="s">
        <v>18</v>
      </c>
      <c r="G2065" s="6" t="s">
        <v>4395</v>
      </c>
      <c r="H2065" s="6" t="s">
        <v>4396</v>
      </c>
      <c r="I2065" s="7">
        <v>4.6101206000000001</v>
      </c>
      <c r="J2065" s="8">
        <v>-76.078878500000002</v>
      </c>
    </row>
    <row r="2066" spans="1:10" x14ac:dyDescent="0.35">
      <c r="A2066" s="5" t="s">
        <v>10</v>
      </c>
      <c r="B2066" s="6">
        <v>226357</v>
      </c>
      <c r="C2066" s="6" t="s">
        <v>117</v>
      </c>
      <c r="D2066" s="6" t="s">
        <v>4397</v>
      </c>
      <c r="E2066" s="6">
        <v>76147</v>
      </c>
      <c r="F2066" s="6" t="s">
        <v>13</v>
      </c>
      <c r="G2066" s="6" t="s">
        <v>3737</v>
      </c>
      <c r="H2066" s="6" t="s">
        <v>4398</v>
      </c>
      <c r="I2066" s="7">
        <v>4.7419007999999998</v>
      </c>
      <c r="J2066" s="8">
        <v>-75.909614500000004</v>
      </c>
    </row>
    <row r="2067" spans="1:10" x14ac:dyDescent="0.35">
      <c r="A2067" s="5" t="s">
        <v>10</v>
      </c>
      <c r="B2067" s="6">
        <v>226368</v>
      </c>
      <c r="C2067" s="6" t="s">
        <v>61</v>
      </c>
      <c r="D2067" s="6" t="s">
        <v>723</v>
      </c>
      <c r="E2067" s="6">
        <v>63470</v>
      </c>
      <c r="F2067" s="6" t="s">
        <v>13</v>
      </c>
      <c r="G2067" s="6" t="s">
        <v>3737</v>
      </c>
      <c r="H2067" s="6" t="s">
        <v>4399</v>
      </c>
      <c r="I2067" s="7">
        <v>4.5666370000000001</v>
      </c>
      <c r="J2067" s="8">
        <v>-75.750119999999995</v>
      </c>
    </row>
    <row r="2068" spans="1:10" x14ac:dyDescent="0.35">
      <c r="A2068" s="5" t="s">
        <v>10</v>
      </c>
      <c r="B2068" s="6">
        <v>226264</v>
      </c>
      <c r="C2068" s="6" t="s">
        <v>457</v>
      </c>
      <c r="D2068" s="6" t="s">
        <v>4400</v>
      </c>
      <c r="E2068" s="6">
        <v>52001</v>
      </c>
      <c r="F2068" s="6" t="s">
        <v>13</v>
      </c>
      <c r="G2068" s="6" t="s">
        <v>3737</v>
      </c>
      <c r="H2068" s="6" t="s">
        <v>4401</v>
      </c>
      <c r="I2068" s="7">
        <v>1.2154019</v>
      </c>
      <c r="J2068" s="8">
        <v>-77.279646599999893</v>
      </c>
    </row>
    <row r="2069" spans="1:10" x14ac:dyDescent="0.35">
      <c r="A2069" s="5" t="s">
        <v>10</v>
      </c>
      <c r="B2069" s="6">
        <v>226277</v>
      </c>
      <c r="C2069" s="6" t="s">
        <v>68</v>
      </c>
      <c r="D2069" s="6" t="s">
        <v>69</v>
      </c>
      <c r="E2069" s="6">
        <v>11001</v>
      </c>
      <c r="F2069" s="6" t="s">
        <v>13</v>
      </c>
      <c r="G2069" s="6" t="s">
        <v>3737</v>
      </c>
      <c r="H2069" s="6" t="s">
        <v>4402</v>
      </c>
      <c r="I2069" s="7">
        <v>4.6947922999999996</v>
      </c>
      <c r="J2069" s="8">
        <v>-74.086463199999997</v>
      </c>
    </row>
    <row r="2070" spans="1:10" x14ac:dyDescent="0.35">
      <c r="A2070" s="5" t="s">
        <v>10</v>
      </c>
      <c r="B2070" s="6">
        <v>230228</v>
      </c>
      <c r="C2070" s="6" t="s">
        <v>551</v>
      </c>
      <c r="D2070" s="6" t="s">
        <v>4403</v>
      </c>
      <c r="E2070" s="6">
        <v>20013</v>
      </c>
      <c r="F2070" s="6" t="s">
        <v>18</v>
      </c>
      <c r="G2070" s="6" t="s">
        <v>4404</v>
      </c>
      <c r="H2070" s="6" t="s">
        <v>4405</v>
      </c>
      <c r="I2070" s="7">
        <v>10.030560599999999</v>
      </c>
      <c r="J2070" s="8">
        <v>-73.231065000000001</v>
      </c>
    </row>
    <row r="2071" spans="1:10" x14ac:dyDescent="0.35">
      <c r="A2071" s="5" t="s">
        <v>10</v>
      </c>
      <c r="B2071" s="6">
        <v>241938</v>
      </c>
      <c r="C2071" s="6" t="s">
        <v>278</v>
      </c>
      <c r="D2071" s="6" t="s">
        <v>279</v>
      </c>
      <c r="E2071" s="6">
        <v>50001</v>
      </c>
      <c r="F2071" s="6" t="s">
        <v>18</v>
      </c>
      <c r="G2071" s="6" t="s">
        <v>4406</v>
      </c>
      <c r="H2071" s="6" t="s">
        <v>4407</v>
      </c>
      <c r="I2071" s="7">
        <v>4.1583128</v>
      </c>
      <c r="J2071" s="8">
        <v>-73.638630399999997</v>
      </c>
    </row>
    <row r="2072" spans="1:10" x14ac:dyDescent="0.35">
      <c r="A2072" s="5" t="s">
        <v>10</v>
      </c>
      <c r="B2072" s="6">
        <v>233835</v>
      </c>
      <c r="C2072" s="6" t="s">
        <v>3788</v>
      </c>
      <c r="D2072" s="6" t="s">
        <v>3974</v>
      </c>
      <c r="E2072" s="6">
        <v>18001</v>
      </c>
      <c r="F2072" s="6" t="s">
        <v>18</v>
      </c>
      <c r="G2072" s="6" t="s">
        <v>4408</v>
      </c>
      <c r="H2072" s="6" t="s">
        <v>4409</v>
      </c>
      <c r="I2072" s="7">
        <v>1.6144369000000001</v>
      </c>
      <c r="J2072" s="8">
        <v>-75.609405499999994</v>
      </c>
    </row>
    <row r="2073" spans="1:10" x14ac:dyDescent="0.35">
      <c r="A2073" s="5" t="s">
        <v>10</v>
      </c>
      <c r="B2073" s="6">
        <v>229763</v>
      </c>
      <c r="C2073" s="6" t="s">
        <v>11</v>
      </c>
      <c r="D2073" s="6" t="s">
        <v>337</v>
      </c>
      <c r="E2073" s="6">
        <v>25290</v>
      </c>
      <c r="F2073" s="6" t="s">
        <v>18</v>
      </c>
      <c r="G2073" s="6" t="s">
        <v>4410</v>
      </c>
      <c r="H2073" s="6" t="s">
        <v>4411</v>
      </c>
      <c r="I2073" s="7">
        <v>4.3433735999999996</v>
      </c>
      <c r="J2073" s="8">
        <v>-74.362853900000005</v>
      </c>
    </row>
    <row r="2074" spans="1:10" x14ac:dyDescent="0.35">
      <c r="A2074" s="5" t="s">
        <v>10</v>
      </c>
      <c r="B2074" s="6">
        <v>243070</v>
      </c>
      <c r="C2074" s="6" t="s">
        <v>11</v>
      </c>
      <c r="D2074" s="6" t="s">
        <v>1000</v>
      </c>
      <c r="E2074" s="6">
        <v>25123</v>
      </c>
      <c r="F2074" s="6" t="s">
        <v>18</v>
      </c>
      <c r="G2074" s="6" t="s">
        <v>4412</v>
      </c>
      <c r="H2074" s="6" t="s">
        <v>4413</v>
      </c>
      <c r="I2074" s="7">
        <v>5.2667400000000004</v>
      </c>
      <c r="J2074" s="8">
        <v>-74.566720000000004</v>
      </c>
    </row>
    <row r="2075" spans="1:10" x14ac:dyDescent="0.35">
      <c r="A2075" s="5" t="s">
        <v>10</v>
      </c>
      <c r="B2075" s="6">
        <v>208253</v>
      </c>
      <c r="C2075" s="6" t="s">
        <v>11</v>
      </c>
      <c r="D2075" s="6" t="s">
        <v>101</v>
      </c>
      <c r="E2075" s="6">
        <v>25473</v>
      </c>
      <c r="F2075" s="6" t="s">
        <v>18</v>
      </c>
      <c r="G2075" s="6" t="s">
        <v>1940</v>
      </c>
      <c r="H2075" s="6" t="s">
        <v>4414</v>
      </c>
      <c r="I2075" s="7">
        <v>4.7161698999999997</v>
      </c>
      <c r="J2075" s="8">
        <v>-74.224100800000002</v>
      </c>
    </row>
    <row r="2076" spans="1:10" x14ac:dyDescent="0.35">
      <c r="A2076" s="5" t="s">
        <v>10</v>
      </c>
      <c r="B2076" s="6">
        <v>234348</v>
      </c>
      <c r="C2076" s="6" t="s">
        <v>117</v>
      </c>
      <c r="D2076" s="6" t="s">
        <v>1334</v>
      </c>
      <c r="E2076" s="6">
        <v>76001</v>
      </c>
      <c r="F2076" s="6" t="s">
        <v>18</v>
      </c>
      <c r="G2076" s="6" t="s">
        <v>4415</v>
      </c>
      <c r="H2076" s="6" t="s">
        <v>4416</v>
      </c>
      <c r="I2076" s="7">
        <v>3.4369595999999998</v>
      </c>
      <c r="J2076" s="8">
        <v>-76.469227000000004</v>
      </c>
    </row>
    <row r="2077" spans="1:10" x14ac:dyDescent="0.35">
      <c r="A2077" s="5" t="s">
        <v>10</v>
      </c>
      <c r="B2077" s="6">
        <v>225449</v>
      </c>
      <c r="C2077" s="6" t="s">
        <v>68</v>
      </c>
      <c r="D2077" s="6" t="s">
        <v>69</v>
      </c>
      <c r="E2077" s="6">
        <v>11001</v>
      </c>
      <c r="F2077" s="6" t="s">
        <v>18</v>
      </c>
      <c r="G2077" s="6" t="s">
        <v>4417</v>
      </c>
      <c r="H2077" s="6" t="s">
        <v>4418</v>
      </c>
      <c r="I2077" s="7">
        <v>4.6870178999999998</v>
      </c>
      <c r="J2077" s="8">
        <v>-74.156075599999994</v>
      </c>
    </row>
    <row r="2078" spans="1:10" x14ac:dyDescent="0.35">
      <c r="A2078" s="5" t="s">
        <v>10</v>
      </c>
      <c r="B2078" s="6">
        <v>210275</v>
      </c>
      <c r="C2078" s="6" t="s">
        <v>68</v>
      </c>
      <c r="D2078" s="6" t="s">
        <v>69</v>
      </c>
      <c r="E2078" s="6">
        <v>11001</v>
      </c>
      <c r="F2078" s="6" t="s">
        <v>18</v>
      </c>
      <c r="G2078" s="6" t="s">
        <v>4419</v>
      </c>
      <c r="H2078" s="6" t="s">
        <v>4420</v>
      </c>
      <c r="I2078" s="7">
        <v>4.5669054999999998</v>
      </c>
      <c r="J2078" s="8">
        <v>-74.132573199999996</v>
      </c>
    </row>
    <row r="2079" spans="1:10" x14ac:dyDescent="0.35">
      <c r="A2079" s="5" t="s">
        <v>10</v>
      </c>
      <c r="B2079" s="6">
        <v>219875</v>
      </c>
      <c r="C2079" s="6" t="s">
        <v>28</v>
      </c>
      <c r="D2079" s="6" t="s">
        <v>29</v>
      </c>
      <c r="E2079" s="6">
        <v>54001</v>
      </c>
      <c r="F2079" s="6" t="s">
        <v>18</v>
      </c>
      <c r="G2079" s="6" t="s">
        <v>4421</v>
      </c>
      <c r="H2079" s="6" t="s">
        <v>4422</v>
      </c>
      <c r="I2079" s="7">
        <v>7.8906286999999997</v>
      </c>
      <c r="J2079" s="8">
        <v>-72.543853799999994</v>
      </c>
    </row>
    <row r="2080" spans="1:10" x14ac:dyDescent="0.35">
      <c r="A2080" s="5" t="s">
        <v>10</v>
      </c>
      <c r="B2080" s="6">
        <v>239471</v>
      </c>
      <c r="C2080" s="6" t="s">
        <v>68</v>
      </c>
      <c r="D2080" s="6" t="s">
        <v>69</v>
      </c>
      <c r="E2080" s="6">
        <v>11001</v>
      </c>
      <c r="F2080" s="6" t="s">
        <v>18</v>
      </c>
      <c r="G2080" s="6" t="s">
        <v>4423</v>
      </c>
      <c r="H2080" s="6" t="s">
        <v>4424</v>
      </c>
      <c r="I2080" s="7">
        <v>4.4964601999999996</v>
      </c>
      <c r="J2080" s="8">
        <v>-74.101708900000006</v>
      </c>
    </row>
    <row r="2081" spans="1:10" x14ac:dyDescent="0.35">
      <c r="A2081" s="5" t="s">
        <v>10</v>
      </c>
      <c r="B2081" s="6">
        <v>231813</v>
      </c>
      <c r="C2081" s="6" t="s">
        <v>11</v>
      </c>
      <c r="D2081" s="6" t="s">
        <v>334</v>
      </c>
      <c r="E2081" s="6">
        <v>25754</v>
      </c>
      <c r="F2081" s="6" t="s">
        <v>18</v>
      </c>
      <c r="G2081" s="6" t="s">
        <v>4425</v>
      </c>
      <c r="H2081" s="6" t="s">
        <v>4426</v>
      </c>
      <c r="I2081" s="7">
        <v>4.5874173999999996</v>
      </c>
      <c r="J2081" s="8">
        <v>-74.182995199999993</v>
      </c>
    </row>
    <row r="2082" spans="1:10" x14ac:dyDescent="0.35">
      <c r="A2082" s="5" t="s">
        <v>10</v>
      </c>
      <c r="B2082" s="6">
        <v>226316</v>
      </c>
      <c r="C2082" s="6" t="s">
        <v>28</v>
      </c>
      <c r="D2082" s="6" t="s">
        <v>29</v>
      </c>
      <c r="E2082" s="6">
        <v>54001</v>
      </c>
      <c r="F2082" s="6" t="s">
        <v>13</v>
      </c>
      <c r="G2082" s="6" t="s">
        <v>3737</v>
      </c>
      <c r="H2082" s="6" t="s">
        <v>4427</v>
      </c>
      <c r="I2082" s="7">
        <v>7.9200578000000004</v>
      </c>
      <c r="J2082" s="8">
        <v>-72.480083999999906</v>
      </c>
    </row>
    <row r="2083" spans="1:10" x14ac:dyDescent="0.35">
      <c r="A2083" s="5" t="s">
        <v>10</v>
      </c>
      <c r="B2083" s="6">
        <v>237876</v>
      </c>
      <c r="C2083" s="6" t="s">
        <v>16</v>
      </c>
      <c r="D2083" s="6" t="s">
        <v>78</v>
      </c>
      <c r="E2083" s="6">
        <v>68001</v>
      </c>
      <c r="F2083" s="6" t="s">
        <v>18</v>
      </c>
      <c r="G2083" s="6" t="s">
        <v>4428</v>
      </c>
      <c r="H2083" s="6" t="s">
        <v>4429</v>
      </c>
      <c r="I2083" s="7">
        <v>7.0838704000000003</v>
      </c>
      <c r="J2083" s="8">
        <v>-73.122200399999997</v>
      </c>
    </row>
    <row r="2084" spans="1:10" x14ac:dyDescent="0.35">
      <c r="A2084" s="5" t="s">
        <v>10</v>
      </c>
      <c r="B2084" s="6">
        <v>234419</v>
      </c>
      <c r="C2084" s="6" t="s">
        <v>278</v>
      </c>
      <c r="D2084" s="6" t="s">
        <v>1331</v>
      </c>
      <c r="E2084" s="6">
        <v>50006</v>
      </c>
      <c r="F2084" s="6" t="s">
        <v>18</v>
      </c>
      <c r="G2084" s="6" t="s">
        <v>4430</v>
      </c>
      <c r="H2084" s="6" t="s">
        <v>4431</v>
      </c>
      <c r="I2084" s="7">
        <v>3.9891866</v>
      </c>
      <c r="J2084" s="8">
        <v>-73.779105700000002</v>
      </c>
    </row>
    <row r="2085" spans="1:10" x14ac:dyDescent="0.35">
      <c r="A2085" s="5" t="s">
        <v>10</v>
      </c>
      <c r="B2085" s="6">
        <v>229819</v>
      </c>
      <c r="C2085" s="6" t="s">
        <v>278</v>
      </c>
      <c r="D2085" s="6" t="s">
        <v>2421</v>
      </c>
      <c r="E2085" s="6">
        <v>50573</v>
      </c>
      <c r="F2085" s="6" t="s">
        <v>18</v>
      </c>
      <c r="G2085" s="6" t="s">
        <v>4432</v>
      </c>
      <c r="H2085" s="6" t="s">
        <v>4433</v>
      </c>
      <c r="I2085" s="7">
        <v>4.0871091000000002</v>
      </c>
      <c r="J2085" s="8">
        <v>-72.963892000000001</v>
      </c>
    </row>
    <row r="2086" spans="1:10" x14ac:dyDescent="0.35">
      <c r="A2086" s="5" t="s">
        <v>10</v>
      </c>
      <c r="B2086" s="6">
        <v>200956</v>
      </c>
      <c r="C2086" s="6" t="s">
        <v>11</v>
      </c>
      <c r="D2086" s="6" t="s">
        <v>334</v>
      </c>
      <c r="E2086" s="6">
        <v>25754</v>
      </c>
      <c r="F2086" s="6" t="s">
        <v>18</v>
      </c>
      <c r="G2086" s="6" t="s">
        <v>4434</v>
      </c>
      <c r="H2086" s="6" t="s">
        <v>4435</v>
      </c>
      <c r="I2086" s="7">
        <v>4.7880599999999998</v>
      </c>
      <c r="J2086" s="8">
        <v>-73.716980000000007</v>
      </c>
    </row>
    <row r="2087" spans="1:10" x14ac:dyDescent="0.35">
      <c r="A2087" s="5" t="s">
        <v>10</v>
      </c>
      <c r="B2087" s="6">
        <v>184918</v>
      </c>
      <c r="C2087" s="6" t="s">
        <v>11</v>
      </c>
      <c r="D2087" s="6" t="s">
        <v>12</v>
      </c>
      <c r="E2087" s="6">
        <v>25899</v>
      </c>
      <c r="F2087" s="6" t="s">
        <v>18</v>
      </c>
      <c r="G2087" s="6" t="s">
        <v>4436</v>
      </c>
      <c r="H2087" s="6" t="s">
        <v>4437</v>
      </c>
      <c r="I2087" s="7">
        <v>5.0292433999999897</v>
      </c>
      <c r="J2087" s="8">
        <v>-73.980929799999998</v>
      </c>
    </row>
    <row r="2088" spans="1:10" x14ac:dyDescent="0.35">
      <c r="A2088" s="5" t="s">
        <v>10</v>
      </c>
      <c r="B2088" s="6">
        <v>184918</v>
      </c>
      <c r="C2088" s="6" t="s">
        <v>11</v>
      </c>
      <c r="D2088" s="6" t="s">
        <v>12</v>
      </c>
      <c r="E2088" s="6">
        <v>25899</v>
      </c>
      <c r="F2088" s="6" t="s">
        <v>18</v>
      </c>
      <c r="G2088" s="6" t="s">
        <v>4436</v>
      </c>
      <c r="H2088" s="6" t="s">
        <v>4437</v>
      </c>
      <c r="I2088" s="7">
        <v>5.0292433999999897</v>
      </c>
      <c r="J2088" s="8">
        <v>-73.980929799999998</v>
      </c>
    </row>
    <row r="2089" spans="1:10" x14ac:dyDescent="0.35">
      <c r="A2089" s="5" t="s">
        <v>10</v>
      </c>
      <c r="B2089" s="6">
        <v>230927</v>
      </c>
      <c r="C2089" s="6" t="s">
        <v>11</v>
      </c>
      <c r="D2089" s="6" t="s">
        <v>3519</v>
      </c>
      <c r="E2089" s="6">
        <v>25736</v>
      </c>
      <c r="F2089" s="6" t="s">
        <v>18</v>
      </c>
      <c r="G2089" s="6" t="s">
        <v>4438</v>
      </c>
      <c r="H2089" s="6" t="s">
        <v>4439</v>
      </c>
      <c r="I2089" s="7">
        <v>5.0450211999999999</v>
      </c>
      <c r="J2089" s="8">
        <v>-73.797798700000001</v>
      </c>
    </row>
    <row r="2090" spans="1:10" x14ac:dyDescent="0.35">
      <c r="A2090" s="5" t="s">
        <v>10</v>
      </c>
      <c r="B2090" s="6">
        <v>159125</v>
      </c>
      <c r="C2090" s="6" t="s">
        <v>16</v>
      </c>
      <c r="D2090" s="6" t="s">
        <v>78</v>
      </c>
      <c r="E2090" s="6">
        <v>68001</v>
      </c>
      <c r="F2090" s="6" t="s">
        <v>18</v>
      </c>
      <c r="G2090" s="6" t="s">
        <v>4440</v>
      </c>
      <c r="H2090" s="6" t="s">
        <v>4441</v>
      </c>
      <c r="I2090" s="7">
        <v>7.1041829999999999</v>
      </c>
      <c r="J2090" s="8">
        <v>-73.140431100000001</v>
      </c>
    </row>
    <row r="2091" spans="1:10" x14ac:dyDescent="0.35">
      <c r="A2091" s="5" t="s">
        <v>10</v>
      </c>
      <c r="B2091" s="6">
        <v>236560</v>
      </c>
      <c r="C2091" s="6" t="s">
        <v>117</v>
      </c>
      <c r="D2091" s="6" t="s">
        <v>1334</v>
      </c>
      <c r="E2091" s="6">
        <v>76001</v>
      </c>
      <c r="F2091" s="6" t="s">
        <v>18</v>
      </c>
      <c r="G2091" s="6" t="s">
        <v>4442</v>
      </c>
      <c r="H2091" s="6" t="s">
        <v>4443</v>
      </c>
      <c r="I2091" s="7">
        <v>3.3921668999999999</v>
      </c>
      <c r="J2091" s="8">
        <v>-76.556453899999994</v>
      </c>
    </row>
    <row r="2092" spans="1:10" x14ac:dyDescent="0.35">
      <c r="A2092" s="5" t="s">
        <v>10</v>
      </c>
      <c r="B2092" s="6">
        <v>185157</v>
      </c>
      <c r="C2092" s="6" t="s">
        <v>11</v>
      </c>
      <c r="D2092" s="6" t="s">
        <v>334</v>
      </c>
      <c r="E2092" s="6">
        <v>25754</v>
      </c>
      <c r="F2092" s="6" t="s">
        <v>18</v>
      </c>
      <c r="G2092" s="6" t="s">
        <v>4444</v>
      </c>
      <c r="H2092" s="6" t="s">
        <v>4445</v>
      </c>
      <c r="I2092" s="7">
        <v>4.5802889999999996</v>
      </c>
      <c r="J2092" s="8">
        <v>-74.198663699999997</v>
      </c>
    </row>
    <row r="2093" spans="1:10" x14ac:dyDescent="0.35">
      <c r="A2093" s="5" t="s">
        <v>10</v>
      </c>
      <c r="B2093" s="6">
        <v>239430</v>
      </c>
      <c r="C2093" s="6" t="s">
        <v>16</v>
      </c>
      <c r="D2093" s="6" t="s">
        <v>78</v>
      </c>
      <c r="E2093" s="6">
        <v>68001</v>
      </c>
      <c r="F2093" s="6" t="s">
        <v>18</v>
      </c>
      <c r="G2093" s="6" t="s">
        <v>4446</v>
      </c>
      <c r="H2093" s="6" t="s">
        <v>4447</v>
      </c>
      <c r="I2093" s="7">
        <v>7.1272069</v>
      </c>
      <c r="J2093" s="8">
        <v>-73.130791200000004</v>
      </c>
    </row>
    <row r="2094" spans="1:10" x14ac:dyDescent="0.35">
      <c r="A2094" s="5" t="s">
        <v>10</v>
      </c>
      <c r="B2094" s="6">
        <v>238753</v>
      </c>
      <c r="C2094" s="6" t="s">
        <v>16</v>
      </c>
      <c r="D2094" s="6" t="s">
        <v>510</v>
      </c>
      <c r="E2094" s="6">
        <v>68547</v>
      </c>
      <c r="F2094" s="6" t="s">
        <v>18</v>
      </c>
      <c r="G2094" s="6" t="s">
        <v>4448</v>
      </c>
      <c r="H2094" s="6" t="s">
        <v>4449</v>
      </c>
      <c r="I2094" s="7">
        <v>6.9882470999999997</v>
      </c>
      <c r="J2094" s="8">
        <v>-73.0510862</v>
      </c>
    </row>
    <row r="2095" spans="1:10" x14ac:dyDescent="0.35">
      <c r="A2095" s="5" t="s">
        <v>10</v>
      </c>
      <c r="B2095" s="6">
        <v>160391</v>
      </c>
      <c r="C2095" s="6" t="s">
        <v>16</v>
      </c>
      <c r="D2095" s="6" t="s">
        <v>78</v>
      </c>
      <c r="E2095" s="6">
        <v>68001</v>
      </c>
      <c r="F2095" s="6" t="s">
        <v>18</v>
      </c>
      <c r="G2095" s="6" t="s">
        <v>4450</v>
      </c>
      <c r="H2095" s="6" t="s">
        <v>4451</v>
      </c>
      <c r="I2095" s="7">
        <v>7.1200134999999998</v>
      </c>
      <c r="J2095" s="8">
        <v>-73.127584400000003</v>
      </c>
    </row>
    <row r="2096" spans="1:10" x14ac:dyDescent="0.35">
      <c r="A2096" s="5" t="s">
        <v>10</v>
      </c>
      <c r="B2096" s="6">
        <v>199981</v>
      </c>
      <c r="C2096" s="6" t="s">
        <v>278</v>
      </c>
      <c r="D2096" s="6" t="s">
        <v>3982</v>
      </c>
      <c r="E2096" s="6">
        <v>50450</v>
      </c>
      <c r="F2096" s="6" t="s">
        <v>18</v>
      </c>
      <c r="G2096" s="6" t="s">
        <v>4452</v>
      </c>
      <c r="H2096" s="6" t="s">
        <v>4453</v>
      </c>
      <c r="I2096" s="7">
        <v>2.6227917999999999</v>
      </c>
      <c r="J2096" s="8">
        <v>-72.759842199999994</v>
      </c>
    </row>
    <row r="2097" spans="1:10" x14ac:dyDescent="0.35">
      <c r="A2097" s="5" t="s">
        <v>10</v>
      </c>
      <c r="B2097" s="6">
        <v>240057</v>
      </c>
      <c r="C2097" s="6" t="s">
        <v>11</v>
      </c>
      <c r="D2097" s="6" t="s">
        <v>4084</v>
      </c>
      <c r="E2097" s="6">
        <v>25535</v>
      </c>
      <c r="F2097" s="6" t="s">
        <v>18</v>
      </c>
      <c r="G2097" s="6" t="s">
        <v>4454</v>
      </c>
      <c r="H2097" s="6" t="s">
        <v>4455</v>
      </c>
      <c r="I2097" s="7">
        <v>4.3102634000000002</v>
      </c>
      <c r="J2097" s="8">
        <v>-74.303665699999996</v>
      </c>
    </row>
    <row r="2098" spans="1:10" x14ac:dyDescent="0.35">
      <c r="A2098" s="5" t="s">
        <v>10</v>
      </c>
      <c r="B2098" s="6">
        <v>243187</v>
      </c>
      <c r="C2098" s="6" t="s">
        <v>11</v>
      </c>
      <c r="D2098" s="6" t="s">
        <v>3857</v>
      </c>
      <c r="E2098" s="6">
        <v>25745</v>
      </c>
      <c r="F2098" s="6" t="s">
        <v>18</v>
      </c>
      <c r="G2098" s="6" t="s">
        <v>4456</v>
      </c>
      <c r="H2098" s="6" t="s">
        <v>4457</v>
      </c>
      <c r="I2098" s="7">
        <v>5.5026431000000002</v>
      </c>
      <c r="J2098" s="8">
        <v>-73.852619799999999</v>
      </c>
    </row>
    <row r="2099" spans="1:10" x14ac:dyDescent="0.35">
      <c r="A2099" s="5" t="s">
        <v>10</v>
      </c>
      <c r="B2099" s="6">
        <v>245954</v>
      </c>
      <c r="C2099" s="6" t="s">
        <v>11</v>
      </c>
      <c r="D2099" s="6" t="s">
        <v>407</v>
      </c>
      <c r="E2099" s="6">
        <v>25126</v>
      </c>
      <c r="F2099" s="6" t="s">
        <v>18</v>
      </c>
      <c r="G2099" s="6" t="s">
        <v>4458</v>
      </c>
      <c r="H2099" s="6" t="s">
        <v>4459</v>
      </c>
      <c r="I2099" s="7">
        <v>4.9158258000000004</v>
      </c>
      <c r="J2099" s="8">
        <v>-74.013227299999997</v>
      </c>
    </row>
    <row r="2100" spans="1:10" x14ac:dyDescent="0.35">
      <c r="A2100" s="5" t="s">
        <v>10</v>
      </c>
      <c r="B2100" s="6">
        <v>174796</v>
      </c>
      <c r="C2100" s="6" t="s">
        <v>11</v>
      </c>
      <c r="D2100" s="6" t="s">
        <v>221</v>
      </c>
      <c r="E2100" s="6">
        <v>25430</v>
      </c>
      <c r="F2100" s="6" t="s">
        <v>18</v>
      </c>
      <c r="G2100" s="6" t="s">
        <v>4460</v>
      </c>
      <c r="H2100" s="6" t="s">
        <v>4461</v>
      </c>
      <c r="I2100" s="7">
        <v>4.7335374999999997</v>
      </c>
      <c r="J2100" s="8">
        <v>-74.262411499999999</v>
      </c>
    </row>
    <row r="2101" spans="1:10" x14ac:dyDescent="0.35">
      <c r="A2101" s="5" t="s">
        <v>10</v>
      </c>
      <c r="B2101" s="6">
        <v>167231</v>
      </c>
      <c r="C2101" s="6" t="s">
        <v>68</v>
      </c>
      <c r="D2101" s="6" t="s">
        <v>69</v>
      </c>
      <c r="E2101" s="6">
        <v>11001</v>
      </c>
      <c r="F2101" s="6" t="s">
        <v>70</v>
      </c>
      <c r="G2101" s="6" t="s">
        <v>4462</v>
      </c>
      <c r="H2101" s="6" t="s">
        <v>4463</v>
      </c>
      <c r="I2101" s="7">
        <v>4.6860270000000002</v>
      </c>
      <c r="J2101" s="8">
        <v>-74.036475199999998</v>
      </c>
    </row>
    <row r="2102" spans="1:10" x14ac:dyDescent="0.35">
      <c r="A2102" s="5" t="s">
        <v>10</v>
      </c>
      <c r="B2102" s="6">
        <v>236206</v>
      </c>
      <c r="C2102" s="6" t="s">
        <v>302</v>
      </c>
      <c r="D2102" s="6" t="s">
        <v>359</v>
      </c>
      <c r="E2102" s="6">
        <v>8001</v>
      </c>
      <c r="F2102" s="6" t="s">
        <v>18</v>
      </c>
      <c r="G2102" s="6" t="s">
        <v>4464</v>
      </c>
      <c r="H2102" s="6" t="s">
        <v>4465</v>
      </c>
      <c r="I2102" s="7">
        <v>10.958630899999999</v>
      </c>
      <c r="J2102" s="8">
        <v>-74.794977500000002</v>
      </c>
    </row>
    <row r="2103" spans="1:10" x14ac:dyDescent="0.35">
      <c r="A2103" s="5" t="s">
        <v>10</v>
      </c>
      <c r="B2103" s="6">
        <v>226224</v>
      </c>
      <c r="C2103" s="6" t="s">
        <v>117</v>
      </c>
      <c r="D2103" s="6" t="s">
        <v>1334</v>
      </c>
      <c r="E2103" s="6">
        <v>76001</v>
      </c>
      <c r="F2103" s="6" t="s">
        <v>13</v>
      </c>
      <c r="G2103" s="6" t="s">
        <v>3737</v>
      </c>
      <c r="H2103" s="6" t="s">
        <v>4466</v>
      </c>
      <c r="I2103" s="7">
        <v>3.464874</v>
      </c>
      <c r="J2103" s="8">
        <v>-76.500904399999996</v>
      </c>
    </row>
    <row r="2104" spans="1:10" x14ac:dyDescent="0.35">
      <c r="A2104" s="5" t="s">
        <v>10</v>
      </c>
      <c r="B2104" s="6">
        <v>210215</v>
      </c>
      <c r="C2104" s="6" t="s">
        <v>24</v>
      </c>
      <c r="D2104" s="6" t="s">
        <v>88</v>
      </c>
      <c r="E2104" s="6">
        <v>15001</v>
      </c>
      <c r="F2104" s="6" t="s">
        <v>18</v>
      </c>
      <c r="G2104" s="6" t="s">
        <v>4467</v>
      </c>
      <c r="H2104" s="6" t="s">
        <v>4468</v>
      </c>
      <c r="I2104" s="7">
        <v>5.5488097999999999</v>
      </c>
      <c r="J2104" s="8">
        <v>-73.366870199999994</v>
      </c>
    </row>
    <row r="2105" spans="1:10" x14ac:dyDescent="0.35">
      <c r="A2105" s="5" t="s">
        <v>10</v>
      </c>
      <c r="B2105" s="6">
        <v>197563</v>
      </c>
      <c r="C2105" s="6" t="s">
        <v>16</v>
      </c>
      <c r="D2105" s="6" t="s">
        <v>1401</v>
      </c>
      <c r="E2105" s="6">
        <v>68307</v>
      </c>
      <c r="F2105" s="6" t="s">
        <v>18</v>
      </c>
      <c r="G2105" s="6" t="s">
        <v>4469</v>
      </c>
      <c r="H2105" s="6" t="s">
        <v>4470</v>
      </c>
      <c r="I2105" s="7">
        <v>7.0529405000000001</v>
      </c>
      <c r="J2105" s="8">
        <v>-73.166693300000006</v>
      </c>
    </row>
    <row r="2106" spans="1:10" x14ac:dyDescent="0.35">
      <c r="A2106" s="5" t="s">
        <v>10</v>
      </c>
      <c r="B2106" s="6">
        <v>237612</v>
      </c>
      <c r="C2106" s="6" t="s">
        <v>16</v>
      </c>
      <c r="D2106" s="6" t="s">
        <v>78</v>
      </c>
      <c r="E2106" s="6">
        <v>68001</v>
      </c>
      <c r="F2106" s="6" t="s">
        <v>18</v>
      </c>
      <c r="G2106" s="6" t="s">
        <v>4471</v>
      </c>
      <c r="H2106" s="6" t="s">
        <v>4472</v>
      </c>
      <c r="I2106" s="7">
        <v>7.1264760999999996</v>
      </c>
      <c r="J2106" s="8">
        <v>-73.116960399999996</v>
      </c>
    </row>
    <row r="2107" spans="1:10" x14ac:dyDescent="0.35">
      <c r="A2107" s="5" t="s">
        <v>10</v>
      </c>
      <c r="B2107" s="6">
        <v>205648</v>
      </c>
      <c r="C2107" s="6" t="s">
        <v>278</v>
      </c>
      <c r="D2107" s="6" t="s">
        <v>279</v>
      </c>
      <c r="E2107" s="6">
        <v>50001</v>
      </c>
      <c r="F2107" s="6" t="s">
        <v>18</v>
      </c>
      <c r="G2107" s="6" t="s">
        <v>4473</v>
      </c>
      <c r="H2107" s="6" t="s">
        <v>4474</v>
      </c>
      <c r="I2107" s="7">
        <v>4.1367430000000001</v>
      </c>
      <c r="J2107" s="8">
        <v>-73.606859</v>
      </c>
    </row>
    <row r="2108" spans="1:10" x14ac:dyDescent="0.35">
      <c r="A2108" s="5" t="s">
        <v>10</v>
      </c>
      <c r="B2108" s="6">
        <v>202567</v>
      </c>
      <c r="C2108" s="6" t="s">
        <v>278</v>
      </c>
      <c r="D2108" s="6" t="s">
        <v>1524</v>
      </c>
      <c r="E2108" s="6">
        <v>50318</v>
      </c>
      <c r="F2108" s="6" t="s">
        <v>18</v>
      </c>
      <c r="G2108" s="6" t="s">
        <v>4475</v>
      </c>
      <c r="H2108" s="6" t="s">
        <v>4476</v>
      </c>
      <c r="I2108" s="7">
        <v>3.8804750000000001</v>
      </c>
      <c r="J2108" s="8">
        <v>-73.7698769</v>
      </c>
    </row>
    <row r="2109" spans="1:10" x14ac:dyDescent="0.35">
      <c r="A2109" s="5" t="s">
        <v>10</v>
      </c>
      <c r="B2109" s="6">
        <v>173714</v>
      </c>
      <c r="C2109" s="6" t="s">
        <v>294</v>
      </c>
      <c r="D2109" s="6" t="s">
        <v>703</v>
      </c>
      <c r="E2109" s="6">
        <v>41001</v>
      </c>
      <c r="F2109" s="6" t="s">
        <v>18</v>
      </c>
      <c r="G2109" s="6" t="s">
        <v>4477</v>
      </c>
      <c r="H2109" s="6" t="s">
        <v>4478</v>
      </c>
      <c r="I2109" s="7">
        <v>2.9269568000000001</v>
      </c>
      <c r="J2109" s="8">
        <v>-75.280943499999907</v>
      </c>
    </row>
    <row r="2110" spans="1:10" x14ac:dyDescent="0.35">
      <c r="A2110" s="5" t="s">
        <v>10</v>
      </c>
      <c r="B2110" s="6">
        <v>238682</v>
      </c>
      <c r="C2110" s="6" t="s">
        <v>11</v>
      </c>
      <c r="D2110" s="6" t="s">
        <v>21</v>
      </c>
      <c r="E2110" s="6">
        <v>25386</v>
      </c>
      <c r="F2110" s="6" t="s">
        <v>18</v>
      </c>
      <c r="G2110" s="6" t="s">
        <v>4479</v>
      </c>
      <c r="H2110" s="6" t="s">
        <v>4480</v>
      </c>
      <c r="I2110" s="7">
        <v>4.6319097999999999</v>
      </c>
      <c r="J2110" s="8">
        <v>-74.462856500000001</v>
      </c>
    </row>
    <row r="2111" spans="1:10" x14ac:dyDescent="0.35">
      <c r="A2111" s="5" t="s">
        <v>10</v>
      </c>
      <c r="B2111" s="6">
        <v>243079</v>
      </c>
      <c r="C2111" s="6" t="s">
        <v>11</v>
      </c>
      <c r="D2111" s="6" t="s">
        <v>334</v>
      </c>
      <c r="E2111" s="6">
        <v>25754</v>
      </c>
      <c r="F2111" s="6" t="s">
        <v>18</v>
      </c>
      <c r="G2111" s="6" t="s">
        <v>4481</v>
      </c>
      <c r="H2111" s="6" t="s">
        <v>4482</v>
      </c>
      <c r="I2111" s="7">
        <v>4.5755479000000001</v>
      </c>
      <c r="J2111" s="8">
        <v>-74.245266200000003</v>
      </c>
    </row>
    <row r="2112" spans="1:10" x14ac:dyDescent="0.35">
      <c r="A2112" s="5" t="s">
        <v>10</v>
      </c>
      <c r="B2112" s="6">
        <v>220128</v>
      </c>
      <c r="C2112" s="6" t="s">
        <v>68</v>
      </c>
      <c r="D2112" s="6" t="s">
        <v>69</v>
      </c>
      <c r="E2112" s="6">
        <v>11001</v>
      </c>
      <c r="F2112" s="6" t="s">
        <v>18</v>
      </c>
      <c r="G2112" s="6" t="s">
        <v>4483</v>
      </c>
      <c r="H2112" s="6" t="s">
        <v>4484</v>
      </c>
      <c r="I2112" s="7">
        <v>4.5863122000000001</v>
      </c>
      <c r="J2112" s="8">
        <v>-74.071548100000001</v>
      </c>
    </row>
    <row r="2113" spans="1:10" x14ac:dyDescent="0.35">
      <c r="A2113" s="5" t="s">
        <v>10</v>
      </c>
      <c r="B2113" s="6">
        <v>227838</v>
      </c>
      <c r="C2113" s="6" t="s">
        <v>68</v>
      </c>
      <c r="D2113" s="6" t="s">
        <v>69</v>
      </c>
      <c r="E2113" s="6">
        <v>11001</v>
      </c>
      <c r="F2113" s="6" t="s">
        <v>18</v>
      </c>
      <c r="G2113" s="6" t="s">
        <v>4485</v>
      </c>
      <c r="H2113" s="6" t="s">
        <v>4486</v>
      </c>
      <c r="I2113" s="7">
        <v>4.6174803999999998</v>
      </c>
      <c r="J2113" s="8">
        <v>-74.1681265</v>
      </c>
    </row>
    <row r="2114" spans="1:10" x14ac:dyDescent="0.35">
      <c r="A2114" s="5" t="s">
        <v>10</v>
      </c>
      <c r="B2114" s="6">
        <v>226221</v>
      </c>
      <c r="C2114" s="6" t="s">
        <v>117</v>
      </c>
      <c r="D2114" s="6" t="s">
        <v>3686</v>
      </c>
      <c r="E2114" s="6">
        <v>76111</v>
      </c>
      <c r="F2114" s="6" t="s">
        <v>13</v>
      </c>
      <c r="G2114" s="6" t="s">
        <v>3737</v>
      </c>
      <c r="H2114" s="6" t="s">
        <v>4487</v>
      </c>
      <c r="I2114" s="7">
        <v>3.8946048000000002</v>
      </c>
      <c r="J2114" s="8">
        <v>-76.305577200000002</v>
      </c>
    </row>
    <row r="2115" spans="1:10" x14ac:dyDescent="0.35">
      <c r="A2115" s="5" t="s">
        <v>10</v>
      </c>
      <c r="B2115" s="6">
        <v>226359</v>
      </c>
      <c r="C2115" s="6" t="s">
        <v>94</v>
      </c>
      <c r="D2115" s="6" t="s">
        <v>95</v>
      </c>
      <c r="E2115" s="6">
        <v>66170</v>
      </c>
      <c r="F2115" s="6" t="s">
        <v>13</v>
      </c>
      <c r="G2115" s="6" t="s">
        <v>3737</v>
      </c>
      <c r="H2115" s="6" t="s">
        <v>4488</v>
      </c>
      <c r="I2115" s="7">
        <v>4.8341896999999996</v>
      </c>
      <c r="J2115" s="8">
        <v>-75.6706851</v>
      </c>
    </row>
    <row r="2116" spans="1:10" x14ac:dyDescent="0.35">
      <c r="A2116" s="5" t="s">
        <v>10</v>
      </c>
      <c r="B2116" s="6">
        <v>213258</v>
      </c>
      <c r="C2116" s="6" t="s">
        <v>24</v>
      </c>
      <c r="D2116" s="6" t="s">
        <v>137</v>
      </c>
      <c r="E2116" s="6">
        <v>15238</v>
      </c>
      <c r="F2116" s="6" t="s">
        <v>18</v>
      </c>
      <c r="G2116" s="6" t="s">
        <v>4489</v>
      </c>
      <c r="H2116" s="6" t="s">
        <v>4490</v>
      </c>
      <c r="I2116" s="7">
        <v>5.8265880000000001</v>
      </c>
      <c r="J2116" s="8">
        <v>-73.033886499999994</v>
      </c>
    </row>
    <row r="2117" spans="1:10" x14ac:dyDescent="0.35">
      <c r="A2117" s="5" t="s">
        <v>10</v>
      </c>
      <c r="B2117" s="6">
        <v>240090</v>
      </c>
      <c r="C2117" s="6" t="s">
        <v>278</v>
      </c>
      <c r="D2117" s="6" t="s">
        <v>1331</v>
      </c>
      <c r="E2117" s="6">
        <v>50006</v>
      </c>
      <c r="F2117" s="6" t="s">
        <v>18</v>
      </c>
      <c r="G2117" s="6" t="s">
        <v>4491</v>
      </c>
      <c r="H2117" s="6" t="s">
        <v>4492</v>
      </c>
      <c r="I2117" s="7">
        <v>3.9867328999999998</v>
      </c>
      <c r="J2117" s="8">
        <v>-73.757638900000003</v>
      </c>
    </row>
    <row r="2118" spans="1:10" x14ac:dyDescent="0.35">
      <c r="A2118" s="5" t="s">
        <v>10</v>
      </c>
      <c r="B2118" s="6">
        <v>243191</v>
      </c>
      <c r="C2118" s="6" t="s">
        <v>11</v>
      </c>
      <c r="D2118" s="6" t="s">
        <v>334</v>
      </c>
      <c r="E2118" s="6">
        <v>25754</v>
      </c>
      <c r="F2118" s="6" t="s">
        <v>18</v>
      </c>
      <c r="G2118" s="6" t="s">
        <v>4493</v>
      </c>
      <c r="H2118" s="6" t="s">
        <v>4494</v>
      </c>
      <c r="I2118" s="7">
        <v>4.5809211000000003</v>
      </c>
      <c r="J2118" s="8">
        <v>-74.232185799999996</v>
      </c>
    </row>
    <row r="2119" spans="1:10" x14ac:dyDescent="0.35">
      <c r="A2119" s="5" t="s">
        <v>10</v>
      </c>
      <c r="B2119" s="6">
        <v>219587</v>
      </c>
      <c r="C2119" s="6" t="s">
        <v>11</v>
      </c>
      <c r="D2119" s="6" t="s">
        <v>4084</v>
      </c>
      <c r="E2119" s="6">
        <v>25535</v>
      </c>
      <c r="F2119" s="6" t="s">
        <v>18</v>
      </c>
      <c r="G2119" s="6" t="s">
        <v>4495</v>
      </c>
      <c r="H2119" s="6" t="s">
        <v>4496</v>
      </c>
      <c r="I2119" s="7">
        <v>4.3084980000000002</v>
      </c>
      <c r="J2119" s="8">
        <v>-74.299994999999996</v>
      </c>
    </row>
    <row r="2120" spans="1:10" x14ac:dyDescent="0.35">
      <c r="A2120" s="5" t="s">
        <v>10</v>
      </c>
      <c r="B2120" s="6">
        <v>234866</v>
      </c>
      <c r="C2120" s="6" t="s">
        <v>11</v>
      </c>
      <c r="D2120" s="6" t="s">
        <v>3054</v>
      </c>
      <c r="E2120" s="6">
        <v>25269</v>
      </c>
      <c r="F2120" s="6" t="s">
        <v>18</v>
      </c>
      <c r="G2120" s="6" t="s">
        <v>4497</v>
      </c>
      <c r="H2120" s="6" t="s">
        <v>4498</v>
      </c>
      <c r="I2120" s="7">
        <v>4.7926444000000004</v>
      </c>
      <c r="J2120" s="8">
        <v>-74.335630699999996</v>
      </c>
    </row>
    <row r="2121" spans="1:10" x14ac:dyDescent="0.35">
      <c r="A2121" s="5" t="s">
        <v>10</v>
      </c>
      <c r="B2121" s="6">
        <v>182410</v>
      </c>
      <c r="C2121" s="6" t="s">
        <v>11</v>
      </c>
      <c r="D2121" s="6" t="s">
        <v>334</v>
      </c>
      <c r="E2121" s="6">
        <v>25754</v>
      </c>
      <c r="F2121" s="6" t="s">
        <v>18</v>
      </c>
      <c r="G2121" s="6" t="s">
        <v>4499</v>
      </c>
      <c r="H2121" s="6" t="s">
        <v>4500</v>
      </c>
      <c r="I2121" s="7">
        <v>4.5811254999999997</v>
      </c>
      <c r="J2121" s="8">
        <v>-74.198120199999906</v>
      </c>
    </row>
    <row r="2122" spans="1:10" x14ac:dyDescent="0.35">
      <c r="A2122" s="5" t="s">
        <v>10</v>
      </c>
      <c r="B2122" s="6">
        <v>210675</v>
      </c>
      <c r="C2122" s="6" t="s">
        <v>190</v>
      </c>
      <c r="D2122" s="6" t="s">
        <v>191</v>
      </c>
      <c r="E2122" s="6">
        <v>5001</v>
      </c>
      <c r="F2122" s="6" t="s">
        <v>18</v>
      </c>
      <c r="G2122" s="6" t="s">
        <v>4501</v>
      </c>
      <c r="H2122" s="6" t="s">
        <v>4502</v>
      </c>
      <c r="I2122" s="7">
        <v>4.6474224999999896</v>
      </c>
      <c r="J2122" s="8">
        <v>-74.177553199999906</v>
      </c>
    </row>
    <row r="2123" spans="1:10" x14ac:dyDescent="0.35">
      <c r="A2123" s="5" t="s">
        <v>10</v>
      </c>
      <c r="B2123" s="6">
        <v>239767</v>
      </c>
      <c r="C2123" s="6" t="s">
        <v>68</v>
      </c>
      <c r="D2123" s="6" t="s">
        <v>69</v>
      </c>
      <c r="E2123" s="6">
        <v>11001</v>
      </c>
      <c r="F2123" s="6" t="s">
        <v>18</v>
      </c>
      <c r="G2123" s="6" t="s">
        <v>4503</v>
      </c>
      <c r="H2123" s="6" t="s">
        <v>4504</v>
      </c>
      <c r="I2123" s="7">
        <v>4.6261406999999997</v>
      </c>
      <c r="J2123" s="8">
        <v>-74.071759200000002</v>
      </c>
    </row>
    <row r="2124" spans="1:10" x14ac:dyDescent="0.35">
      <c r="A2124" s="5" t="s">
        <v>10</v>
      </c>
      <c r="B2124" s="6">
        <v>226393</v>
      </c>
      <c r="C2124" s="6" t="s">
        <v>190</v>
      </c>
      <c r="D2124" s="6" t="s">
        <v>191</v>
      </c>
      <c r="E2124" s="6">
        <v>5001</v>
      </c>
      <c r="F2124" s="6" t="s">
        <v>13</v>
      </c>
      <c r="G2124" s="6" t="s">
        <v>3737</v>
      </c>
      <c r="H2124" s="6" t="s">
        <v>4505</v>
      </c>
      <c r="I2124" s="7">
        <v>6.2302895999999999</v>
      </c>
      <c r="J2124" s="8">
        <v>-75.597043599999907</v>
      </c>
    </row>
    <row r="2125" spans="1:10" x14ac:dyDescent="0.35">
      <c r="A2125" s="5" t="s">
        <v>10</v>
      </c>
      <c r="B2125" s="6">
        <v>177948</v>
      </c>
      <c r="C2125" s="6" t="s">
        <v>16</v>
      </c>
      <c r="D2125" s="6" t="s">
        <v>846</v>
      </c>
      <c r="E2125" s="6">
        <v>68500</v>
      </c>
      <c r="F2125" s="6" t="s">
        <v>18</v>
      </c>
      <c r="G2125" s="6" t="s">
        <v>4506</v>
      </c>
      <c r="H2125" s="6" t="s">
        <v>4507</v>
      </c>
      <c r="I2125" s="7">
        <v>6.267525</v>
      </c>
      <c r="J2125" s="8">
        <v>-73.299982999999997</v>
      </c>
    </row>
    <row r="2126" spans="1:10" x14ac:dyDescent="0.35">
      <c r="A2126" s="5" t="s">
        <v>10</v>
      </c>
      <c r="B2126" s="6">
        <v>238247</v>
      </c>
      <c r="C2126" s="6" t="s">
        <v>278</v>
      </c>
      <c r="D2126" s="6" t="s">
        <v>3651</v>
      </c>
      <c r="E2126" s="6">
        <v>50313</v>
      </c>
      <c r="F2126" s="6" t="s">
        <v>18</v>
      </c>
      <c r="G2126" s="6" t="s">
        <v>4508</v>
      </c>
      <c r="H2126" s="6" t="s">
        <v>4509</v>
      </c>
      <c r="I2126" s="7">
        <v>3.5496308000000001</v>
      </c>
      <c r="J2126" s="8">
        <v>-73.708285599999996</v>
      </c>
    </row>
    <row r="2127" spans="1:10" x14ac:dyDescent="0.35">
      <c r="A2127" s="5" t="s">
        <v>10</v>
      </c>
      <c r="B2127" s="6">
        <v>247344</v>
      </c>
      <c r="C2127" s="6" t="s">
        <v>278</v>
      </c>
      <c r="D2127" s="6" t="s">
        <v>2336</v>
      </c>
      <c r="E2127" s="6">
        <v>50226</v>
      </c>
      <c r="F2127" s="6" t="s">
        <v>18</v>
      </c>
      <c r="G2127" s="6" t="s">
        <v>4510</v>
      </c>
      <c r="H2127" s="6" t="s">
        <v>4511</v>
      </c>
      <c r="I2127" s="7">
        <v>4.2694156999999997</v>
      </c>
      <c r="J2127" s="8">
        <v>-73.487974600000001</v>
      </c>
    </row>
    <row r="2128" spans="1:10" x14ac:dyDescent="0.35">
      <c r="A2128" s="5" t="s">
        <v>10</v>
      </c>
      <c r="B2128" s="6">
        <v>232817</v>
      </c>
      <c r="C2128" s="6" t="s">
        <v>11</v>
      </c>
      <c r="D2128" s="6" t="s">
        <v>513</v>
      </c>
      <c r="E2128" s="6">
        <v>25286</v>
      </c>
      <c r="F2128" s="6" t="s">
        <v>18</v>
      </c>
      <c r="G2128" s="6" t="s">
        <v>4512</v>
      </c>
      <c r="H2128" s="6" t="s">
        <v>4513</v>
      </c>
      <c r="I2128" s="7">
        <v>4.71455</v>
      </c>
      <c r="J2128" s="8">
        <v>-74.209959999999995</v>
      </c>
    </row>
    <row r="2129" spans="1:10" x14ac:dyDescent="0.35">
      <c r="A2129" s="5" t="s">
        <v>10</v>
      </c>
      <c r="B2129" s="6">
        <v>247627</v>
      </c>
      <c r="C2129" s="6" t="s">
        <v>11</v>
      </c>
      <c r="D2129" s="6" t="s">
        <v>4514</v>
      </c>
      <c r="E2129" s="6">
        <v>25645</v>
      </c>
      <c r="F2129" s="6" t="s">
        <v>18</v>
      </c>
      <c r="G2129" s="6" t="s">
        <v>4515</v>
      </c>
      <c r="H2129" s="6" t="s">
        <v>4516</v>
      </c>
      <c r="I2129" s="7">
        <v>4.6159420000000004</v>
      </c>
      <c r="J2129" s="8">
        <v>-74.3519352</v>
      </c>
    </row>
    <row r="2130" spans="1:10" x14ac:dyDescent="0.35">
      <c r="A2130" s="5" t="s">
        <v>10</v>
      </c>
      <c r="B2130" s="6">
        <v>235181</v>
      </c>
      <c r="C2130" s="6" t="s">
        <v>117</v>
      </c>
      <c r="D2130" s="6" t="s">
        <v>1334</v>
      </c>
      <c r="E2130" s="6">
        <v>76001</v>
      </c>
      <c r="F2130" s="6" t="s">
        <v>18</v>
      </c>
      <c r="G2130" s="6" t="s">
        <v>4517</v>
      </c>
      <c r="H2130" s="6" t="s">
        <v>4518</v>
      </c>
      <c r="I2130" s="7">
        <v>3.4925286999999998</v>
      </c>
      <c r="J2130" s="8">
        <v>-76.520495400000001</v>
      </c>
    </row>
    <row r="2131" spans="1:10" x14ac:dyDescent="0.35">
      <c r="A2131" s="5" t="s">
        <v>10</v>
      </c>
      <c r="B2131" s="6">
        <v>232078</v>
      </c>
      <c r="C2131" s="6" t="s">
        <v>68</v>
      </c>
      <c r="D2131" s="6" t="s">
        <v>69</v>
      </c>
      <c r="E2131" s="6">
        <v>11001</v>
      </c>
      <c r="F2131" s="6" t="s">
        <v>18</v>
      </c>
      <c r="G2131" s="6" t="s">
        <v>4519</v>
      </c>
      <c r="H2131" s="6" t="s">
        <v>4520</v>
      </c>
      <c r="I2131" s="7">
        <v>4.6360460000000003</v>
      </c>
      <c r="J2131" s="8">
        <v>-74.064674999999994</v>
      </c>
    </row>
    <row r="2132" spans="1:10" x14ac:dyDescent="0.35">
      <c r="A2132" s="5" t="s">
        <v>10</v>
      </c>
      <c r="B2132" s="6">
        <v>216968</v>
      </c>
      <c r="C2132" s="6" t="s">
        <v>68</v>
      </c>
      <c r="D2132" s="6" t="s">
        <v>69</v>
      </c>
      <c r="E2132" s="6">
        <v>11001</v>
      </c>
      <c r="F2132" s="6" t="s">
        <v>18</v>
      </c>
      <c r="G2132" s="6" t="s">
        <v>4521</v>
      </c>
      <c r="H2132" s="6" t="s">
        <v>4522</v>
      </c>
      <c r="I2132" s="7">
        <v>4.5805376000000004</v>
      </c>
      <c r="J2132" s="8">
        <v>-74.071508800000004</v>
      </c>
    </row>
    <row r="2133" spans="1:10" x14ac:dyDescent="0.35">
      <c r="A2133" s="5" t="s">
        <v>10</v>
      </c>
      <c r="B2133" s="6">
        <v>215343</v>
      </c>
      <c r="C2133" s="6" t="s">
        <v>68</v>
      </c>
      <c r="D2133" s="6" t="s">
        <v>69</v>
      </c>
      <c r="E2133" s="6">
        <v>11001</v>
      </c>
      <c r="F2133" s="6" t="s">
        <v>18</v>
      </c>
      <c r="G2133" s="6" t="s">
        <v>4523</v>
      </c>
      <c r="H2133" s="6" t="s">
        <v>4524</v>
      </c>
      <c r="I2133" s="7">
        <v>4.6296628999999996</v>
      </c>
      <c r="J2133" s="8">
        <v>-74.164618899999994</v>
      </c>
    </row>
    <row r="2134" spans="1:10" x14ac:dyDescent="0.35">
      <c r="A2134" s="5" t="s">
        <v>10</v>
      </c>
      <c r="B2134" s="6">
        <v>226197</v>
      </c>
      <c r="C2134" s="6" t="s">
        <v>68</v>
      </c>
      <c r="D2134" s="6" t="s">
        <v>69</v>
      </c>
      <c r="E2134" s="6">
        <v>11001</v>
      </c>
      <c r="F2134" s="6" t="s">
        <v>18</v>
      </c>
      <c r="G2134" s="6" t="s">
        <v>4525</v>
      </c>
      <c r="H2134" s="6" t="s">
        <v>4526</v>
      </c>
      <c r="I2134" s="7">
        <v>4.7414993999999897</v>
      </c>
      <c r="J2134" s="8">
        <v>-74.122367299999993</v>
      </c>
    </row>
    <row r="2135" spans="1:10" x14ac:dyDescent="0.35">
      <c r="A2135" s="5" t="s">
        <v>10</v>
      </c>
      <c r="B2135" s="6">
        <v>239608</v>
      </c>
      <c r="C2135" s="6" t="s">
        <v>16</v>
      </c>
      <c r="D2135" s="6" t="s">
        <v>78</v>
      </c>
      <c r="E2135" s="6">
        <v>68001</v>
      </c>
      <c r="F2135" s="6" t="s">
        <v>18</v>
      </c>
      <c r="G2135" s="6" t="s">
        <v>4527</v>
      </c>
      <c r="H2135" s="6" t="s">
        <v>4528</v>
      </c>
      <c r="I2135" s="7">
        <v>7.0950956999999999</v>
      </c>
      <c r="J2135" s="8">
        <v>-73.127011199999998</v>
      </c>
    </row>
    <row r="2136" spans="1:10" x14ac:dyDescent="0.35">
      <c r="A2136" s="5" t="s">
        <v>10</v>
      </c>
      <c r="B2136" s="6">
        <v>198190</v>
      </c>
      <c r="C2136" s="6" t="s">
        <v>278</v>
      </c>
      <c r="D2136" s="6" t="s">
        <v>3651</v>
      </c>
      <c r="E2136" s="6">
        <v>50313</v>
      </c>
      <c r="F2136" s="6" t="s">
        <v>18</v>
      </c>
      <c r="G2136" s="6" t="s">
        <v>4529</v>
      </c>
      <c r="H2136" s="6" t="s">
        <v>4530</v>
      </c>
      <c r="I2136" s="7">
        <v>3.5437299000000002</v>
      </c>
      <c r="J2136" s="8">
        <v>-73.706435400000004</v>
      </c>
    </row>
    <row r="2137" spans="1:10" x14ac:dyDescent="0.35">
      <c r="A2137" s="5" t="s">
        <v>10</v>
      </c>
      <c r="B2137" s="6">
        <v>183916</v>
      </c>
      <c r="C2137" s="6" t="s">
        <v>278</v>
      </c>
      <c r="D2137" s="6" t="s">
        <v>1331</v>
      </c>
      <c r="E2137" s="6">
        <v>50006</v>
      </c>
      <c r="F2137" s="6" t="s">
        <v>18</v>
      </c>
      <c r="G2137" s="6" t="s">
        <v>4531</v>
      </c>
      <c r="H2137" s="6" t="s">
        <v>4532</v>
      </c>
      <c r="I2137" s="7">
        <v>3.9864524000000001</v>
      </c>
      <c r="J2137" s="8">
        <v>-73.7581129</v>
      </c>
    </row>
    <row r="2138" spans="1:10" x14ac:dyDescent="0.35">
      <c r="A2138" s="5" t="s">
        <v>10</v>
      </c>
      <c r="B2138" s="6">
        <v>202355</v>
      </c>
      <c r="C2138" s="6" t="s">
        <v>11</v>
      </c>
      <c r="D2138" s="6" t="s">
        <v>334</v>
      </c>
      <c r="E2138" s="6">
        <v>25754</v>
      </c>
      <c r="F2138" s="6" t="s">
        <v>18</v>
      </c>
      <c r="G2138" s="6" t="s">
        <v>4533</v>
      </c>
      <c r="H2138" s="6" t="s">
        <v>4534</v>
      </c>
      <c r="I2138" s="7">
        <v>4.5731478000000001</v>
      </c>
      <c r="J2138" s="8">
        <v>-74.215326899999994</v>
      </c>
    </row>
    <row r="2139" spans="1:10" x14ac:dyDescent="0.35">
      <c r="A2139" s="5" t="s">
        <v>10</v>
      </c>
      <c r="B2139" s="6">
        <v>243195</v>
      </c>
      <c r="C2139" s="6" t="s">
        <v>11</v>
      </c>
      <c r="D2139" s="6" t="s">
        <v>334</v>
      </c>
      <c r="E2139" s="6">
        <v>25754</v>
      </c>
      <c r="F2139" s="6" t="s">
        <v>18</v>
      </c>
      <c r="G2139" s="6" t="s">
        <v>4535</v>
      </c>
      <c r="H2139" s="6" t="s">
        <v>4536</v>
      </c>
      <c r="I2139" s="7">
        <v>4.5807124000000004</v>
      </c>
      <c r="J2139" s="8">
        <v>-74.194304799999998</v>
      </c>
    </row>
    <row r="2140" spans="1:10" x14ac:dyDescent="0.35">
      <c r="A2140" s="5" t="s">
        <v>10</v>
      </c>
      <c r="B2140" s="6">
        <v>173348</v>
      </c>
      <c r="C2140" s="6" t="s">
        <v>11</v>
      </c>
      <c r="D2140" s="6" t="s">
        <v>337</v>
      </c>
      <c r="E2140" s="6">
        <v>25290</v>
      </c>
      <c r="F2140" s="6" t="s">
        <v>18</v>
      </c>
      <c r="G2140" s="6" t="s">
        <v>4537</v>
      </c>
      <c r="H2140" s="6" t="s">
        <v>4538</v>
      </c>
      <c r="I2140" s="7">
        <v>4.3486342000000002</v>
      </c>
      <c r="J2140" s="8">
        <v>-74.363046400000002</v>
      </c>
    </row>
    <row r="2141" spans="1:10" x14ac:dyDescent="0.35">
      <c r="A2141" s="5" t="s">
        <v>10</v>
      </c>
      <c r="B2141" s="6">
        <v>229846</v>
      </c>
      <c r="C2141" s="6" t="s">
        <v>11</v>
      </c>
      <c r="D2141" s="6" t="s">
        <v>4279</v>
      </c>
      <c r="E2141" s="6">
        <v>25099</v>
      </c>
      <c r="F2141" s="6" t="s">
        <v>18</v>
      </c>
      <c r="G2141" s="6" t="s">
        <v>4539</v>
      </c>
      <c r="H2141" s="6" t="s">
        <v>4540</v>
      </c>
      <c r="I2141" s="7">
        <v>4.7417629000000003</v>
      </c>
      <c r="J2141" s="8">
        <v>-74.346034399999994</v>
      </c>
    </row>
    <row r="2142" spans="1:10" x14ac:dyDescent="0.35">
      <c r="A2142" s="5" t="s">
        <v>10</v>
      </c>
      <c r="B2142" s="6">
        <v>230183</v>
      </c>
      <c r="C2142" s="6" t="s">
        <v>11</v>
      </c>
      <c r="D2142" s="6" t="s">
        <v>4541</v>
      </c>
      <c r="E2142" s="6">
        <v>25489</v>
      </c>
      <c r="F2142" s="6" t="s">
        <v>18</v>
      </c>
      <c r="G2142" s="6" t="s">
        <v>4542</v>
      </c>
      <c r="H2142" s="6" t="s">
        <v>4543</v>
      </c>
      <c r="I2142" s="7">
        <v>5.1250492000000003</v>
      </c>
      <c r="J2142" s="8">
        <v>-74.385434200000006</v>
      </c>
    </row>
    <row r="2143" spans="1:10" x14ac:dyDescent="0.35">
      <c r="A2143" s="5" t="s">
        <v>10</v>
      </c>
      <c r="B2143" s="6">
        <v>180137</v>
      </c>
      <c r="C2143" s="6" t="s">
        <v>38</v>
      </c>
      <c r="D2143" s="6" t="s">
        <v>39</v>
      </c>
      <c r="E2143" s="6">
        <v>19001</v>
      </c>
      <c r="F2143" s="6" t="s">
        <v>18</v>
      </c>
      <c r="G2143" s="6" t="s">
        <v>4544</v>
      </c>
      <c r="H2143" s="6" t="s">
        <v>4545</v>
      </c>
      <c r="I2143" s="7">
        <v>2.4396957000000001</v>
      </c>
      <c r="J2143" s="8">
        <v>-76.6077382</v>
      </c>
    </row>
    <row r="2144" spans="1:10" x14ac:dyDescent="0.35">
      <c r="A2144" s="5" t="s">
        <v>10</v>
      </c>
      <c r="B2144" s="6">
        <v>225781</v>
      </c>
      <c r="C2144" s="6" t="s">
        <v>68</v>
      </c>
      <c r="D2144" s="6" t="s">
        <v>69</v>
      </c>
      <c r="E2144" s="6">
        <v>11001</v>
      </c>
      <c r="F2144" s="6" t="s">
        <v>18</v>
      </c>
      <c r="G2144" s="6" t="s">
        <v>4546</v>
      </c>
      <c r="H2144" s="6" t="s">
        <v>4547</v>
      </c>
      <c r="I2144" s="7">
        <v>4.7498844999999896</v>
      </c>
      <c r="J2144" s="8">
        <v>-74.112135899999998</v>
      </c>
    </row>
    <row r="2145" spans="1:10" x14ac:dyDescent="0.35">
      <c r="A2145" s="5" t="s">
        <v>10</v>
      </c>
      <c r="B2145" s="6">
        <v>226281</v>
      </c>
      <c r="C2145" s="6" t="s">
        <v>68</v>
      </c>
      <c r="D2145" s="6" t="s">
        <v>69</v>
      </c>
      <c r="E2145" s="6">
        <v>11001</v>
      </c>
      <c r="F2145" s="6" t="s">
        <v>13</v>
      </c>
      <c r="G2145" s="6" t="s">
        <v>3737</v>
      </c>
      <c r="H2145" s="6" t="s">
        <v>4548</v>
      </c>
      <c r="I2145" s="7">
        <v>4.7303562000000001</v>
      </c>
      <c r="J2145" s="8">
        <v>-74.069116600000001</v>
      </c>
    </row>
    <row r="2146" spans="1:10" x14ac:dyDescent="0.35">
      <c r="A2146" s="5" t="s">
        <v>10</v>
      </c>
      <c r="B2146" s="6">
        <v>237797</v>
      </c>
      <c r="C2146" s="6" t="s">
        <v>24</v>
      </c>
      <c r="D2146" s="6" t="s">
        <v>202</v>
      </c>
      <c r="E2146" s="6">
        <v>15806</v>
      </c>
      <c r="F2146" s="6" t="s">
        <v>18</v>
      </c>
      <c r="G2146" s="6" t="s">
        <v>4549</v>
      </c>
      <c r="H2146" s="6" t="s">
        <v>4550</v>
      </c>
      <c r="I2146" s="7">
        <v>5.7470420000000004</v>
      </c>
      <c r="J2146" s="8">
        <v>-72.999675499999995</v>
      </c>
    </row>
    <row r="2147" spans="1:10" x14ac:dyDescent="0.35">
      <c r="A2147" s="5" t="s">
        <v>10</v>
      </c>
      <c r="B2147" s="6">
        <v>230782</v>
      </c>
      <c r="C2147" s="6" t="s">
        <v>16</v>
      </c>
      <c r="D2147" s="6" t="s">
        <v>1266</v>
      </c>
      <c r="E2147" s="6">
        <v>68081</v>
      </c>
      <c r="F2147" s="6" t="s">
        <v>18</v>
      </c>
      <c r="G2147" s="6" t="s">
        <v>4551</v>
      </c>
      <c r="H2147" s="6" t="s">
        <v>4552</v>
      </c>
      <c r="I2147" s="7">
        <v>7.0617089999999996</v>
      </c>
      <c r="J2147" s="8">
        <v>-73.851932000000005</v>
      </c>
    </row>
    <row r="2148" spans="1:10" x14ac:dyDescent="0.35">
      <c r="A2148" s="5" t="s">
        <v>10</v>
      </c>
      <c r="B2148" s="6">
        <v>233517</v>
      </c>
      <c r="C2148" s="6" t="s">
        <v>551</v>
      </c>
      <c r="D2148" s="6" t="s">
        <v>3868</v>
      </c>
      <c r="E2148" s="6">
        <v>20001</v>
      </c>
      <c r="F2148" s="6" t="s">
        <v>18</v>
      </c>
      <c r="G2148" s="6" t="s">
        <v>4553</v>
      </c>
      <c r="H2148" s="6" t="s">
        <v>4554</v>
      </c>
      <c r="I2148" s="7">
        <v>10.4506</v>
      </c>
      <c r="J2148" s="8">
        <v>-73.232529999999997</v>
      </c>
    </row>
    <row r="2149" spans="1:10" x14ac:dyDescent="0.35">
      <c r="A2149" s="5" t="s">
        <v>10</v>
      </c>
      <c r="B2149" s="6">
        <v>237060</v>
      </c>
      <c r="C2149" s="6" t="s">
        <v>294</v>
      </c>
      <c r="D2149" s="6" t="s">
        <v>4555</v>
      </c>
      <c r="E2149" s="6">
        <v>41016</v>
      </c>
      <c r="F2149" s="6" t="s">
        <v>18</v>
      </c>
      <c r="G2149" s="6" t="s">
        <v>4556</v>
      </c>
      <c r="H2149" s="6" t="s">
        <v>4557</v>
      </c>
      <c r="I2149" s="7">
        <v>3.2244001999999998</v>
      </c>
      <c r="J2149" s="8">
        <v>-75.237210200000007</v>
      </c>
    </row>
    <row r="2150" spans="1:10" x14ac:dyDescent="0.35">
      <c r="A2150" s="5" t="s">
        <v>10</v>
      </c>
      <c r="B2150" s="6">
        <v>232163</v>
      </c>
      <c r="C2150" s="6" t="s">
        <v>117</v>
      </c>
      <c r="D2150" s="6" t="s">
        <v>1334</v>
      </c>
      <c r="E2150" s="6">
        <v>76001</v>
      </c>
      <c r="F2150" s="6" t="s">
        <v>18</v>
      </c>
      <c r="G2150" s="6" t="s">
        <v>4558</v>
      </c>
      <c r="H2150" s="6" t="s">
        <v>4559</v>
      </c>
      <c r="I2150" s="7">
        <v>3.4244918000000002</v>
      </c>
      <c r="J2150" s="8">
        <v>-76.508821600000005</v>
      </c>
    </row>
    <row r="2151" spans="1:10" x14ac:dyDescent="0.35">
      <c r="A2151" s="5" t="s">
        <v>10</v>
      </c>
      <c r="B2151" s="6">
        <v>247664</v>
      </c>
      <c r="C2151" s="6" t="s">
        <v>68</v>
      </c>
      <c r="D2151" s="6" t="s">
        <v>69</v>
      </c>
      <c r="E2151" s="6">
        <v>11001</v>
      </c>
      <c r="F2151" s="6" t="s">
        <v>18</v>
      </c>
      <c r="G2151" s="6" t="s">
        <v>4560</v>
      </c>
      <c r="H2151" s="6" t="s">
        <v>4561</v>
      </c>
      <c r="I2151" s="7">
        <v>4.7356256711403502</v>
      </c>
      <c r="J2151" s="8">
        <v>-74.027044045073893</v>
      </c>
    </row>
    <row r="2152" spans="1:10" x14ac:dyDescent="0.35">
      <c r="A2152" s="5" t="s">
        <v>10</v>
      </c>
      <c r="B2152" s="6">
        <v>204986</v>
      </c>
      <c r="C2152" s="6" t="s">
        <v>24</v>
      </c>
      <c r="D2152" s="6" t="s">
        <v>88</v>
      </c>
      <c r="E2152" s="6">
        <v>15001</v>
      </c>
      <c r="F2152" s="6" t="s">
        <v>18</v>
      </c>
      <c r="G2152" s="6" t="s">
        <v>4562</v>
      </c>
      <c r="H2152" s="6" t="s">
        <v>4563</v>
      </c>
      <c r="I2152" s="7">
        <v>5.5037156999999999</v>
      </c>
      <c r="J2152" s="8">
        <v>-73.3626194</v>
      </c>
    </row>
    <row r="2153" spans="1:10" x14ac:dyDescent="0.35">
      <c r="A2153" s="5" t="s">
        <v>10</v>
      </c>
      <c r="B2153" s="6">
        <v>237272</v>
      </c>
      <c r="C2153" s="6" t="s">
        <v>24</v>
      </c>
      <c r="D2153" s="6" t="s">
        <v>2927</v>
      </c>
      <c r="E2153" s="6">
        <v>15842</v>
      </c>
      <c r="F2153" s="6" t="s">
        <v>18</v>
      </c>
      <c r="G2153" s="6" t="s">
        <v>4564</v>
      </c>
      <c r="H2153" s="6" t="s">
        <v>4565</v>
      </c>
      <c r="I2153" s="7">
        <v>5.2215220999999996</v>
      </c>
      <c r="J2153" s="8">
        <v>-73.457356500000003</v>
      </c>
    </row>
    <row r="2154" spans="1:10" x14ac:dyDescent="0.35">
      <c r="A2154" s="5" t="s">
        <v>10</v>
      </c>
      <c r="B2154" s="6">
        <v>211001</v>
      </c>
      <c r="C2154" s="6" t="s">
        <v>16</v>
      </c>
      <c r="D2154" s="6" t="s">
        <v>1401</v>
      </c>
      <c r="E2154" s="6">
        <v>68307</v>
      </c>
      <c r="F2154" s="6" t="s">
        <v>18</v>
      </c>
      <c r="G2154" s="6" t="s">
        <v>4566</v>
      </c>
      <c r="H2154" s="6" t="s">
        <v>4567</v>
      </c>
      <c r="I2154" s="7">
        <v>7.0730743</v>
      </c>
      <c r="J2154" s="8">
        <v>-73.165135500000005</v>
      </c>
    </row>
    <row r="2155" spans="1:10" x14ac:dyDescent="0.35">
      <c r="A2155" s="5" t="s">
        <v>10</v>
      </c>
      <c r="B2155" s="6">
        <v>234308</v>
      </c>
      <c r="C2155" s="6" t="s">
        <v>551</v>
      </c>
      <c r="D2155" s="6" t="s">
        <v>3868</v>
      </c>
      <c r="E2155" s="6">
        <v>20001</v>
      </c>
      <c r="F2155" s="6" t="s">
        <v>18</v>
      </c>
      <c r="G2155" s="6" t="s">
        <v>4568</v>
      </c>
      <c r="H2155" s="6" t="s">
        <v>4569</v>
      </c>
      <c r="I2155" s="7">
        <v>10.462570400000001</v>
      </c>
      <c r="J2155" s="8">
        <v>-73.242547799999997</v>
      </c>
    </row>
    <row r="2156" spans="1:10" x14ac:dyDescent="0.35">
      <c r="A2156" s="5" t="s">
        <v>10</v>
      </c>
      <c r="B2156" s="6">
        <v>203090</v>
      </c>
      <c r="C2156" s="6" t="s">
        <v>278</v>
      </c>
      <c r="D2156" s="6" t="s">
        <v>279</v>
      </c>
      <c r="E2156" s="6">
        <v>50001</v>
      </c>
      <c r="F2156" s="6" t="s">
        <v>18</v>
      </c>
      <c r="G2156" s="6" t="s">
        <v>4251</v>
      </c>
      <c r="H2156" s="6" t="s">
        <v>4252</v>
      </c>
      <c r="I2156" s="7">
        <v>4.0827644999999997</v>
      </c>
      <c r="J2156" s="8">
        <v>-73.668986899999993</v>
      </c>
    </row>
    <row r="2157" spans="1:10" x14ac:dyDescent="0.35">
      <c r="A2157" s="5" t="s">
        <v>10</v>
      </c>
      <c r="B2157" s="6">
        <v>205905</v>
      </c>
      <c r="C2157" s="6" t="s">
        <v>278</v>
      </c>
      <c r="D2157" s="6" t="s">
        <v>279</v>
      </c>
      <c r="E2157" s="6">
        <v>50001</v>
      </c>
      <c r="F2157" s="6" t="s">
        <v>18</v>
      </c>
      <c r="G2157" s="6" t="s">
        <v>4570</v>
      </c>
      <c r="H2157" s="6" t="s">
        <v>4571</v>
      </c>
      <c r="I2157" s="7">
        <v>4.1220480999999998</v>
      </c>
      <c r="J2157" s="8">
        <v>-73.631894199999905</v>
      </c>
    </row>
    <row r="2158" spans="1:10" x14ac:dyDescent="0.35">
      <c r="A2158" s="5" t="s">
        <v>10</v>
      </c>
      <c r="B2158" s="6">
        <v>233403</v>
      </c>
      <c r="C2158" s="6" t="s">
        <v>278</v>
      </c>
      <c r="D2158" s="6" t="s">
        <v>279</v>
      </c>
      <c r="E2158" s="6">
        <v>50001</v>
      </c>
      <c r="F2158" s="6" t="s">
        <v>18</v>
      </c>
      <c r="G2158" s="6" t="s">
        <v>4572</v>
      </c>
      <c r="H2158" s="6" t="s">
        <v>4573</v>
      </c>
      <c r="I2158" s="7">
        <v>4.1242900000000002</v>
      </c>
      <c r="J2158" s="8">
        <v>-73.652259999999998</v>
      </c>
    </row>
    <row r="2159" spans="1:10" x14ac:dyDescent="0.35">
      <c r="A2159" s="5" t="s">
        <v>10</v>
      </c>
      <c r="B2159" s="6">
        <v>246870</v>
      </c>
      <c r="C2159" s="6" t="s">
        <v>11</v>
      </c>
      <c r="D2159" s="6" t="s">
        <v>901</v>
      </c>
      <c r="E2159" s="6">
        <v>25307</v>
      </c>
      <c r="F2159" s="6" t="s">
        <v>18</v>
      </c>
      <c r="G2159" s="6" t="s">
        <v>4574</v>
      </c>
      <c r="H2159" s="6" t="s">
        <v>4575</v>
      </c>
      <c r="I2159" s="7">
        <v>4.2991982000000002</v>
      </c>
      <c r="J2159" s="8">
        <v>-74.801321000000002</v>
      </c>
    </row>
    <row r="2160" spans="1:10" x14ac:dyDescent="0.35">
      <c r="A2160" s="5" t="s">
        <v>10</v>
      </c>
      <c r="B2160" s="6">
        <v>235536</v>
      </c>
      <c r="C2160" s="6" t="s">
        <v>11</v>
      </c>
      <c r="D2160" s="6" t="s">
        <v>4141</v>
      </c>
      <c r="E2160" s="6">
        <v>25224</v>
      </c>
      <c r="F2160" s="6" t="s">
        <v>18</v>
      </c>
      <c r="G2160" s="6" t="s">
        <v>4576</v>
      </c>
      <c r="H2160" s="6" t="s">
        <v>4577</v>
      </c>
      <c r="I2160" s="7">
        <v>5.2502347</v>
      </c>
      <c r="J2160" s="8">
        <v>-73.766074200000006</v>
      </c>
    </row>
    <row r="2161" spans="1:10" x14ac:dyDescent="0.35">
      <c r="A2161" s="5" t="s">
        <v>10</v>
      </c>
      <c r="B2161" s="6">
        <v>243750</v>
      </c>
      <c r="C2161" s="6" t="s">
        <v>11</v>
      </c>
      <c r="D2161" s="6" t="s">
        <v>334</v>
      </c>
      <c r="E2161" s="6">
        <v>25754</v>
      </c>
      <c r="F2161" s="6" t="s">
        <v>18</v>
      </c>
      <c r="G2161" s="6" t="s">
        <v>4578</v>
      </c>
      <c r="H2161" s="6" t="s">
        <v>4579</v>
      </c>
      <c r="I2161" s="7">
        <v>4.5916832000000003</v>
      </c>
      <c r="J2161" s="8">
        <v>-74.198266200000006</v>
      </c>
    </row>
    <row r="2162" spans="1:10" x14ac:dyDescent="0.35">
      <c r="A2162" s="5" t="s">
        <v>10</v>
      </c>
      <c r="B2162" s="6">
        <v>230993</v>
      </c>
      <c r="C2162" s="6" t="s">
        <v>11</v>
      </c>
      <c r="D2162" s="6" t="s">
        <v>4282</v>
      </c>
      <c r="E2162" s="6">
        <v>25181</v>
      </c>
      <c r="F2162" s="6" t="s">
        <v>18</v>
      </c>
      <c r="G2162" s="6" t="s">
        <v>4580</v>
      </c>
      <c r="H2162" s="6" t="s">
        <v>4581</v>
      </c>
      <c r="I2162" s="7">
        <v>4.5273349999999999</v>
      </c>
      <c r="J2162" s="8">
        <v>-73.922921000000002</v>
      </c>
    </row>
    <row r="2163" spans="1:10" x14ac:dyDescent="0.35">
      <c r="A2163" s="5" t="s">
        <v>10</v>
      </c>
      <c r="B2163" s="6">
        <v>233738</v>
      </c>
      <c r="C2163" s="6" t="s">
        <v>68</v>
      </c>
      <c r="D2163" s="6" t="s">
        <v>69</v>
      </c>
      <c r="E2163" s="6">
        <v>11001</v>
      </c>
      <c r="F2163" s="6" t="s">
        <v>18</v>
      </c>
      <c r="G2163" s="6" t="s">
        <v>4582</v>
      </c>
      <c r="H2163" s="6" t="s">
        <v>4583</v>
      </c>
      <c r="I2163" s="7">
        <v>4.5483399999999996</v>
      </c>
      <c r="J2163" s="8">
        <v>-74.095039999999997</v>
      </c>
    </row>
    <row r="2164" spans="1:10" x14ac:dyDescent="0.35">
      <c r="A2164" s="5" t="s">
        <v>10</v>
      </c>
      <c r="B2164" s="6">
        <v>226330</v>
      </c>
      <c r="C2164" s="6" t="s">
        <v>302</v>
      </c>
      <c r="D2164" s="6" t="s">
        <v>359</v>
      </c>
      <c r="E2164" s="6">
        <v>8001</v>
      </c>
      <c r="F2164" s="6" t="s">
        <v>13</v>
      </c>
      <c r="G2164" s="6" t="s">
        <v>3737</v>
      </c>
      <c r="H2164" s="6" t="s">
        <v>4584</v>
      </c>
      <c r="I2164" s="7">
        <v>10.924004699999999</v>
      </c>
      <c r="J2164" s="8">
        <v>-74.7978059</v>
      </c>
    </row>
    <row r="2165" spans="1:10" x14ac:dyDescent="0.35">
      <c r="A2165" s="5" t="s">
        <v>10</v>
      </c>
      <c r="B2165" s="6">
        <v>203807</v>
      </c>
      <c r="C2165" s="6" t="s">
        <v>24</v>
      </c>
      <c r="D2165" s="6" t="s">
        <v>137</v>
      </c>
      <c r="E2165" s="6">
        <v>15238</v>
      </c>
      <c r="F2165" s="6" t="s">
        <v>18</v>
      </c>
      <c r="G2165" s="6" t="s">
        <v>4585</v>
      </c>
      <c r="H2165" s="6" t="s">
        <v>4586</v>
      </c>
      <c r="I2165" s="7">
        <v>5.8283585999999996</v>
      </c>
      <c r="J2165" s="8">
        <v>-73.025569300000001</v>
      </c>
    </row>
    <row r="2166" spans="1:10" x14ac:dyDescent="0.35">
      <c r="A2166" s="5" t="s">
        <v>10</v>
      </c>
      <c r="B2166" s="6">
        <v>213857</v>
      </c>
      <c r="C2166" s="6" t="s">
        <v>16</v>
      </c>
      <c r="D2166" s="6" t="s">
        <v>2825</v>
      </c>
      <c r="E2166" s="6">
        <v>68276</v>
      </c>
      <c r="F2166" s="6" t="s">
        <v>18</v>
      </c>
      <c r="G2166" s="6" t="s">
        <v>4587</v>
      </c>
      <c r="H2166" s="6" t="s">
        <v>4588</v>
      </c>
      <c r="I2166" s="7">
        <v>7.0988854999999997</v>
      </c>
      <c r="J2166" s="8">
        <v>-73.094806599999998</v>
      </c>
    </row>
    <row r="2167" spans="1:10" x14ac:dyDescent="0.35">
      <c r="A2167" s="5" t="s">
        <v>10</v>
      </c>
      <c r="B2167" s="6">
        <v>241902</v>
      </c>
      <c r="C2167" s="6" t="s">
        <v>278</v>
      </c>
      <c r="D2167" s="6" t="s">
        <v>2421</v>
      </c>
      <c r="E2167" s="6">
        <v>50573</v>
      </c>
      <c r="F2167" s="6" t="s">
        <v>18</v>
      </c>
      <c r="G2167" s="6" t="s">
        <v>4589</v>
      </c>
      <c r="H2167" s="6" t="s">
        <v>4590</v>
      </c>
      <c r="I2167" s="7">
        <v>4.0913539999999999</v>
      </c>
      <c r="J2167" s="8">
        <v>-72.955917999999997</v>
      </c>
    </row>
    <row r="2168" spans="1:10" x14ac:dyDescent="0.35">
      <c r="A2168" s="5" t="s">
        <v>10</v>
      </c>
      <c r="B2168" s="6">
        <v>221814</v>
      </c>
      <c r="C2168" s="6" t="s">
        <v>16</v>
      </c>
      <c r="D2168" s="6" t="s">
        <v>510</v>
      </c>
      <c r="E2168" s="6">
        <v>68547</v>
      </c>
      <c r="F2168" s="6" t="s">
        <v>18</v>
      </c>
      <c r="G2168" s="6" t="s">
        <v>4591</v>
      </c>
      <c r="H2168" s="6" t="s">
        <v>4592</v>
      </c>
      <c r="I2168" s="7">
        <v>6.9914936999999897</v>
      </c>
      <c r="J2168" s="8">
        <v>-73.057787899999994</v>
      </c>
    </row>
    <row r="2169" spans="1:10" x14ac:dyDescent="0.35">
      <c r="A2169" s="5" t="s">
        <v>10</v>
      </c>
      <c r="B2169" s="6">
        <v>235327</v>
      </c>
      <c r="C2169" s="6" t="s">
        <v>68</v>
      </c>
      <c r="D2169" s="6" t="s">
        <v>69</v>
      </c>
      <c r="E2169" s="6">
        <v>11001</v>
      </c>
      <c r="F2169" s="6" t="s">
        <v>18</v>
      </c>
      <c r="G2169" s="6" t="s">
        <v>4593</v>
      </c>
      <c r="H2169" s="6" t="s">
        <v>4594</v>
      </c>
      <c r="I2169" s="7">
        <v>4.5810130999999998</v>
      </c>
      <c r="J2169" s="8">
        <v>-74.077427499999999</v>
      </c>
    </row>
    <row r="2170" spans="1:10" x14ac:dyDescent="0.35">
      <c r="A2170" s="5" t="s">
        <v>10</v>
      </c>
      <c r="B2170" s="6">
        <v>224958</v>
      </c>
      <c r="C2170" s="6" t="s">
        <v>68</v>
      </c>
      <c r="D2170" s="6" t="s">
        <v>69</v>
      </c>
      <c r="E2170" s="6">
        <v>11001</v>
      </c>
      <c r="F2170" s="6" t="s">
        <v>18</v>
      </c>
      <c r="G2170" s="6" t="s">
        <v>3392</v>
      </c>
      <c r="H2170" s="6" t="s">
        <v>4595</v>
      </c>
      <c r="I2170" s="7">
        <v>4.7234625000000001</v>
      </c>
      <c r="J2170" s="8">
        <v>-74.088493799999995</v>
      </c>
    </row>
    <row r="2171" spans="1:10" x14ac:dyDescent="0.35">
      <c r="A2171" s="5" t="s">
        <v>10</v>
      </c>
      <c r="B2171" s="6">
        <v>230972</v>
      </c>
      <c r="C2171" s="6" t="s">
        <v>28</v>
      </c>
      <c r="D2171" s="6" t="s">
        <v>29</v>
      </c>
      <c r="E2171" s="6">
        <v>54001</v>
      </c>
      <c r="F2171" s="6" t="s">
        <v>18</v>
      </c>
      <c r="G2171" s="6" t="s">
        <v>4596</v>
      </c>
      <c r="H2171" s="6" t="s">
        <v>4597</v>
      </c>
      <c r="I2171" s="7">
        <v>7.8837596000000003</v>
      </c>
      <c r="J2171" s="8">
        <v>-72.468700100000007</v>
      </c>
    </row>
    <row r="2172" spans="1:10" x14ac:dyDescent="0.35">
      <c r="A2172" s="5" t="s">
        <v>10</v>
      </c>
      <c r="B2172" s="6">
        <v>246497</v>
      </c>
      <c r="C2172" s="6" t="s">
        <v>28</v>
      </c>
      <c r="D2172" s="6" t="s">
        <v>29</v>
      </c>
      <c r="E2172" s="6">
        <v>54001</v>
      </c>
      <c r="F2172" s="6" t="s">
        <v>18</v>
      </c>
      <c r="G2172" s="6" t="s">
        <v>4598</v>
      </c>
      <c r="H2172" s="6" t="s">
        <v>4599</v>
      </c>
      <c r="I2172" s="7">
        <v>7.9045959000000003</v>
      </c>
      <c r="J2172" s="8">
        <v>-72.4862751</v>
      </c>
    </row>
    <row r="2173" spans="1:10" x14ac:dyDescent="0.35">
      <c r="A2173" s="5" t="s">
        <v>10</v>
      </c>
      <c r="B2173" s="6">
        <v>226346</v>
      </c>
      <c r="C2173" s="6" t="s">
        <v>2821</v>
      </c>
      <c r="D2173" s="6" t="s">
        <v>2822</v>
      </c>
      <c r="E2173" s="6">
        <v>47001</v>
      </c>
      <c r="F2173" s="6" t="s">
        <v>13</v>
      </c>
      <c r="G2173" s="6" t="s">
        <v>3737</v>
      </c>
      <c r="H2173" s="6" t="s">
        <v>4600</v>
      </c>
      <c r="I2173" s="7">
        <v>11.2320779</v>
      </c>
      <c r="J2173" s="8">
        <v>-74.200437699999995</v>
      </c>
    </row>
    <row r="2174" spans="1:10" x14ac:dyDescent="0.35">
      <c r="A2174" s="5" t="s">
        <v>10</v>
      </c>
      <c r="B2174" s="6">
        <v>160721</v>
      </c>
      <c r="C2174" s="6" t="s">
        <v>16</v>
      </c>
      <c r="D2174" s="6" t="s">
        <v>78</v>
      </c>
      <c r="E2174" s="6">
        <v>68001</v>
      </c>
      <c r="F2174" s="6" t="s">
        <v>18</v>
      </c>
      <c r="G2174" s="6" t="s">
        <v>4601</v>
      </c>
      <c r="H2174" s="6" t="s">
        <v>4602</v>
      </c>
      <c r="I2174" s="7">
        <v>7.1124143999999996</v>
      </c>
      <c r="J2174" s="8">
        <v>-73.118001399999997</v>
      </c>
    </row>
    <row r="2175" spans="1:10" x14ac:dyDescent="0.35">
      <c r="A2175" s="5" t="s">
        <v>10</v>
      </c>
      <c r="B2175" s="6">
        <v>170040</v>
      </c>
      <c r="C2175" s="6" t="s">
        <v>551</v>
      </c>
      <c r="D2175" s="6" t="s">
        <v>977</v>
      </c>
      <c r="E2175" s="6">
        <v>20011</v>
      </c>
      <c r="F2175" s="6" t="s">
        <v>18</v>
      </c>
      <c r="G2175" s="6" t="s">
        <v>4603</v>
      </c>
      <c r="H2175" s="6" t="s">
        <v>4604</v>
      </c>
      <c r="I2175" s="7">
        <v>8.2995193</v>
      </c>
      <c r="J2175" s="8">
        <v>-73.625777099999993</v>
      </c>
    </row>
    <row r="2176" spans="1:10" x14ac:dyDescent="0.35">
      <c r="A2176" s="5" t="s">
        <v>10</v>
      </c>
      <c r="B2176" s="6">
        <v>198925</v>
      </c>
      <c r="C2176" s="6" t="s">
        <v>278</v>
      </c>
      <c r="D2176" s="6" t="s">
        <v>279</v>
      </c>
      <c r="E2176" s="6">
        <v>50001</v>
      </c>
      <c r="F2176" s="6" t="s">
        <v>18</v>
      </c>
      <c r="G2176" s="6" t="s">
        <v>4605</v>
      </c>
      <c r="H2176" s="6" t="s">
        <v>4606</v>
      </c>
      <c r="I2176" s="7">
        <v>4.1379989999999998</v>
      </c>
      <c r="J2176" s="8">
        <v>-73.588183000000001</v>
      </c>
    </row>
    <row r="2177" spans="1:10" x14ac:dyDescent="0.35">
      <c r="A2177" s="5" t="s">
        <v>10</v>
      </c>
      <c r="B2177" s="6">
        <v>202149</v>
      </c>
      <c r="C2177" s="6" t="s">
        <v>11</v>
      </c>
      <c r="D2177" s="6" t="s">
        <v>334</v>
      </c>
      <c r="E2177" s="6">
        <v>25754</v>
      </c>
      <c r="F2177" s="6" t="s">
        <v>18</v>
      </c>
      <c r="G2177" s="6" t="s">
        <v>4607</v>
      </c>
      <c r="H2177" s="6" t="s">
        <v>4608</v>
      </c>
      <c r="I2177" s="7">
        <v>4.5687495</v>
      </c>
      <c r="J2177" s="8">
        <v>-74.242027899999997</v>
      </c>
    </row>
    <row r="2178" spans="1:10" x14ac:dyDescent="0.35">
      <c r="A2178" s="5" t="s">
        <v>10</v>
      </c>
      <c r="B2178" s="6">
        <v>226351</v>
      </c>
      <c r="C2178" s="6" t="s">
        <v>551</v>
      </c>
      <c r="D2178" s="6" t="s">
        <v>3868</v>
      </c>
      <c r="E2178" s="6">
        <v>20001</v>
      </c>
      <c r="F2178" s="6" t="s">
        <v>13</v>
      </c>
      <c r="G2178" s="6" t="s">
        <v>3737</v>
      </c>
      <c r="H2178" s="6" t="s">
        <v>4609</v>
      </c>
      <c r="I2178" s="7">
        <v>10.4951566</v>
      </c>
      <c r="J2178" s="8">
        <v>-73.269426199999998</v>
      </c>
    </row>
    <row r="2179" spans="1:10" x14ac:dyDescent="0.35">
      <c r="A2179" s="5" t="s">
        <v>10</v>
      </c>
      <c r="B2179" s="6">
        <v>233510</v>
      </c>
      <c r="C2179" s="6" t="s">
        <v>278</v>
      </c>
      <c r="D2179" s="6" t="s">
        <v>4210</v>
      </c>
      <c r="E2179" s="6">
        <v>50150</v>
      </c>
      <c r="F2179" s="6" t="s">
        <v>18</v>
      </c>
      <c r="G2179" s="6" t="s">
        <v>4610</v>
      </c>
      <c r="H2179" s="6" t="s">
        <v>4611</v>
      </c>
      <c r="I2179" s="7">
        <v>3.8271199999999999</v>
      </c>
      <c r="J2179" s="8">
        <v>-73.689599999999999</v>
      </c>
    </row>
    <row r="2180" spans="1:10" x14ac:dyDescent="0.35">
      <c r="A2180" s="5" t="s">
        <v>10</v>
      </c>
      <c r="B2180" s="6">
        <v>242028</v>
      </c>
      <c r="C2180" s="6" t="s">
        <v>294</v>
      </c>
      <c r="D2180" s="6" t="s">
        <v>4612</v>
      </c>
      <c r="E2180" s="6">
        <v>41872</v>
      </c>
      <c r="F2180" s="6" t="s">
        <v>18</v>
      </c>
      <c r="G2180" s="6" t="s">
        <v>4613</v>
      </c>
      <c r="H2180" s="6" t="s">
        <v>4614</v>
      </c>
      <c r="I2180" s="7">
        <v>3.2195038</v>
      </c>
      <c r="J2180" s="8">
        <v>-75.217444799999996</v>
      </c>
    </row>
    <row r="2181" spans="1:10" x14ac:dyDescent="0.35">
      <c r="A2181" s="5" t="s">
        <v>10</v>
      </c>
      <c r="B2181" s="6">
        <v>242035</v>
      </c>
      <c r="C2181" s="6" t="s">
        <v>3819</v>
      </c>
      <c r="D2181" s="6" t="s">
        <v>4615</v>
      </c>
      <c r="E2181" s="6">
        <v>86001</v>
      </c>
      <c r="F2181" s="6" t="s">
        <v>18</v>
      </c>
      <c r="G2181" s="6" t="s">
        <v>4616</v>
      </c>
      <c r="H2181" s="6" t="s">
        <v>4617</v>
      </c>
      <c r="I2181" s="7">
        <v>1.1467684</v>
      </c>
      <c r="J2181" s="8">
        <v>-76.647778799999998</v>
      </c>
    </row>
    <row r="2182" spans="1:10" x14ac:dyDescent="0.35">
      <c r="A2182" s="5" t="s">
        <v>10</v>
      </c>
      <c r="B2182" s="6">
        <v>222884</v>
      </c>
      <c r="C2182" s="6" t="s">
        <v>11</v>
      </c>
      <c r="D2182" s="6" t="s">
        <v>337</v>
      </c>
      <c r="E2182" s="6">
        <v>25290</v>
      </c>
      <c r="F2182" s="6" t="s">
        <v>18</v>
      </c>
      <c r="G2182" s="6" t="s">
        <v>4618</v>
      </c>
      <c r="H2182" s="6" t="s">
        <v>4619</v>
      </c>
      <c r="I2182" s="7">
        <v>4.3291221000000002</v>
      </c>
      <c r="J2182" s="8">
        <v>-74.4092658</v>
      </c>
    </row>
    <row r="2183" spans="1:10" x14ac:dyDescent="0.35">
      <c r="A2183" s="5" t="s">
        <v>10</v>
      </c>
      <c r="B2183" s="6">
        <v>234216</v>
      </c>
      <c r="C2183" s="6" t="s">
        <v>457</v>
      </c>
      <c r="D2183" s="6" t="s">
        <v>4400</v>
      </c>
      <c r="E2183" s="6">
        <v>52001</v>
      </c>
      <c r="F2183" s="6" t="s">
        <v>18</v>
      </c>
      <c r="G2183" s="6" t="s">
        <v>4620</v>
      </c>
      <c r="H2183" s="6" t="s">
        <v>4621</v>
      </c>
      <c r="I2183" s="7">
        <v>1.2165547999999999</v>
      </c>
      <c r="J2183" s="8">
        <v>-77.271878400000006</v>
      </c>
    </row>
    <row r="2184" spans="1:10" x14ac:dyDescent="0.35">
      <c r="A2184" s="5" t="s">
        <v>10</v>
      </c>
      <c r="B2184" s="6">
        <v>234200</v>
      </c>
      <c r="C2184" s="6" t="s">
        <v>278</v>
      </c>
      <c r="D2184" s="6" t="s">
        <v>279</v>
      </c>
      <c r="E2184" s="6">
        <v>50001</v>
      </c>
      <c r="F2184" s="6" t="s">
        <v>18</v>
      </c>
      <c r="G2184" s="6" t="s">
        <v>4622</v>
      </c>
      <c r="H2184" s="6" t="s">
        <v>4623</v>
      </c>
      <c r="I2184" s="7">
        <v>4.1514021999999997</v>
      </c>
      <c r="J2184" s="8">
        <v>-73.6373155</v>
      </c>
    </row>
    <row r="2185" spans="1:10" x14ac:dyDescent="0.35">
      <c r="A2185" s="5" t="s">
        <v>10</v>
      </c>
      <c r="B2185" s="6">
        <v>226238</v>
      </c>
      <c r="C2185" s="6" t="s">
        <v>117</v>
      </c>
      <c r="D2185" s="6" t="s">
        <v>1334</v>
      </c>
      <c r="E2185" s="6">
        <v>76001</v>
      </c>
      <c r="F2185" s="6" t="s">
        <v>13</v>
      </c>
      <c r="G2185" s="6" t="s">
        <v>3737</v>
      </c>
      <c r="H2185" s="6" t="s">
        <v>4624</v>
      </c>
      <c r="I2185" s="7">
        <v>3.4041806999999999</v>
      </c>
      <c r="J2185" s="8">
        <v>-76.540502199999906</v>
      </c>
    </row>
    <row r="2186" spans="1:10" x14ac:dyDescent="0.35">
      <c r="A2186" s="5" t="s">
        <v>10</v>
      </c>
      <c r="B2186" s="6">
        <v>226369</v>
      </c>
      <c r="C2186" s="6" t="s">
        <v>94</v>
      </c>
      <c r="D2186" s="6" t="s">
        <v>98</v>
      </c>
      <c r="E2186" s="6">
        <v>66001</v>
      </c>
      <c r="F2186" s="6" t="s">
        <v>13</v>
      </c>
      <c r="G2186" s="6" t="s">
        <v>3737</v>
      </c>
      <c r="H2186" s="6" t="s">
        <v>4625</v>
      </c>
      <c r="I2186" s="7">
        <v>4.8087173999999999</v>
      </c>
      <c r="J2186" s="8">
        <v>-75.690601000000001</v>
      </c>
    </row>
    <row r="2187" spans="1:10" x14ac:dyDescent="0.35">
      <c r="A2187" s="5" t="s">
        <v>10</v>
      </c>
      <c r="B2187" s="6">
        <v>240344</v>
      </c>
      <c r="C2187" s="6" t="s">
        <v>11</v>
      </c>
      <c r="D2187" s="6" t="s">
        <v>334</v>
      </c>
      <c r="E2187" s="6">
        <v>25754</v>
      </c>
      <c r="F2187" s="6" t="s">
        <v>18</v>
      </c>
      <c r="G2187" s="6" t="s">
        <v>4626</v>
      </c>
      <c r="H2187" s="6" t="s">
        <v>4627</v>
      </c>
      <c r="I2187" s="7">
        <v>4.5805156</v>
      </c>
      <c r="J2187" s="8">
        <v>-74.221592799999996</v>
      </c>
    </row>
    <row r="2188" spans="1:10" x14ac:dyDescent="0.35">
      <c r="A2188" s="5" t="s">
        <v>10</v>
      </c>
      <c r="B2188" s="6">
        <v>222329</v>
      </c>
      <c r="C2188" s="6" t="s">
        <v>68</v>
      </c>
      <c r="D2188" s="6" t="s">
        <v>69</v>
      </c>
      <c r="E2188" s="6">
        <v>11001</v>
      </c>
      <c r="F2188" s="6" t="s">
        <v>18</v>
      </c>
      <c r="G2188" s="6" t="s">
        <v>4628</v>
      </c>
      <c r="H2188" s="6" t="s">
        <v>4629</v>
      </c>
      <c r="I2188" s="7">
        <v>4.6094270000000002</v>
      </c>
      <c r="J2188" s="8">
        <v>-74.077829199999996</v>
      </c>
    </row>
    <row r="2189" spans="1:10" x14ac:dyDescent="0.35">
      <c r="A2189" s="5" t="s">
        <v>10</v>
      </c>
      <c r="B2189" s="6">
        <v>240244</v>
      </c>
      <c r="C2189" s="6" t="s">
        <v>24</v>
      </c>
      <c r="D2189" s="6" t="s">
        <v>2507</v>
      </c>
      <c r="E2189" s="6">
        <v>15778</v>
      </c>
      <c r="F2189" s="6" t="s">
        <v>18</v>
      </c>
      <c r="G2189" s="6" t="s">
        <v>4630</v>
      </c>
      <c r="H2189" s="6" t="s">
        <v>4631</v>
      </c>
      <c r="I2189" s="7">
        <v>5.0222825999999996</v>
      </c>
      <c r="J2189" s="8">
        <v>-73.452850900000001</v>
      </c>
    </row>
    <row r="2190" spans="1:10" x14ac:dyDescent="0.35">
      <c r="A2190" s="5" t="s">
        <v>10</v>
      </c>
      <c r="B2190" s="6">
        <v>241946</v>
      </c>
      <c r="C2190" s="6" t="s">
        <v>278</v>
      </c>
      <c r="D2190" s="6" t="s">
        <v>279</v>
      </c>
      <c r="E2190" s="6">
        <v>50001</v>
      </c>
      <c r="F2190" s="6" t="s">
        <v>18</v>
      </c>
      <c r="G2190" s="6" t="s">
        <v>4632</v>
      </c>
      <c r="H2190" s="6" t="s">
        <v>4633</v>
      </c>
      <c r="I2190" s="7">
        <v>4.1337643999999996</v>
      </c>
      <c r="J2190" s="8">
        <v>-73.633698499999994</v>
      </c>
    </row>
    <row r="2191" spans="1:10" x14ac:dyDescent="0.35">
      <c r="A2191" s="5" t="s">
        <v>10</v>
      </c>
      <c r="B2191" s="6">
        <v>216790</v>
      </c>
      <c r="C2191" s="6" t="s">
        <v>294</v>
      </c>
      <c r="D2191" s="6" t="s">
        <v>4634</v>
      </c>
      <c r="E2191" s="6">
        <v>41020</v>
      </c>
      <c r="F2191" s="6" t="s">
        <v>18</v>
      </c>
      <c r="G2191" s="6" t="s">
        <v>4635</v>
      </c>
      <c r="H2191" s="6" t="s">
        <v>4636</v>
      </c>
      <c r="I2191" s="7">
        <v>2.5236972</v>
      </c>
      <c r="J2191" s="8">
        <v>-75.315103199999996</v>
      </c>
    </row>
    <row r="2192" spans="1:10" x14ac:dyDescent="0.35">
      <c r="A2192" s="5" t="s">
        <v>10</v>
      </c>
      <c r="B2192" s="6">
        <v>224303</v>
      </c>
      <c r="C2192" s="6" t="s">
        <v>117</v>
      </c>
      <c r="D2192" s="6" t="s">
        <v>4637</v>
      </c>
      <c r="E2192" s="6">
        <v>76275</v>
      </c>
      <c r="F2192" s="6" t="s">
        <v>18</v>
      </c>
      <c r="G2192" s="6" t="s">
        <v>4638</v>
      </c>
      <c r="H2192" s="6" t="s">
        <v>4639</v>
      </c>
      <c r="I2192" s="7">
        <v>3.3254738000000001</v>
      </c>
      <c r="J2192" s="8">
        <v>-76.230052700000002</v>
      </c>
    </row>
    <row r="2193" spans="1:10" x14ac:dyDescent="0.35">
      <c r="A2193" s="5" t="s">
        <v>10</v>
      </c>
      <c r="B2193" s="6">
        <v>204106</v>
      </c>
      <c r="C2193" s="6" t="s">
        <v>11</v>
      </c>
      <c r="D2193" s="6" t="s">
        <v>334</v>
      </c>
      <c r="E2193" s="6">
        <v>25754</v>
      </c>
      <c r="F2193" s="6" t="s">
        <v>18</v>
      </c>
      <c r="G2193" s="6" t="s">
        <v>4640</v>
      </c>
      <c r="H2193" s="6" t="s">
        <v>4641</v>
      </c>
      <c r="I2193" s="7">
        <v>4.5934014999999997</v>
      </c>
      <c r="J2193" s="8">
        <v>-74.195920399999906</v>
      </c>
    </row>
    <row r="2194" spans="1:10" x14ac:dyDescent="0.35">
      <c r="A2194" s="5" t="s">
        <v>10</v>
      </c>
      <c r="B2194" s="6">
        <v>207288</v>
      </c>
      <c r="C2194" s="6" t="s">
        <v>2821</v>
      </c>
      <c r="D2194" s="6" t="s">
        <v>2822</v>
      </c>
      <c r="E2194" s="6">
        <v>47001</v>
      </c>
      <c r="F2194" s="6" t="s">
        <v>18</v>
      </c>
      <c r="G2194" s="6" t="s">
        <v>4642</v>
      </c>
      <c r="H2194" s="6" t="s">
        <v>4643</v>
      </c>
      <c r="I2194" s="7">
        <v>11.240354699999999</v>
      </c>
      <c r="J2194" s="8">
        <v>-74.211022700000001</v>
      </c>
    </row>
    <row r="2195" spans="1:10" x14ac:dyDescent="0.35">
      <c r="A2195" s="5" t="s">
        <v>10</v>
      </c>
      <c r="B2195" s="6">
        <v>238690</v>
      </c>
      <c r="C2195" s="6" t="s">
        <v>68</v>
      </c>
      <c r="D2195" s="6" t="s">
        <v>69</v>
      </c>
      <c r="E2195" s="6">
        <v>11001</v>
      </c>
      <c r="F2195" s="6" t="s">
        <v>18</v>
      </c>
      <c r="G2195" s="6" t="s">
        <v>4644</v>
      </c>
      <c r="H2195" s="6" t="s">
        <v>4645</v>
      </c>
      <c r="I2195" s="7">
        <v>4.6521378999999996</v>
      </c>
      <c r="J2195" s="8">
        <v>-74.138209700000004</v>
      </c>
    </row>
    <row r="2196" spans="1:10" x14ac:dyDescent="0.35">
      <c r="A2196" s="5" t="s">
        <v>10</v>
      </c>
      <c r="B2196" s="6">
        <v>210295</v>
      </c>
      <c r="C2196" s="6" t="s">
        <v>68</v>
      </c>
      <c r="D2196" s="6" t="s">
        <v>69</v>
      </c>
      <c r="E2196" s="6">
        <v>11001</v>
      </c>
      <c r="F2196" s="6" t="s">
        <v>18</v>
      </c>
      <c r="G2196" s="6" t="s">
        <v>4646</v>
      </c>
      <c r="H2196" s="6" t="s">
        <v>4647</v>
      </c>
      <c r="I2196" s="7">
        <v>4.5714952999999996</v>
      </c>
      <c r="J2196" s="8">
        <v>-74.162056999999905</v>
      </c>
    </row>
    <row r="2197" spans="1:10" x14ac:dyDescent="0.35">
      <c r="A2197" s="5" t="s">
        <v>10</v>
      </c>
      <c r="B2197" s="6">
        <v>235540</v>
      </c>
      <c r="C2197" s="6" t="s">
        <v>68</v>
      </c>
      <c r="D2197" s="6" t="s">
        <v>69</v>
      </c>
      <c r="E2197" s="6">
        <v>11001</v>
      </c>
      <c r="F2197" s="6" t="s">
        <v>18</v>
      </c>
      <c r="G2197" s="6" t="s">
        <v>4648</v>
      </c>
      <c r="H2197" s="6" t="s">
        <v>4649</v>
      </c>
      <c r="I2197" s="7">
        <v>4.5919325999999998</v>
      </c>
      <c r="J2197" s="8">
        <v>-74.113303799999997</v>
      </c>
    </row>
    <row r="2198" spans="1:10" x14ac:dyDescent="0.35">
      <c r="A2198" s="5" t="s">
        <v>10</v>
      </c>
      <c r="B2198" s="6">
        <v>226392</v>
      </c>
      <c r="C2198" s="6" t="s">
        <v>190</v>
      </c>
      <c r="D2198" s="6" t="s">
        <v>191</v>
      </c>
      <c r="E2198" s="6">
        <v>5001</v>
      </c>
      <c r="F2198" s="6" t="s">
        <v>13</v>
      </c>
      <c r="G2198" s="6" t="s">
        <v>3737</v>
      </c>
      <c r="H2198" s="6" t="s">
        <v>4650</v>
      </c>
      <c r="I2198" s="7">
        <v>6.3391298999999997</v>
      </c>
      <c r="J2198" s="8">
        <v>-75.547744600000001</v>
      </c>
    </row>
    <row r="2199" spans="1:10" x14ac:dyDescent="0.35">
      <c r="A2199" s="5" t="s">
        <v>10</v>
      </c>
      <c r="B2199" s="6">
        <v>238646</v>
      </c>
      <c r="C2199" s="6" t="s">
        <v>16</v>
      </c>
      <c r="D2199" s="6" t="s">
        <v>78</v>
      </c>
      <c r="E2199" s="6">
        <v>68001</v>
      </c>
      <c r="F2199" s="6" t="s">
        <v>2161</v>
      </c>
      <c r="G2199" s="6" t="s">
        <v>4651</v>
      </c>
      <c r="H2199" s="6" t="s">
        <v>4652</v>
      </c>
      <c r="I2199" s="7">
        <v>7.1193489999999997</v>
      </c>
      <c r="J2199" s="8">
        <v>-73.122741599999998</v>
      </c>
    </row>
    <row r="2200" spans="1:10" x14ac:dyDescent="0.35">
      <c r="A2200" s="5" t="s">
        <v>10</v>
      </c>
      <c r="B2200" s="6">
        <v>206947</v>
      </c>
      <c r="C2200" s="6" t="s">
        <v>24</v>
      </c>
      <c r="D2200" s="6" t="s">
        <v>88</v>
      </c>
      <c r="E2200" s="6">
        <v>15001</v>
      </c>
      <c r="F2200" s="6" t="s">
        <v>18</v>
      </c>
      <c r="G2200" s="6" t="s">
        <v>4653</v>
      </c>
      <c r="H2200" s="6" t="s">
        <v>4654</v>
      </c>
      <c r="I2200" s="7">
        <v>5.5608559999999896</v>
      </c>
      <c r="J2200" s="8">
        <v>-73.348783799999893</v>
      </c>
    </row>
    <row r="2201" spans="1:10" x14ac:dyDescent="0.35">
      <c r="A2201" s="5" t="s">
        <v>10</v>
      </c>
      <c r="B2201" s="6">
        <v>208079</v>
      </c>
      <c r="C2201" s="6" t="s">
        <v>16</v>
      </c>
      <c r="D2201" s="6" t="s">
        <v>78</v>
      </c>
      <c r="E2201" s="6">
        <v>68001</v>
      </c>
      <c r="F2201" s="6" t="s">
        <v>18</v>
      </c>
      <c r="G2201" s="6" t="s">
        <v>4178</v>
      </c>
      <c r="H2201" s="6" t="s">
        <v>4179</v>
      </c>
      <c r="I2201" s="7">
        <v>7.1017848999999904</v>
      </c>
      <c r="J2201" s="8">
        <v>-73.120181700000003</v>
      </c>
    </row>
    <row r="2202" spans="1:10" x14ac:dyDescent="0.35">
      <c r="A2202" s="5" t="s">
        <v>10</v>
      </c>
      <c r="B2202" s="6">
        <v>204631</v>
      </c>
      <c r="C2202" s="6" t="s">
        <v>11</v>
      </c>
      <c r="D2202" s="6" t="s">
        <v>334</v>
      </c>
      <c r="E2202" s="6">
        <v>25754</v>
      </c>
      <c r="F2202" s="6" t="s">
        <v>18</v>
      </c>
      <c r="G2202" s="6" t="s">
        <v>4655</v>
      </c>
      <c r="H2202" s="6" t="s">
        <v>4656</v>
      </c>
      <c r="I2202" s="7">
        <v>4.6032805999999997</v>
      </c>
      <c r="J2202" s="8">
        <v>-74.215112399999995</v>
      </c>
    </row>
    <row r="2203" spans="1:10" x14ac:dyDescent="0.35">
      <c r="A2203" s="5" t="s">
        <v>10</v>
      </c>
      <c r="B2203" s="6">
        <v>220452</v>
      </c>
      <c r="C2203" s="6" t="s">
        <v>11</v>
      </c>
      <c r="D2203" s="6" t="s">
        <v>2313</v>
      </c>
      <c r="E2203" s="6">
        <v>25785</v>
      </c>
      <c r="F2203" s="6" t="s">
        <v>18</v>
      </c>
      <c r="G2203" s="6" t="s">
        <v>4657</v>
      </c>
      <c r="H2203" s="6" t="s">
        <v>4658</v>
      </c>
      <c r="I2203" s="7">
        <v>4.9147483999999997</v>
      </c>
      <c r="J2203" s="8">
        <v>-74.098466700000003</v>
      </c>
    </row>
    <row r="2204" spans="1:10" x14ac:dyDescent="0.35">
      <c r="A2204" s="5" t="s">
        <v>10</v>
      </c>
      <c r="B2204" s="6">
        <v>179240</v>
      </c>
      <c r="C2204" s="6" t="s">
        <v>11</v>
      </c>
      <c r="D2204" s="6" t="s">
        <v>3054</v>
      </c>
      <c r="E2204" s="6">
        <v>25269</v>
      </c>
      <c r="F2204" s="6" t="s">
        <v>18</v>
      </c>
      <c r="G2204" s="6" t="s">
        <v>4659</v>
      </c>
      <c r="H2204" s="6" t="s">
        <v>4660</v>
      </c>
      <c r="I2204" s="7">
        <v>4.8094340000000004</v>
      </c>
      <c r="J2204" s="8">
        <v>-74.356028899999998</v>
      </c>
    </row>
    <row r="2205" spans="1:10" x14ac:dyDescent="0.35">
      <c r="A2205" s="5" t="s">
        <v>10</v>
      </c>
      <c r="B2205" s="6">
        <v>238579</v>
      </c>
      <c r="C2205" s="6" t="s">
        <v>11</v>
      </c>
      <c r="D2205" s="6" t="s">
        <v>4661</v>
      </c>
      <c r="E2205" s="6">
        <v>25662</v>
      </c>
      <c r="F2205" s="6" t="s">
        <v>18</v>
      </c>
      <c r="G2205" s="6" t="s">
        <v>4662</v>
      </c>
      <c r="H2205" s="6" t="s">
        <v>4663</v>
      </c>
      <c r="I2205" s="7">
        <v>4.8502508000000004</v>
      </c>
      <c r="J2205" s="8">
        <v>-74.621517999999995</v>
      </c>
    </row>
    <row r="2206" spans="1:10" x14ac:dyDescent="0.35">
      <c r="A2206" s="5" t="s">
        <v>10</v>
      </c>
      <c r="B2206" s="6">
        <v>232855</v>
      </c>
      <c r="C2206" s="6" t="s">
        <v>28</v>
      </c>
      <c r="D2206" s="6" t="s">
        <v>29</v>
      </c>
      <c r="E2206" s="6">
        <v>54001</v>
      </c>
      <c r="F2206" s="6" t="s">
        <v>18</v>
      </c>
      <c r="G2206" s="6" t="s">
        <v>4664</v>
      </c>
      <c r="H2206" s="6" t="s">
        <v>4665</v>
      </c>
      <c r="I2206" s="7">
        <v>7.8954700000000004</v>
      </c>
      <c r="J2206" s="8">
        <v>-72.546019999999999</v>
      </c>
    </row>
    <row r="2207" spans="1:10" x14ac:dyDescent="0.35">
      <c r="A2207" s="5" t="s">
        <v>10</v>
      </c>
      <c r="B2207" s="6">
        <v>226349</v>
      </c>
      <c r="C2207" s="6" t="s">
        <v>4364</v>
      </c>
      <c r="D2207" s="6" t="s">
        <v>4365</v>
      </c>
      <c r="E2207" s="6">
        <v>70001</v>
      </c>
      <c r="F2207" s="6" t="s">
        <v>13</v>
      </c>
      <c r="G2207" s="6" t="s">
        <v>3737</v>
      </c>
      <c r="H2207" s="6" t="s">
        <v>4666</v>
      </c>
      <c r="I2207" s="7">
        <v>9.3028687999999899</v>
      </c>
      <c r="J2207" s="8">
        <v>-75.396819999999906</v>
      </c>
    </row>
    <row r="2208" spans="1:10" x14ac:dyDescent="0.35">
      <c r="A2208" s="5" t="s">
        <v>10</v>
      </c>
      <c r="B2208" s="6">
        <v>245177</v>
      </c>
      <c r="C2208" s="6" t="s">
        <v>16</v>
      </c>
      <c r="D2208" s="6" t="s">
        <v>1266</v>
      </c>
      <c r="E2208" s="6">
        <v>68081</v>
      </c>
      <c r="F2208" s="6" t="s">
        <v>18</v>
      </c>
      <c r="G2208" s="6" t="s">
        <v>4667</v>
      </c>
      <c r="H2208" s="6" t="s">
        <v>4668</v>
      </c>
      <c r="I2208" s="7">
        <v>7.0617084999999999</v>
      </c>
      <c r="J2208" s="8">
        <v>-73.851931899999997</v>
      </c>
    </row>
    <row r="2209" spans="1:10" x14ac:dyDescent="0.35">
      <c r="A2209" s="5" t="s">
        <v>10</v>
      </c>
      <c r="B2209" s="6">
        <v>172047</v>
      </c>
      <c r="C2209" s="6" t="s">
        <v>11</v>
      </c>
      <c r="D2209" s="6" t="s">
        <v>3054</v>
      </c>
      <c r="E2209" s="6">
        <v>25269</v>
      </c>
      <c r="F2209" s="6" t="s">
        <v>18</v>
      </c>
      <c r="G2209" s="6" t="s">
        <v>4058</v>
      </c>
      <c r="H2209" s="6" t="s">
        <v>4059</v>
      </c>
      <c r="I2209" s="7">
        <v>4.5702634999999896</v>
      </c>
      <c r="J2209" s="8">
        <v>-74.094993099999996</v>
      </c>
    </row>
    <row r="2210" spans="1:10" x14ac:dyDescent="0.35">
      <c r="A2210" s="5" t="s">
        <v>10</v>
      </c>
      <c r="B2210" s="6">
        <v>226591</v>
      </c>
      <c r="C2210" s="6" t="s">
        <v>11</v>
      </c>
      <c r="D2210" s="6" t="s">
        <v>4669</v>
      </c>
      <c r="E2210" s="6">
        <v>25592</v>
      </c>
      <c r="F2210" s="6" t="s">
        <v>18</v>
      </c>
      <c r="G2210" s="6" t="s">
        <v>4670</v>
      </c>
      <c r="H2210" s="6" t="s">
        <v>4671</v>
      </c>
      <c r="I2210" s="7">
        <v>5.1986944999999896</v>
      </c>
      <c r="J2210" s="8">
        <v>-74.891290400000003</v>
      </c>
    </row>
    <row r="2211" spans="1:10" x14ac:dyDescent="0.35">
      <c r="A2211" s="5" t="s">
        <v>10</v>
      </c>
      <c r="B2211" s="6">
        <v>243574</v>
      </c>
      <c r="C2211" s="6" t="s">
        <v>11</v>
      </c>
      <c r="D2211" s="6" t="s">
        <v>3857</v>
      </c>
      <c r="E2211" s="6">
        <v>25745</v>
      </c>
      <c r="F2211" s="6" t="s">
        <v>18</v>
      </c>
      <c r="G2211" s="6" t="s">
        <v>4672</v>
      </c>
      <c r="H2211" s="6" t="s">
        <v>4673</v>
      </c>
      <c r="I2211" s="7">
        <v>5.5032116999999996</v>
      </c>
      <c r="J2211" s="8">
        <v>-73.852272099999993</v>
      </c>
    </row>
    <row r="2212" spans="1:10" x14ac:dyDescent="0.35">
      <c r="A2212" s="5" t="s">
        <v>10</v>
      </c>
      <c r="B2212" s="6">
        <v>218215</v>
      </c>
      <c r="C2212" s="6" t="s">
        <v>11</v>
      </c>
      <c r="D2212" s="6" t="s">
        <v>334</v>
      </c>
      <c r="E2212" s="6">
        <v>25754</v>
      </c>
      <c r="F2212" s="6" t="s">
        <v>18</v>
      </c>
      <c r="G2212" s="6" t="s">
        <v>4674</v>
      </c>
      <c r="H2212" s="6" t="s">
        <v>4675</v>
      </c>
      <c r="I2212" s="7">
        <v>4.5772956999999996</v>
      </c>
      <c r="J2212" s="8">
        <v>-74.196981499999893</v>
      </c>
    </row>
    <row r="2213" spans="1:10" x14ac:dyDescent="0.35">
      <c r="A2213" s="5" t="s">
        <v>10</v>
      </c>
      <c r="B2213" s="6">
        <v>237760</v>
      </c>
      <c r="C2213" s="6" t="s">
        <v>278</v>
      </c>
      <c r="D2213" s="6" t="s">
        <v>279</v>
      </c>
      <c r="E2213" s="6">
        <v>50001</v>
      </c>
      <c r="F2213" s="6" t="s">
        <v>18</v>
      </c>
      <c r="G2213" s="6" t="s">
        <v>4676</v>
      </c>
      <c r="H2213" s="6" t="s">
        <v>4677</v>
      </c>
      <c r="I2213" s="7">
        <v>4.1550111000000003</v>
      </c>
      <c r="J2213" s="8">
        <v>-73.633692999999994</v>
      </c>
    </row>
    <row r="2214" spans="1:10" x14ac:dyDescent="0.35">
      <c r="A2214" s="5" t="s">
        <v>10</v>
      </c>
      <c r="B2214" s="6">
        <v>204306</v>
      </c>
      <c r="C2214" s="6" t="s">
        <v>24</v>
      </c>
      <c r="D2214" s="6" t="s">
        <v>88</v>
      </c>
      <c r="E2214" s="6">
        <v>15001</v>
      </c>
      <c r="F2214" s="6" t="s">
        <v>18</v>
      </c>
      <c r="G2214" s="6" t="s">
        <v>4678</v>
      </c>
      <c r="H2214" s="6" t="s">
        <v>4679</v>
      </c>
      <c r="I2214" s="7">
        <v>5.5162947000000004</v>
      </c>
      <c r="J2214" s="8">
        <v>-73.358705599999993</v>
      </c>
    </row>
    <row r="2215" spans="1:10" x14ac:dyDescent="0.35">
      <c r="A2215" s="5" t="s">
        <v>10</v>
      </c>
      <c r="B2215" s="6">
        <v>240048</v>
      </c>
      <c r="C2215" s="6" t="s">
        <v>278</v>
      </c>
      <c r="D2215" s="6" t="s">
        <v>3789</v>
      </c>
      <c r="E2215" s="6">
        <v>50590</v>
      </c>
      <c r="F2215" s="6" t="s">
        <v>18</v>
      </c>
      <c r="G2215" s="6" t="s">
        <v>4680</v>
      </c>
      <c r="H2215" s="6" t="s">
        <v>4681</v>
      </c>
      <c r="I2215" s="7">
        <v>2.9389074000000002</v>
      </c>
      <c r="J2215" s="8">
        <v>-73.212542900000003</v>
      </c>
    </row>
    <row r="2216" spans="1:10" x14ac:dyDescent="0.35">
      <c r="A2216" s="5" t="s">
        <v>10</v>
      </c>
      <c r="B2216" s="6">
        <v>225561</v>
      </c>
      <c r="C2216" s="6" t="s">
        <v>294</v>
      </c>
      <c r="D2216" s="6" t="s">
        <v>413</v>
      </c>
      <c r="E2216" s="6">
        <v>41503</v>
      </c>
      <c r="F2216" s="6" t="s">
        <v>18</v>
      </c>
      <c r="G2216" s="6" t="s">
        <v>4682</v>
      </c>
      <c r="H2216" s="6" t="s">
        <v>4683</v>
      </c>
      <c r="I2216" s="7">
        <v>2.0259109</v>
      </c>
      <c r="J2216" s="8">
        <v>-75.994963999999996</v>
      </c>
    </row>
    <row r="2217" spans="1:10" x14ac:dyDescent="0.35">
      <c r="A2217" s="5" t="s">
        <v>10</v>
      </c>
      <c r="B2217" s="6">
        <v>232491</v>
      </c>
      <c r="C2217" s="6" t="s">
        <v>11</v>
      </c>
      <c r="D2217" s="6" t="s">
        <v>4684</v>
      </c>
      <c r="E2217" s="6">
        <v>25394</v>
      </c>
      <c r="F2217" s="6" t="s">
        <v>18</v>
      </c>
      <c r="G2217" s="6" t="s">
        <v>4685</v>
      </c>
      <c r="H2217" s="6" t="s">
        <v>4686</v>
      </c>
      <c r="I2217" s="7">
        <v>5.2981172000000001</v>
      </c>
      <c r="J2217" s="8">
        <v>-74.4291135</v>
      </c>
    </row>
    <row r="2218" spans="1:10" x14ac:dyDescent="0.35">
      <c r="A2218" s="5" t="s">
        <v>10</v>
      </c>
      <c r="B2218" s="6">
        <v>237775</v>
      </c>
      <c r="C2218" s="6" t="s">
        <v>117</v>
      </c>
      <c r="D2218" s="6" t="s">
        <v>1334</v>
      </c>
      <c r="E2218" s="6">
        <v>76001</v>
      </c>
      <c r="F2218" s="6" t="s">
        <v>18</v>
      </c>
      <c r="G2218" s="6" t="s">
        <v>4687</v>
      </c>
      <c r="H2218" s="6" t="s">
        <v>4688</v>
      </c>
      <c r="I2218" s="7">
        <v>3.4747602</v>
      </c>
      <c r="J2218" s="8">
        <v>-76.481755100000001</v>
      </c>
    </row>
    <row r="2219" spans="1:10" x14ac:dyDescent="0.35">
      <c r="A2219" s="5" t="s">
        <v>10</v>
      </c>
      <c r="B2219" s="6">
        <v>239962</v>
      </c>
      <c r="C2219" s="6" t="s">
        <v>11</v>
      </c>
      <c r="D2219" s="6" t="s">
        <v>221</v>
      </c>
      <c r="E2219" s="6">
        <v>25430</v>
      </c>
      <c r="F2219" s="6" t="s">
        <v>18</v>
      </c>
      <c r="G2219" s="6" t="s">
        <v>4689</v>
      </c>
      <c r="H2219" s="6" t="s">
        <v>4690</v>
      </c>
      <c r="I2219" s="7">
        <v>4.7324630000000001</v>
      </c>
      <c r="J2219" s="8">
        <v>-74.278921100000005</v>
      </c>
    </row>
    <row r="2220" spans="1:10" x14ac:dyDescent="0.35">
      <c r="A2220" s="5" t="s">
        <v>10</v>
      </c>
      <c r="B2220" s="6">
        <v>239876</v>
      </c>
      <c r="C2220" s="6" t="s">
        <v>24</v>
      </c>
      <c r="D2220" s="6" t="s">
        <v>317</v>
      </c>
      <c r="E2220" s="6">
        <v>15176</v>
      </c>
      <c r="F2220" s="6" t="s">
        <v>18</v>
      </c>
      <c r="G2220" s="6" t="s">
        <v>4691</v>
      </c>
      <c r="H2220" s="6" t="s">
        <v>4692</v>
      </c>
      <c r="I2220" s="7">
        <v>5.6099199999999998</v>
      </c>
      <c r="J2220" s="8">
        <v>-73.823369999999997</v>
      </c>
    </row>
    <row r="2221" spans="1:10" x14ac:dyDescent="0.35">
      <c r="A2221" s="5" t="s">
        <v>10</v>
      </c>
      <c r="B2221" s="6">
        <v>153875</v>
      </c>
      <c r="C2221" s="6" t="s">
        <v>16</v>
      </c>
      <c r="D2221" s="6" t="s">
        <v>4693</v>
      </c>
      <c r="E2221" s="6">
        <v>68190</v>
      </c>
      <c r="F2221" s="6" t="s">
        <v>18</v>
      </c>
      <c r="G2221" s="6" t="s">
        <v>4694</v>
      </c>
      <c r="H2221" s="6" t="s">
        <v>4695</v>
      </c>
      <c r="I2221" s="7">
        <v>6.3165320999999999</v>
      </c>
      <c r="J2221" s="8">
        <v>-73.951627099999996</v>
      </c>
    </row>
    <row r="2222" spans="1:10" x14ac:dyDescent="0.35">
      <c r="A2222" s="5" t="s">
        <v>10</v>
      </c>
      <c r="B2222" s="6">
        <v>226622</v>
      </c>
      <c r="C2222" s="6" t="s">
        <v>16</v>
      </c>
      <c r="D2222" s="6" t="s">
        <v>1401</v>
      </c>
      <c r="E2222" s="6">
        <v>68307</v>
      </c>
      <c r="F2222" s="6" t="s">
        <v>18</v>
      </c>
      <c r="G2222" s="6" t="s">
        <v>4696</v>
      </c>
      <c r="H2222" s="6" t="s">
        <v>4697</v>
      </c>
      <c r="I2222" s="7">
        <v>7.0731723999999998</v>
      </c>
      <c r="J2222" s="8">
        <v>-73.163788499999995</v>
      </c>
    </row>
    <row r="2223" spans="1:10" x14ac:dyDescent="0.35">
      <c r="A2223" s="5" t="s">
        <v>10</v>
      </c>
      <c r="B2223" s="6">
        <v>234709</v>
      </c>
      <c r="C2223" s="6" t="s">
        <v>16</v>
      </c>
      <c r="D2223" s="6" t="s">
        <v>78</v>
      </c>
      <c r="E2223" s="6">
        <v>68001</v>
      </c>
      <c r="F2223" s="6" t="s">
        <v>18</v>
      </c>
      <c r="G2223" s="6" t="s">
        <v>4698</v>
      </c>
      <c r="H2223" s="6" t="s">
        <v>4699</v>
      </c>
      <c r="I2223" s="7">
        <v>7.3208738999999996</v>
      </c>
      <c r="J2223" s="8">
        <v>-73.017484199999998</v>
      </c>
    </row>
    <row r="2224" spans="1:10" x14ac:dyDescent="0.35">
      <c r="A2224" s="5" t="s">
        <v>10</v>
      </c>
      <c r="B2224" s="6">
        <v>205438</v>
      </c>
      <c r="C2224" s="6" t="s">
        <v>278</v>
      </c>
      <c r="D2224" s="6" t="s">
        <v>279</v>
      </c>
      <c r="E2224" s="6">
        <v>50001</v>
      </c>
      <c r="F2224" s="6" t="s">
        <v>18</v>
      </c>
      <c r="G2224" s="6" t="s">
        <v>4700</v>
      </c>
      <c r="H2224" s="6" t="s">
        <v>4701</v>
      </c>
      <c r="I2224" s="7">
        <v>4.1149126999999996</v>
      </c>
      <c r="J2224" s="8">
        <v>-73.610756699999996</v>
      </c>
    </row>
    <row r="2225" spans="1:10" x14ac:dyDescent="0.35">
      <c r="A2225" s="5" t="s">
        <v>10</v>
      </c>
      <c r="B2225" s="6">
        <v>229381</v>
      </c>
      <c r="C2225" s="6" t="s">
        <v>294</v>
      </c>
      <c r="D2225" s="6" t="s">
        <v>703</v>
      </c>
      <c r="E2225" s="6">
        <v>41001</v>
      </c>
      <c r="F2225" s="6" t="s">
        <v>18</v>
      </c>
      <c r="G2225" s="6" t="s">
        <v>4702</v>
      </c>
      <c r="H2225" s="6" t="s">
        <v>4703</v>
      </c>
      <c r="I2225" s="7">
        <v>2.9456741000000002</v>
      </c>
      <c r="J2225" s="8">
        <v>-75.284647500000005</v>
      </c>
    </row>
    <row r="2226" spans="1:10" x14ac:dyDescent="0.35">
      <c r="A2226" s="5" t="s">
        <v>10</v>
      </c>
      <c r="B2226" s="6">
        <v>209575</v>
      </c>
      <c r="C2226" s="6" t="s">
        <v>11</v>
      </c>
      <c r="D2226" s="6" t="s">
        <v>334</v>
      </c>
      <c r="E2226" s="6">
        <v>25754</v>
      </c>
      <c r="F2226" s="6" t="s">
        <v>18</v>
      </c>
      <c r="G2226" s="6" t="s">
        <v>4704</v>
      </c>
      <c r="H2226" s="6" t="s">
        <v>4705</v>
      </c>
      <c r="I2226" s="7">
        <v>4.5890244999999998</v>
      </c>
      <c r="J2226" s="8">
        <v>-74.224036599999906</v>
      </c>
    </row>
    <row r="2227" spans="1:10" x14ac:dyDescent="0.35">
      <c r="A2227" s="5" t="s">
        <v>10</v>
      </c>
      <c r="B2227" s="6">
        <v>245910</v>
      </c>
      <c r="C2227" s="6" t="s">
        <v>11</v>
      </c>
      <c r="D2227" s="6" t="s">
        <v>4706</v>
      </c>
      <c r="E2227" s="6">
        <v>25658</v>
      </c>
      <c r="F2227" s="6" t="s">
        <v>18</v>
      </c>
      <c r="G2227" s="6" t="s">
        <v>4707</v>
      </c>
      <c r="H2227" s="6" t="s">
        <v>4708</v>
      </c>
      <c r="I2227" s="7">
        <v>4.9746739</v>
      </c>
      <c r="J2227" s="8">
        <v>-74.289071100000001</v>
      </c>
    </row>
    <row r="2228" spans="1:10" x14ac:dyDescent="0.35">
      <c r="A2228" s="5" t="s">
        <v>10</v>
      </c>
      <c r="B2228" s="6">
        <v>228993</v>
      </c>
      <c r="C2228" s="6" t="s">
        <v>117</v>
      </c>
      <c r="D2228" s="6" t="s">
        <v>3860</v>
      </c>
      <c r="E2228" s="6">
        <v>76130</v>
      </c>
      <c r="F2228" s="6" t="s">
        <v>18</v>
      </c>
      <c r="G2228" s="6" t="s">
        <v>3861</v>
      </c>
      <c r="H2228" s="6" t="s">
        <v>4709</v>
      </c>
      <c r="I2228" s="7">
        <v>3.4065962000000001</v>
      </c>
      <c r="J2228" s="8">
        <v>-76.345254100000005</v>
      </c>
    </row>
    <row r="2229" spans="1:10" x14ac:dyDescent="0.35">
      <c r="A2229" s="5" t="s">
        <v>10</v>
      </c>
      <c r="B2229" s="6">
        <v>229857</v>
      </c>
      <c r="C2229" s="6" t="s">
        <v>68</v>
      </c>
      <c r="D2229" s="6" t="s">
        <v>69</v>
      </c>
      <c r="E2229" s="6">
        <v>11001</v>
      </c>
      <c r="F2229" s="6" t="s">
        <v>18</v>
      </c>
      <c r="G2229" s="6" t="s">
        <v>4710</v>
      </c>
      <c r="H2229" s="6" t="s">
        <v>4711</v>
      </c>
      <c r="I2229" s="7">
        <v>4.6992710000000004</v>
      </c>
      <c r="J2229" s="8">
        <v>-74.049909999999997</v>
      </c>
    </row>
    <row r="2230" spans="1:10" x14ac:dyDescent="0.35">
      <c r="A2230" s="5" t="s">
        <v>10</v>
      </c>
      <c r="B2230" s="6">
        <v>235731</v>
      </c>
      <c r="C2230" s="6" t="s">
        <v>68</v>
      </c>
      <c r="D2230" s="6" t="s">
        <v>69</v>
      </c>
      <c r="E2230" s="6">
        <v>11001</v>
      </c>
      <c r="F2230" s="6" t="s">
        <v>18</v>
      </c>
      <c r="G2230" s="6" t="s">
        <v>4712</v>
      </c>
      <c r="H2230" s="6" t="s">
        <v>4713</v>
      </c>
      <c r="I2230" s="7">
        <v>4.5788234000000001</v>
      </c>
      <c r="J2230" s="8">
        <v>-74.2161136</v>
      </c>
    </row>
    <row r="2231" spans="1:10" x14ac:dyDescent="0.35">
      <c r="A2231" s="5" t="s">
        <v>10</v>
      </c>
      <c r="B2231" s="6">
        <v>245284</v>
      </c>
      <c r="C2231" s="6" t="s">
        <v>28</v>
      </c>
      <c r="D2231" s="6" t="s">
        <v>1171</v>
      </c>
      <c r="E2231" s="6">
        <v>54810</v>
      </c>
      <c r="F2231" s="6" t="s">
        <v>18</v>
      </c>
      <c r="G2231" s="6" t="s">
        <v>4714</v>
      </c>
      <c r="H2231" s="6" t="s">
        <v>4715</v>
      </c>
      <c r="I2231" s="7">
        <v>8.6423559999999995</v>
      </c>
      <c r="J2231" s="8">
        <v>-72.737733000000006</v>
      </c>
    </row>
    <row r="2232" spans="1:10" x14ac:dyDescent="0.35">
      <c r="A2232" s="5" t="s">
        <v>10</v>
      </c>
      <c r="B2232" s="6">
        <v>230876</v>
      </c>
      <c r="C2232" s="6" t="s">
        <v>466</v>
      </c>
      <c r="D2232" s="6" t="s">
        <v>1576</v>
      </c>
      <c r="E2232" s="6">
        <v>81065</v>
      </c>
      <c r="F2232" s="6" t="s">
        <v>18</v>
      </c>
      <c r="G2232" s="6" t="s">
        <v>4716</v>
      </c>
      <c r="H2232" s="6" t="s">
        <v>4717</v>
      </c>
      <c r="I2232" s="7">
        <v>7.0293340000000004</v>
      </c>
      <c r="J2232" s="8">
        <v>-71.4294759</v>
      </c>
    </row>
    <row r="2233" spans="1:10" x14ac:dyDescent="0.35">
      <c r="A2233" s="5" t="s">
        <v>10</v>
      </c>
      <c r="B2233" s="6">
        <v>226367</v>
      </c>
      <c r="C2233" s="6" t="s">
        <v>42</v>
      </c>
      <c r="D2233" s="6" t="s">
        <v>43</v>
      </c>
      <c r="E2233" s="6">
        <v>17001</v>
      </c>
      <c r="F2233" s="6" t="s">
        <v>13</v>
      </c>
      <c r="G2233" s="6" t="s">
        <v>3737</v>
      </c>
      <c r="H2233" s="6" t="s">
        <v>4718</v>
      </c>
      <c r="I2233" s="7">
        <v>5.0693790999999999</v>
      </c>
      <c r="J2233" s="8">
        <v>-75.509535399999905</v>
      </c>
    </row>
    <row r="2234" spans="1:10" x14ac:dyDescent="0.35">
      <c r="A2234" s="5" t="s">
        <v>10</v>
      </c>
      <c r="B2234" s="6">
        <v>162436</v>
      </c>
      <c r="C2234" s="6" t="s">
        <v>16</v>
      </c>
      <c r="D2234" s="6" t="s">
        <v>78</v>
      </c>
      <c r="E2234" s="6">
        <v>68001</v>
      </c>
      <c r="F2234" s="6" t="s">
        <v>18</v>
      </c>
      <c r="G2234" s="6" t="s">
        <v>4719</v>
      </c>
      <c r="H2234" s="6" t="s">
        <v>4720</v>
      </c>
      <c r="I2234" s="7">
        <v>7.1153483</v>
      </c>
      <c r="J2234" s="8">
        <v>-73.112831099999994</v>
      </c>
    </row>
    <row r="2235" spans="1:10" x14ac:dyDescent="0.35">
      <c r="A2235" s="5" t="s">
        <v>10</v>
      </c>
      <c r="B2235" s="6">
        <v>208399</v>
      </c>
      <c r="C2235" s="6" t="s">
        <v>16</v>
      </c>
      <c r="D2235" s="6" t="s">
        <v>78</v>
      </c>
      <c r="E2235" s="6">
        <v>68001</v>
      </c>
      <c r="F2235" s="6" t="s">
        <v>18</v>
      </c>
      <c r="G2235" s="6" t="s">
        <v>4721</v>
      </c>
      <c r="H2235" s="6" t="s">
        <v>4722</v>
      </c>
      <c r="I2235" s="7">
        <v>7.1138532999999997</v>
      </c>
      <c r="J2235" s="8">
        <v>-73.109328199999993</v>
      </c>
    </row>
    <row r="2236" spans="1:10" x14ac:dyDescent="0.35">
      <c r="A2236" s="5" t="s">
        <v>10</v>
      </c>
      <c r="B2236" s="6">
        <v>232934</v>
      </c>
      <c r="C2236" s="6" t="s">
        <v>16</v>
      </c>
      <c r="D2236" s="6" t="s">
        <v>78</v>
      </c>
      <c r="E2236" s="6">
        <v>68001</v>
      </c>
      <c r="F2236" s="6" t="s">
        <v>18</v>
      </c>
      <c r="G2236" s="6" t="s">
        <v>4723</v>
      </c>
      <c r="H2236" s="6" t="s">
        <v>4724</v>
      </c>
      <c r="I2236" s="7">
        <v>7.1376777999999996</v>
      </c>
      <c r="J2236" s="8">
        <v>-73.119137300000006</v>
      </c>
    </row>
    <row r="2237" spans="1:10" x14ac:dyDescent="0.35">
      <c r="A2237" s="5" t="s">
        <v>10</v>
      </c>
      <c r="B2237" s="6">
        <v>237686</v>
      </c>
      <c r="C2237" s="6" t="s">
        <v>16</v>
      </c>
      <c r="D2237" s="6" t="s">
        <v>78</v>
      </c>
      <c r="E2237" s="6">
        <v>68001</v>
      </c>
      <c r="F2237" s="6" t="s">
        <v>18</v>
      </c>
      <c r="G2237" s="6" t="s">
        <v>4725</v>
      </c>
      <c r="H2237" s="6" t="s">
        <v>4726</v>
      </c>
      <c r="I2237" s="7">
        <v>7.1384448000000003</v>
      </c>
      <c r="J2237" s="8">
        <v>-73.130046500000006</v>
      </c>
    </row>
    <row r="2238" spans="1:10" x14ac:dyDescent="0.35">
      <c r="A2238" s="5" t="s">
        <v>10</v>
      </c>
      <c r="B2238" s="6">
        <v>208402</v>
      </c>
      <c r="C2238" s="6" t="s">
        <v>278</v>
      </c>
      <c r="D2238" s="6" t="s">
        <v>3651</v>
      </c>
      <c r="E2238" s="6">
        <v>50313</v>
      </c>
      <c r="F2238" s="6" t="s">
        <v>18</v>
      </c>
      <c r="G2238" s="6" t="s">
        <v>4727</v>
      </c>
      <c r="H2238" s="6" t="s">
        <v>4728</v>
      </c>
      <c r="I2238" s="7">
        <v>3.5436442000000001</v>
      </c>
      <c r="J2238" s="8">
        <v>-73.702810700000001</v>
      </c>
    </row>
    <row r="2239" spans="1:10" x14ac:dyDescent="0.35">
      <c r="A2239" s="5" t="s">
        <v>10</v>
      </c>
      <c r="B2239" s="6">
        <v>205799</v>
      </c>
      <c r="C2239" s="6" t="s">
        <v>278</v>
      </c>
      <c r="D2239" s="6" t="s">
        <v>2421</v>
      </c>
      <c r="E2239" s="6">
        <v>50573</v>
      </c>
      <c r="F2239" s="6" t="s">
        <v>18</v>
      </c>
      <c r="G2239" s="6" t="s">
        <v>4729</v>
      </c>
      <c r="H2239" s="6" t="s">
        <v>4730</v>
      </c>
      <c r="I2239" s="7">
        <v>4.0913539999999999</v>
      </c>
      <c r="J2239" s="8">
        <v>-72.955917999999997</v>
      </c>
    </row>
    <row r="2240" spans="1:10" x14ac:dyDescent="0.35">
      <c r="A2240" s="5" t="s">
        <v>10</v>
      </c>
      <c r="B2240" s="6">
        <v>229737</v>
      </c>
      <c r="C2240" s="6" t="s">
        <v>11</v>
      </c>
      <c r="D2240" s="6" t="s">
        <v>337</v>
      </c>
      <c r="E2240" s="6">
        <v>25290</v>
      </c>
      <c r="F2240" s="6" t="s">
        <v>18</v>
      </c>
      <c r="G2240" s="6" t="s">
        <v>4731</v>
      </c>
      <c r="H2240" s="6" t="s">
        <v>4732</v>
      </c>
      <c r="I2240" s="7">
        <v>4.3440994999999996</v>
      </c>
      <c r="J2240" s="8">
        <v>-74.362867399999999</v>
      </c>
    </row>
    <row r="2241" spans="1:10" x14ac:dyDescent="0.35">
      <c r="A2241" s="5" t="s">
        <v>10</v>
      </c>
      <c r="B2241" s="6">
        <v>238405</v>
      </c>
      <c r="C2241" s="6" t="s">
        <v>11</v>
      </c>
      <c r="D2241" s="6" t="s">
        <v>4733</v>
      </c>
      <c r="E2241" s="6">
        <v>25885</v>
      </c>
      <c r="F2241" s="6" t="s">
        <v>18</v>
      </c>
      <c r="G2241" s="6" t="s">
        <v>4734</v>
      </c>
      <c r="H2241" s="6" t="s">
        <v>4735</v>
      </c>
      <c r="I2241" s="7">
        <v>5.4612289000000001</v>
      </c>
      <c r="J2241" s="8">
        <v>-74.337365300000002</v>
      </c>
    </row>
    <row r="2242" spans="1:10" x14ac:dyDescent="0.35">
      <c r="A2242" s="5" t="s">
        <v>10</v>
      </c>
      <c r="B2242" s="6">
        <v>246766</v>
      </c>
      <c r="C2242" s="6" t="s">
        <v>11</v>
      </c>
      <c r="D2242" s="6" t="s">
        <v>334</v>
      </c>
      <c r="E2242" s="6">
        <v>25754</v>
      </c>
      <c r="F2242" s="6" t="s">
        <v>18</v>
      </c>
      <c r="G2242" s="6" t="s">
        <v>4736</v>
      </c>
      <c r="H2242" s="6" t="s">
        <v>4737</v>
      </c>
      <c r="I2242" s="7">
        <v>4.5794392000000004</v>
      </c>
      <c r="J2242" s="8">
        <v>-74.180655599999994</v>
      </c>
    </row>
    <row r="2243" spans="1:10" x14ac:dyDescent="0.35">
      <c r="A2243" s="5" t="s">
        <v>10</v>
      </c>
      <c r="B2243" s="6">
        <v>226344</v>
      </c>
      <c r="C2243" s="6" t="s">
        <v>4738</v>
      </c>
      <c r="D2243" s="6" t="s">
        <v>4739</v>
      </c>
      <c r="E2243" s="6">
        <v>88001</v>
      </c>
      <c r="F2243" s="6" t="s">
        <v>13</v>
      </c>
      <c r="G2243" s="6" t="s">
        <v>3737</v>
      </c>
      <c r="H2243" s="6" t="s">
        <v>4740</v>
      </c>
      <c r="I2243" s="7">
        <v>12.584016500000001</v>
      </c>
      <c r="J2243" s="8">
        <v>-81.692316899999994</v>
      </c>
    </row>
    <row r="2244" spans="1:10" x14ac:dyDescent="0.35">
      <c r="A2244" s="5" t="s">
        <v>10</v>
      </c>
      <c r="B2244" s="6">
        <v>243502</v>
      </c>
      <c r="C2244" s="6" t="s">
        <v>16</v>
      </c>
      <c r="D2244" s="6" t="s">
        <v>78</v>
      </c>
      <c r="E2244" s="6">
        <v>68001</v>
      </c>
      <c r="F2244" s="6" t="s">
        <v>18</v>
      </c>
      <c r="G2244" s="6" t="s">
        <v>4741</v>
      </c>
      <c r="H2244" s="6" t="s">
        <v>4742</v>
      </c>
      <c r="I2244" s="7">
        <v>7.1193489999999997</v>
      </c>
      <c r="J2244" s="8">
        <v>-73.122741599999998</v>
      </c>
    </row>
    <row r="2245" spans="1:10" x14ac:dyDescent="0.35">
      <c r="A2245" s="5" t="s">
        <v>10</v>
      </c>
      <c r="B2245" s="6">
        <v>224949</v>
      </c>
      <c r="C2245" s="6" t="s">
        <v>278</v>
      </c>
      <c r="D2245" s="6" t="s">
        <v>3873</v>
      </c>
      <c r="E2245" s="6">
        <v>50568</v>
      </c>
      <c r="F2245" s="6" t="s">
        <v>18</v>
      </c>
      <c r="G2245" s="6" t="s">
        <v>4743</v>
      </c>
      <c r="H2245" s="6" t="s">
        <v>4744</v>
      </c>
      <c r="I2245" s="7">
        <v>4.3133005999999998</v>
      </c>
      <c r="J2245" s="8">
        <v>-72.0785056</v>
      </c>
    </row>
    <row r="2246" spans="1:10" x14ac:dyDescent="0.35">
      <c r="A2246" s="5" t="s">
        <v>10</v>
      </c>
      <c r="B2246" s="6">
        <v>236440</v>
      </c>
      <c r="C2246" s="6" t="s">
        <v>11</v>
      </c>
      <c r="D2246" s="6" t="s">
        <v>4745</v>
      </c>
      <c r="E2246" s="6">
        <v>25328</v>
      </c>
      <c r="F2246" s="6" t="s">
        <v>18</v>
      </c>
      <c r="G2246" s="6" t="s">
        <v>4746</v>
      </c>
      <c r="H2246" s="6" t="s">
        <v>4747</v>
      </c>
      <c r="I2246" s="7">
        <v>4.5890418000000004</v>
      </c>
      <c r="J2246" s="8">
        <v>-74.204589799999994</v>
      </c>
    </row>
    <row r="2247" spans="1:10" x14ac:dyDescent="0.35">
      <c r="A2247" s="5" t="s">
        <v>10</v>
      </c>
      <c r="B2247" s="6">
        <v>203443</v>
      </c>
      <c r="C2247" s="6" t="s">
        <v>117</v>
      </c>
      <c r="D2247" s="6" t="s">
        <v>1334</v>
      </c>
      <c r="E2247" s="6">
        <v>76001</v>
      </c>
      <c r="F2247" s="6" t="s">
        <v>18</v>
      </c>
      <c r="G2247" s="6" t="s">
        <v>4748</v>
      </c>
      <c r="H2247" s="6" t="s">
        <v>4749</v>
      </c>
      <c r="I2247" s="7">
        <v>3.4204870999999999</v>
      </c>
      <c r="J2247" s="8">
        <v>-76.499084499999995</v>
      </c>
    </row>
    <row r="2248" spans="1:10" x14ac:dyDescent="0.35">
      <c r="A2248" s="5" t="s">
        <v>10</v>
      </c>
      <c r="B2248" s="6">
        <v>218150</v>
      </c>
      <c r="C2248" s="6" t="s">
        <v>68</v>
      </c>
      <c r="D2248" s="6" t="s">
        <v>69</v>
      </c>
      <c r="E2248" s="6">
        <v>11001</v>
      </c>
      <c r="F2248" s="6" t="s">
        <v>18</v>
      </c>
      <c r="G2248" s="6" t="s">
        <v>4750</v>
      </c>
      <c r="H2248" s="6" t="s">
        <v>4751</v>
      </c>
      <c r="I2248" s="7">
        <v>4.6421045999999997</v>
      </c>
      <c r="J2248" s="8">
        <v>-74.1742414</v>
      </c>
    </row>
    <row r="2249" spans="1:10" x14ac:dyDescent="0.35">
      <c r="A2249" s="5" t="s">
        <v>10</v>
      </c>
      <c r="B2249" s="6">
        <v>230820</v>
      </c>
      <c r="C2249" s="6" t="s">
        <v>11</v>
      </c>
      <c r="D2249" s="6" t="s">
        <v>334</v>
      </c>
      <c r="E2249" s="6">
        <v>25754</v>
      </c>
      <c r="F2249" s="6" t="s">
        <v>18</v>
      </c>
      <c r="G2249" s="6" t="s">
        <v>4752</v>
      </c>
      <c r="H2249" s="6" t="s">
        <v>4753</v>
      </c>
      <c r="I2249" s="7">
        <v>4.5848446000000003</v>
      </c>
      <c r="J2249" s="8">
        <v>-74.209984700000007</v>
      </c>
    </row>
    <row r="2250" spans="1:10" x14ac:dyDescent="0.35">
      <c r="A2250" s="5" t="s">
        <v>10</v>
      </c>
      <c r="B2250" s="6">
        <v>220616</v>
      </c>
      <c r="C2250" s="6" t="s">
        <v>38</v>
      </c>
      <c r="D2250" s="6" t="s">
        <v>4754</v>
      </c>
      <c r="E2250" s="6">
        <v>19455</v>
      </c>
      <c r="F2250" s="6" t="s">
        <v>18</v>
      </c>
      <c r="G2250" s="6" t="s">
        <v>4755</v>
      </c>
      <c r="H2250" s="6" t="s">
        <v>4756</v>
      </c>
      <c r="I2250" s="7">
        <v>3.2596980000000002</v>
      </c>
      <c r="J2250" s="8">
        <v>-76.228879800000001</v>
      </c>
    </row>
    <row r="2251" spans="1:10" x14ac:dyDescent="0.35">
      <c r="A2251" s="5" t="s">
        <v>10</v>
      </c>
      <c r="B2251" s="6">
        <v>225139</v>
      </c>
      <c r="C2251" s="6" t="s">
        <v>68</v>
      </c>
      <c r="D2251" s="6" t="s">
        <v>69</v>
      </c>
      <c r="E2251" s="6">
        <v>11001</v>
      </c>
      <c r="F2251" s="6" t="s">
        <v>18</v>
      </c>
      <c r="G2251" s="6" t="s">
        <v>4757</v>
      </c>
      <c r="H2251" s="6" t="s">
        <v>4758</v>
      </c>
      <c r="I2251" s="7">
        <v>4.5892312000000004</v>
      </c>
      <c r="J2251" s="8">
        <v>-74.166513399999999</v>
      </c>
    </row>
    <row r="2252" spans="1:10" x14ac:dyDescent="0.35">
      <c r="A2252" s="5" t="s">
        <v>10</v>
      </c>
      <c r="B2252" s="6">
        <v>232531</v>
      </c>
      <c r="C2252" s="6" t="s">
        <v>68</v>
      </c>
      <c r="D2252" s="6" t="s">
        <v>69</v>
      </c>
      <c r="E2252" s="6">
        <v>11001</v>
      </c>
      <c r="F2252" s="6" t="s">
        <v>18</v>
      </c>
      <c r="G2252" s="6" t="s">
        <v>4759</v>
      </c>
      <c r="H2252" s="6" t="s">
        <v>4760</v>
      </c>
      <c r="I2252" s="7">
        <v>4.6375726999999998</v>
      </c>
      <c r="J2252" s="8">
        <v>-74.157253600000004</v>
      </c>
    </row>
    <row r="2253" spans="1:10" x14ac:dyDescent="0.35">
      <c r="A2253" s="5" t="s">
        <v>10</v>
      </c>
      <c r="B2253" s="6">
        <v>226325</v>
      </c>
      <c r="C2253" s="6" t="s">
        <v>302</v>
      </c>
      <c r="D2253" s="6" t="s">
        <v>359</v>
      </c>
      <c r="E2253" s="6">
        <v>8001</v>
      </c>
      <c r="F2253" s="6" t="s">
        <v>13</v>
      </c>
      <c r="G2253" s="6" t="s">
        <v>3737</v>
      </c>
      <c r="H2253" s="6" t="s">
        <v>4761</v>
      </c>
      <c r="I2253" s="7">
        <v>11.0034013</v>
      </c>
      <c r="J2253" s="8">
        <v>-74.807977800000003</v>
      </c>
    </row>
    <row r="2254" spans="1:10" x14ac:dyDescent="0.35">
      <c r="A2254" s="5" t="s">
        <v>10</v>
      </c>
      <c r="B2254" s="6">
        <v>231024</v>
      </c>
      <c r="C2254" s="6" t="s">
        <v>278</v>
      </c>
      <c r="D2254" s="6" t="s">
        <v>279</v>
      </c>
      <c r="E2254" s="6">
        <v>50001</v>
      </c>
      <c r="F2254" s="6" t="s">
        <v>18</v>
      </c>
      <c r="G2254" s="6" t="s">
        <v>4762</v>
      </c>
      <c r="H2254" s="6" t="s">
        <v>4763</v>
      </c>
      <c r="I2254" s="7">
        <v>4.1491689999999997</v>
      </c>
      <c r="J2254" s="8">
        <v>-73.628547999999995</v>
      </c>
    </row>
    <row r="2255" spans="1:10" x14ac:dyDescent="0.35">
      <c r="A2255" s="5" t="s">
        <v>10</v>
      </c>
      <c r="B2255" s="6">
        <v>202947</v>
      </c>
      <c r="C2255" s="6" t="s">
        <v>278</v>
      </c>
      <c r="D2255" s="6" t="s">
        <v>4764</v>
      </c>
      <c r="E2255" s="6">
        <v>50577</v>
      </c>
      <c r="F2255" s="6" t="s">
        <v>18</v>
      </c>
      <c r="G2255" s="6" t="s">
        <v>4765</v>
      </c>
      <c r="H2255" s="6" t="s">
        <v>4766</v>
      </c>
      <c r="I2255" s="7">
        <v>3.2724139999999999</v>
      </c>
      <c r="J2255" s="8">
        <v>-73.369541999999996</v>
      </c>
    </row>
    <row r="2256" spans="1:10" x14ac:dyDescent="0.35">
      <c r="A2256" s="5" t="s">
        <v>10</v>
      </c>
      <c r="B2256" s="6">
        <v>231218</v>
      </c>
      <c r="C2256" s="6" t="s">
        <v>11</v>
      </c>
      <c r="D2256" s="6" t="s">
        <v>901</v>
      </c>
      <c r="E2256" s="6">
        <v>25307</v>
      </c>
      <c r="F2256" s="6" t="s">
        <v>18</v>
      </c>
      <c r="G2256" s="6" t="s">
        <v>4767</v>
      </c>
      <c r="H2256" s="6" t="s">
        <v>4768</v>
      </c>
      <c r="I2256" s="7">
        <v>4.3002181999999998</v>
      </c>
      <c r="J2256" s="8">
        <v>-74.808870799999994</v>
      </c>
    </row>
    <row r="2257" spans="1:10" x14ac:dyDescent="0.35">
      <c r="A2257" s="5" t="s">
        <v>10</v>
      </c>
      <c r="B2257" s="6">
        <v>232745</v>
      </c>
      <c r="C2257" s="6" t="s">
        <v>11</v>
      </c>
      <c r="D2257" s="6" t="s">
        <v>337</v>
      </c>
      <c r="E2257" s="6">
        <v>25290</v>
      </c>
      <c r="F2257" s="6" t="s">
        <v>18</v>
      </c>
      <c r="G2257" s="6" t="s">
        <v>4769</v>
      </c>
      <c r="H2257" s="6" t="s">
        <v>4770</v>
      </c>
      <c r="I2257" s="7">
        <v>4.3230199999999996</v>
      </c>
      <c r="J2257" s="8">
        <v>-74.362070000000003</v>
      </c>
    </row>
    <row r="2258" spans="1:10" x14ac:dyDescent="0.35">
      <c r="A2258" s="5" t="s">
        <v>10</v>
      </c>
      <c r="B2258" s="6">
        <v>214718</v>
      </c>
      <c r="C2258" s="6" t="s">
        <v>11</v>
      </c>
      <c r="D2258" s="6" t="s">
        <v>4340</v>
      </c>
      <c r="E2258" s="6">
        <v>25841</v>
      </c>
      <c r="F2258" s="6" t="s">
        <v>18</v>
      </c>
      <c r="G2258" s="6" t="s">
        <v>4771</v>
      </c>
      <c r="H2258" s="6" t="s">
        <v>4772</v>
      </c>
      <c r="I2258" s="7">
        <v>4.8030317999999896</v>
      </c>
      <c r="J2258" s="8">
        <v>-74.107651899999993</v>
      </c>
    </row>
    <row r="2259" spans="1:10" x14ac:dyDescent="0.35">
      <c r="A2259" s="5" t="s">
        <v>10</v>
      </c>
      <c r="B2259" s="6">
        <v>239681</v>
      </c>
      <c r="C2259" s="6" t="s">
        <v>11</v>
      </c>
      <c r="D2259" s="6" t="s">
        <v>3104</v>
      </c>
      <c r="E2259" s="6">
        <v>25245</v>
      </c>
      <c r="F2259" s="6" t="s">
        <v>18</v>
      </c>
      <c r="G2259" s="6" t="s">
        <v>4773</v>
      </c>
      <c r="H2259" s="6" t="s">
        <v>4774</v>
      </c>
      <c r="I2259" s="7">
        <v>4.5794531999999997</v>
      </c>
      <c r="J2259" s="8">
        <v>-74.444305700000001</v>
      </c>
    </row>
    <row r="2260" spans="1:10" x14ac:dyDescent="0.35">
      <c r="A2260" s="5" t="s">
        <v>10</v>
      </c>
      <c r="B2260" s="6">
        <v>176968</v>
      </c>
      <c r="C2260" s="6" t="s">
        <v>11</v>
      </c>
      <c r="D2260" s="6" t="s">
        <v>4775</v>
      </c>
      <c r="E2260" s="6">
        <v>25148</v>
      </c>
      <c r="F2260" s="6" t="s">
        <v>18</v>
      </c>
      <c r="G2260" s="6" t="s">
        <v>4776</v>
      </c>
      <c r="H2260" s="6" t="s">
        <v>4777</v>
      </c>
      <c r="I2260" s="7">
        <v>4.8091704000000002</v>
      </c>
      <c r="J2260" s="8">
        <v>-74.3528278</v>
      </c>
    </row>
    <row r="2261" spans="1:10" x14ac:dyDescent="0.35">
      <c r="A2261" s="5" t="s">
        <v>10</v>
      </c>
      <c r="B2261" s="6">
        <v>224306</v>
      </c>
      <c r="C2261" s="6" t="s">
        <v>11</v>
      </c>
      <c r="D2261" s="6" t="s">
        <v>221</v>
      </c>
      <c r="E2261" s="6">
        <v>25430</v>
      </c>
      <c r="F2261" s="6" t="s">
        <v>18</v>
      </c>
      <c r="G2261" s="6" t="s">
        <v>4778</v>
      </c>
      <c r="H2261" s="6" t="s">
        <v>4779</v>
      </c>
      <c r="I2261" s="7">
        <v>4.7273893999999999</v>
      </c>
      <c r="J2261" s="8">
        <v>-74.266006099999998</v>
      </c>
    </row>
    <row r="2262" spans="1:10" x14ac:dyDescent="0.35">
      <c r="A2262" s="5" t="s">
        <v>10</v>
      </c>
      <c r="B2262" s="6">
        <v>182412</v>
      </c>
      <c r="C2262" s="6" t="s">
        <v>11</v>
      </c>
      <c r="D2262" s="6" t="s">
        <v>334</v>
      </c>
      <c r="E2262" s="6">
        <v>25754</v>
      </c>
      <c r="F2262" s="6" t="s">
        <v>18</v>
      </c>
      <c r="G2262" s="6" t="s">
        <v>4780</v>
      </c>
      <c r="H2262" s="6" t="s">
        <v>4781</v>
      </c>
      <c r="I2262" s="7">
        <v>4.5799215999999996</v>
      </c>
      <c r="J2262" s="8">
        <v>-74.207260599999998</v>
      </c>
    </row>
    <row r="2263" spans="1:10" x14ac:dyDescent="0.35">
      <c r="A2263" s="5" t="s">
        <v>10</v>
      </c>
      <c r="B2263" s="6">
        <v>226272</v>
      </c>
      <c r="C2263" s="6" t="s">
        <v>68</v>
      </c>
      <c r="D2263" s="6" t="s">
        <v>69</v>
      </c>
      <c r="E2263" s="6">
        <v>11001</v>
      </c>
      <c r="F2263" s="6" t="s">
        <v>13</v>
      </c>
      <c r="G2263" s="6" t="s">
        <v>3737</v>
      </c>
      <c r="H2263" s="6" t="s">
        <v>4782</v>
      </c>
      <c r="I2263" s="7">
        <v>4.5746000000000002</v>
      </c>
      <c r="J2263" s="8">
        <v>-74.093109999999996</v>
      </c>
    </row>
    <row r="2264" spans="1:10" x14ac:dyDescent="0.35">
      <c r="A2264" s="5" t="s">
        <v>10</v>
      </c>
      <c r="B2264" s="6">
        <v>162434</v>
      </c>
      <c r="C2264" s="6" t="s">
        <v>16</v>
      </c>
      <c r="D2264" s="6" t="s">
        <v>510</v>
      </c>
      <c r="E2264" s="6">
        <v>68547</v>
      </c>
      <c r="F2264" s="6" t="s">
        <v>18</v>
      </c>
      <c r="G2264" s="6" t="s">
        <v>4783</v>
      </c>
      <c r="H2264" s="6" t="s">
        <v>4784</v>
      </c>
      <c r="I2264" s="7">
        <v>6.9915390000000004</v>
      </c>
      <c r="J2264" s="8">
        <v>-73.053997999999893</v>
      </c>
    </row>
    <row r="2265" spans="1:10" x14ac:dyDescent="0.35">
      <c r="A2265" s="5" t="s">
        <v>10</v>
      </c>
      <c r="B2265" s="6">
        <v>216363</v>
      </c>
      <c r="C2265" s="6" t="s">
        <v>278</v>
      </c>
      <c r="D2265" s="6" t="s">
        <v>3873</v>
      </c>
      <c r="E2265" s="6">
        <v>50568</v>
      </c>
      <c r="F2265" s="6" t="s">
        <v>18</v>
      </c>
      <c r="G2265" s="6" t="s">
        <v>4785</v>
      </c>
      <c r="H2265" s="6" t="s">
        <v>4786</v>
      </c>
      <c r="I2265" s="7">
        <v>4.3175559999999997</v>
      </c>
      <c r="J2265" s="8">
        <v>-72.083312999999904</v>
      </c>
    </row>
    <row r="2266" spans="1:10" x14ac:dyDescent="0.35">
      <c r="A2266" s="5" t="s">
        <v>10</v>
      </c>
      <c r="B2266" s="6">
        <v>203311</v>
      </c>
      <c r="C2266" s="6" t="s">
        <v>3819</v>
      </c>
      <c r="D2266" s="6" t="s">
        <v>4615</v>
      </c>
      <c r="E2266" s="6">
        <v>86001</v>
      </c>
      <c r="F2266" s="6" t="s">
        <v>18</v>
      </c>
      <c r="G2266" s="6" t="s">
        <v>4787</v>
      </c>
      <c r="H2266" s="6" t="s">
        <v>4788</v>
      </c>
      <c r="I2266" s="7">
        <v>1.1477941</v>
      </c>
      <c r="J2266" s="8">
        <v>-76.648128399999905</v>
      </c>
    </row>
    <row r="2267" spans="1:10" x14ac:dyDescent="0.35">
      <c r="A2267" s="5" t="s">
        <v>10</v>
      </c>
      <c r="B2267" s="6">
        <v>219880</v>
      </c>
      <c r="C2267" s="6" t="s">
        <v>294</v>
      </c>
      <c r="D2267" s="6" t="s">
        <v>4789</v>
      </c>
      <c r="E2267" s="6">
        <v>41548</v>
      </c>
      <c r="F2267" s="6" t="s">
        <v>18</v>
      </c>
      <c r="G2267" s="6" t="s">
        <v>4790</v>
      </c>
      <c r="H2267" s="6" t="s">
        <v>4791</v>
      </c>
      <c r="I2267" s="7">
        <v>2.2667329999999999</v>
      </c>
      <c r="J2267" s="8">
        <v>-75.803848000000002</v>
      </c>
    </row>
    <row r="2268" spans="1:10" x14ac:dyDescent="0.35">
      <c r="A2268" s="5" t="s">
        <v>10</v>
      </c>
      <c r="B2268" s="6">
        <v>229860</v>
      </c>
      <c r="C2268" s="6" t="s">
        <v>294</v>
      </c>
      <c r="D2268" s="6" t="s">
        <v>703</v>
      </c>
      <c r="E2268" s="6">
        <v>41001</v>
      </c>
      <c r="F2268" s="6" t="s">
        <v>18</v>
      </c>
      <c r="G2268" s="6" t="s">
        <v>4792</v>
      </c>
      <c r="H2268" s="6" t="s">
        <v>4793</v>
      </c>
      <c r="I2268" s="7">
        <v>2.9633569999999998</v>
      </c>
      <c r="J2268" s="8">
        <v>-75.295694999999995</v>
      </c>
    </row>
    <row r="2269" spans="1:10" x14ac:dyDescent="0.35">
      <c r="A2269" s="5" t="s">
        <v>10</v>
      </c>
      <c r="B2269" s="6">
        <v>173733</v>
      </c>
      <c r="C2269" s="6" t="s">
        <v>11</v>
      </c>
      <c r="D2269" s="6" t="s">
        <v>337</v>
      </c>
      <c r="E2269" s="6">
        <v>25290</v>
      </c>
      <c r="F2269" s="6" t="s">
        <v>18</v>
      </c>
      <c r="G2269" s="6" t="s">
        <v>3823</v>
      </c>
      <c r="H2269" s="6" t="s">
        <v>3824</v>
      </c>
      <c r="I2269" s="7">
        <v>4.3287225999999999</v>
      </c>
      <c r="J2269" s="8">
        <v>-74.367364999999893</v>
      </c>
    </row>
    <row r="2270" spans="1:10" x14ac:dyDescent="0.35">
      <c r="A2270" s="5" t="s">
        <v>10</v>
      </c>
      <c r="B2270" s="6">
        <v>226473</v>
      </c>
      <c r="C2270" s="6" t="s">
        <v>11</v>
      </c>
      <c r="D2270" s="6" t="s">
        <v>221</v>
      </c>
      <c r="E2270" s="6">
        <v>25430</v>
      </c>
      <c r="F2270" s="6" t="s">
        <v>18</v>
      </c>
      <c r="G2270" s="6" t="s">
        <v>4794</v>
      </c>
      <c r="H2270" s="6" t="s">
        <v>4795</v>
      </c>
      <c r="I2270" s="7">
        <v>4.7366346999999998</v>
      </c>
      <c r="J2270" s="8">
        <v>-74.276545999999996</v>
      </c>
    </row>
    <row r="2271" spans="1:10" x14ac:dyDescent="0.35">
      <c r="A2271" s="5" t="s">
        <v>10</v>
      </c>
      <c r="B2271" s="6">
        <v>186025</v>
      </c>
      <c r="C2271" s="6" t="s">
        <v>68</v>
      </c>
      <c r="D2271" s="6" t="s">
        <v>69</v>
      </c>
      <c r="E2271" s="6">
        <v>11001</v>
      </c>
      <c r="F2271" s="6" t="s">
        <v>18</v>
      </c>
      <c r="G2271" s="6" t="s">
        <v>4796</v>
      </c>
      <c r="H2271" s="6" t="s">
        <v>4797</v>
      </c>
      <c r="I2271" s="7">
        <v>4.7045193999999997</v>
      </c>
      <c r="J2271" s="8">
        <v>-74.035969299999906</v>
      </c>
    </row>
    <row r="2272" spans="1:10" x14ac:dyDescent="0.35">
      <c r="A2272" s="5" t="s">
        <v>10</v>
      </c>
      <c r="B2272" s="6">
        <v>244485</v>
      </c>
      <c r="C2272" s="6" t="s">
        <v>294</v>
      </c>
      <c r="D2272" s="6" t="s">
        <v>4257</v>
      </c>
      <c r="E2272" s="6">
        <v>41524</v>
      </c>
      <c r="F2272" s="6" t="s">
        <v>18</v>
      </c>
      <c r="G2272" s="6" t="s">
        <v>4798</v>
      </c>
      <c r="H2272" s="6" t="s">
        <v>4799</v>
      </c>
      <c r="I2272" s="7">
        <v>2.8855593000000002</v>
      </c>
      <c r="J2272" s="8">
        <v>-75.4374088</v>
      </c>
    </row>
    <row r="2273" spans="1:10" x14ac:dyDescent="0.35">
      <c r="A2273" s="5" t="s">
        <v>10</v>
      </c>
      <c r="B2273" s="6">
        <v>226389</v>
      </c>
      <c r="C2273" s="6" t="s">
        <v>190</v>
      </c>
      <c r="D2273" s="6" t="s">
        <v>191</v>
      </c>
      <c r="E2273" s="6">
        <v>5001</v>
      </c>
      <c r="F2273" s="6" t="s">
        <v>13</v>
      </c>
      <c r="G2273" s="6" t="s">
        <v>3737</v>
      </c>
      <c r="H2273" s="6" t="s">
        <v>4800</v>
      </c>
      <c r="I2273" s="7">
        <v>6.2327678000000004</v>
      </c>
      <c r="J2273" s="8">
        <v>-75.604179500000001</v>
      </c>
    </row>
    <row r="2274" spans="1:10" x14ac:dyDescent="0.35">
      <c r="A2274" s="5" t="s">
        <v>10</v>
      </c>
      <c r="B2274" s="6">
        <v>226231</v>
      </c>
      <c r="C2274" s="6" t="s">
        <v>117</v>
      </c>
      <c r="D2274" s="6" t="s">
        <v>1334</v>
      </c>
      <c r="E2274" s="6">
        <v>76001</v>
      </c>
      <c r="F2274" s="6" t="s">
        <v>13</v>
      </c>
      <c r="G2274" s="6" t="s">
        <v>3737</v>
      </c>
      <c r="H2274" s="6" t="s">
        <v>4801</v>
      </c>
      <c r="I2274" s="7">
        <v>3.4266456999999999</v>
      </c>
      <c r="J2274" s="8">
        <v>-76.537736499999994</v>
      </c>
    </row>
    <row r="2275" spans="1:10" x14ac:dyDescent="0.35">
      <c r="A2275" s="5" t="s">
        <v>10</v>
      </c>
      <c r="B2275" s="6">
        <v>237672</v>
      </c>
      <c r="C2275" s="6" t="s">
        <v>68</v>
      </c>
      <c r="D2275" s="6" t="s">
        <v>69</v>
      </c>
      <c r="E2275" s="6">
        <v>11001</v>
      </c>
      <c r="F2275" s="6" t="s">
        <v>18</v>
      </c>
      <c r="G2275" s="6" t="s">
        <v>4802</v>
      </c>
      <c r="H2275" s="6" t="s">
        <v>4803</v>
      </c>
      <c r="I2275" s="7">
        <v>4.7105002999999996</v>
      </c>
      <c r="J2275" s="8">
        <v>-74.143344499999998</v>
      </c>
    </row>
    <row r="2276" spans="1:10" x14ac:dyDescent="0.35">
      <c r="A2276" s="5" t="s">
        <v>10</v>
      </c>
      <c r="B2276" s="6">
        <v>238467</v>
      </c>
      <c r="C2276" s="6" t="s">
        <v>551</v>
      </c>
      <c r="D2276" s="6" t="s">
        <v>3868</v>
      </c>
      <c r="E2276" s="6">
        <v>20001</v>
      </c>
      <c r="F2276" s="6" t="s">
        <v>18</v>
      </c>
      <c r="G2276" s="6" t="s">
        <v>4804</v>
      </c>
      <c r="H2276" s="6" t="s">
        <v>4805</v>
      </c>
      <c r="I2276" s="7">
        <v>10.4957142</v>
      </c>
      <c r="J2276" s="8">
        <v>-73.2680632</v>
      </c>
    </row>
    <row r="2277" spans="1:10" x14ac:dyDescent="0.35">
      <c r="A2277" s="5" t="s">
        <v>10</v>
      </c>
      <c r="B2277" s="6">
        <v>230652</v>
      </c>
      <c r="C2277" s="6" t="s">
        <v>2130</v>
      </c>
      <c r="D2277" s="6" t="s">
        <v>3979</v>
      </c>
      <c r="E2277" s="6">
        <v>85010</v>
      </c>
      <c r="F2277" s="6" t="s">
        <v>18</v>
      </c>
      <c r="G2277" s="6" t="s">
        <v>4806</v>
      </c>
      <c r="H2277" s="6" t="s">
        <v>4807</v>
      </c>
      <c r="I2277" s="7">
        <v>5.1751882</v>
      </c>
      <c r="J2277" s="8">
        <v>-72.543685999999994</v>
      </c>
    </row>
    <row r="2278" spans="1:10" x14ac:dyDescent="0.35">
      <c r="A2278" s="5" t="s">
        <v>10</v>
      </c>
      <c r="B2278" s="6">
        <v>234891</v>
      </c>
      <c r="C2278" s="6" t="s">
        <v>2130</v>
      </c>
      <c r="D2278" s="6" t="s">
        <v>4808</v>
      </c>
      <c r="E2278" s="6">
        <v>85125</v>
      </c>
      <c r="F2278" s="6" t="s">
        <v>18</v>
      </c>
      <c r="G2278" s="6" t="s">
        <v>4809</v>
      </c>
      <c r="H2278" s="6" t="s">
        <v>4810</v>
      </c>
      <c r="I2278" s="7">
        <v>6.1596244999999996</v>
      </c>
      <c r="J2278" s="8">
        <v>-71.765281700000003</v>
      </c>
    </row>
    <row r="2279" spans="1:10" x14ac:dyDescent="0.35">
      <c r="A2279" s="5" t="s">
        <v>10</v>
      </c>
      <c r="B2279" s="6">
        <v>229881</v>
      </c>
      <c r="C2279" s="6" t="s">
        <v>294</v>
      </c>
      <c r="D2279" s="6" t="s">
        <v>703</v>
      </c>
      <c r="E2279" s="6">
        <v>41001</v>
      </c>
      <c r="F2279" s="6" t="s">
        <v>18</v>
      </c>
      <c r="G2279" s="6" t="s">
        <v>4811</v>
      </c>
      <c r="H2279" s="6" t="s">
        <v>4812</v>
      </c>
      <c r="I2279" s="7">
        <v>2.9508181000000002</v>
      </c>
      <c r="J2279" s="8">
        <v>-75.285854999999998</v>
      </c>
    </row>
    <row r="2280" spans="1:10" x14ac:dyDescent="0.35">
      <c r="A2280" s="5" t="s">
        <v>10</v>
      </c>
      <c r="B2280" s="6">
        <v>236065</v>
      </c>
      <c r="C2280" s="6" t="s">
        <v>294</v>
      </c>
      <c r="D2280" s="6" t="s">
        <v>703</v>
      </c>
      <c r="E2280" s="6">
        <v>41001</v>
      </c>
      <c r="F2280" s="6" t="s">
        <v>18</v>
      </c>
      <c r="G2280" s="6" t="s">
        <v>4813</v>
      </c>
      <c r="H2280" s="6" t="s">
        <v>4814</v>
      </c>
      <c r="I2280" s="7">
        <v>2.8997630999999999</v>
      </c>
      <c r="J2280" s="8">
        <v>-75.262373199999999</v>
      </c>
    </row>
    <row r="2281" spans="1:10" x14ac:dyDescent="0.35">
      <c r="A2281" s="5" t="s">
        <v>10</v>
      </c>
      <c r="B2281" s="6">
        <v>243156</v>
      </c>
      <c r="C2281" s="6" t="s">
        <v>11</v>
      </c>
      <c r="D2281" s="6" t="s">
        <v>251</v>
      </c>
      <c r="E2281" s="6">
        <v>25214</v>
      </c>
      <c r="F2281" s="6" t="s">
        <v>18</v>
      </c>
      <c r="G2281" s="6" t="s">
        <v>4815</v>
      </c>
      <c r="H2281" s="6" t="s">
        <v>4816</v>
      </c>
      <c r="I2281" s="7">
        <v>4.8043405999999997</v>
      </c>
      <c r="J2281" s="8">
        <v>-74.106800699999994</v>
      </c>
    </row>
    <row r="2282" spans="1:10" x14ac:dyDescent="0.35">
      <c r="A2282" s="5" t="s">
        <v>10</v>
      </c>
      <c r="B2282" s="6">
        <v>244149</v>
      </c>
      <c r="C2282" s="6" t="s">
        <v>11</v>
      </c>
      <c r="D2282" s="6" t="s">
        <v>334</v>
      </c>
      <c r="E2282" s="6">
        <v>25754</v>
      </c>
      <c r="F2282" s="6" t="s">
        <v>18</v>
      </c>
      <c r="G2282" s="6" t="s">
        <v>4817</v>
      </c>
      <c r="H2282" s="6" t="s">
        <v>4818</v>
      </c>
      <c r="I2282" s="7">
        <v>4.5843205999999999</v>
      </c>
      <c r="J2282" s="8">
        <v>-74.221794900000006</v>
      </c>
    </row>
    <row r="2283" spans="1:10" x14ac:dyDescent="0.35">
      <c r="A2283" s="5" t="s">
        <v>10</v>
      </c>
      <c r="B2283" s="6">
        <v>207776</v>
      </c>
      <c r="C2283" s="6" t="s">
        <v>11</v>
      </c>
      <c r="D2283" s="6" t="s">
        <v>221</v>
      </c>
      <c r="E2283" s="6">
        <v>25430</v>
      </c>
      <c r="F2283" s="6" t="s">
        <v>18</v>
      </c>
      <c r="G2283" s="6" t="s">
        <v>4819</v>
      </c>
      <c r="H2283" s="6" t="s">
        <v>4820</v>
      </c>
      <c r="I2283" s="7">
        <v>4.7279593000000002</v>
      </c>
      <c r="J2283" s="8">
        <v>-74.282190499999999</v>
      </c>
    </row>
    <row r="2284" spans="1:10" x14ac:dyDescent="0.35">
      <c r="A2284" s="5" t="s">
        <v>10</v>
      </c>
      <c r="B2284" s="6">
        <v>231247</v>
      </c>
      <c r="C2284" s="6" t="s">
        <v>11</v>
      </c>
      <c r="D2284" s="6" t="s">
        <v>12</v>
      </c>
      <c r="E2284" s="6">
        <v>25899</v>
      </c>
      <c r="F2284" s="6" t="s">
        <v>18</v>
      </c>
      <c r="G2284" s="6" t="s">
        <v>4821</v>
      </c>
      <c r="H2284" s="6" t="s">
        <v>4822</v>
      </c>
      <c r="I2284" s="7">
        <v>5.0350109999999999</v>
      </c>
      <c r="J2284" s="8">
        <v>-73.995678900000001</v>
      </c>
    </row>
    <row r="2285" spans="1:10" x14ac:dyDescent="0.35">
      <c r="A2285" s="5" t="s">
        <v>10</v>
      </c>
      <c r="B2285" s="6">
        <v>246850</v>
      </c>
      <c r="C2285" s="6" t="s">
        <v>11</v>
      </c>
      <c r="D2285" s="6" t="s">
        <v>337</v>
      </c>
      <c r="E2285" s="6">
        <v>25290</v>
      </c>
      <c r="F2285" s="6" t="s">
        <v>18</v>
      </c>
      <c r="G2285" s="6" t="s">
        <v>4823</v>
      </c>
      <c r="H2285" s="6" t="s">
        <v>4824</v>
      </c>
      <c r="I2285" s="7">
        <v>4.3485695</v>
      </c>
      <c r="J2285" s="8">
        <v>-74.367311799999996</v>
      </c>
    </row>
    <row r="2286" spans="1:10" x14ac:dyDescent="0.35">
      <c r="A2286" s="5" t="s">
        <v>10</v>
      </c>
      <c r="B2286" s="6">
        <v>245000</v>
      </c>
      <c r="C2286" s="6" t="s">
        <v>68</v>
      </c>
      <c r="D2286" s="6" t="s">
        <v>69</v>
      </c>
      <c r="E2286" s="6">
        <v>11001</v>
      </c>
      <c r="F2286" s="6" t="s">
        <v>18</v>
      </c>
      <c r="G2286" s="6" t="s">
        <v>4825</v>
      </c>
      <c r="H2286" s="6" t="s">
        <v>4826</v>
      </c>
      <c r="I2286" s="7">
        <v>4.7238638000000002</v>
      </c>
      <c r="J2286" s="8">
        <v>-74.091425999999998</v>
      </c>
    </row>
    <row r="2287" spans="1:10" x14ac:dyDescent="0.35">
      <c r="A2287" s="5" t="s">
        <v>10</v>
      </c>
      <c r="B2287" s="6">
        <v>219968</v>
      </c>
      <c r="C2287" s="6" t="s">
        <v>28</v>
      </c>
      <c r="D2287" s="6" t="s">
        <v>29</v>
      </c>
      <c r="E2287" s="6">
        <v>54001</v>
      </c>
      <c r="F2287" s="6" t="s">
        <v>18</v>
      </c>
      <c r="G2287" s="6" t="s">
        <v>4827</v>
      </c>
      <c r="H2287" s="6" t="s">
        <v>4828</v>
      </c>
      <c r="I2287" s="7">
        <v>7.8890970999999999</v>
      </c>
      <c r="J2287" s="8">
        <v>-72.496689599999996</v>
      </c>
    </row>
    <row r="2288" spans="1:10" x14ac:dyDescent="0.35">
      <c r="A2288" s="5" t="s">
        <v>10</v>
      </c>
      <c r="B2288" s="6">
        <v>226361</v>
      </c>
      <c r="C2288" s="6" t="s">
        <v>55</v>
      </c>
      <c r="D2288" s="6" t="s">
        <v>56</v>
      </c>
      <c r="E2288" s="6">
        <v>73001</v>
      </c>
      <c r="F2288" s="6" t="s">
        <v>13</v>
      </c>
      <c r="G2288" s="6" t="s">
        <v>3737</v>
      </c>
      <c r="H2288" s="6" t="s">
        <v>4829</v>
      </c>
      <c r="I2288" s="7">
        <v>4.4347303</v>
      </c>
      <c r="J2288" s="8">
        <v>-75.2111491</v>
      </c>
    </row>
    <row r="2289" spans="1:10" x14ac:dyDescent="0.35">
      <c r="A2289" s="5" t="s">
        <v>10</v>
      </c>
      <c r="B2289" s="6">
        <v>210189</v>
      </c>
      <c r="C2289" s="6" t="s">
        <v>278</v>
      </c>
      <c r="D2289" s="6" t="s">
        <v>3651</v>
      </c>
      <c r="E2289" s="6">
        <v>50313</v>
      </c>
      <c r="F2289" s="6" t="s">
        <v>18</v>
      </c>
      <c r="G2289" s="6" t="s">
        <v>4830</v>
      </c>
      <c r="H2289" s="6" t="s">
        <v>4831</v>
      </c>
      <c r="I2289" s="7">
        <v>3.5436442000000001</v>
      </c>
      <c r="J2289" s="8">
        <v>-73.702810700000001</v>
      </c>
    </row>
    <row r="2290" spans="1:10" x14ac:dyDescent="0.35">
      <c r="A2290" s="5" t="s">
        <v>10</v>
      </c>
      <c r="B2290" s="6">
        <v>203770</v>
      </c>
      <c r="C2290" s="6" t="s">
        <v>278</v>
      </c>
      <c r="D2290" s="6" t="s">
        <v>3651</v>
      </c>
      <c r="E2290" s="6">
        <v>50313</v>
      </c>
      <c r="F2290" s="6" t="s">
        <v>18</v>
      </c>
      <c r="G2290" s="6" t="s">
        <v>4832</v>
      </c>
      <c r="H2290" s="6" t="s">
        <v>4833</v>
      </c>
      <c r="I2290" s="7">
        <v>3.5436442000000001</v>
      </c>
      <c r="J2290" s="8">
        <v>-73.702810700000001</v>
      </c>
    </row>
    <row r="2291" spans="1:10" x14ac:dyDescent="0.35">
      <c r="A2291" s="5" t="s">
        <v>10</v>
      </c>
      <c r="B2291" s="6">
        <v>182083</v>
      </c>
      <c r="C2291" s="6" t="s">
        <v>11</v>
      </c>
      <c r="D2291" s="6" t="s">
        <v>513</v>
      </c>
      <c r="E2291" s="6">
        <v>25286</v>
      </c>
      <c r="F2291" s="6" t="s">
        <v>18</v>
      </c>
      <c r="G2291" s="6" t="s">
        <v>4834</v>
      </c>
      <c r="H2291" s="6" t="s">
        <v>4835</v>
      </c>
      <c r="I2291" s="7">
        <v>4.7186897999999999</v>
      </c>
      <c r="J2291" s="8">
        <v>-74.213778500000004</v>
      </c>
    </row>
    <row r="2292" spans="1:10" x14ac:dyDescent="0.35">
      <c r="A2292" s="5" t="s">
        <v>10</v>
      </c>
      <c r="B2292" s="6">
        <v>220237</v>
      </c>
      <c r="C2292" s="6" t="s">
        <v>117</v>
      </c>
      <c r="D2292" s="6" t="s">
        <v>1334</v>
      </c>
      <c r="E2292" s="6">
        <v>76001</v>
      </c>
      <c r="F2292" s="6" t="s">
        <v>18</v>
      </c>
      <c r="G2292" s="6" t="s">
        <v>4836</v>
      </c>
      <c r="H2292" s="6" t="s">
        <v>4837</v>
      </c>
      <c r="I2292" s="7">
        <v>7.8890970999999999</v>
      </c>
      <c r="J2292" s="8">
        <v>-72.496689599999996</v>
      </c>
    </row>
    <row r="2293" spans="1:10" x14ac:dyDescent="0.35">
      <c r="A2293" s="5" t="s">
        <v>10</v>
      </c>
      <c r="B2293" s="6">
        <v>226243</v>
      </c>
      <c r="C2293" s="6" t="s">
        <v>117</v>
      </c>
      <c r="D2293" s="6" t="s">
        <v>1334</v>
      </c>
      <c r="E2293" s="6">
        <v>76001</v>
      </c>
      <c r="F2293" s="6" t="s">
        <v>13</v>
      </c>
      <c r="G2293" s="6" t="s">
        <v>3737</v>
      </c>
      <c r="H2293" s="6" t="s">
        <v>4838</v>
      </c>
      <c r="I2293" s="7">
        <v>3.4648048</v>
      </c>
      <c r="J2293" s="8">
        <v>-76.521476699999994</v>
      </c>
    </row>
    <row r="2294" spans="1:10" x14ac:dyDescent="0.35">
      <c r="A2294" s="5" t="s">
        <v>10</v>
      </c>
      <c r="B2294" s="6">
        <v>213859</v>
      </c>
      <c r="C2294" s="6" t="s">
        <v>16</v>
      </c>
      <c r="D2294" s="6" t="s">
        <v>1401</v>
      </c>
      <c r="E2294" s="6">
        <v>68307</v>
      </c>
      <c r="F2294" s="6" t="s">
        <v>18</v>
      </c>
      <c r="G2294" s="6" t="s">
        <v>4839</v>
      </c>
      <c r="H2294" s="6" t="s">
        <v>4840</v>
      </c>
      <c r="I2294" s="7">
        <v>7.0563878000000004</v>
      </c>
      <c r="J2294" s="8">
        <v>-73.161005399999993</v>
      </c>
    </row>
    <row r="2295" spans="1:10" x14ac:dyDescent="0.35">
      <c r="A2295" s="5" t="s">
        <v>10</v>
      </c>
      <c r="B2295" s="6">
        <v>219245</v>
      </c>
      <c r="C2295" s="6" t="s">
        <v>551</v>
      </c>
      <c r="D2295" s="6" t="s">
        <v>3868</v>
      </c>
      <c r="E2295" s="6">
        <v>20001</v>
      </c>
      <c r="F2295" s="6" t="s">
        <v>18</v>
      </c>
      <c r="G2295" s="6" t="s">
        <v>4841</v>
      </c>
      <c r="H2295" s="6" t="s">
        <v>4842</v>
      </c>
      <c r="I2295" s="7">
        <v>10.479219799999999</v>
      </c>
      <c r="J2295" s="8">
        <v>-73.279908599999999</v>
      </c>
    </row>
    <row r="2296" spans="1:10" x14ac:dyDescent="0.35">
      <c r="A2296" s="5" t="s">
        <v>10</v>
      </c>
      <c r="B2296" s="6">
        <v>208149</v>
      </c>
      <c r="C2296" s="6" t="s">
        <v>278</v>
      </c>
      <c r="D2296" s="6" t="s">
        <v>279</v>
      </c>
      <c r="E2296" s="6">
        <v>50001</v>
      </c>
      <c r="F2296" s="6" t="s">
        <v>18</v>
      </c>
      <c r="G2296" s="6" t="s">
        <v>4843</v>
      </c>
      <c r="H2296" s="6" t="s">
        <v>4844</v>
      </c>
      <c r="I2296" s="7">
        <v>4.0997066000000002</v>
      </c>
      <c r="J2296" s="8">
        <v>-73.649765899999906</v>
      </c>
    </row>
    <row r="2297" spans="1:10" x14ac:dyDescent="0.35">
      <c r="A2297" s="5" t="s">
        <v>10</v>
      </c>
      <c r="B2297" s="6">
        <v>231301</v>
      </c>
      <c r="C2297" s="6" t="s">
        <v>278</v>
      </c>
      <c r="D2297" s="6" t="s">
        <v>279</v>
      </c>
      <c r="E2297" s="6">
        <v>50001</v>
      </c>
      <c r="F2297" s="6" t="s">
        <v>18</v>
      </c>
      <c r="G2297" s="6" t="s">
        <v>4845</v>
      </c>
      <c r="H2297" s="6" t="s">
        <v>4846</v>
      </c>
      <c r="I2297" s="7">
        <v>4.1568031000000003</v>
      </c>
      <c r="J2297" s="8">
        <v>-73.641180899999995</v>
      </c>
    </row>
    <row r="2298" spans="1:10" x14ac:dyDescent="0.35">
      <c r="A2298" s="5" t="s">
        <v>10</v>
      </c>
      <c r="B2298" s="6">
        <v>243149</v>
      </c>
      <c r="C2298" s="6" t="s">
        <v>38</v>
      </c>
      <c r="D2298" s="6" t="s">
        <v>431</v>
      </c>
      <c r="E2298" s="6">
        <v>19397</v>
      </c>
      <c r="F2298" s="6" t="s">
        <v>18</v>
      </c>
      <c r="G2298" s="6" t="s">
        <v>4847</v>
      </c>
      <c r="H2298" s="6" t="s">
        <v>4848</v>
      </c>
      <c r="I2298" s="7">
        <v>5.0005280000000001</v>
      </c>
      <c r="J2298" s="8">
        <v>-74.339438999999999</v>
      </c>
    </row>
    <row r="2299" spans="1:10" x14ac:dyDescent="0.35">
      <c r="A2299" s="5" t="s">
        <v>10</v>
      </c>
      <c r="B2299" s="6">
        <v>232806</v>
      </c>
      <c r="C2299" s="6" t="s">
        <v>11</v>
      </c>
      <c r="D2299" s="6" t="s">
        <v>4849</v>
      </c>
      <c r="E2299" s="6">
        <v>25839</v>
      </c>
      <c r="F2299" s="6" t="s">
        <v>18</v>
      </c>
      <c r="G2299" s="6" t="s">
        <v>4850</v>
      </c>
      <c r="H2299" s="6" t="s">
        <v>4851</v>
      </c>
      <c r="I2299" s="7">
        <v>4.3391599999999997</v>
      </c>
      <c r="J2299" s="8">
        <v>-74.36148</v>
      </c>
    </row>
    <row r="2300" spans="1:10" x14ac:dyDescent="0.35">
      <c r="A2300" s="5" t="s">
        <v>10</v>
      </c>
      <c r="B2300" s="6">
        <v>245776</v>
      </c>
      <c r="C2300" s="6" t="s">
        <v>11</v>
      </c>
      <c r="D2300" s="6" t="s">
        <v>334</v>
      </c>
      <c r="E2300" s="6">
        <v>25754</v>
      </c>
      <c r="F2300" s="6" t="s">
        <v>18</v>
      </c>
      <c r="G2300" s="6" t="s">
        <v>4852</v>
      </c>
      <c r="H2300" s="6" t="s">
        <v>4853</v>
      </c>
      <c r="I2300" s="7">
        <v>4.5768459000000004</v>
      </c>
      <c r="J2300" s="8">
        <v>-74.226810400000005</v>
      </c>
    </row>
    <row r="2301" spans="1:10" x14ac:dyDescent="0.35">
      <c r="A2301" s="5" t="s">
        <v>10</v>
      </c>
      <c r="B2301" s="6">
        <v>236256</v>
      </c>
      <c r="C2301" s="6" t="s">
        <v>117</v>
      </c>
      <c r="D2301" s="6" t="s">
        <v>3402</v>
      </c>
      <c r="E2301" s="6">
        <v>76364</v>
      </c>
      <c r="F2301" s="6" t="s">
        <v>18</v>
      </c>
      <c r="G2301" s="6" t="s">
        <v>4854</v>
      </c>
      <c r="H2301" s="6" t="s">
        <v>4855</v>
      </c>
      <c r="I2301" s="7">
        <v>3.2556354999999999</v>
      </c>
      <c r="J2301" s="8">
        <v>-76.538342700000001</v>
      </c>
    </row>
    <row r="2302" spans="1:10" x14ac:dyDescent="0.35">
      <c r="A2302" s="5" t="s">
        <v>10</v>
      </c>
      <c r="B2302" s="6">
        <v>226353</v>
      </c>
      <c r="C2302" s="6" t="s">
        <v>190</v>
      </c>
      <c r="D2302" s="6" t="s">
        <v>62</v>
      </c>
      <c r="E2302" s="6">
        <v>5059</v>
      </c>
      <c r="F2302" s="6" t="s">
        <v>13</v>
      </c>
      <c r="G2302" s="6" t="s">
        <v>3737</v>
      </c>
      <c r="H2302" s="6" t="s">
        <v>4856</v>
      </c>
      <c r="I2302" s="7">
        <v>4.5353228999999997</v>
      </c>
      <c r="J2302" s="8">
        <v>-75.670203099999995</v>
      </c>
    </row>
    <row r="2303" spans="1:10" x14ac:dyDescent="0.35">
      <c r="A2303" s="5" t="s">
        <v>10</v>
      </c>
      <c r="B2303" s="6">
        <v>109960</v>
      </c>
      <c r="C2303" s="6" t="s">
        <v>24</v>
      </c>
      <c r="D2303" s="6" t="s">
        <v>4857</v>
      </c>
      <c r="E2303" s="6">
        <v>15664</v>
      </c>
      <c r="F2303" s="6" t="s">
        <v>18</v>
      </c>
      <c r="G2303" s="6" t="s">
        <v>4858</v>
      </c>
      <c r="H2303" s="6" t="s">
        <v>4859</v>
      </c>
      <c r="I2303" s="7">
        <v>6.0183666999999996</v>
      </c>
      <c r="J2303" s="8">
        <v>-73.541177099999999</v>
      </c>
    </row>
    <row r="2304" spans="1:10" x14ac:dyDescent="0.35">
      <c r="A2304" s="5" t="s">
        <v>10</v>
      </c>
      <c r="B2304" s="6">
        <v>230100</v>
      </c>
      <c r="C2304" s="6" t="s">
        <v>16</v>
      </c>
      <c r="D2304" s="6" t="s">
        <v>78</v>
      </c>
      <c r="E2304" s="6">
        <v>68001</v>
      </c>
      <c r="F2304" s="6" t="s">
        <v>18</v>
      </c>
      <c r="G2304" s="6" t="s">
        <v>4860</v>
      </c>
      <c r="H2304" s="6" t="s">
        <v>4861</v>
      </c>
      <c r="I2304" s="7">
        <v>7.1273881000000001</v>
      </c>
      <c r="J2304" s="8">
        <v>-73.124333199999995</v>
      </c>
    </row>
    <row r="2305" spans="1:10" x14ac:dyDescent="0.35">
      <c r="A2305" s="5" t="s">
        <v>10</v>
      </c>
      <c r="B2305" s="6">
        <v>203204</v>
      </c>
      <c r="C2305" s="6" t="s">
        <v>278</v>
      </c>
      <c r="D2305" s="6" t="s">
        <v>279</v>
      </c>
      <c r="E2305" s="6">
        <v>50001</v>
      </c>
      <c r="F2305" s="6" t="s">
        <v>18</v>
      </c>
      <c r="G2305" s="6" t="s">
        <v>4862</v>
      </c>
      <c r="H2305" s="6" t="s">
        <v>4863</v>
      </c>
      <c r="I2305" s="7">
        <v>4.1373407999999996</v>
      </c>
      <c r="J2305" s="8">
        <v>-73.632092099999994</v>
      </c>
    </row>
    <row r="2306" spans="1:10" x14ac:dyDescent="0.35">
      <c r="A2306" s="5" t="s">
        <v>10</v>
      </c>
      <c r="B2306" s="6">
        <v>216206</v>
      </c>
      <c r="C2306" s="6" t="s">
        <v>294</v>
      </c>
      <c r="D2306" s="6" t="s">
        <v>703</v>
      </c>
      <c r="E2306" s="6">
        <v>41001</v>
      </c>
      <c r="F2306" s="6" t="s">
        <v>18</v>
      </c>
      <c r="G2306" s="6" t="s">
        <v>4864</v>
      </c>
      <c r="H2306" s="6" t="s">
        <v>4865</v>
      </c>
      <c r="I2306" s="7">
        <v>2.9737382000000001</v>
      </c>
      <c r="J2306" s="8">
        <v>-75.287061800000004</v>
      </c>
    </row>
    <row r="2307" spans="1:10" x14ac:dyDescent="0.35">
      <c r="A2307" s="5" t="s">
        <v>10</v>
      </c>
      <c r="B2307" s="6">
        <v>233521</v>
      </c>
      <c r="C2307" s="6" t="s">
        <v>11</v>
      </c>
      <c r="D2307" s="6" t="s">
        <v>334</v>
      </c>
      <c r="E2307" s="6">
        <v>25754</v>
      </c>
      <c r="F2307" s="6" t="s">
        <v>18</v>
      </c>
      <c r="G2307" s="6" t="s">
        <v>4866</v>
      </c>
      <c r="H2307" s="6" t="s">
        <v>4867</v>
      </c>
      <c r="I2307" s="7">
        <v>4.5785799999999997</v>
      </c>
      <c r="J2307" s="8">
        <v>-74.212469999999996</v>
      </c>
    </row>
    <row r="2308" spans="1:10" x14ac:dyDescent="0.35">
      <c r="A2308" s="5" t="s">
        <v>10</v>
      </c>
      <c r="B2308" s="6">
        <v>235195</v>
      </c>
      <c r="C2308" s="6" t="s">
        <v>11</v>
      </c>
      <c r="D2308" s="6" t="s">
        <v>901</v>
      </c>
      <c r="E2308" s="6">
        <v>25307</v>
      </c>
      <c r="F2308" s="6" t="s">
        <v>18</v>
      </c>
      <c r="G2308" s="6" t="s">
        <v>4868</v>
      </c>
      <c r="H2308" s="6" t="s">
        <v>4869</v>
      </c>
      <c r="I2308" s="7">
        <v>4.3100309000000001</v>
      </c>
      <c r="J2308" s="8">
        <v>-74.799480500000001</v>
      </c>
    </row>
    <row r="2309" spans="1:10" x14ac:dyDescent="0.35">
      <c r="A2309" s="5" t="s">
        <v>10</v>
      </c>
      <c r="B2309" s="6">
        <v>226313</v>
      </c>
      <c r="C2309" s="6" t="s">
        <v>28</v>
      </c>
      <c r="D2309" s="6" t="s">
        <v>29</v>
      </c>
      <c r="E2309" s="6">
        <v>54001</v>
      </c>
      <c r="F2309" s="6" t="s">
        <v>13</v>
      </c>
      <c r="G2309" s="6" t="s">
        <v>3737</v>
      </c>
      <c r="H2309" s="6" t="s">
        <v>4870</v>
      </c>
      <c r="I2309" s="7">
        <v>7.8890970999999999</v>
      </c>
      <c r="J2309" s="8">
        <v>-72.496689599999996</v>
      </c>
    </row>
    <row r="2310" spans="1:10" x14ac:dyDescent="0.35">
      <c r="A2310" s="5" t="s">
        <v>10</v>
      </c>
      <c r="B2310" s="6">
        <v>240093</v>
      </c>
      <c r="C2310" s="6" t="s">
        <v>68</v>
      </c>
      <c r="D2310" s="6" t="s">
        <v>69</v>
      </c>
      <c r="E2310" s="6">
        <v>11001</v>
      </c>
      <c r="F2310" s="6" t="s">
        <v>2161</v>
      </c>
      <c r="G2310" s="6" t="s">
        <v>4871</v>
      </c>
      <c r="H2310" s="6" t="s">
        <v>4872</v>
      </c>
      <c r="I2310" s="7">
        <v>4.6368426999999999</v>
      </c>
      <c r="J2310" s="8">
        <v>-74.161157000000003</v>
      </c>
    </row>
    <row r="2311" spans="1:10" x14ac:dyDescent="0.35">
      <c r="A2311" s="5" t="s">
        <v>10</v>
      </c>
      <c r="B2311" s="6">
        <v>246428</v>
      </c>
      <c r="C2311" s="6" t="s">
        <v>24</v>
      </c>
      <c r="D2311" s="6" t="s">
        <v>88</v>
      </c>
      <c r="E2311" s="6">
        <v>15001</v>
      </c>
      <c r="F2311" s="6" t="s">
        <v>18</v>
      </c>
      <c r="G2311" s="6" t="s">
        <v>4873</v>
      </c>
      <c r="H2311" s="6" t="s">
        <v>4874</v>
      </c>
      <c r="I2311" s="7">
        <v>5.4765078999999997</v>
      </c>
      <c r="J2311" s="8">
        <v>-73.382052200000004</v>
      </c>
    </row>
    <row r="2312" spans="1:10" x14ac:dyDescent="0.35">
      <c r="A2312" s="5" t="s">
        <v>10</v>
      </c>
      <c r="B2312" s="6">
        <v>204108</v>
      </c>
      <c r="C2312" s="6" t="s">
        <v>16</v>
      </c>
      <c r="D2312" s="6" t="s">
        <v>78</v>
      </c>
      <c r="E2312" s="6">
        <v>68001</v>
      </c>
      <c r="F2312" s="6" t="s">
        <v>18</v>
      </c>
      <c r="G2312" s="6" t="s">
        <v>4875</v>
      </c>
      <c r="H2312" s="6" t="s">
        <v>4876</v>
      </c>
      <c r="I2312" s="7">
        <v>7.1542308999999999</v>
      </c>
      <c r="J2312" s="8">
        <v>-73.12688</v>
      </c>
    </row>
    <row r="2313" spans="1:10" x14ac:dyDescent="0.35">
      <c r="A2313" s="5" t="s">
        <v>10</v>
      </c>
      <c r="B2313" s="6">
        <v>199913</v>
      </c>
      <c r="C2313" s="6" t="s">
        <v>278</v>
      </c>
      <c r="D2313" s="6" t="s">
        <v>1331</v>
      </c>
      <c r="E2313" s="6">
        <v>50006</v>
      </c>
      <c r="F2313" s="6" t="s">
        <v>18</v>
      </c>
      <c r="G2313" s="6" t="s">
        <v>4877</v>
      </c>
      <c r="H2313" s="6" t="s">
        <v>4878</v>
      </c>
      <c r="I2313" s="7">
        <v>3.9854726999999901</v>
      </c>
      <c r="J2313" s="8">
        <v>-73.759260599999905</v>
      </c>
    </row>
    <row r="2314" spans="1:10" x14ac:dyDescent="0.35">
      <c r="A2314" s="5" t="s">
        <v>10</v>
      </c>
      <c r="B2314" s="6">
        <v>241980</v>
      </c>
      <c r="C2314" s="6" t="s">
        <v>3788</v>
      </c>
      <c r="D2314" s="6" t="s">
        <v>3974</v>
      </c>
      <c r="E2314" s="6">
        <v>18001</v>
      </c>
      <c r="F2314" s="6" t="s">
        <v>18</v>
      </c>
      <c r="G2314" s="6" t="s">
        <v>4879</v>
      </c>
      <c r="H2314" s="6" t="s">
        <v>4880</v>
      </c>
      <c r="I2314" s="7">
        <v>1.6153858000000001</v>
      </c>
      <c r="J2314" s="8">
        <v>-75.604236400000005</v>
      </c>
    </row>
    <row r="2315" spans="1:10" x14ac:dyDescent="0.35">
      <c r="A2315" s="5" t="s">
        <v>10</v>
      </c>
      <c r="B2315" s="6">
        <v>169629</v>
      </c>
      <c r="C2315" s="6" t="s">
        <v>11</v>
      </c>
      <c r="D2315" s="6" t="s">
        <v>3054</v>
      </c>
      <c r="E2315" s="6">
        <v>25269</v>
      </c>
      <c r="F2315" s="6" t="s">
        <v>18</v>
      </c>
      <c r="G2315" s="6" t="s">
        <v>4881</v>
      </c>
      <c r="H2315" s="6" t="s">
        <v>4882</v>
      </c>
      <c r="I2315" s="7">
        <v>4.8189266000000002</v>
      </c>
      <c r="J2315" s="8">
        <v>-74.353859700000001</v>
      </c>
    </row>
    <row r="2316" spans="1:10" x14ac:dyDescent="0.35">
      <c r="A2316" s="5" t="s">
        <v>10</v>
      </c>
      <c r="B2316" s="6">
        <v>226607</v>
      </c>
      <c r="C2316" s="6" t="s">
        <v>11</v>
      </c>
      <c r="D2316" s="6" t="s">
        <v>4775</v>
      </c>
      <c r="E2316" s="6">
        <v>25148</v>
      </c>
      <c r="F2316" s="6" t="s">
        <v>18</v>
      </c>
      <c r="G2316" s="6" t="s">
        <v>4883</v>
      </c>
      <c r="H2316" s="6" t="s">
        <v>4884</v>
      </c>
      <c r="I2316" s="7">
        <v>5.3456185999999999</v>
      </c>
      <c r="J2316" s="8">
        <v>-74.491844399999906</v>
      </c>
    </row>
    <row r="2317" spans="1:10" x14ac:dyDescent="0.35">
      <c r="A2317" s="5" t="s">
        <v>10</v>
      </c>
      <c r="B2317" s="6">
        <v>224865</v>
      </c>
      <c r="C2317" s="6" t="s">
        <v>11</v>
      </c>
      <c r="D2317" s="6" t="s">
        <v>337</v>
      </c>
      <c r="E2317" s="6">
        <v>25290</v>
      </c>
      <c r="F2317" s="6" t="s">
        <v>18</v>
      </c>
      <c r="G2317" s="6" t="s">
        <v>4885</v>
      </c>
      <c r="H2317" s="6" t="s">
        <v>4886</v>
      </c>
      <c r="I2317" s="7">
        <v>4.3503546999999996</v>
      </c>
      <c r="J2317" s="8">
        <v>-74.366579799999997</v>
      </c>
    </row>
    <row r="2318" spans="1:10" x14ac:dyDescent="0.35">
      <c r="A2318" s="5" t="s">
        <v>10</v>
      </c>
      <c r="B2318" s="6">
        <v>210292</v>
      </c>
      <c r="C2318" s="6" t="s">
        <v>68</v>
      </c>
      <c r="D2318" s="6" t="s">
        <v>69</v>
      </c>
      <c r="E2318" s="6">
        <v>11001</v>
      </c>
      <c r="F2318" s="6" t="s">
        <v>18</v>
      </c>
      <c r="G2318" s="6" t="s">
        <v>4887</v>
      </c>
      <c r="H2318" s="6" t="s">
        <v>4888</v>
      </c>
      <c r="I2318" s="7">
        <v>4.5687341999999997</v>
      </c>
      <c r="J2318" s="8">
        <v>-74.163320999999996</v>
      </c>
    </row>
    <row r="2319" spans="1:10" x14ac:dyDescent="0.35">
      <c r="A2319" s="5" t="s">
        <v>10</v>
      </c>
      <c r="B2319" s="6">
        <v>237254</v>
      </c>
      <c r="C2319" s="6" t="s">
        <v>68</v>
      </c>
      <c r="D2319" s="6" t="s">
        <v>69</v>
      </c>
      <c r="E2319" s="6">
        <v>11001</v>
      </c>
      <c r="F2319" s="6" t="s">
        <v>18</v>
      </c>
      <c r="G2319" s="6" t="s">
        <v>4889</v>
      </c>
      <c r="H2319" s="6" t="s">
        <v>4890</v>
      </c>
      <c r="I2319" s="7">
        <v>4.5893642999999997</v>
      </c>
      <c r="J2319" s="8">
        <v>-74.163132399999995</v>
      </c>
    </row>
    <row r="2320" spans="1:10" x14ac:dyDescent="0.35">
      <c r="A2320" s="5" t="s">
        <v>10</v>
      </c>
      <c r="B2320" s="6">
        <v>226372</v>
      </c>
      <c r="C2320" s="6" t="s">
        <v>94</v>
      </c>
      <c r="D2320" s="6" t="s">
        <v>98</v>
      </c>
      <c r="E2320" s="6">
        <v>66001</v>
      </c>
      <c r="F2320" s="6" t="s">
        <v>13</v>
      </c>
      <c r="G2320" s="6" t="s">
        <v>3737</v>
      </c>
      <c r="H2320" s="6" t="s">
        <v>4891</v>
      </c>
      <c r="I2320" s="7">
        <v>4.8115904</v>
      </c>
      <c r="J2320" s="8">
        <v>-75.69059</v>
      </c>
    </row>
    <row r="2321" spans="1:10" x14ac:dyDescent="0.35">
      <c r="A2321" s="5" t="s">
        <v>10</v>
      </c>
      <c r="B2321" s="6">
        <v>226229</v>
      </c>
      <c r="C2321" s="6" t="s">
        <v>117</v>
      </c>
      <c r="D2321" s="6" t="s">
        <v>1334</v>
      </c>
      <c r="E2321" s="6">
        <v>76001</v>
      </c>
      <c r="F2321" s="6" t="s">
        <v>13</v>
      </c>
      <c r="G2321" s="6" t="s">
        <v>3737</v>
      </c>
      <c r="H2321" s="6" t="s">
        <v>4892</v>
      </c>
      <c r="I2321" s="7">
        <v>3.4653657999999998</v>
      </c>
      <c r="J2321" s="8">
        <v>-76.513657699999996</v>
      </c>
    </row>
    <row r="2322" spans="1:10" x14ac:dyDescent="0.35">
      <c r="A2322" s="5" t="s">
        <v>10</v>
      </c>
      <c r="B2322" s="6">
        <v>238560</v>
      </c>
      <c r="C2322" s="6" t="s">
        <v>68</v>
      </c>
      <c r="D2322" s="6" t="s">
        <v>69</v>
      </c>
      <c r="E2322" s="6">
        <v>11001</v>
      </c>
      <c r="F2322" s="6" t="s">
        <v>2161</v>
      </c>
      <c r="G2322" s="6" t="s">
        <v>4893</v>
      </c>
      <c r="H2322" s="6" t="s">
        <v>4894</v>
      </c>
      <c r="I2322" s="7">
        <v>4.5994796999999998</v>
      </c>
      <c r="J2322" s="8">
        <v>-74.178342099999995</v>
      </c>
    </row>
    <row r="2323" spans="1:10" x14ac:dyDescent="0.35">
      <c r="A2323" s="5" t="s">
        <v>10</v>
      </c>
      <c r="B2323" s="6">
        <v>239363</v>
      </c>
      <c r="C2323" s="6" t="s">
        <v>68</v>
      </c>
      <c r="D2323" s="6" t="s">
        <v>69</v>
      </c>
      <c r="E2323" s="6">
        <v>11001</v>
      </c>
      <c r="F2323" s="6" t="s">
        <v>18</v>
      </c>
      <c r="G2323" s="6" t="s">
        <v>4895</v>
      </c>
      <c r="H2323" s="6" t="s">
        <v>4896</v>
      </c>
      <c r="I2323" s="7">
        <v>4.5597940000000001</v>
      </c>
      <c r="J2323" s="8">
        <v>-74.138355000000004</v>
      </c>
    </row>
    <row r="2324" spans="1:10" x14ac:dyDescent="0.35">
      <c r="A2324" s="5" t="s">
        <v>10</v>
      </c>
      <c r="B2324" s="6">
        <v>221556</v>
      </c>
      <c r="C2324" s="6" t="s">
        <v>11</v>
      </c>
      <c r="D2324" s="6" t="s">
        <v>334</v>
      </c>
      <c r="E2324" s="6">
        <v>25754</v>
      </c>
      <c r="F2324" s="6" t="s">
        <v>18</v>
      </c>
      <c r="G2324" s="6" t="s">
        <v>4897</v>
      </c>
      <c r="H2324" s="6" t="s">
        <v>4898</v>
      </c>
      <c r="I2324" s="7">
        <v>4.5864248999999999</v>
      </c>
      <c r="J2324" s="8">
        <v>-74.209013299999995</v>
      </c>
    </row>
    <row r="2325" spans="1:10" x14ac:dyDescent="0.35">
      <c r="A2325" s="5" t="s">
        <v>10</v>
      </c>
      <c r="B2325" s="6">
        <v>243181</v>
      </c>
      <c r="C2325" s="6" t="s">
        <v>11</v>
      </c>
      <c r="D2325" s="6" t="s">
        <v>4073</v>
      </c>
      <c r="E2325" s="6">
        <v>25740</v>
      </c>
      <c r="F2325" s="6" t="s">
        <v>18</v>
      </c>
      <c r="G2325" s="6" t="s">
        <v>4899</v>
      </c>
      <c r="H2325" s="6" t="s">
        <v>4900</v>
      </c>
      <c r="I2325" s="7">
        <v>4.4927894000000004</v>
      </c>
      <c r="J2325" s="8">
        <v>-74.258957499999994</v>
      </c>
    </row>
    <row r="2326" spans="1:10" x14ac:dyDescent="0.35">
      <c r="A2326" s="5" t="s">
        <v>10</v>
      </c>
      <c r="B2326" s="6">
        <v>223614</v>
      </c>
      <c r="C2326" s="6" t="s">
        <v>117</v>
      </c>
      <c r="D2326" s="6" t="s">
        <v>1334</v>
      </c>
      <c r="E2326" s="6">
        <v>76001</v>
      </c>
      <c r="F2326" s="6" t="s">
        <v>18</v>
      </c>
      <c r="G2326" s="6" t="s">
        <v>4901</v>
      </c>
      <c r="H2326" s="6" t="s">
        <v>4902</v>
      </c>
      <c r="I2326" s="7">
        <v>3.4481399000000001</v>
      </c>
      <c r="J2326" s="8">
        <v>-76.497702500000003</v>
      </c>
    </row>
    <row r="2327" spans="1:10" x14ac:dyDescent="0.35">
      <c r="A2327" s="5" t="s">
        <v>10</v>
      </c>
      <c r="B2327" s="6">
        <v>230005</v>
      </c>
      <c r="C2327" s="6" t="s">
        <v>117</v>
      </c>
      <c r="D2327" s="6" t="s">
        <v>1334</v>
      </c>
      <c r="E2327" s="6">
        <v>76001</v>
      </c>
      <c r="F2327" s="6" t="s">
        <v>18</v>
      </c>
      <c r="G2327" s="6" t="s">
        <v>4903</v>
      </c>
      <c r="H2327" s="6" t="s">
        <v>4904</v>
      </c>
      <c r="I2327" s="7">
        <v>3.4383661000000001</v>
      </c>
      <c r="J2327" s="8">
        <v>-76.498287500000004</v>
      </c>
    </row>
    <row r="2328" spans="1:10" x14ac:dyDescent="0.35">
      <c r="A2328" s="5" t="s">
        <v>10</v>
      </c>
      <c r="B2328" s="6">
        <v>203938</v>
      </c>
      <c r="C2328" s="6" t="s">
        <v>11</v>
      </c>
      <c r="D2328" s="6" t="s">
        <v>334</v>
      </c>
      <c r="E2328" s="6">
        <v>25754</v>
      </c>
      <c r="F2328" s="6" t="s">
        <v>18</v>
      </c>
      <c r="G2328" s="6" t="s">
        <v>4905</v>
      </c>
      <c r="H2328" s="6" t="s">
        <v>4906</v>
      </c>
      <c r="I2328" s="7">
        <v>4.6386560000000001</v>
      </c>
      <c r="J2328" s="8">
        <v>-74.164308800000001</v>
      </c>
    </row>
    <row r="2329" spans="1:10" x14ac:dyDescent="0.35">
      <c r="A2329" s="5" t="s">
        <v>10</v>
      </c>
      <c r="B2329" s="6">
        <v>214481</v>
      </c>
      <c r="C2329" s="6" t="s">
        <v>68</v>
      </c>
      <c r="D2329" s="6" t="s">
        <v>69</v>
      </c>
      <c r="E2329" s="6">
        <v>11001</v>
      </c>
      <c r="F2329" s="6" t="s">
        <v>18</v>
      </c>
      <c r="G2329" s="6" t="s">
        <v>4907</v>
      </c>
      <c r="H2329" s="6" t="s">
        <v>4908</v>
      </c>
      <c r="I2329" s="7">
        <v>4.6400302</v>
      </c>
      <c r="J2329" s="8">
        <v>-74.141440699999904</v>
      </c>
    </row>
    <row r="2330" spans="1:10" x14ac:dyDescent="0.35">
      <c r="A2330" s="5" t="s">
        <v>10</v>
      </c>
      <c r="B2330" s="6">
        <v>177172</v>
      </c>
      <c r="C2330" s="6" t="s">
        <v>2821</v>
      </c>
      <c r="D2330" s="6" t="s">
        <v>4909</v>
      </c>
      <c r="E2330" s="6">
        <v>47692</v>
      </c>
      <c r="F2330" s="6" t="s">
        <v>18</v>
      </c>
      <c r="G2330" s="6" t="s">
        <v>4910</v>
      </c>
      <c r="H2330" s="6" t="s">
        <v>4911</v>
      </c>
      <c r="I2330" s="7">
        <v>9.2389288999999994</v>
      </c>
      <c r="J2330" s="8">
        <v>-74.350015499999998</v>
      </c>
    </row>
    <row r="2331" spans="1:10" x14ac:dyDescent="0.35">
      <c r="A2331" s="5" t="s">
        <v>10</v>
      </c>
      <c r="B2331" s="6">
        <v>208290</v>
      </c>
      <c r="C2331" s="6" t="s">
        <v>16</v>
      </c>
      <c r="D2331" s="6" t="s">
        <v>2825</v>
      </c>
      <c r="E2331" s="6">
        <v>68276</v>
      </c>
      <c r="F2331" s="6" t="s">
        <v>18</v>
      </c>
      <c r="G2331" s="6" t="s">
        <v>4912</v>
      </c>
      <c r="H2331" s="6" t="s">
        <v>4913</v>
      </c>
      <c r="I2331" s="7">
        <v>7.0636335999999904</v>
      </c>
      <c r="J2331" s="8">
        <v>-73.089156500000001</v>
      </c>
    </row>
    <row r="2332" spans="1:10" x14ac:dyDescent="0.35">
      <c r="A2332" s="5" t="s">
        <v>10</v>
      </c>
      <c r="B2332" s="6">
        <v>206204</v>
      </c>
      <c r="C2332" s="6" t="s">
        <v>294</v>
      </c>
      <c r="D2332" s="6" t="s">
        <v>4081</v>
      </c>
      <c r="E2332" s="6">
        <v>41306</v>
      </c>
      <c r="F2332" s="6" t="s">
        <v>18</v>
      </c>
      <c r="G2332" s="6" t="s">
        <v>4914</v>
      </c>
      <c r="H2332" s="6" t="s">
        <v>4915</v>
      </c>
      <c r="I2332" s="7">
        <v>2.3883880999999998</v>
      </c>
      <c r="J2332" s="8">
        <v>-75.547295499999905</v>
      </c>
    </row>
    <row r="2333" spans="1:10" x14ac:dyDescent="0.35">
      <c r="A2333" s="5" t="s">
        <v>10</v>
      </c>
      <c r="B2333" s="6">
        <v>208552</v>
      </c>
      <c r="C2333" s="6" t="s">
        <v>11</v>
      </c>
      <c r="D2333" s="6" t="s">
        <v>334</v>
      </c>
      <c r="E2333" s="6">
        <v>25754</v>
      </c>
      <c r="F2333" s="6" t="s">
        <v>18</v>
      </c>
      <c r="G2333" s="6" t="s">
        <v>4916</v>
      </c>
      <c r="H2333" s="6" t="s">
        <v>4917</v>
      </c>
      <c r="I2333" s="7">
        <v>4.5903782999999896</v>
      </c>
      <c r="J2333" s="8">
        <v>-74.225180999999907</v>
      </c>
    </row>
    <row r="2334" spans="1:10" x14ac:dyDescent="0.35">
      <c r="A2334" s="5" t="s">
        <v>10</v>
      </c>
      <c r="B2334" s="6">
        <v>236375</v>
      </c>
      <c r="C2334" s="6" t="s">
        <v>457</v>
      </c>
      <c r="D2334" s="6" t="s">
        <v>118</v>
      </c>
      <c r="E2334" s="6">
        <v>52399</v>
      </c>
      <c r="F2334" s="6" t="s">
        <v>18</v>
      </c>
      <c r="G2334" s="6" t="s">
        <v>4918</v>
      </c>
      <c r="H2334" s="6" t="s">
        <v>4919</v>
      </c>
      <c r="I2334" s="7">
        <v>0.87470000000000003</v>
      </c>
      <c r="J2334" s="8">
        <v>-77.809979999999996</v>
      </c>
    </row>
    <row r="2335" spans="1:10" x14ac:dyDescent="0.35">
      <c r="A2335" s="5" t="s">
        <v>10</v>
      </c>
      <c r="B2335" s="6">
        <v>212818</v>
      </c>
      <c r="C2335" s="6" t="s">
        <v>11</v>
      </c>
      <c r="D2335" s="6" t="s">
        <v>334</v>
      </c>
      <c r="E2335" s="6">
        <v>25754</v>
      </c>
      <c r="F2335" s="6" t="s">
        <v>18</v>
      </c>
      <c r="G2335" s="6" t="s">
        <v>4920</v>
      </c>
      <c r="H2335" s="6" t="s">
        <v>4921</v>
      </c>
      <c r="I2335" s="7">
        <v>4.5701746999999999</v>
      </c>
      <c r="J2335" s="8">
        <v>-74.230981799999995</v>
      </c>
    </row>
    <row r="2336" spans="1:10" x14ac:dyDescent="0.35">
      <c r="A2336" s="5" t="s">
        <v>10</v>
      </c>
      <c r="B2336" s="6">
        <v>226303</v>
      </c>
      <c r="C2336" s="6" t="s">
        <v>68</v>
      </c>
      <c r="D2336" s="6" t="s">
        <v>69</v>
      </c>
      <c r="E2336" s="6">
        <v>11001</v>
      </c>
      <c r="F2336" s="6" t="s">
        <v>13</v>
      </c>
      <c r="G2336" s="6" t="s">
        <v>3737</v>
      </c>
      <c r="H2336" s="6" t="s">
        <v>4922</v>
      </c>
      <c r="I2336" s="7">
        <v>4.7241745999999996</v>
      </c>
      <c r="J2336" s="8">
        <v>-74.027060399999996</v>
      </c>
    </row>
    <row r="2337" spans="1:10" x14ac:dyDescent="0.35">
      <c r="A2337" s="5" t="s">
        <v>10</v>
      </c>
      <c r="B2337" s="6">
        <v>226336</v>
      </c>
      <c r="C2337" s="6" t="s">
        <v>109</v>
      </c>
      <c r="D2337" s="6" t="s">
        <v>227</v>
      </c>
      <c r="E2337" s="6">
        <v>13001</v>
      </c>
      <c r="F2337" s="6" t="s">
        <v>13</v>
      </c>
      <c r="G2337" s="6" t="s">
        <v>3737</v>
      </c>
      <c r="H2337" s="6" t="s">
        <v>4923</v>
      </c>
      <c r="I2337" s="7">
        <v>10.403109300000001</v>
      </c>
      <c r="J2337" s="8">
        <v>-75.555575399999995</v>
      </c>
    </row>
    <row r="2338" spans="1:10" x14ac:dyDescent="0.35">
      <c r="A2338" s="5" t="s">
        <v>10</v>
      </c>
      <c r="B2338" s="6">
        <v>217290</v>
      </c>
      <c r="C2338" s="6" t="s">
        <v>278</v>
      </c>
      <c r="D2338" s="6" t="s">
        <v>4924</v>
      </c>
      <c r="E2338" s="6">
        <v>50689</v>
      </c>
      <c r="F2338" s="6" t="s">
        <v>18</v>
      </c>
      <c r="G2338" s="6" t="s">
        <v>4925</v>
      </c>
      <c r="H2338" s="6" t="s">
        <v>4926</v>
      </c>
      <c r="I2338" s="7">
        <v>3.6984919999999999</v>
      </c>
      <c r="J2338" s="8">
        <v>-73.697308000000007</v>
      </c>
    </row>
    <row r="2339" spans="1:10" x14ac:dyDescent="0.35">
      <c r="A2339" s="5" t="s">
        <v>10</v>
      </c>
      <c r="B2339" s="6">
        <v>191839</v>
      </c>
      <c r="C2339" s="6" t="s">
        <v>294</v>
      </c>
      <c r="D2339" s="6" t="s">
        <v>543</v>
      </c>
      <c r="E2339" s="6">
        <v>41396</v>
      </c>
      <c r="F2339" s="6" t="s">
        <v>18</v>
      </c>
      <c r="G2339" s="6" t="s">
        <v>4927</v>
      </c>
      <c r="H2339" s="6" t="s">
        <v>4928</v>
      </c>
      <c r="I2339" s="7">
        <v>2.3828987000000001</v>
      </c>
      <c r="J2339" s="8">
        <v>-75.888105799999906</v>
      </c>
    </row>
    <row r="2340" spans="1:10" x14ac:dyDescent="0.35">
      <c r="A2340" s="5" t="s">
        <v>10</v>
      </c>
      <c r="B2340" s="6">
        <v>244881</v>
      </c>
      <c r="C2340" s="6" t="s">
        <v>11</v>
      </c>
      <c r="D2340" s="6" t="s">
        <v>334</v>
      </c>
      <c r="E2340" s="6">
        <v>25754</v>
      </c>
      <c r="F2340" s="6" t="s">
        <v>18</v>
      </c>
      <c r="G2340" s="6" t="s">
        <v>4929</v>
      </c>
      <c r="H2340" s="6" t="s">
        <v>4930</v>
      </c>
      <c r="I2340" s="7">
        <v>4.5673614999999996</v>
      </c>
      <c r="J2340" s="8">
        <v>-74.187764099999995</v>
      </c>
    </row>
    <row r="2341" spans="1:10" x14ac:dyDescent="0.35">
      <c r="A2341" s="5" t="s">
        <v>10</v>
      </c>
      <c r="B2341" s="6">
        <v>207483</v>
      </c>
      <c r="C2341" s="6" t="s">
        <v>117</v>
      </c>
      <c r="D2341" s="6" t="s">
        <v>4931</v>
      </c>
      <c r="E2341" s="6">
        <v>76892</v>
      </c>
      <c r="F2341" s="6" t="s">
        <v>18</v>
      </c>
      <c r="G2341" s="6" t="s">
        <v>4932</v>
      </c>
      <c r="H2341" s="6" t="s">
        <v>4933</v>
      </c>
      <c r="I2341" s="7">
        <v>3.5818387</v>
      </c>
      <c r="J2341" s="8">
        <v>-76.489845199999905</v>
      </c>
    </row>
    <row r="2342" spans="1:10" x14ac:dyDescent="0.35">
      <c r="A2342" s="5" t="s">
        <v>10</v>
      </c>
      <c r="B2342" s="6">
        <v>200681</v>
      </c>
      <c r="C2342" s="6" t="s">
        <v>11</v>
      </c>
      <c r="D2342" s="6" t="s">
        <v>334</v>
      </c>
      <c r="E2342" s="6">
        <v>25754</v>
      </c>
      <c r="F2342" s="6" t="s">
        <v>18</v>
      </c>
      <c r="G2342" s="6" t="s">
        <v>4934</v>
      </c>
      <c r="H2342" s="6" t="s">
        <v>4935</v>
      </c>
      <c r="I2342" s="7">
        <v>4.5725574</v>
      </c>
      <c r="J2342" s="8">
        <v>-74.232433299999997</v>
      </c>
    </row>
    <row r="2343" spans="1:10" x14ac:dyDescent="0.35">
      <c r="A2343" s="5" t="s">
        <v>10</v>
      </c>
      <c r="B2343" s="6">
        <v>245327</v>
      </c>
      <c r="C2343" s="6" t="s">
        <v>68</v>
      </c>
      <c r="D2343" s="6" t="s">
        <v>69</v>
      </c>
      <c r="E2343" s="6">
        <v>11001</v>
      </c>
      <c r="F2343" s="6" t="s">
        <v>18</v>
      </c>
      <c r="G2343" s="6" t="s">
        <v>4936</v>
      </c>
      <c r="H2343" s="6" t="s">
        <v>4937</v>
      </c>
      <c r="I2343" s="7">
        <v>4.5974211</v>
      </c>
      <c r="J2343" s="8">
        <v>-74.089585</v>
      </c>
    </row>
    <row r="2344" spans="1:10" x14ac:dyDescent="0.35">
      <c r="A2344" s="5" t="s">
        <v>10</v>
      </c>
      <c r="B2344" s="6">
        <v>205030</v>
      </c>
      <c r="C2344" s="6" t="s">
        <v>278</v>
      </c>
      <c r="D2344" s="6" t="s">
        <v>3873</v>
      </c>
      <c r="E2344" s="6">
        <v>50568</v>
      </c>
      <c r="F2344" s="6" t="s">
        <v>18</v>
      </c>
      <c r="G2344" s="6" t="s">
        <v>4938</v>
      </c>
      <c r="H2344" s="6" t="s">
        <v>4939</v>
      </c>
      <c r="I2344" s="7">
        <v>4.3123762000000001</v>
      </c>
      <c r="J2344" s="8">
        <v>-72.082682199999994</v>
      </c>
    </row>
    <row r="2345" spans="1:10" x14ac:dyDescent="0.35">
      <c r="A2345" s="5" t="s">
        <v>10</v>
      </c>
      <c r="B2345" s="6">
        <v>213508</v>
      </c>
      <c r="C2345" s="6" t="s">
        <v>278</v>
      </c>
      <c r="D2345" s="6" t="s">
        <v>4924</v>
      </c>
      <c r="E2345" s="6">
        <v>50689</v>
      </c>
      <c r="F2345" s="6" t="s">
        <v>18</v>
      </c>
      <c r="G2345" s="6" t="s">
        <v>4940</v>
      </c>
      <c r="H2345" s="6" t="s">
        <v>4941</v>
      </c>
      <c r="I2345" s="7">
        <v>3.6984919999999999</v>
      </c>
      <c r="J2345" s="8">
        <v>-73.697308000000007</v>
      </c>
    </row>
    <row r="2346" spans="1:10" x14ac:dyDescent="0.35">
      <c r="A2346" s="5" t="s">
        <v>10</v>
      </c>
      <c r="B2346" s="6">
        <v>245713</v>
      </c>
      <c r="C2346" s="6" t="s">
        <v>278</v>
      </c>
      <c r="D2346" s="6" t="s">
        <v>1331</v>
      </c>
      <c r="E2346" s="6">
        <v>50006</v>
      </c>
      <c r="F2346" s="6" t="s">
        <v>18</v>
      </c>
      <c r="G2346" s="6" t="s">
        <v>4942</v>
      </c>
      <c r="H2346" s="6" t="s">
        <v>4943</v>
      </c>
      <c r="I2346" s="7">
        <v>3.9842173000000001</v>
      </c>
      <c r="J2346" s="8">
        <v>-73.757737399999996</v>
      </c>
    </row>
    <row r="2347" spans="1:10" x14ac:dyDescent="0.35">
      <c r="A2347" s="5" t="s">
        <v>10</v>
      </c>
      <c r="B2347" s="6">
        <v>243114</v>
      </c>
      <c r="C2347" s="6" t="s">
        <v>11</v>
      </c>
      <c r="D2347" s="6" t="s">
        <v>4944</v>
      </c>
      <c r="E2347" s="6">
        <v>25878</v>
      </c>
      <c r="F2347" s="6" t="s">
        <v>18</v>
      </c>
      <c r="G2347" s="6" t="s">
        <v>4945</v>
      </c>
      <c r="H2347" s="6" t="s">
        <v>4946</v>
      </c>
      <c r="I2347" s="7">
        <v>4.4391338999999999</v>
      </c>
      <c r="J2347" s="8">
        <v>-74.5213885</v>
      </c>
    </row>
    <row r="2348" spans="1:10" x14ac:dyDescent="0.35">
      <c r="A2348" s="5" t="s">
        <v>10</v>
      </c>
      <c r="B2348" s="6">
        <v>229194</v>
      </c>
      <c r="C2348" s="6" t="s">
        <v>11</v>
      </c>
      <c r="D2348" s="6" t="s">
        <v>1206</v>
      </c>
      <c r="E2348" s="6">
        <v>25875</v>
      </c>
      <c r="F2348" s="6" t="s">
        <v>18</v>
      </c>
      <c r="G2348" s="6" t="s">
        <v>4947</v>
      </c>
      <c r="H2348" s="6" t="s">
        <v>4948</v>
      </c>
      <c r="I2348" s="7">
        <v>5.0117120999999996</v>
      </c>
      <c r="J2348" s="8">
        <v>-74.471735699999996</v>
      </c>
    </row>
    <row r="2349" spans="1:10" x14ac:dyDescent="0.35">
      <c r="A2349" s="5" t="s">
        <v>10</v>
      </c>
      <c r="B2349" s="6">
        <v>236069</v>
      </c>
      <c r="C2349" s="6" t="s">
        <v>11</v>
      </c>
      <c r="D2349" s="6" t="s">
        <v>4124</v>
      </c>
      <c r="E2349" s="6">
        <v>25293</v>
      </c>
      <c r="F2349" s="6" t="s">
        <v>18</v>
      </c>
      <c r="G2349" s="6" t="s">
        <v>4949</v>
      </c>
      <c r="H2349" s="6" t="s">
        <v>4950</v>
      </c>
      <c r="I2349" s="7">
        <v>4.6929091999999999</v>
      </c>
      <c r="J2349" s="8">
        <v>-73.5214845</v>
      </c>
    </row>
    <row r="2350" spans="1:10" x14ac:dyDescent="0.35">
      <c r="A2350" s="5" t="s">
        <v>10</v>
      </c>
      <c r="B2350" s="6">
        <v>239900</v>
      </c>
      <c r="C2350" s="6" t="s">
        <v>11</v>
      </c>
      <c r="D2350" s="6" t="s">
        <v>4951</v>
      </c>
      <c r="E2350" s="6">
        <v>25898</v>
      </c>
      <c r="F2350" s="6" t="s">
        <v>18</v>
      </c>
      <c r="G2350" s="6" t="s">
        <v>4952</v>
      </c>
      <c r="H2350" s="6" t="s">
        <v>4953</v>
      </c>
      <c r="I2350" s="7">
        <v>4.7600987000000003</v>
      </c>
      <c r="J2350" s="8">
        <v>-74.380103000000005</v>
      </c>
    </row>
    <row r="2351" spans="1:10" x14ac:dyDescent="0.35">
      <c r="A2351" s="5" t="s">
        <v>10</v>
      </c>
      <c r="B2351" s="6">
        <v>187041</v>
      </c>
      <c r="C2351" s="6" t="s">
        <v>11</v>
      </c>
      <c r="D2351" s="6" t="s">
        <v>334</v>
      </c>
      <c r="E2351" s="6">
        <v>25754</v>
      </c>
      <c r="F2351" s="6" t="s">
        <v>18</v>
      </c>
      <c r="G2351" s="6" t="s">
        <v>4954</v>
      </c>
      <c r="H2351" s="6" t="s">
        <v>4955</v>
      </c>
      <c r="I2351" s="7">
        <v>4.5723799999999999</v>
      </c>
      <c r="J2351" s="8">
        <v>-74.212742300000002</v>
      </c>
    </row>
    <row r="2352" spans="1:10" x14ac:dyDescent="0.35">
      <c r="A2352" s="5" t="s">
        <v>10</v>
      </c>
      <c r="B2352" s="6">
        <v>231885</v>
      </c>
      <c r="C2352" s="6" t="s">
        <v>68</v>
      </c>
      <c r="D2352" s="6" t="s">
        <v>69</v>
      </c>
      <c r="E2352" s="6">
        <v>11001</v>
      </c>
      <c r="F2352" s="6" t="s">
        <v>18</v>
      </c>
      <c r="G2352" s="6" t="s">
        <v>4956</v>
      </c>
      <c r="H2352" s="6" t="s">
        <v>4957</v>
      </c>
      <c r="I2352" s="7">
        <v>4.7206333999999996</v>
      </c>
      <c r="J2352" s="8">
        <v>-74.131527599999998</v>
      </c>
    </row>
    <row r="2353" spans="1:10" x14ac:dyDescent="0.35">
      <c r="A2353" s="5" t="s">
        <v>10</v>
      </c>
      <c r="B2353" s="6">
        <v>232674</v>
      </c>
      <c r="C2353" s="6" t="s">
        <v>109</v>
      </c>
      <c r="D2353" s="6" t="s">
        <v>3171</v>
      </c>
      <c r="E2353" s="6">
        <v>13244</v>
      </c>
      <c r="F2353" s="6" t="s">
        <v>18</v>
      </c>
      <c r="G2353" s="6" t="s">
        <v>4958</v>
      </c>
      <c r="H2353" s="6" t="s">
        <v>4959</v>
      </c>
      <c r="I2353" s="7">
        <v>8.7520187000000007</v>
      </c>
      <c r="J2353" s="8">
        <v>-75.888208000000006</v>
      </c>
    </row>
    <row r="2354" spans="1:10" x14ac:dyDescent="0.35">
      <c r="A2354" s="5" t="s">
        <v>10</v>
      </c>
      <c r="B2354" s="6">
        <v>205966</v>
      </c>
      <c r="C2354" s="6" t="s">
        <v>24</v>
      </c>
      <c r="D2354" s="6" t="s">
        <v>4960</v>
      </c>
      <c r="E2354" s="6">
        <v>15135</v>
      </c>
      <c r="F2354" s="6" t="s">
        <v>18</v>
      </c>
      <c r="G2354" s="6" t="s">
        <v>4961</v>
      </c>
      <c r="H2354" s="6" t="s">
        <v>4962</v>
      </c>
      <c r="I2354" s="7">
        <v>5.0292653999999999</v>
      </c>
      <c r="J2354" s="8">
        <v>-73.106829000000005</v>
      </c>
    </row>
    <row r="2355" spans="1:10" x14ac:dyDescent="0.35">
      <c r="A2355" s="5" t="s">
        <v>10</v>
      </c>
      <c r="B2355" s="6">
        <v>244464</v>
      </c>
      <c r="C2355" s="6" t="s">
        <v>16</v>
      </c>
      <c r="D2355" s="6" t="s">
        <v>510</v>
      </c>
      <c r="E2355" s="6">
        <v>68547</v>
      </c>
      <c r="F2355" s="6" t="s">
        <v>18</v>
      </c>
      <c r="G2355" s="6" t="s">
        <v>4963</v>
      </c>
      <c r="H2355" s="6" t="s">
        <v>4964</v>
      </c>
      <c r="I2355" s="7">
        <v>6.9720366</v>
      </c>
      <c r="J2355" s="8">
        <v>-73.059654899999998</v>
      </c>
    </row>
    <row r="2356" spans="1:10" x14ac:dyDescent="0.35">
      <c r="A2356" s="5" t="s">
        <v>10</v>
      </c>
      <c r="B2356" s="6">
        <v>208108</v>
      </c>
      <c r="C2356" s="6" t="s">
        <v>16</v>
      </c>
      <c r="D2356" s="6" t="s">
        <v>78</v>
      </c>
      <c r="E2356" s="6">
        <v>68001</v>
      </c>
      <c r="F2356" s="6" t="s">
        <v>18</v>
      </c>
      <c r="G2356" s="6" t="s">
        <v>4965</v>
      </c>
      <c r="H2356" s="6" t="s">
        <v>4966</v>
      </c>
      <c r="I2356" s="7">
        <v>7.1009631000000004</v>
      </c>
      <c r="J2356" s="8">
        <v>-73.1249909</v>
      </c>
    </row>
    <row r="2357" spans="1:10" x14ac:dyDescent="0.35">
      <c r="A2357" s="5" t="s">
        <v>10</v>
      </c>
      <c r="B2357" s="6">
        <v>230784</v>
      </c>
      <c r="C2357" s="6" t="s">
        <v>16</v>
      </c>
      <c r="D2357" s="6" t="s">
        <v>78</v>
      </c>
      <c r="E2357" s="6">
        <v>68001</v>
      </c>
      <c r="F2357" s="6" t="s">
        <v>18</v>
      </c>
      <c r="G2357" s="6" t="s">
        <v>4967</v>
      </c>
      <c r="H2357" s="6" t="s">
        <v>4968</v>
      </c>
      <c r="I2357" s="7">
        <v>7.1322730999999999</v>
      </c>
      <c r="J2357" s="8">
        <v>-73.120039700000007</v>
      </c>
    </row>
    <row r="2358" spans="1:10" x14ac:dyDescent="0.35">
      <c r="A2358" s="5" t="s">
        <v>10</v>
      </c>
      <c r="B2358" s="6">
        <v>228726</v>
      </c>
      <c r="C2358" s="6" t="s">
        <v>11</v>
      </c>
      <c r="D2358" s="6" t="s">
        <v>12</v>
      </c>
      <c r="E2358" s="6">
        <v>25899</v>
      </c>
      <c r="F2358" s="6" t="s">
        <v>18</v>
      </c>
      <c r="G2358" s="6" t="s">
        <v>4969</v>
      </c>
      <c r="H2358" s="6" t="s">
        <v>4970</v>
      </c>
      <c r="I2358" s="7">
        <v>5.0194942999999999</v>
      </c>
      <c r="J2358" s="8">
        <v>-74.002698300000006</v>
      </c>
    </row>
    <row r="2359" spans="1:10" x14ac:dyDescent="0.35">
      <c r="A2359" s="5" t="s">
        <v>10</v>
      </c>
      <c r="B2359" s="6">
        <v>243161</v>
      </c>
      <c r="C2359" s="6" t="s">
        <v>11</v>
      </c>
      <c r="D2359" s="6" t="s">
        <v>407</v>
      </c>
      <c r="E2359" s="6">
        <v>25126</v>
      </c>
      <c r="F2359" s="6" t="s">
        <v>18</v>
      </c>
      <c r="G2359" s="6" t="s">
        <v>4971</v>
      </c>
      <c r="H2359" s="6" t="s">
        <v>4816</v>
      </c>
      <c r="I2359" s="7">
        <v>4.9182841000000002</v>
      </c>
      <c r="J2359" s="8">
        <v>-74.025826899999998</v>
      </c>
    </row>
    <row r="2360" spans="1:10" x14ac:dyDescent="0.35">
      <c r="A2360" s="5" t="s">
        <v>10</v>
      </c>
      <c r="B2360" s="6">
        <v>225919</v>
      </c>
      <c r="C2360" s="6" t="s">
        <v>68</v>
      </c>
      <c r="D2360" s="6" t="s">
        <v>69</v>
      </c>
      <c r="E2360" s="6">
        <v>11001</v>
      </c>
      <c r="F2360" s="6" t="s">
        <v>18</v>
      </c>
      <c r="G2360" s="6" t="s">
        <v>4972</v>
      </c>
      <c r="H2360" s="6" t="s">
        <v>4973</v>
      </c>
      <c r="I2360" s="7">
        <v>4.7230258999999997</v>
      </c>
      <c r="J2360" s="8">
        <v>-74.092279399999995</v>
      </c>
    </row>
    <row r="2361" spans="1:10" x14ac:dyDescent="0.35">
      <c r="A2361" s="5" t="s">
        <v>10</v>
      </c>
      <c r="B2361" s="6">
        <v>221958</v>
      </c>
      <c r="C2361" s="6" t="s">
        <v>68</v>
      </c>
      <c r="D2361" s="6" t="s">
        <v>69</v>
      </c>
      <c r="E2361" s="6">
        <v>11001</v>
      </c>
      <c r="F2361" s="6" t="s">
        <v>18</v>
      </c>
      <c r="G2361" s="6" t="s">
        <v>4974</v>
      </c>
      <c r="H2361" s="6" t="s">
        <v>4975</v>
      </c>
      <c r="I2361" s="7">
        <v>4.5484403000000002</v>
      </c>
      <c r="J2361" s="8">
        <v>-74.093657899999997</v>
      </c>
    </row>
    <row r="2362" spans="1:10" x14ac:dyDescent="0.35">
      <c r="A2362" s="5" t="s">
        <v>10</v>
      </c>
      <c r="B2362" s="6">
        <v>226327</v>
      </c>
      <c r="C2362" s="6" t="s">
        <v>302</v>
      </c>
      <c r="D2362" s="6" t="s">
        <v>359</v>
      </c>
      <c r="E2362" s="6">
        <v>8001</v>
      </c>
      <c r="F2362" s="6" t="s">
        <v>13</v>
      </c>
      <c r="G2362" s="6" t="s">
        <v>3737</v>
      </c>
      <c r="H2362" s="6" t="s">
        <v>4976</v>
      </c>
      <c r="I2362" s="7">
        <v>11.0055829</v>
      </c>
      <c r="J2362" s="8">
        <v>-74.821756600000001</v>
      </c>
    </row>
    <row r="2363" spans="1:10" x14ac:dyDescent="0.35">
      <c r="A2363" s="5" t="s">
        <v>10</v>
      </c>
      <c r="B2363" s="6">
        <v>226365</v>
      </c>
      <c r="C2363" s="6" t="s">
        <v>42</v>
      </c>
      <c r="D2363" s="6" t="s">
        <v>43</v>
      </c>
      <c r="E2363" s="6">
        <v>17001</v>
      </c>
      <c r="F2363" s="6" t="s">
        <v>13</v>
      </c>
      <c r="G2363" s="6" t="s">
        <v>3737</v>
      </c>
      <c r="H2363" s="6" t="s">
        <v>4977</v>
      </c>
      <c r="I2363" s="7">
        <v>5.0562832000000002</v>
      </c>
      <c r="J2363" s="8">
        <v>-75.485567500000002</v>
      </c>
    </row>
    <row r="2364" spans="1:10" x14ac:dyDescent="0.35">
      <c r="A2364" s="5" t="s">
        <v>10</v>
      </c>
      <c r="B2364" s="6">
        <v>203816</v>
      </c>
      <c r="C2364" s="6" t="s">
        <v>24</v>
      </c>
      <c r="D2364" s="6" t="s">
        <v>85</v>
      </c>
      <c r="E2364" s="6">
        <v>15759</v>
      </c>
      <c r="F2364" s="6" t="s">
        <v>18</v>
      </c>
      <c r="G2364" s="6" t="s">
        <v>4978</v>
      </c>
      <c r="H2364" s="6" t="s">
        <v>4979</v>
      </c>
      <c r="I2364" s="7">
        <v>5.7160848</v>
      </c>
      <c r="J2364" s="8">
        <v>-72.931128899999905</v>
      </c>
    </row>
    <row r="2365" spans="1:10" x14ac:dyDescent="0.35">
      <c r="A2365" s="5" t="s">
        <v>10</v>
      </c>
      <c r="B2365" s="6">
        <v>205477</v>
      </c>
      <c r="C2365" s="6" t="s">
        <v>24</v>
      </c>
      <c r="D2365" s="6" t="s">
        <v>137</v>
      </c>
      <c r="E2365" s="6">
        <v>15238</v>
      </c>
      <c r="F2365" s="6" t="s">
        <v>18</v>
      </c>
      <c r="G2365" s="6" t="s">
        <v>4980</v>
      </c>
      <c r="H2365" s="6" t="s">
        <v>4981</v>
      </c>
      <c r="I2365" s="7">
        <v>5.8120677000000001</v>
      </c>
      <c r="J2365" s="8">
        <v>-73.010822399999995</v>
      </c>
    </row>
    <row r="2366" spans="1:10" x14ac:dyDescent="0.35">
      <c r="A2366" s="5" t="s">
        <v>10</v>
      </c>
      <c r="B2366" s="6">
        <v>151575</v>
      </c>
      <c r="C2366" s="6" t="s">
        <v>16</v>
      </c>
      <c r="D2366" s="6" t="s">
        <v>17</v>
      </c>
      <c r="E2366" s="6">
        <v>68679</v>
      </c>
      <c r="F2366" s="6" t="s">
        <v>18</v>
      </c>
      <c r="G2366" s="6" t="s">
        <v>4982</v>
      </c>
      <c r="H2366" s="6" t="s">
        <v>4983</v>
      </c>
      <c r="I2366" s="7">
        <v>6.5524947999999998</v>
      </c>
      <c r="J2366" s="8">
        <v>-73.132167600000002</v>
      </c>
    </row>
    <row r="2367" spans="1:10" x14ac:dyDescent="0.35">
      <c r="A2367" s="5" t="s">
        <v>10</v>
      </c>
      <c r="B2367" s="6">
        <v>236413</v>
      </c>
      <c r="C2367" s="6" t="s">
        <v>2130</v>
      </c>
      <c r="D2367" s="6" t="s">
        <v>4238</v>
      </c>
      <c r="E2367" s="6">
        <v>85410</v>
      </c>
      <c r="F2367" s="6" t="s">
        <v>18</v>
      </c>
      <c r="G2367" s="6" t="s">
        <v>4984</v>
      </c>
      <c r="H2367" s="6" t="s">
        <v>4985</v>
      </c>
      <c r="I2367" s="7">
        <v>5.0101028999999997</v>
      </c>
      <c r="J2367" s="8">
        <v>-72.747393599999995</v>
      </c>
    </row>
    <row r="2368" spans="1:10" x14ac:dyDescent="0.35">
      <c r="A2368" s="5" t="s">
        <v>10</v>
      </c>
      <c r="B2368" s="6">
        <v>202455</v>
      </c>
      <c r="C2368" s="6" t="s">
        <v>278</v>
      </c>
      <c r="D2368" s="6" t="s">
        <v>279</v>
      </c>
      <c r="E2368" s="6">
        <v>50001</v>
      </c>
      <c r="F2368" s="6" t="s">
        <v>18</v>
      </c>
      <c r="G2368" s="6" t="s">
        <v>4986</v>
      </c>
      <c r="H2368" s="6" t="s">
        <v>4987</v>
      </c>
      <c r="I2368" s="7">
        <v>4.1390719999999996</v>
      </c>
      <c r="J2368" s="8">
        <v>-73.636735999999999</v>
      </c>
    </row>
    <row r="2369" spans="1:10" x14ac:dyDescent="0.35">
      <c r="A2369" s="5" t="s">
        <v>10</v>
      </c>
      <c r="B2369" s="6">
        <v>148596</v>
      </c>
      <c r="C2369" s="6" t="s">
        <v>294</v>
      </c>
      <c r="D2369" s="6" t="s">
        <v>703</v>
      </c>
      <c r="E2369" s="6">
        <v>41001</v>
      </c>
      <c r="F2369" s="6" t="s">
        <v>18</v>
      </c>
      <c r="G2369" s="6" t="s">
        <v>4988</v>
      </c>
      <c r="H2369" s="6" t="s">
        <v>4989</v>
      </c>
      <c r="I2369" s="7">
        <v>2.9344836999999999</v>
      </c>
      <c r="J2369" s="8">
        <v>-75.280900099999997</v>
      </c>
    </row>
    <row r="2370" spans="1:10" x14ac:dyDescent="0.35">
      <c r="A2370" s="5" t="s">
        <v>10</v>
      </c>
      <c r="B2370" s="6">
        <v>188122</v>
      </c>
      <c r="C2370" s="6" t="s">
        <v>294</v>
      </c>
      <c r="D2370" s="6" t="s">
        <v>4213</v>
      </c>
      <c r="E2370" s="6">
        <v>41791</v>
      </c>
      <c r="F2370" s="6" t="s">
        <v>18</v>
      </c>
      <c r="G2370" s="6" t="s">
        <v>4990</v>
      </c>
      <c r="H2370" s="6" t="s">
        <v>4991</v>
      </c>
      <c r="I2370" s="7">
        <v>2.4424166999999999</v>
      </c>
      <c r="J2370" s="8">
        <v>-76.607662599999998</v>
      </c>
    </row>
    <row r="2371" spans="1:10" x14ac:dyDescent="0.35">
      <c r="A2371" s="5" t="s">
        <v>10</v>
      </c>
      <c r="B2371" s="6">
        <v>212982</v>
      </c>
      <c r="C2371" s="6" t="s">
        <v>11</v>
      </c>
      <c r="D2371" s="6" t="s">
        <v>513</v>
      </c>
      <c r="E2371" s="6">
        <v>25286</v>
      </c>
      <c r="F2371" s="6" t="s">
        <v>18</v>
      </c>
      <c r="G2371" s="6" t="s">
        <v>4992</v>
      </c>
      <c r="H2371" s="6" t="s">
        <v>4993</v>
      </c>
      <c r="I2371" s="7">
        <v>4.7880599999999998</v>
      </c>
      <c r="J2371" s="8">
        <v>-73.716980000000007</v>
      </c>
    </row>
    <row r="2372" spans="1:10" x14ac:dyDescent="0.35">
      <c r="A2372" s="5" t="s">
        <v>10</v>
      </c>
      <c r="B2372" s="6">
        <v>216189</v>
      </c>
      <c r="C2372" s="6" t="s">
        <v>11</v>
      </c>
      <c r="D2372" s="6" t="s">
        <v>337</v>
      </c>
      <c r="E2372" s="6">
        <v>25290</v>
      </c>
      <c r="F2372" s="6" t="s">
        <v>18</v>
      </c>
      <c r="G2372" s="6" t="s">
        <v>4994</v>
      </c>
      <c r="H2372" s="6" t="s">
        <v>4995</v>
      </c>
      <c r="I2372" s="7">
        <v>4.3420638999999897</v>
      </c>
      <c r="J2372" s="8">
        <v>-74.361520200000001</v>
      </c>
    </row>
    <row r="2373" spans="1:10" x14ac:dyDescent="0.35">
      <c r="A2373" s="5" t="s">
        <v>10</v>
      </c>
      <c r="B2373" s="6">
        <v>185098</v>
      </c>
      <c r="C2373" s="6" t="s">
        <v>11</v>
      </c>
      <c r="D2373" s="6" t="s">
        <v>334</v>
      </c>
      <c r="E2373" s="6">
        <v>25754</v>
      </c>
      <c r="F2373" s="6" t="s">
        <v>18</v>
      </c>
      <c r="G2373" s="6" t="s">
        <v>4996</v>
      </c>
      <c r="H2373" s="6" t="s">
        <v>4997</v>
      </c>
      <c r="I2373" s="7">
        <v>4.5779883999999997</v>
      </c>
      <c r="J2373" s="8">
        <v>-74.242845099999997</v>
      </c>
    </row>
    <row r="2374" spans="1:10" x14ac:dyDescent="0.35">
      <c r="A2374" s="5" t="s">
        <v>10</v>
      </c>
      <c r="B2374" s="6">
        <v>226310</v>
      </c>
      <c r="C2374" s="6" t="s">
        <v>16</v>
      </c>
      <c r="D2374" s="6" t="s">
        <v>78</v>
      </c>
      <c r="E2374" s="6">
        <v>68001</v>
      </c>
      <c r="F2374" s="6" t="s">
        <v>13</v>
      </c>
      <c r="G2374" s="6" t="s">
        <v>3737</v>
      </c>
      <c r="H2374" s="6" t="s">
        <v>4998</v>
      </c>
      <c r="I2374" s="7">
        <v>7.1041754999999904</v>
      </c>
      <c r="J2374" s="8">
        <v>-73.1226494</v>
      </c>
    </row>
    <row r="2375" spans="1:10" x14ac:dyDescent="0.35">
      <c r="A2375" s="5" t="s">
        <v>10</v>
      </c>
      <c r="B2375" s="6">
        <v>228020</v>
      </c>
      <c r="C2375" s="6" t="s">
        <v>551</v>
      </c>
      <c r="D2375" s="6" t="s">
        <v>4403</v>
      </c>
      <c r="E2375" s="6">
        <v>20013</v>
      </c>
      <c r="F2375" s="6" t="s">
        <v>18</v>
      </c>
      <c r="G2375" s="6" t="s">
        <v>4999</v>
      </c>
      <c r="H2375" s="6" t="s">
        <v>5000</v>
      </c>
      <c r="I2375" s="7">
        <v>10.030344100000001</v>
      </c>
      <c r="J2375" s="8">
        <v>-73.228205299999999</v>
      </c>
    </row>
    <row r="2376" spans="1:10" x14ac:dyDescent="0.35">
      <c r="A2376" s="5" t="s">
        <v>10</v>
      </c>
      <c r="B2376" s="6">
        <v>215429</v>
      </c>
      <c r="C2376" s="6" t="s">
        <v>278</v>
      </c>
      <c r="D2376" s="6" t="s">
        <v>1524</v>
      </c>
      <c r="E2376" s="6">
        <v>50318</v>
      </c>
      <c r="F2376" s="6" t="s">
        <v>18</v>
      </c>
      <c r="G2376" s="6" t="s">
        <v>4475</v>
      </c>
      <c r="H2376" s="6" t="s">
        <v>4476</v>
      </c>
      <c r="I2376" s="7">
        <v>3.8791603000000001</v>
      </c>
      <c r="J2376" s="8">
        <v>-73.767185499999997</v>
      </c>
    </row>
    <row r="2377" spans="1:10" x14ac:dyDescent="0.35">
      <c r="A2377" s="5" t="s">
        <v>10</v>
      </c>
      <c r="B2377" s="6">
        <v>183800</v>
      </c>
      <c r="C2377" s="6" t="s">
        <v>278</v>
      </c>
      <c r="D2377" s="6" t="s">
        <v>1331</v>
      </c>
      <c r="E2377" s="6">
        <v>50006</v>
      </c>
      <c r="F2377" s="6" t="s">
        <v>18</v>
      </c>
      <c r="G2377" s="6" t="s">
        <v>5001</v>
      </c>
      <c r="H2377" s="6" t="s">
        <v>5002</v>
      </c>
      <c r="I2377" s="7">
        <v>3.9833864000000001</v>
      </c>
      <c r="J2377" s="8">
        <v>-73.781221599999995</v>
      </c>
    </row>
    <row r="2378" spans="1:10" x14ac:dyDescent="0.35">
      <c r="A2378" s="5" t="s">
        <v>10</v>
      </c>
      <c r="B2378" s="6">
        <v>230812</v>
      </c>
      <c r="C2378" s="6" t="s">
        <v>2130</v>
      </c>
      <c r="D2378" s="6" t="s">
        <v>4241</v>
      </c>
      <c r="E2378" s="6">
        <v>85430</v>
      </c>
      <c r="F2378" s="6" t="s">
        <v>18</v>
      </c>
      <c r="G2378" s="6" t="s">
        <v>5003</v>
      </c>
      <c r="H2378" s="6" t="s">
        <v>5004</v>
      </c>
      <c r="I2378" s="7">
        <v>5.4115814000000002</v>
      </c>
      <c r="J2378" s="8">
        <v>-71.661381700000007</v>
      </c>
    </row>
    <row r="2379" spans="1:10" x14ac:dyDescent="0.35">
      <c r="A2379" s="5" t="s">
        <v>10</v>
      </c>
      <c r="B2379" s="6">
        <v>232846</v>
      </c>
      <c r="C2379" s="6" t="s">
        <v>278</v>
      </c>
      <c r="D2379" s="6" t="s">
        <v>279</v>
      </c>
      <c r="E2379" s="6">
        <v>50001</v>
      </c>
      <c r="F2379" s="6" t="s">
        <v>18</v>
      </c>
      <c r="G2379" s="6" t="s">
        <v>5005</v>
      </c>
      <c r="H2379" s="6" t="s">
        <v>5006</v>
      </c>
      <c r="I2379" s="7">
        <v>4.1506882000000003</v>
      </c>
      <c r="J2379" s="8">
        <v>-73.621099400000006</v>
      </c>
    </row>
    <row r="2380" spans="1:10" x14ac:dyDescent="0.35">
      <c r="A2380" s="5" t="s">
        <v>10</v>
      </c>
      <c r="B2380" s="6">
        <v>230303</v>
      </c>
      <c r="C2380" s="6" t="s">
        <v>11</v>
      </c>
      <c r="D2380" s="6" t="s">
        <v>1752</v>
      </c>
      <c r="E2380" s="6">
        <v>25799</v>
      </c>
      <c r="F2380" s="6" t="s">
        <v>18</v>
      </c>
      <c r="G2380" s="6" t="s">
        <v>5007</v>
      </c>
      <c r="H2380" s="6" t="s">
        <v>4884</v>
      </c>
      <c r="I2380" s="7">
        <v>4.8696374000000002</v>
      </c>
      <c r="J2380" s="8">
        <v>-74.144318499999997</v>
      </c>
    </row>
    <row r="2381" spans="1:10" x14ac:dyDescent="0.35">
      <c r="A2381" s="5" t="s">
        <v>10</v>
      </c>
      <c r="B2381" s="6">
        <v>140731</v>
      </c>
      <c r="C2381" s="6" t="s">
        <v>11</v>
      </c>
      <c r="D2381" s="6" t="s">
        <v>251</v>
      </c>
      <c r="E2381" s="6">
        <v>25214</v>
      </c>
      <c r="F2381" s="6" t="s">
        <v>18</v>
      </c>
      <c r="G2381" s="6" t="s">
        <v>5008</v>
      </c>
      <c r="H2381" s="6" t="s">
        <v>5009</v>
      </c>
      <c r="I2381" s="7">
        <v>4.8092755999999897</v>
      </c>
      <c r="J2381" s="8">
        <v>-74.102094199999996</v>
      </c>
    </row>
    <row r="2382" spans="1:10" x14ac:dyDescent="0.35">
      <c r="A2382" s="5" t="s">
        <v>10</v>
      </c>
      <c r="B2382" s="6">
        <v>243076</v>
      </c>
      <c r="C2382" s="6" t="s">
        <v>11</v>
      </c>
      <c r="D2382" s="6" t="s">
        <v>407</v>
      </c>
      <c r="E2382" s="6">
        <v>25126</v>
      </c>
      <c r="F2382" s="6" t="s">
        <v>18</v>
      </c>
      <c r="G2382" s="6" t="s">
        <v>5010</v>
      </c>
      <c r="H2382" s="6" t="s">
        <v>5011</v>
      </c>
      <c r="I2382" s="7">
        <v>4.9113005000000003</v>
      </c>
      <c r="J2382" s="8">
        <v>-74.026254199999997</v>
      </c>
    </row>
    <row r="2383" spans="1:10" x14ac:dyDescent="0.35">
      <c r="A2383" s="5" t="s">
        <v>10</v>
      </c>
      <c r="B2383" s="6">
        <v>205705</v>
      </c>
      <c r="C2383" s="6" t="s">
        <v>28</v>
      </c>
      <c r="D2383" s="6" t="s">
        <v>29</v>
      </c>
      <c r="E2383" s="6">
        <v>54001</v>
      </c>
      <c r="F2383" s="6" t="s">
        <v>18</v>
      </c>
      <c r="G2383" s="6" t="s">
        <v>5012</v>
      </c>
      <c r="H2383" s="6" t="s">
        <v>5013</v>
      </c>
      <c r="I2383" s="7">
        <v>7.8976240999999998</v>
      </c>
      <c r="J2383" s="8">
        <v>-72.525035099999997</v>
      </c>
    </row>
    <row r="2384" spans="1:10" x14ac:dyDescent="0.35">
      <c r="A2384" s="5" t="s">
        <v>10</v>
      </c>
      <c r="B2384" s="6">
        <v>223009</v>
      </c>
      <c r="C2384" s="6" t="s">
        <v>68</v>
      </c>
      <c r="D2384" s="6" t="s">
        <v>69</v>
      </c>
      <c r="E2384" s="6">
        <v>11001</v>
      </c>
      <c r="F2384" s="6" t="s">
        <v>18</v>
      </c>
      <c r="G2384" s="6" t="s">
        <v>5014</v>
      </c>
      <c r="H2384" s="6" t="s">
        <v>5015</v>
      </c>
      <c r="I2384" s="7">
        <v>4.6180101000000002</v>
      </c>
      <c r="J2384" s="8">
        <v>-74.072043199999996</v>
      </c>
    </row>
    <row r="2385" spans="1:10" x14ac:dyDescent="0.35">
      <c r="A2385" s="5" t="s">
        <v>10</v>
      </c>
      <c r="B2385" s="6">
        <v>226400</v>
      </c>
      <c r="C2385" s="6" t="s">
        <v>190</v>
      </c>
      <c r="D2385" s="6" t="s">
        <v>191</v>
      </c>
      <c r="E2385" s="6">
        <v>5001</v>
      </c>
      <c r="F2385" s="6" t="s">
        <v>13</v>
      </c>
      <c r="G2385" s="6" t="s">
        <v>3737</v>
      </c>
      <c r="H2385" s="6" t="s">
        <v>5016</v>
      </c>
      <c r="I2385" s="7">
        <v>6.2985728999999999</v>
      </c>
      <c r="J2385" s="8">
        <v>-75.5482066</v>
      </c>
    </row>
    <row r="2386" spans="1:10" x14ac:dyDescent="0.35">
      <c r="A2386" s="5" t="s">
        <v>10</v>
      </c>
      <c r="B2386" s="6">
        <v>234707</v>
      </c>
      <c r="C2386" s="6" t="s">
        <v>16</v>
      </c>
      <c r="D2386" s="6" t="s">
        <v>78</v>
      </c>
      <c r="E2386" s="6">
        <v>68001</v>
      </c>
      <c r="F2386" s="6" t="s">
        <v>18</v>
      </c>
      <c r="G2386" s="6" t="s">
        <v>5017</v>
      </c>
      <c r="H2386" s="6" t="s">
        <v>5018</v>
      </c>
      <c r="I2386" s="7">
        <v>7.1157295999999999</v>
      </c>
      <c r="J2386" s="8">
        <v>-73.1216632</v>
      </c>
    </row>
    <row r="2387" spans="1:10" x14ac:dyDescent="0.35">
      <c r="A2387" s="5" t="s">
        <v>10</v>
      </c>
      <c r="B2387" s="6">
        <v>224514</v>
      </c>
      <c r="C2387" s="6" t="s">
        <v>3819</v>
      </c>
      <c r="D2387" s="6" t="s">
        <v>4615</v>
      </c>
      <c r="E2387" s="6">
        <v>86001</v>
      </c>
      <c r="F2387" s="6" t="s">
        <v>18</v>
      </c>
      <c r="G2387" s="6" t="s">
        <v>5019</v>
      </c>
      <c r="H2387" s="6" t="s">
        <v>5020</v>
      </c>
      <c r="I2387" s="7">
        <v>1.1450163</v>
      </c>
      <c r="J2387" s="8">
        <v>-76.645565599999998</v>
      </c>
    </row>
    <row r="2388" spans="1:10" x14ac:dyDescent="0.35">
      <c r="A2388" s="5" t="s">
        <v>10</v>
      </c>
      <c r="B2388" s="6">
        <v>232477</v>
      </c>
      <c r="C2388" s="6" t="s">
        <v>11</v>
      </c>
      <c r="D2388" s="6" t="s">
        <v>334</v>
      </c>
      <c r="E2388" s="6">
        <v>25754</v>
      </c>
      <c r="F2388" s="6" t="s">
        <v>18</v>
      </c>
      <c r="G2388" s="6" t="s">
        <v>5021</v>
      </c>
      <c r="H2388" s="6" t="s">
        <v>5022</v>
      </c>
      <c r="I2388" s="7">
        <v>4.5737265000000003</v>
      </c>
      <c r="J2388" s="8">
        <v>-74.215991900000006</v>
      </c>
    </row>
    <row r="2389" spans="1:10" x14ac:dyDescent="0.35">
      <c r="A2389" s="5" t="s">
        <v>10</v>
      </c>
      <c r="B2389" s="6">
        <v>216058</v>
      </c>
      <c r="C2389" s="6" t="s">
        <v>11</v>
      </c>
      <c r="D2389" s="6" t="s">
        <v>513</v>
      </c>
      <c r="E2389" s="6">
        <v>25286</v>
      </c>
      <c r="F2389" s="6" t="s">
        <v>18</v>
      </c>
      <c r="G2389" s="6" t="s">
        <v>5023</v>
      </c>
      <c r="H2389" s="6" t="s">
        <v>5024</v>
      </c>
      <c r="I2389" s="7">
        <v>4.7139521000000002</v>
      </c>
      <c r="J2389" s="8">
        <v>-74.202524400000001</v>
      </c>
    </row>
    <row r="2390" spans="1:10" x14ac:dyDescent="0.35">
      <c r="A2390" s="5" t="s">
        <v>10</v>
      </c>
      <c r="B2390" s="6">
        <v>217850</v>
      </c>
      <c r="C2390" s="6" t="s">
        <v>11</v>
      </c>
      <c r="D2390" s="6" t="s">
        <v>334</v>
      </c>
      <c r="E2390" s="6">
        <v>25754</v>
      </c>
      <c r="F2390" s="6" t="s">
        <v>18</v>
      </c>
      <c r="G2390" s="6" t="s">
        <v>5025</v>
      </c>
      <c r="H2390" s="6" t="s">
        <v>5026</v>
      </c>
      <c r="I2390" s="7">
        <v>4.5771797000000003</v>
      </c>
      <c r="J2390" s="8">
        <v>-74.197754000000003</v>
      </c>
    </row>
    <row r="2391" spans="1:10" x14ac:dyDescent="0.35">
      <c r="A2391" s="5" t="s">
        <v>10</v>
      </c>
      <c r="B2391" s="6">
        <v>234840</v>
      </c>
      <c r="C2391" s="6" t="s">
        <v>68</v>
      </c>
      <c r="D2391" s="6" t="s">
        <v>69</v>
      </c>
      <c r="E2391" s="6">
        <v>11001</v>
      </c>
      <c r="F2391" s="6" t="s">
        <v>18</v>
      </c>
      <c r="G2391" s="6" t="s">
        <v>5027</v>
      </c>
      <c r="H2391" s="6" t="s">
        <v>5028</v>
      </c>
      <c r="I2391" s="7">
        <v>4.5708679999999999</v>
      </c>
      <c r="J2391" s="8">
        <v>-74.297332999999995</v>
      </c>
    </row>
    <row r="2392" spans="1:10" x14ac:dyDescent="0.35">
      <c r="A2392" s="5" t="s">
        <v>10</v>
      </c>
      <c r="B2392" s="6">
        <v>222516</v>
      </c>
      <c r="C2392" s="6" t="s">
        <v>24</v>
      </c>
      <c r="D2392" s="6" t="s">
        <v>1116</v>
      </c>
      <c r="E2392" s="6">
        <v>15325</v>
      </c>
      <c r="F2392" s="6" t="s">
        <v>18</v>
      </c>
      <c r="G2392" s="6" t="s">
        <v>5029</v>
      </c>
      <c r="H2392" s="6" t="s">
        <v>5030</v>
      </c>
      <c r="I2392" s="7">
        <v>4.9665244999999896</v>
      </c>
      <c r="J2392" s="8">
        <v>-73.4902546</v>
      </c>
    </row>
    <row r="2393" spans="1:10" x14ac:dyDescent="0.35">
      <c r="A2393" s="5" t="s">
        <v>10</v>
      </c>
      <c r="B2393" s="6">
        <v>204850</v>
      </c>
      <c r="C2393" s="6" t="s">
        <v>24</v>
      </c>
      <c r="D2393" s="6" t="s">
        <v>88</v>
      </c>
      <c r="E2393" s="6">
        <v>15001</v>
      </c>
      <c r="F2393" s="6" t="s">
        <v>18</v>
      </c>
      <c r="G2393" s="6" t="s">
        <v>5031</v>
      </c>
      <c r="H2393" s="6" t="s">
        <v>5032</v>
      </c>
      <c r="I2393" s="7">
        <v>5.5150914999999996</v>
      </c>
      <c r="J2393" s="8">
        <v>-73.3618953</v>
      </c>
    </row>
    <row r="2394" spans="1:10" x14ac:dyDescent="0.35">
      <c r="A2394" s="5" t="s">
        <v>10</v>
      </c>
      <c r="B2394" s="6">
        <v>205587</v>
      </c>
      <c r="C2394" s="6" t="s">
        <v>278</v>
      </c>
      <c r="D2394" s="6" t="s">
        <v>279</v>
      </c>
      <c r="E2394" s="6">
        <v>50001</v>
      </c>
      <c r="F2394" s="6" t="s">
        <v>18</v>
      </c>
      <c r="G2394" s="6" t="s">
        <v>5033</v>
      </c>
      <c r="H2394" s="6" t="s">
        <v>5034</v>
      </c>
      <c r="I2394" s="7">
        <v>4.0833436000000001</v>
      </c>
      <c r="J2394" s="8">
        <v>-73.669606399999907</v>
      </c>
    </row>
    <row r="2395" spans="1:10" x14ac:dyDescent="0.35">
      <c r="A2395" s="5" t="s">
        <v>10</v>
      </c>
      <c r="B2395" s="6">
        <v>183359</v>
      </c>
      <c r="C2395" s="6" t="s">
        <v>278</v>
      </c>
      <c r="D2395" s="6" t="s">
        <v>279</v>
      </c>
      <c r="E2395" s="6">
        <v>50001</v>
      </c>
      <c r="F2395" s="6" t="s">
        <v>18</v>
      </c>
      <c r="G2395" s="6" t="s">
        <v>5035</v>
      </c>
      <c r="H2395" s="6" t="s">
        <v>5036</v>
      </c>
      <c r="I2395" s="7">
        <v>4.1597241</v>
      </c>
      <c r="J2395" s="8">
        <v>-73.6498919</v>
      </c>
    </row>
    <row r="2396" spans="1:10" x14ac:dyDescent="0.35">
      <c r="A2396" s="5" t="s">
        <v>10</v>
      </c>
      <c r="B2396" s="6">
        <v>233115</v>
      </c>
      <c r="C2396" s="6" t="s">
        <v>294</v>
      </c>
      <c r="D2396" s="6" t="s">
        <v>4244</v>
      </c>
      <c r="E2396" s="6">
        <v>41298</v>
      </c>
      <c r="F2396" s="6" t="s">
        <v>18</v>
      </c>
      <c r="G2396" s="6" t="s">
        <v>5037</v>
      </c>
      <c r="H2396" s="6" t="s">
        <v>5038</v>
      </c>
      <c r="I2396" s="7">
        <v>2.1961829000000002</v>
      </c>
      <c r="J2396" s="8">
        <v>-75.634239899999997</v>
      </c>
    </row>
    <row r="2397" spans="1:10" x14ac:dyDescent="0.35">
      <c r="A2397" s="5" t="s">
        <v>10</v>
      </c>
      <c r="B2397" s="6">
        <v>211528</v>
      </c>
      <c r="C2397" s="6" t="s">
        <v>11</v>
      </c>
      <c r="D2397" s="6" t="s">
        <v>334</v>
      </c>
      <c r="E2397" s="6">
        <v>25754</v>
      </c>
      <c r="F2397" s="6" t="s">
        <v>18</v>
      </c>
      <c r="G2397" s="6" t="s">
        <v>860</v>
      </c>
      <c r="H2397" s="6" t="s">
        <v>5039</v>
      </c>
      <c r="I2397" s="7">
        <v>4.5743488000000001</v>
      </c>
      <c r="J2397" s="8">
        <v>-74.211195099999998</v>
      </c>
    </row>
    <row r="2398" spans="1:10" x14ac:dyDescent="0.35">
      <c r="A2398" s="5" t="s">
        <v>10</v>
      </c>
      <c r="B2398" s="6">
        <v>246281</v>
      </c>
      <c r="C2398" s="6" t="s">
        <v>11</v>
      </c>
      <c r="D2398" s="6" t="s">
        <v>21</v>
      </c>
      <c r="E2398" s="6">
        <v>25386</v>
      </c>
      <c r="F2398" s="6" t="s">
        <v>18</v>
      </c>
      <c r="G2398" s="6" t="s">
        <v>5040</v>
      </c>
      <c r="H2398" s="6" t="s">
        <v>5041</v>
      </c>
      <c r="I2398" s="7">
        <v>4.6466506000000001</v>
      </c>
      <c r="J2398" s="8">
        <v>-74.444439599999995</v>
      </c>
    </row>
    <row r="2399" spans="1:10" x14ac:dyDescent="0.35">
      <c r="A2399" s="5" t="s">
        <v>10</v>
      </c>
      <c r="B2399" s="6">
        <v>235063</v>
      </c>
      <c r="C2399" s="6" t="s">
        <v>11</v>
      </c>
      <c r="D2399" s="6" t="s">
        <v>334</v>
      </c>
      <c r="E2399" s="6">
        <v>25754</v>
      </c>
      <c r="F2399" s="6" t="s">
        <v>18</v>
      </c>
      <c r="G2399" s="6" t="s">
        <v>5042</v>
      </c>
      <c r="H2399" s="6" t="s">
        <v>5043</v>
      </c>
      <c r="I2399" s="7">
        <v>4.5681345999999996</v>
      </c>
      <c r="J2399" s="8">
        <v>-74.183997099999999</v>
      </c>
    </row>
    <row r="2400" spans="1:10" x14ac:dyDescent="0.35">
      <c r="A2400" s="5" t="s">
        <v>10</v>
      </c>
      <c r="B2400" s="6">
        <v>229954</v>
      </c>
      <c r="C2400" s="6" t="s">
        <v>117</v>
      </c>
      <c r="D2400" s="6" t="s">
        <v>1334</v>
      </c>
      <c r="E2400" s="6">
        <v>76001</v>
      </c>
      <c r="F2400" s="6" t="s">
        <v>18</v>
      </c>
      <c r="G2400" s="6" t="s">
        <v>5044</v>
      </c>
      <c r="H2400" s="6" t="s">
        <v>5045</v>
      </c>
      <c r="I2400" s="7">
        <v>3.4664074999999999</v>
      </c>
      <c r="J2400" s="8">
        <v>-76.492884200000006</v>
      </c>
    </row>
    <row r="2401" spans="1:10" x14ac:dyDescent="0.35">
      <c r="A2401" s="5" t="s">
        <v>10</v>
      </c>
      <c r="B2401" s="6">
        <v>227382</v>
      </c>
      <c r="C2401" s="6" t="s">
        <v>28</v>
      </c>
      <c r="D2401" s="6" t="s">
        <v>29</v>
      </c>
      <c r="E2401" s="6">
        <v>54001</v>
      </c>
      <c r="F2401" s="6" t="s">
        <v>18</v>
      </c>
      <c r="G2401" s="6" t="s">
        <v>5046</v>
      </c>
      <c r="H2401" s="6" t="s">
        <v>5047</v>
      </c>
      <c r="I2401" s="7">
        <v>7.8752490999999996</v>
      </c>
      <c r="J2401" s="8">
        <v>-72.536366299999997</v>
      </c>
    </row>
    <row r="2402" spans="1:10" x14ac:dyDescent="0.35">
      <c r="A2402" s="5" t="s">
        <v>10</v>
      </c>
      <c r="B2402" s="6">
        <v>210376</v>
      </c>
      <c r="C2402" s="6" t="s">
        <v>68</v>
      </c>
      <c r="D2402" s="6" t="s">
        <v>69</v>
      </c>
      <c r="E2402" s="6">
        <v>11001</v>
      </c>
      <c r="F2402" s="6" t="s">
        <v>18</v>
      </c>
      <c r="G2402" s="6" t="s">
        <v>5048</v>
      </c>
      <c r="H2402" s="6" t="s">
        <v>5049</v>
      </c>
      <c r="I2402" s="7">
        <v>4.6175024999999996</v>
      </c>
      <c r="J2402" s="8">
        <v>-74.153046599999996</v>
      </c>
    </row>
    <row r="2403" spans="1:10" x14ac:dyDescent="0.35">
      <c r="A2403" s="5" t="s">
        <v>10</v>
      </c>
      <c r="B2403" s="6">
        <v>239901</v>
      </c>
      <c r="C2403" s="6" t="s">
        <v>42</v>
      </c>
      <c r="D2403" s="6" t="s">
        <v>43</v>
      </c>
      <c r="E2403" s="6">
        <v>17001</v>
      </c>
      <c r="F2403" s="6" t="s">
        <v>18</v>
      </c>
      <c r="G2403" s="6" t="s">
        <v>5050</v>
      </c>
      <c r="H2403" s="6" t="s">
        <v>5051</v>
      </c>
      <c r="I2403" s="7">
        <v>5.0614318999999997</v>
      </c>
      <c r="J2403" s="8">
        <v>-75.520299199999997</v>
      </c>
    </row>
    <row r="2404" spans="1:10" x14ac:dyDescent="0.35">
      <c r="A2404" s="5" t="s">
        <v>10</v>
      </c>
      <c r="B2404" s="6">
        <v>229920</v>
      </c>
      <c r="C2404" s="6" t="s">
        <v>278</v>
      </c>
      <c r="D2404" s="6" t="s">
        <v>1331</v>
      </c>
      <c r="E2404" s="6">
        <v>50006</v>
      </c>
      <c r="F2404" s="6" t="s">
        <v>18</v>
      </c>
      <c r="G2404" s="6" t="s">
        <v>5052</v>
      </c>
      <c r="H2404" s="6" t="s">
        <v>5053</v>
      </c>
      <c r="I2404" s="7">
        <v>3.9907849</v>
      </c>
      <c r="J2404" s="8">
        <v>-73.759885400000002</v>
      </c>
    </row>
    <row r="2405" spans="1:10" x14ac:dyDescent="0.35">
      <c r="A2405" s="5" t="s">
        <v>10</v>
      </c>
      <c r="B2405" s="6">
        <v>242036</v>
      </c>
      <c r="C2405" s="6" t="s">
        <v>294</v>
      </c>
      <c r="D2405" s="6" t="s">
        <v>5054</v>
      </c>
      <c r="E2405" s="6">
        <v>41615</v>
      </c>
      <c r="F2405" s="6" t="s">
        <v>18</v>
      </c>
      <c r="G2405" s="6" t="s">
        <v>5055</v>
      </c>
      <c r="H2405" s="6" t="s">
        <v>5056</v>
      </c>
      <c r="I2405" s="7">
        <v>2.9237961000000001</v>
      </c>
      <c r="J2405" s="8">
        <v>-75.285618700000001</v>
      </c>
    </row>
    <row r="2406" spans="1:10" x14ac:dyDescent="0.35">
      <c r="A2406" s="5" t="s">
        <v>10</v>
      </c>
      <c r="B2406" s="6">
        <v>215397</v>
      </c>
      <c r="C2406" s="6" t="s">
        <v>294</v>
      </c>
      <c r="D2406" s="6" t="s">
        <v>703</v>
      </c>
      <c r="E2406" s="6">
        <v>41001</v>
      </c>
      <c r="F2406" s="6" t="s">
        <v>18</v>
      </c>
      <c r="G2406" s="6" t="s">
        <v>5057</v>
      </c>
      <c r="H2406" s="6" t="s">
        <v>5058</v>
      </c>
      <c r="I2406" s="7">
        <v>2.8981914</v>
      </c>
      <c r="J2406" s="8">
        <v>-75.265573899999893</v>
      </c>
    </row>
    <row r="2407" spans="1:10" x14ac:dyDescent="0.35">
      <c r="A2407" s="5" t="s">
        <v>10</v>
      </c>
      <c r="B2407" s="6">
        <v>236471</v>
      </c>
      <c r="C2407" s="6" t="s">
        <v>11</v>
      </c>
      <c r="D2407" s="6" t="s">
        <v>4745</v>
      </c>
      <c r="E2407" s="6">
        <v>25328</v>
      </c>
      <c r="F2407" s="6" t="s">
        <v>18</v>
      </c>
      <c r="G2407" s="6" t="s">
        <v>5059</v>
      </c>
      <c r="H2407" s="6" t="s">
        <v>5060</v>
      </c>
      <c r="I2407" s="7">
        <v>4.5890418000000004</v>
      </c>
      <c r="J2407" s="8">
        <v>-74.204589799999994</v>
      </c>
    </row>
    <row r="2408" spans="1:10" x14ac:dyDescent="0.35">
      <c r="A2408" s="5" t="s">
        <v>10</v>
      </c>
      <c r="B2408" s="6">
        <v>190862</v>
      </c>
      <c r="C2408" s="6" t="s">
        <v>11</v>
      </c>
      <c r="D2408" s="6" t="s">
        <v>334</v>
      </c>
      <c r="E2408" s="6">
        <v>25754</v>
      </c>
      <c r="F2408" s="6" t="s">
        <v>18</v>
      </c>
      <c r="G2408" s="6" t="s">
        <v>5061</v>
      </c>
      <c r="H2408" s="6" t="s">
        <v>5062</v>
      </c>
      <c r="I2408" s="7">
        <v>4.5694007000000001</v>
      </c>
      <c r="J2408" s="8">
        <v>-74.237936300000001</v>
      </c>
    </row>
    <row r="2409" spans="1:10" x14ac:dyDescent="0.35">
      <c r="A2409" s="5" t="s">
        <v>10</v>
      </c>
      <c r="B2409" s="6">
        <v>231569</v>
      </c>
      <c r="C2409" s="6" t="s">
        <v>11</v>
      </c>
      <c r="D2409" s="6" t="s">
        <v>3054</v>
      </c>
      <c r="E2409" s="6">
        <v>25269</v>
      </c>
      <c r="F2409" s="6" t="s">
        <v>18</v>
      </c>
      <c r="G2409" s="6" t="s">
        <v>5063</v>
      </c>
      <c r="H2409" s="6" t="s">
        <v>5064</v>
      </c>
      <c r="I2409" s="7">
        <v>4.8099733999999996</v>
      </c>
      <c r="J2409" s="8">
        <v>-74.354522200000005</v>
      </c>
    </row>
    <row r="2410" spans="1:10" x14ac:dyDescent="0.35">
      <c r="A2410" s="5" t="s">
        <v>10</v>
      </c>
      <c r="B2410" s="6">
        <v>206922</v>
      </c>
      <c r="C2410" s="6" t="s">
        <v>16</v>
      </c>
      <c r="D2410" s="6" t="s">
        <v>510</v>
      </c>
      <c r="E2410" s="6">
        <v>68547</v>
      </c>
      <c r="F2410" s="6" t="s">
        <v>18</v>
      </c>
      <c r="G2410" s="6" t="s">
        <v>5065</v>
      </c>
      <c r="H2410" s="6" t="s">
        <v>5066</v>
      </c>
      <c r="I2410" s="7">
        <v>6.9848764000000001</v>
      </c>
      <c r="J2410" s="8">
        <v>-73.049934399999998</v>
      </c>
    </row>
    <row r="2411" spans="1:10" x14ac:dyDescent="0.35">
      <c r="A2411" s="5" t="s">
        <v>10</v>
      </c>
      <c r="B2411" s="6">
        <v>219580</v>
      </c>
      <c r="C2411" s="6" t="s">
        <v>551</v>
      </c>
      <c r="D2411" s="6" t="s">
        <v>4203</v>
      </c>
      <c r="E2411" s="6">
        <v>20228</v>
      </c>
      <c r="F2411" s="6" t="s">
        <v>18</v>
      </c>
      <c r="G2411" s="6" t="s">
        <v>5067</v>
      </c>
      <c r="H2411" s="6" t="s">
        <v>5068</v>
      </c>
      <c r="I2411" s="7">
        <v>9.2001972999999992</v>
      </c>
      <c r="J2411" s="8">
        <v>-73.543147699999906</v>
      </c>
    </row>
    <row r="2412" spans="1:10" x14ac:dyDescent="0.35">
      <c r="A2412" s="5" t="s">
        <v>10</v>
      </c>
      <c r="B2412" s="6">
        <v>208390</v>
      </c>
      <c r="C2412" s="6" t="s">
        <v>294</v>
      </c>
      <c r="D2412" s="6" t="s">
        <v>4244</v>
      </c>
      <c r="E2412" s="6">
        <v>41298</v>
      </c>
      <c r="F2412" s="6" t="s">
        <v>18</v>
      </c>
      <c r="G2412" s="6" t="s">
        <v>5069</v>
      </c>
      <c r="H2412" s="6" t="s">
        <v>5070</v>
      </c>
      <c r="I2412" s="7">
        <v>2.1948126000000001</v>
      </c>
      <c r="J2412" s="8">
        <v>-75.630327199999996</v>
      </c>
    </row>
    <row r="2413" spans="1:10" x14ac:dyDescent="0.35">
      <c r="A2413" s="5" t="s">
        <v>10</v>
      </c>
      <c r="B2413" s="6">
        <v>233031</v>
      </c>
      <c r="C2413" s="6" t="s">
        <v>11</v>
      </c>
      <c r="D2413" s="6" t="s">
        <v>334</v>
      </c>
      <c r="E2413" s="6">
        <v>25754</v>
      </c>
      <c r="F2413" s="6" t="s">
        <v>18</v>
      </c>
      <c r="G2413" s="6" t="s">
        <v>5071</v>
      </c>
      <c r="H2413" s="6" t="s">
        <v>5072</v>
      </c>
      <c r="I2413" s="7">
        <v>4.5801100000000003</v>
      </c>
      <c r="J2413" s="8">
        <v>-74.21857</v>
      </c>
    </row>
    <row r="2414" spans="1:10" x14ac:dyDescent="0.35">
      <c r="A2414" s="5" t="s">
        <v>10</v>
      </c>
      <c r="B2414" s="6">
        <v>177558</v>
      </c>
      <c r="C2414" s="6" t="s">
        <v>117</v>
      </c>
      <c r="D2414" s="6" t="s">
        <v>1334</v>
      </c>
      <c r="E2414" s="6">
        <v>76001</v>
      </c>
      <c r="F2414" s="6" t="s">
        <v>18</v>
      </c>
      <c r="G2414" s="6" t="s">
        <v>5073</v>
      </c>
      <c r="H2414" s="6" t="s">
        <v>5074</v>
      </c>
      <c r="I2414" s="7">
        <v>3.4355112999999999</v>
      </c>
      <c r="J2414" s="8">
        <v>-76.522344399999994</v>
      </c>
    </row>
    <row r="2415" spans="1:10" x14ac:dyDescent="0.35">
      <c r="A2415" s="5" t="s">
        <v>10</v>
      </c>
      <c r="B2415" s="6">
        <v>233234</v>
      </c>
      <c r="C2415" s="6" t="s">
        <v>117</v>
      </c>
      <c r="D2415" s="6" t="s">
        <v>1334</v>
      </c>
      <c r="E2415" s="6">
        <v>76001</v>
      </c>
      <c r="F2415" s="6" t="s">
        <v>18</v>
      </c>
      <c r="G2415" s="6" t="s">
        <v>5075</v>
      </c>
      <c r="H2415" s="6" t="s">
        <v>5076</v>
      </c>
      <c r="I2415" s="7">
        <v>3.4178099999999998</v>
      </c>
      <c r="J2415" s="8">
        <v>-76.495990000000006</v>
      </c>
    </row>
    <row r="2416" spans="1:10" x14ac:dyDescent="0.35">
      <c r="A2416" s="5" t="s">
        <v>10</v>
      </c>
      <c r="B2416" s="6">
        <v>236611</v>
      </c>
      <c r="C2416" s="6" t="s">
        <v>68</v>
      </c>
      <c r="D2416" s="6" t="s">
        <v>69</v>
      </c>
      <c r="E2416" s="6">
        <v>11001</v>
      </c>
      <c r="F2416" s="6" t="s">
        <v>18</v>
      </c>
      <c r="G2416" s="6" t="s">
        <v>5077</v>
      </c>
      <c r="H2416" s="6" t="s">
        <v>5078</v>
      </c>
      <c r="I2416" s="7">
        <v>4.7400355999999997</v>
      </c>
      <c r="J2416" s="8">
        <v>-74.039343099999996</v>
      </c>
    </row>
    <row r="2417" spans="1:10" x14ac:dyDescent="0.35">
      <c r="A2417" s="5" t="s">
        <v>10</v>
      </c>
      <c r="B2417" s="6">
        <v>232215</v>
      </c>
      <c r="C2417" s="6" t="s">
        <v>68</v>
      </c>
      <c r="D2417" s="6" t="s">
        <v>69</v>
      </c>
      <c r="E2417" s="6">
        <v>11001</v>
      </c>
      <c r="F2417" s="6" t="s">
        <v>18</v>
      </c>
      <c r="G2417" s="6" t="s">
        <v>5079</v>
      </c>
      <c r="H2417" s="6" t="s">
        <v>5080</v>
      </c>
      <c r="I2417" s="7">
        <v>4.5161528000000004</v>
      </c>
      <c r="J2417" s="8">
        <v>-74.105633400000002</v>
      </c>
    </row>
    <row r="2418" spans="1:10" x14ac:dyDescent="0.35">
      <c r="A2418" s="5" t="s">
        <v>10</v>
      </c>
      <c r="B2418" s="6">
        <v>237415</v>
      </c>
      <c r="C2418" s="6" t="s">
        <v>68</v>
      </c>
      <c r="D2418" s="6" t="s">
        <v>69</v>
      </c>
      <c r="E2418" s="6">
        <v>11001</v>
      </c>
      <c r="F2418" s="6" t="s">
        <v>2161</v>
      </c>
      <c r="G2418" s="6" t="s">
        <v>5081</v>
      </c>
      <c r="H2418" s="6" t="s">
        <v>5082</v>
      </c>
      <c r="I2418" s="7">
        <v>4.7429785000000004</v>
      </c>
      <c r="J2418" s="8">
        <v>-74.093188400000003</v>
      </c>
    </row>
    <row r="2419" spans="1:10" x14ac:dyDescent="0.35">
      <c r="A2419" s="5" t="s">
        <v>10</v>
      </c>
      <c r="B2419" s="6">
        <v>210869</v>
      </c>
      <c r="C2419" s="6" t="s">
        <v>16</v>
      </c>
      <c r="D2419" s="6" t="s">
        <v>2825</v>
      </c>
      <c r="E2419" s="6">
        <v>68276</v>
      </c>
      <c r="F2419" s="6" t="s">
        <v>18</v>
      </c>
      <c r="G2419" s="6" t="s">
        <v>5083</v>
      </c>
      <c r="H2419" s="6" t="s">
        <v>5084</v>
      </c>
      <c r="I2419" s="7">
        <v>7.0762758999999997</v>
      </c>
      <c r="J2419" s="8">
        <v>-73.088299500000005</v>
      </c>
    </row>
    <row r="2420" spans="1:10" x14ac:dyDescent="0.35">
      <c r="A2420" s="5" t="s">
        <v>10</v>
      </c>
      <c r="B2420" s="6">
        <v>208571</v>
      </c>
      <c r="C2420" s="6" t="s">
        <v>294</v>
      </c>
      <c r="D2420" s="6" t="s">
        <v>703</v>
      </c>
      <c r="E2420" s="6">
        <v>41001</v>
      </c>
      <c r="F2420" s="6" t="s">
        <v>18</v>
      </c>
      <c r="G2420" s="6" t="s">
        <v>5085</v>
      </c>
      <c r="H2420" s="6" t="s">
        <v>5086</v>
      </c>
      <c r="I2420" s="7">
        <v>2.9427488999999998</v>
      </c>
      <c r="J2420" s="8">
        <v>-75.289932800000003</v>
      </c>
    </row>
    <row r="2421" spans="1:10" x14ac:dyDescent="0.35">
      <c r="A2421" s="5" t="s">
        <v>10</v>
      </c>
      <c r="B2421" s="6">
        <v>173961</v>
      </c>
      <c r="C2421" s="6" t="s">
        <v>11</v>
      </c>
      <c r="D2421" s="6" t="s">
        <v>337</v>
      </c>
      <c r="E2421" s="6">
        <v>25290</v>
      </c>
      <c r="F2421" s="6" t="s">
        <v>18</v>
      </c>
      <c r="G2421" s="6" t="s">
        <v>5087</v>
      </c>
      <c r="H2421" s="6" t="s">
        <v>5088</v>
      </c>
      <c r="I2421" s="7">
        <v>4.3451519999999997</v>
      </c>
      <c r="J2421" s="8">
        <v>-74.361823000000001</v>
      </c>
    </row>
    <row r="2422" spans="1:10" x14ac:dyDescent="0.35">
      <c r="A2422" s="5" t="s">
        <v>10</v>
      </c>
      <c r="B2422" s="6">
        <v>229153</v>
      </c>
      <c r="C2422" s="6" t="s">
        <v>11</v>
      </c>
      <c r="D2422" s="6" t="s">
        <v>12</v>
      </c>
      <c r="E2422" s="6">
        <v>25899</v>
      </c>
      <c r="F2422" s="6" t="s">
        <v>18</v>
      </c>
      <c r="G2422" s="6" t="s">
        <v>5089</v>
      </c>
      <c r="H2422" s="6" t="s">
        <v>5090</v>
      </c>
      <c r="I2422" s="7">
        <v>5.0362844999999998</v>
      </c>
      <c r="J2422" s="8">
        <v>-74.0094134</v>
      </c>
    </row>
    <row r="2423" spans="1:10" x14ac:dyDescent="0.35">
      <c r="A2423" s="5" t="s">
        <v>10</v>
      </c>
      <c r="B2423" s="6">
        <v>182886</v>
      </c>
      <c r="C2423" s="6" t="s">
        <v>117</v>
      </c>
      <c r="D2423" s="6" t="s">
        <v>3963</v>
      </c>
      <c r="E2423" s="6">
        <v>76377</v>
      </c>
      <c r="F2423" s="6" t="s">
        <v>18</v>
      </c>
      <c r="G2423" s="6" t="s">
        <v>5091</v>
      </c>
      <c r="H2423" s="6" t="s">
        <v>5092</v>
      </c>
      <c r="I2423" s="7">
        <v>4.1992988000000002</v>
      </c>
      <c r="J2423" s="8">
        <v>-76.242897099999993</v>
      </c>
    </row>
    <row r="2424" spans="1:10" x14ac:dyDescent="0.35">
      <c r="A2424" s="5" t="s">
        <v>10</v>
      </c>
      <c r="B2424" s="6">
        <v>229288</v>
      </c>
      <c r="C2424" s="6" t="s">
        <v>68</v>
      </c>
      <c r="D2424" s="6" t="s">
        <v>69</v>
      </c>
      <c r="E2424" s="6">
        <v>11001</v>
      </c>
      <c r="F2424" s="6" t="s">
        <v>18</v>
      </c>
      <c r="G2424" s="6" t="s">
        <v>5093</v>
      </c>
      <c r="H2424" s="6" t="s">
        <v>5094</v>
      </c>
      <c r="I2424" s="7">
        <v>4.6459149999999996</v>
      </c>
      <c r="J2424" s="8">
        <v>-74.173878000000002</v>
      </c>
    </row>
    <row r="2425" spans="1:10" x14ac:dyDescent="0.35">
      <c r="A2425" s="5" t="s">
        <v>10</v>
      </c>
      <c r="B2425" s="6">
        <v>177167</v>
      </c>
      <c r="C2425" s="6" t="s">
        <v>2821</v>
      </c>
      <c r="D2425" s="6" t="s">
        <v>4909</v>
      </c>
      <c r="E2425" s="6">
        <v>47692</v>
      </c>
      <c r="F2425" s="6" t="s">
        <v>18</v>
      </c>
      <c r="G2425" s="6" t="s">
        <v>5095</v>
      </c>
      <c r="H2425" s="6" t="s">
        <v>5096</v>
      </c>
      <c r="I2425" s="7">
        <v>9.2389288999999994</v>
      </c>
      <c r="J2425" s="8">
        <v>-74.350015499999998</v>
      </c>
    </row>
    <row r="2426" spans="1:10" x14ac:dyDescent="0.35">
      <c r="A2426" s="5" t="s">
        <v>10</v>
      </c>
      <c r="B2426" s="6">
        <v>203542</v>
      </c>
      <c r="C2426" s="6" t="s">
        <v>24</v>
      </c>
      <c r="D2426" s="6" t="s">
        <v>1596</v>
      </c>
      <c r="E2426" s="6">
        <v>15542</v>
      </c>
      <c r="F2426" s="6" t="s">
        <v>18</v>
      </c>
      <c r="G2426" s="6" t="s">
        <v>4691</v>
      </c>
      <c r="H2426" s="6" t="s">
        <v>5097</v>
      </c>
      <c r="I2426" s="7">
        <v>5.5588829999999998</v>
      </c>
      <c r="J2426" s="8">
        <v>-73.050630999999996</v>
      </c>
    </row>
    <row r="2427" spans="1:10" x14ac:dyDescent="0.35">
      <c r="A2427" s="5" t="s">
        <v>10</v>
      </c>
      <c r="B2427" s="6">
        <v>237633</v>
      </c>
      <c r="C2427" s="6" t="s">
        <v>24</v>
      </c>
      <c r="D2427" s="6" t="s">
        <v>88</v>
      </c>
      <c r="E2427" s="6">
        <v>15001</v>
      </c>
      <c r="F2427" s="6" t="s">
        <v>18</v>
      </c>
      <c r="G2427" s="6" t="s">
        <v>5098</v>
      </c>
      <c r="H2427" s="6" t="s">
        <v>5099</v>
      </c>
      <c r="I2427" s="7">
        <v>5.5311067999999999</v>
      </c>
      <c r="J2427" s="8">
        <v>-73.361561600000002</v>
      </c>
    </row>
    <row r="2428" spans="1:10" x14ac:dyDescent="0.35">
      <c r="A2428" s="5" t="s">
        <v>10</v>
      </c>
      <c r="B2428" s="6">
        <v>234699</v>
      </c>
      <c r="C2428" s="6" t="s">
        <v>16</v>
      </c>
      <c r="D2428" s="6" t="s">
        <v>78</v>
      </c>
      <c r="E2428" s="6">
        <v>68001</v>
      </c>
      <c r="F2428" s="6" t="s">
        <v>18</v>
      </c>
      <c r="G2428" s="6" t="s">
        <v>5100</v>
      </c>
      <c r="H2428" s="6" t="s">
        <v>5101</v>
      </c>
      <c r="I2428" s="7">
        <v>7.0974003000000003</v>
      </c>
      <c r="J2428" s="8">
        <v>-73.123026300000006</v>
      </c>
    </row>
    <row r="2429" spans="1:10" x14ac:dyDescent="0.35">
      <c r="A2429" s="5" t="s">
        <v>10</v>
      </c>
      <c r="B2429" s="6">
        <v>136072</v>
      </c>
      <c r="C2429" s="6" t="s">
        <v>16</v>
      </c>
      <c r="D2429" s="6" t="s">
        <v>5102</v>
      </c>
      <c r="E2429" s="6">
        <v>68211</v>
      </c>
      <c r="F2429" s="6" t="s">
        <v>18</v>
      </c>
      <c r="G2429" s="6" t="s">
        <v>5103</v>
      </c>
      <c r="H2429" s="6" t="s">
        <v>5104</v>
      </c>
      <c r="I2429" s="7">
        <v>6.2909430000000004</v>
      </c>
      <c r="J2429" s="8">
        <v>-73.4742289</v>
      </c>
    </row>
    <row r="2430" spans="1:10" x14ac:dyDescent="0.35">
      <c r="A2430" s="5" t="s">
        <v>10</v>
      </c>
      <c r="B2430" s="6">
        <v>202278</v>
      </c>
      <c r="C2430" s="6" t="s">
        <v>551</v>
      </c>
      <c r="D2430" s="6" t="s">
        <v>570</v>
      </c>
      <c r="E2430" s="6">
        <v>20614</v>
      </c>
      <c r="F2430" s="6" t="s">
        <v>18</v>
      </c>
      <c r="G2430" s="6" t="s">
        <v>5105</v>
      </c>
      <c r="H2430" s="6" t="s">
        <v>5106</v>
      </c>
      <c r="I2430" s="7">
        <v>8.2942669999999996</v>
      </c>
      <c r="J2430" s="8">
        <v>-73.387467999999998</v>
      </c>
    </row>
    <row r="2431" spans="1:10" x14ac:dyDescent="0.35">
      <c r="A2431" s="5" t="s">
        <v>10</v>
      </c>
      <c r="B2431" s="6">
        <v>203511</v>
      </c>
      <c r="C2431" s="6" t="s">
        <v>466</v>
      </c>
      <c r="D2431" s="6" t="s">
        <v>467</v>
      </c>
      <c r="E2431" s="6">
        <v>81736</v>
      </c>
      <c r="F2431" s="6" t="s">
        <v>18</v>
      </c>
      <c r="G2431" s="6" t="s">
        <v>5107</v>
      </c>
      <c r="H2431" s="6" t="s">
        <v>5108</v>
      </c>
      <c r="I2431" s="7">
        <v>6.9559422999999896</v>
      </c>
      <c r="J2431" s="8">
        <v>-71.874571299999999</v>
      </c>
    </row>
    <row r="2432" spans="1:10" x14ac:dyDescent="0.35">
      <c r="A2432" s="5" t="s">
        <v>10</v>
      </c>
      <c r="B2432" s="6">
        <v>236418</v>
      </c>
      <c r="C2432" s="6" t="s">
        <v>2130</v>
      </c>
      <c r="D2432" s="6" t="s">
        <v>3816</v>
      </c>
      <c r="E2432" s="6">
        <v>85162</v>
      </c>
      <c r="F2432" s="6" t="s">
        <v>18</v>
      </c>
      <c r="G2432" s="6" t="s">
        <v>5109</v>
      </c>
      <c r="H2432" s="6" t="s">
        <v>5110</v>
      </c>
      <c r="I2432" s="7">
        <v>4.8822755999999998</v>
      </c>
      <c r="J2432" s="8">
        <v>-72.895672399999995</v>
      </c>
    </row>
    <row r="2433" spans="1:10" x14ac:dyDescent="0.35">
      <c r="A2433" s="5" t="s">
        <v>10</v>
      </c>
      <c r="B2433" s="6">
        <v>235700</v>
      </c>
      <c r="C2433" s="6" t="s">
        <v>11</v>
      </c>
      <c r="D2433" s="6" t="s">
        <v>334</v>
      </c>
      <c r="E2433" s="6">
        <v>25754</v>
      </c>
      <c r="F2433" s="6" t="s">
        <v>18</v>
      </c>
      <c r="G2433" s="6" t="s">
        <v>5111</v>
      </c>
      <c r="H2433" s="6" t="s">
        <v>5112</v>
      </c>
      <c r="I2433" s="7">
        <v>4.5962934999999998</v>
      </c>
      <c r="J2433" s="8">
        <v>-74.195808499999998</v>
      </c>
    </row>
    <row r="2434" spans="1:10" x14ac:dyDescent="0.35">
      <c r="A2434" s="5" t="s">
        <v>10</v>
      </c>
      <c r="B2434" s="6">
        <v>230588</v>
      </c>
      <c r="C2434" s="6" t="s">
        <v>11</v>
      </c>
      <c r="D2434" s="6" t="s">
        <v>334</v>
      </c>
      <c r="E2434" s="6">
        <v>25754</v>
      </c>
      <c r="F2434" s="6" t="s">
        <v>18</v>
      </c>
      <c r="G2434" s="6" t="s">
        <v>5113</v>
      </c>
      <c r="H2434" s="6" t="s">
        <v>5114</v>
      </c>
      <c r="I2434" s="7">
        <v>4.6040444000000003</v>
      </c>
      <c r="J2434" s="8">
        <v>-74.217935199999999</v>
      </c>
    </row>
    <row r="2435" spans="1:10" x14ac:dyDescent="0.35">
      <c r="A2435" s="5" t="s">
        <v>10</v>
      </c>
      <c r="B2435" s="6">
        <v>233652</v>
      </c>
      <c r="C2435" s="6" t="s">
        <v>11</v>
      </c>
      <c r="D2435" s="6" t="s">
        <v>337</v>
      </c>
      <c r="E2435" s="6">
        <v>25290</v>
      </c>
      <c r="F2435" s="6" t="s">
        <v>18</v>
      </c>
      <c r="G2435" s="6" t="s">
        <v>5115</v>
      </c>
      <c r="H2435" s="6" t="s">
        <v>5116</v>
      </c>
      <c r="I2435" s="7">
        <v>4.3342599999999996</v>
      </c>
      <c r="J2435" s="8">
        <v>-74.359549999999999</v>
      </c>
    </row>
    <row r="2436" spans="1:10" x14ac:dyDescent="0.35">
      <c r="A2436" s="5" t="s">
        <v>10</v>
      </c>
      <c r="B2436" s="6">
        <v>228730</v>
      </c>
      <c r="C2436" s="6" t="s">
        <v>117</v>
      </c>
      <c r="D2436" s="6" t="s">
        <v>1334</v>
      </c>
      <c r="E2436" s="6">
        <v>76001</v>
      </c>
      <c r="F2436" s="6" t="s">
        <v>18</v>
      </c>
      <c r="G2436" s="6" t="s">
        <v>5117</v>
      </c>
      <c r="H2436" s="6" t="s">
        <v>5118</v>
      </c>
      <c r="I2436" s="7">
        <v>3.4925286999999998</v>
      </c>
      <c r="J2436" s="8">
        <v>-76.520495400000001</v>
      </c>
    </row>
    <row r="2437" spans="1:10" x14ac:dyDescent="0.35">
      <c r="A2437" s="5" t="s">
        <v>10</v>
      </c>
      <c r="B2437" s="6">
        <v>239314</v>
      </c>
      <c r="C2437" s="6" t="s">
        <v>117</v>
      </c>
      <c r="D2437" s="6" t="s">
        <v>4931</v>
      </c>
      <c r="E2437" s="6">
        <v>76892</v>
      </c>
      <c r="F2437" s="6" t="s">
        <v>18</v>
      </c>
      <c r="G2437" s="6" t="s">
        <v>5119</v>
      </c>
      <c r="H2437" s="6" t="s">
        <v>5120</v>
      </c>
      <c r="I2437" s="7">
        <v>3.5869010000000001</v>
      </c>
      <c r="J2437" s="8">
        <v>-76.490560700000003</v>
      </c>
    </row>
    <row r="2438" spans="1:10" x14ac:dyDescent="0.35">
      <c r="A2438" s="5" t="s">
        <v>10</v>
      </c>
      <c r="B2438" s="6">
        <v>221786</v>
      </c>
      <c r="C2438" s="6" t="s">
        <v>11</v>
      </c>
      <c r="D2438" s="6" t="s">
        <v>221</v>
      </c>
      <c r="E2438" s="6">
        <v>25430</v>
      </c>
      <c r="F2438" s="6" t="s">
        <v>18</v>
      </c>
      <c r="G2438" s="6" t="s">
        <v>5121</v>
      </c>
      <c r="H2438" s="6" t="s">
        <v>5122</v>
      </c>
      <c r="I2438" s="7">
        <v>4.7335374999999997</v>
      </c>
      <c r="J2438" s="8">
        <v>-74.262411499999999</v>
      </c>
    </row>
    <row r="2439" spans="1:10" x14ac:dyDescent="0.35">
      <c r="A2439" s="5" t="s">
        <v>10</v>
      </c>
      <c r="B2439" s="6">
        <v>226944</v>
      </c>
      <c r="C2439" s="6" t="s">
        <v>11</v>
      </c>
      <c r="D2439" s="6" t="s">
        <v>334</v>
      </c>
      <c r="E2439" s="6">
        <v>25754</v>
      </c>
      <c r="F2439" s="6" t="s">
        <v>18</v>
      </c>
      <c r="G2439" s="6" t="s">
        <v>5123</v>
      </c>
      <c r="H2439" s="6" t="s">
        <v>5124</v>
      </c>
      <c r="I2439" s="7">
        <v>4.5815897999999997</v>
      </c>
      <c r="J2439" s="8">
        <v>-74.192515200000003</v>
      </c>
    </row>
    <row r="2440" spans="1:10" x14ac:dyDescent="0.35">
      <c r="A2440" s="5" t="s">
        <v>10</v>
      </c>
      <c r="B2440" s="6">
        <v>229162</v>
      </c>
      <c r="C2440" s="6" t="s">
        <v>68</v>
      </c>
      <c r="D2440" s="6" t="s">
        <v>69</v>
      </c>
      <c r="E2440" s="6">
        <v>11001</v>
      </c>
      <c r="F2440" s="6" t="s">
        <v>18</v>
      </c>
      <c r="G2440" s="6" t="s">
        <v>5125</v>
      </c>
      <c r="H2440" s="6" t="s">
        <v>5126</v>
      </c>
      <c r="I2440" s="7">
        <v>4.6510160000000003</v>
      </c>
      <c r="J2440" s="8">
        <v>-74.073334200000005</v>
      </c>
    </row>
    <row r="2441" spans="1:10" x14ac:dyDescent="0.35">
      <c r="A2441" s="5" t="s">
        <v>10</v>
      </c>
      <c r="B2441" s="6">
        <v>203814</v>
      </c>
      <c r="C2441" s="6" t="s">
        <v>24</v>
      </c>
      <c r="D2441" s="6" t="s">
        <v>530</v>
      </c>
      <c r="E2441" s="6">
        <v>15516</v>
      </c>
      <c r="F2441" s="6" t="s">
        <v>18</v>
      </c>
      <c r="G2441" s="6" t="s">
        <v>5127</v>
      </c>
      <c r="H2441" s="6" t="s">
        <v>5128</v>
      </c>
      <c r="I2441" s="7">
        <v>5.7797700000000001</v>
      </c>
      <c r="J2441" s="8">
        <v>-73.114724999999893</v>
      </c>
    </row>
    <row r="2442" spans="1:10" x14ac:dyDescent="0.35">
      <c r="A2442" s="5" t="s">
        <v>10</v>
      </c>
      <c r="B2442" s="6">
        <v>183525</v>
      </c>
      <c r="C2442" s="6" t="s">
        <v>11</v>
      </c>
      <c r="D2442" s="6" t="s">
        <v>251</v>
      </c>
      <c r="E2442" s="6">
        <v>25214</v>
      </c>
      <c r="F2442" s="6" t="s">
        <v>18</v>
      </c>
      <c r="G2442" s="6" t="s">
        <v>5129</v>
      </c>
      <c r="H2442" s="6" t="s">
        <v>5130</v>
      </c>
      <c r="I2442" s="7">
        <v>4.8115272999999998</v>
      </c>
      <c r="J2442" s="8">
        <v>-74.100291200000001</v>
      </c>
    </row>
    <row r="2443" spans="1:10" x14ac:dyDescent="0.35">
      <c r="A2443" s="5" t="s">
        <v>10</v>
      </c>
      <c r="B2443" s="6">
        <v>208033</v>
      </c>
      <c r="C2443" s="6" t="s">
        <v>11</v>
      </c>
      <c r="D2443" s="6" t="s">
        <v>337</v>
      </c>
      <c r="E2443" s="6">
        <v>25290</v>
      </c>
      <c r="F2443" s="6" t="s">
        <v>18</v>
      </c>
      <c r="G2443" s="6" t="s">
        <v>5131</v>
      </c>
      <c r="H2443" s="6" t="s">
        <v>5132</v>
      </c>
      <c r="I2443" s="7">
        <v>4.3347357000000004</v>
      </c>
      <c r="J2443" s="8">
        <v>-74.360281999999998</v>
      </c>
    </row>
    <row r="2444" spans="1:10" x14ac:dyDescent="0.35">
      <c r="A2444" s="5" t="s">
        <v>10</v>
      </c>
      <c r="B2444" s="6">
        <v>190736</v>
      </c>
      <c r="C2444" s="6" t="s">
        <v>11</v>
      </c>
      <c r="D2444" s="6" t="s">
        <v>334</v>
      </c>
      <c r="E2444" s="6">
        <v>25754</v>
      </c>
      <c r="F2444" s="6" t="s">
        <v>18</v>
      </c>
      <c r="G2444" s="6" t="s">
        <v>5133</v>
      </c>
      <c r="H2444" s="6" t="s">
        <v>5134</v>
      </c>
      <c r="I2444" s="7">
        <v>4.5876786999999997</v>
      </c>
      <c r="J2444" s="8">
        <v>-74.188533499999906</v>
      </c>
    </row>
    <row r="2445" spans="1:10" x14ac:dyDescent="0.35">
      <c r="A2445" s="5" t="s">
        <v>10</v>
      </c>
      <c r="B2445" s="6">
        <v>240211</v>
      </c>
      <c r="C2445" s="6" t="s">
        <v>11</v>
      </c>
      <c r="D2445" s="6" t="s">
        <v>1206</v>
      </c>
      <c r="E2445" s="6">
        <v>25875</v>
      </c>
      <c r="F2445" s="6" t="s">
        <v>18</v>
      </c>
      <c r="G2445" s="6" t="s">
        <v>5135</v>
      </c>
      <c r="H2445" s="6" t="s">
        <v>5136</v>
      </c>
      <c r="I2445" s="7">
        <v>5.0108321</v>
      </c>
      <c r="J2445" s="8">
        <v>-74.471981700000001</v>
      </c>
    </row>
    <row r="2446" spans="1:10" x14ac:dyDescent="0.35">
      <c r="A2446" s="5" t="s">
        <v>10</v>
      </c>
      <c r="B2446" s="6">
        <v>222856</v>
      </c>
      <c r="C2446" s="6" t="s">
        <v>68</v>
      </c>
      <c r="D2446" s="6" t="s">
        <v>69</v>
      </c>
      <c r="E2446" s="6">
        <v>11001</v>
      </c>
      <c r="F2446" s="6" t="s">
        <v>18</v>
      </c>
      <c r="G2446" s="6" t="s">
        <v>5137</v>
      </c>
      <c r="H2446" s="6" t="s">
        <v>5138</v>
      </c>
      <c r="I2446" s="7">
        <v>4.5452006999999996</v>
      </c>
      <c r="J2446" s="8">
        <v>-74.093764699999994</v>
      </c>
    </row>
    <row r="2447" spans="1:10" x14ac:dyDescent="0.35">
      <c r="A2447" s="5" t="s">
        <v>10</v>
      </c>
      <c r="B2447" s="6">
        <v>226386</v>
      </c>
      <c r="C2447" s="6" t="s">
        <v>190</v>
      </c>
      <c r="D2447" s="6" t="s">
        <v>191</v>
      </c>
      <c r="E2447" s="6">
        <v>5001</v>
      </c>
      <c r="F2447" s="6" t="s">
        <v>13</v>
      </c>
      <c r="G2447" s="6" t="s">
        <v>3737</v>
      </c>
      <c r="H2447" s="6" t="s">
        <v>5139</v>
      </c>
      <c r="I2447" s="7">
        <v>6.2503620999999896</v>
      </c>
      <c r="J2447" s="8">
        <v>-75.565058199999996</v>
      </c>
    </row>
    <row r="2448" spans="1:10" x14ac:dyDescent="0.35">
      <c r="A2448" s="5" t="s">
        <v>10</v>
      </c>
      <c r="B2448" s="6">
        <v>232653</v>
      </c>
      <c r="C2448" s="6" t="s">
        <v>24</v>
      </c>
      <c r="D2448" s="6" t="s">
        <v>2927</v>
      </c>
      <c r="E2448" s="6">
        <v>15842</v>
      </c>
      <c r="F2448" s="6" t="s">
        <v>18</v>
      </c>
      <c r="G2448" s="6" t="s">
        <v>5140</v>
      </c>
      <c r="H2448" s="6" t="s">
        <v>5141</v>
      </c>
      <c r="I2448" s="7">
        <v>5.2503299999999999</v>
      </c>
      <c r="J2448" s="8">
        <v>-73.449470000000005</v>
      </c>
    </row>
    <row r="2449" spans="1:10" x14ac:dyDescent="0.35">
      <c r="A2449" s="5" t="s">
        <v>10</v>
      </c>
      <c r="B2449" s="6">
        <v>160720</v>
      </c>
      <c r="C2449" s="6" t="s">
        <v>16</v>
      </c>
      <c r="D2449" s="6" t="s">
        <v>78</v>
      </c>
      <c r="E2449" s="6">
        <v>68001</v>
      </c>
      <c r="F2449" s="6" t="s">
        <v>18</v>
      </c>
      <c r="G2449" s="6" t="s">
        <v>5142</v>
      </c>
      <c r="H2449" s="6" t="s">
        <v>5143</v>
      </c>
      <c r="I2449" s="7">
        <v>7.1294295999999999</v>
      </c>
      <c r="J2449" s="8">
        <v>-73.117098499999997</v>
      </c>
    </row>
    <row r="2450" spans="1:10" x14ac:dyDescent="0.35">
      <c r="A2450" s="5" t="s">
        <v>10</v>
      </c>
      <c r="B2450" s="6">
        <v>124915</v>
      </c>
      <c r="C2450" s="6" t="s">
        <v>16</v>
      </c>
      <c r="D2450" s="6" t="s">
        <v>78</v>
      </c>
      <c r="E2450" s="6">
        <v>68001</v>
      </c>
      <c r="F2450" s="6" t="s">
        <v>18</v>
      </c>
      <c r="G2450" s="6" t="s">
        <v>5144</v>
      </c>
      <c r="H2450" s="6" t="s">
        <v>5145</v>
      </c>
      <c r="I2450" s="7">
        <v>7.1471</v>
      </c>
      <c r="J2450" s="8">
        <v>-73.133938999999998</v>
      </c>
    </row>
    <row r="2451" spans="1:10" x14ac:dyDescent="0.35">
      <c r="A2451" s="5" t="s">
        <v>10</v>
      </c>
      <c r="B2451" s="6">
        <v>233522</v>
      </c>
      <c r="C2451" s="6" t="s">
        <v>278</v>
      </c>
      <c r="D2451" s="6" t="s">
        <v>279</v>
      </c>
      <c r="E2451" s="6">
        <v>50001</v>
      </c>
      <c r="F2451" s="6" t="s">
        <v>18</v>
      </c>
      <c r="G2451" s="6" t="s">
        <v>5146</v>
      </c>
      <c r="H2451" s="6" t="s">
        <v>5147</v>
      </c>
      <c r="I2451" s="7">
        <v>4.1285600000000002</v>
      </c>
      <c r="J2451" s="8">
        <v>-73.633970000000005</v>
      </c>
    </row>
    <row r="2452" spans="1:10" x14ac:dyDescent="0.35">
      <c r="A2452" s="5" t="s">
        <v>10</v>
      </c>
      <c r="B2452" s="6">
        <v>231363</v>
      </c>
      <c r="C2452" s="6" t="s">
        <v>11</v>
      </c>
      <c r="D2452" s="6" t="s">
        <v>101</v>
      </c>
      <c r="E2452" s="6">
        <v>25473</v>
      </c>
      <c r="F2452" s="6" t="s">
        <v>18</v>
      </c>
      <c r="G2452" s="6" t="s">
        <v>5148</v>
      </c>
      <c r="H2452" s="6" t="s">
        <v>5149</v>
      </c>
      <c r="I2452" s="7">
        <v>4.6963869999999996</v>
      </c>
      <c r="J2452" s="8">
        <v>-74.19941</v>
      </c>
    </row>
    <row r="2453" spans="1:10" x14ac:dyDescent="0.35">
      <c r="A2453" s="5" t="s">
        <v>10</v>
      </c>
      <c r="B2453" s="6">
        <v>218252</v>
      </c>
      <c r="C2453" s="6" t="s">
        <v>11</v>
      </c>
      <c r="D2453" s="6" t="s">
        <v>334</v>
      </c>
      <c r="E2453" s="6">
        <v>25754</v>
      </c>
      <c r="F2453" s="6" t="s">
        <v>18</v>
      </c>
      <c r="G2453" s="6" t="s">
        <v>3863</v>
      </c>
      <c r="H2453" s="6" t="s">
        <v>5150</v>
      </c>
      <c r="I2453" s="7">
        <v>4.5914609000000004</v>
      </c>
      <c r="J2453" s="8">
        <v>-74.1995158</v>
      </c>
    </row>
    <row r="2454" spans="1:10" x14ac:dyDescent="0.35">
      <c r="A2454" s="5" t="s">
        <v>10</v>
      </c>
      <c r="B2454" s="6">
        <v>187041</v>
      </c>
      <c r="C2454" s="6" t="s">
        <v>11</v>
      </c>
      <c r="D2454" s="6" t="s">
        <v>334</v>
      </c>
      <c r="E2454" s="6">
        <v>25754</v>
      </c>
      <c r="F2454" s="6" t="s">
        <v>18</v>
      </c>
      <c r="G2454" s="6" t="s">
        <v>4954</v>
      </c>
      <c r="H2454" s="6" t="s">
        <v>4955</v>
      </c>
      <c r="I2454" s="7">
        <v>4.5723799999999999</v>
      </c>
      <c r="J2454" s="8">
        <v>-74.212742300000002</v>
      </c>
    </row>
    <row r="2455" spans="1:10" x14ac:dyDescent="0.35">
      <c r="A2455" s="5" t="s">
        <v>10</v>
      </c>
      <c r="B2455" s="6">
        <v>230488</v>
      </c>
      <c r="C2455" s="6" t="s">
        <v>11</v>
      </c>
      <c r="D2455" s="6" t="s">
        <v>334</v>
      </c>
      <c r="E2455" s="6">
        <v>25754</v>
      </c>
      <c r="F2455" s="6" t="s">
        <v>18</v>
      </c>
      <c r="G2455" s="6" t="s">
        <v>5151</v>
      </c>
      <c r="H2455" s="6" t="s">
        <v>5152</v>
      </c>
      <c r="I2455" s="7">
        <v>4.5676928999999999</v>
      </c>
      <c r="J2455" s="8">
        <v>-74.239643999999998</v>
      </c>
    </row>
    <row r="2456" spans="1:10" x14ac:dyDescent="0.35">
      <c r="A2456" s="5" t="s">
        <v>10</v>
      </c>
      <c r="B2456" s="6">
        <v>206775</v>
      </c>
      <c r="C2456" s="6" t="s">
        <v>16</v>
      </c>
      <c r="D2456" s="6" t="s">
        <v>78</v>
      </c>
      <c r="E2456" s="6">
        <v>68001</v>
      </c>
      <c r="F2456" s="6" t="s">
        <v>18</v>
      </c>
      <c r="G2456" s="6" t="s">
        <v>5153</v>
      </c>
      <c r="H2456" s="6" t="s">
        <v>5154</v>
      </c>
      <c r="I2456" s="7">
        <v>7.0898756999999897</v>
      </c>
      <c r="J2456" s="8">
        <v>-73.106906799999905</v>
      </c>
    </row>
    <row r="2457" spans="1:10" x14ac:dyDescent="0.35">
      <c r="A2457" s="5" t="s">
        <v>10</v>
      </c>
      <c r="B2457" s="6">
        <v>205471</v>
      </c>
      <c r="C2457" s="6" t="s">
        <v>551</v>
      </c>
      <c r="D2457" s="6" t="s">
        <v>768</v>
      </c>
      <c r="E2457" s="6">
        <v>20621</v>
      </c>
      <c r="F2457" s="6" t="s">
        <v>18</v>
      </c>
      <c r="G2457" s="6" t="s">
        <v>5155</v>
      </c>
      <c r="H2457" s="6" t="s">
        <v>5156</v>
      </c>
      <c r="I2457" s="7">
        <v>10.3868315</v>
      </c>
      <c r="J2457" s="8">
        <v>-73.1706425</v>
      </c>
    </row>
    <row r="2458" spans="1:10" x14ac:dyDescent="0.35">
      <c r="A2458" s="5" t="s">
        <v>10</v>
      </c>
      <c r="B2458" s="6">
        <v>211025</v>
      </c>
      <c r="C2458" s="6" t="s">
        <v>278</v>
      </c>
      <c r="D2458" s="6" t="s">
        <v>5157</v>
      </c>
      <c r="E2458" s="6">
        <v>50680</v>
      </c>
      <c r="F2458" s="6" t="s">
        <v>18</v>
      </c>
      <c r="G2458" s="6" t="s">
        <v>5158</v>
      </c>
      <c r="H2458" s="6" t="s">
        <v>5159</v>
      </c>
      <c r="I2458" s="7">
        <v>3.7111377000000001</v>
      </c>
      <c r="J2458" s="8">
        <v>-73.242013599999893</v>
      </c>
    </row>
    <row r="2459" spans="1:10" x14ac:dyDescent="0.35">
      <c r="A2459" s="5" t="s">
        <v>10</v>
      </c>
      <c r="B2459" s="6">
        <v>183920</v>
      </c>
      <c r="C2459" s="6" t="s">
        <v>278</v>
      </c>
      <c r="D2459" s="6" t="s">
        <v>279</v>
      </c>
      <c r="E2459" s="6">
        <v>50001</v>
      </c>
      <c r="F2459" s="6" t="s">
        <v>18</v>
      </c>
      <c r="G2459" s="6" t="s">
        <v>5160</v>
      </c>
      <c r="H2459" s="6" t="s">
        <v>5161</v>
      </c>
      <c r="I2459" s="7">
        <v>4.1165250000000002</v>
      </c>
      <c r="J2459" s="8">
        <v>-73.598946999999995</v>
      </c>
    </row>
    <row r="2460" spans="1:10" x14ac:dyDescent="0.35">
      <c r="A2460" s="5" t="s">
        <v>10</v>
      </c>
      <c r="B2460" s="6">
        <v>225627</v>
      </c>
      <c r="C2460" s="6" t="s">
        <v>294</v>
      </c>
      <c r="D2460" s="6" t="s">
        <v>703</v>
      </c>
      <c r="E2460" s="6">
        <v>41001</v>
      </c>
      <c r="F2460" s="6" t="s">
        <v>18</v>
      </c>
      <c r="G2460" s="6" t="s">
        <v>5162</v>
      </c>
      <c r="H2460" s="6" t="s">
        <v>5163</v>
      </c>
      <c r="I2460" s="7">
        <v>2.9497639000000002</v>
      </c>
      <c r="J2460" s="8">
        <v>-75.285438599999907</v>
      </c>
    </row>
    <row r="2461" spans="1:10" x14ac:dyDescent="0.35">
      <c r="A2461" s="5" t="s">
        <v>10</v>
      </c>
      <c r="B2461" s="6">
        <v>208720</v>
      </c>
      <c r="C2461" s="6" t="s">
        <v>294</v>
      </c>
      <c r="D2461" s="6" t="s">
        <v>703</v>
      </c>
      <c r="E2461" s="6">
        <v>41001</v>
      </c>
      <c r="F2461" s="6" t="s">
        <v>18</v>
      </c>
      <c r="G2461" s="6" t="s">
        <v>5164</v>
      </c>
      <c r="H2461" s="6" t="s">
        <v>5165</v>
      </c>
      <c r="I2461" s="7">
        <v>2.9376137999999998</v>
      </c>
      <c r="J2461" s="8">
        <v>-75.297960199999906</v>
      </c>
    </row>
    <row r="2462" spans="1:10" x14ac:dyDescent="0.35">
      <c r="A2462" s="5" t="s">
        <v>10</v>
      </c>
      <c r="B2462" s="6">
        <v>201861</v>
      </c>
      <c r="C2462" s="6" t="s">
        <v>294</v>
      </c>
      <c r="D2462" s="6" t="s">
        <v>703</v>
      </c>
      <c r="E2462" s="6">
        <v>41001</v>
      </c>
      <c r="F2462" s="6" t="s">
        <v>18</v>
      </c>
      <c r="G2462" s="6" t="s">
        <v>5166</v>
      </c>
      <c r="H2462" s="6" t="s">
        <v>5167</v>
      </c>
      <c r="I2462" s="7">
        <v>2.9554288</v>
      </c>
      <c r="J2462" s="8">
        <v>-75.284855299999904</v>
      </c>
    </row>
    <row r="2463" spans="1:10" x14ac:dyDescent="0.35">
      <c r="A2463" s="5" t="s">
        <v>10</v>
      </c>
      <c r="B2463" s="6">
        <v>209057</v>
      </c>
      <c r="C2463" s="6" t="s">
        <v>11</v>
      </c>
      <c r="D2463" s="6" t="s">
        <v>4944</v>
      </c>
      <c r="E2463" s="6">
        <v>25878</v>
      </c>
      <c r="F2463" s="6" t="s">
        <v>18</v>
      </c>
      <c r="G2463" s="6" t="s">
        <v>5168</v>
      </c>
      <c r="H2463" s="6" t="s">
        <v>5169</v>
      </c>
      <c r="I2463" s="7">
        <v>4.4373224999999996</v>
      </c>
      <c r="J2463" s="8">
        <v>-74.521815199999907</v>
      </c>
    </row>
    <row r="2464" spans="1:10" x14ac:dyDescent="0.35">
      <c r="A2464" s="5" t="s">
        <v>10</v>
      </c>
      <c r="B2464" s="6">
        <v>243038</v>
      </c>
      <c r="C2464" s="6" t="s">
        <v>11</v>
      </c>
      <c r="D2464" s="6" t="s">
        <v>857</v>
      </c>
      <c r="E2464" s="6">
        <v>25758</v>
      </c>
      <c r="F2464" s="6" t="s">
        <v>18</v>
      </c>
      <c r="G2464" s="6" t="s">
        <v>5170</v>
      </c>
      <c r="H2464" s="6" t="s">
        <v>5171</v>
      </c>
      <c r="I2464" s="7">
        <v>4.9070307</v>
      </c>
      <c r="J2464" s="8">
        <v>-73.941515899999999</v>
      </c>
    </row>
    <row r="2465" spans="1:10" x14ac:dyDescent="0.35">
      <c r="A2465" s="5" t="s">
        <v>10</v>
      </c>
      <c r="B2465" s="6">
        <v>185157</v>
      </c>
      <c r="C2465" s="6" t="s">
        <v>11</v>
      </c>
      <c r="D2465" s="6" t="s">
        <v>334</v>
      </c>
      <c r="E2465" s="6">
        <v>25754</v>
      </c>
      <c r="F2465" s="6" t="s">
        <v>18</v>
      </c>
      <c r="G2465" s="6" t="s">
        <v>4444</v>
      </c>
      <c r="H2465" s="6" t="s">
        <v>4445</v>
      </c>
      <c r="I2465" s="7">
        <v>4.5802889999999996</v>
      </c>
      <c r="J2465" s="8">
        <v>-74.198663699999997</v>
      </c>
    </row>
    <row r="2466" spans="1:10" x14ac:dyDescent="0.35">
      <c r="A2466" s="5" t="s">
        <v>10</v>
      </c>
      <c r="B2466" s="6">
        <v>234022</v>
      </c>
      <c r="C2466" s="6" t="s">
        <v>68</v>
      </c>
      <c r="D2466" s="6" t="s">
        <v>69</v>
      </c>
      <c r="E2466" s="6">
        <v>11001</v>
      </c>
      <c r="F2466" s="6" t="s">
        <v>18</v>
      </c>
      <c r="G2466" s="6" t="s">
        <v>5172</v>
      </c>
      <c r="H2466" s="6" t="s">
        <v>5173</v>
      </c>
      <c r="I2466" s="7">
        <v>4.7109886000000003</v>
      </c>
      <c r="J2466" s="8">
        <v>-74.072091999999998</v>
      </c>
    </row>
    <row r="2467" spans="1:10" x14ac:dyDescent="0.35">
      <c r="A2467" s="5" t="s">
        <v>10</v>
      </c>
      <c r="B2467" s="6">
        <v>231369</v>
      </c>
      <c r="C2467" s="6" t="s">
        <v>68</v>
      </c>
      <c r="D2467" s="6" t="s">
        <v>69</v>
      </c>
      <c r="E2467" s="6">
        <v>11001</v>
      </c>
      <c r="F2467" s="6" t="s">
        <v>18</v>
      </c>
      <c r="G2467" s="6" t="s">
        <v>5174</v>
      </c>
      <c r="H2467" s="6" t="s">
        <v>5175</v>
      </c>
      <c r="I2467" s="7">
        <v>4.6498879999999998</v>
      </c>
      <c r="J2467" s="8">
        <v>-74.175410999999997</v>
      </c>
    </row>
    <row r="2468" spans="1:10" x14ac:dyDescent="0.35">
      <c r="A2468" s="5" t="s">
        <v>10</v>
      </c>
      <c r="B2468" s="6">
        <v>165603</v>
      </c>
      <c r="C2468" s="6" t="s">
        <v>24</v>
      </c>
      <c r="D2468" s="6" t="s">
        <v>88</v>
      </c>
      <c r="E2468" s="6">
        <v>15001</v>
      </c>
      <c r="F2468" s="6" t="s">
        <v>18</v>
      </c>
      <c r="G2468" s="6" t="s">
        <v>5176</v>
      </c>
      <c r="H2468" s="6" t="s">
        <v>5177</v>
      </c>
      <c r="I2468" s="7">
        <v>5.5318773999999999</v>
      </c>
      <c r="J2468" s="8">
        <v>-73.365759299999993</v>
      </c>
    </row>
    <row r="2469" spans="1:10" x14ac:dyDescent="0.35">
      <c r="A2469" s="5" t="s">
        <v>10</v>
      </c>
      <c r="B2469" s="6">
        <v>243298</v>
      </c>
      <c r="C2469" s="6" t="s">
        <v>551</v>
      </c>
      <c r="D2469" s="6" t="s">
        <v>5178</v>
      </c>
      <c r="E2469" s="6">
        <v>20045</v>
      </c>
      <c r="F2469" s="6" t="s">
        <v>18</v>
      </c>
      <c r="G2469" s="6" t="s">
        <v>5179</v>
      </c>
      <c r="H2469" s="6" t="s">
        <v>5180</v>
      </c>
      <c r="I2469" s="7">
        <v>9.7023674999999994</v>
      </c>
      <c r="J2469" s="8">
        <v>-73.281034300000002</v>
      </c>
    </row>
    <row r="2470" spans="1:10" x14ac:dyDescent="0.35">
      <c r="A2470" s="5" t="s">
        <v>10</v>
      </c>
      <c r="B2470" s="6">
        <v>203090</v>
      </c>
      <c r="C2470" s="6" t="s">
        <v>278</v>
      </c>
      <c r="D2470" s="6" t="s">
        <v>279</v>
      </c>
      <c r="E2470" s="6">
        <v>50001</v>
      </c>
      <c r="F2470" s="6" t="s">
        <v>18</v>
      </c>
      <c r="G2470" s="6" t="s">
        <v>4251</v>
      </c>
      <c r="H2470" s="6" t="s">
        <v>4252</v>
      </c>
      <c r="I2470" s="7">
        <v>4.0827644999999997</v>
      </c>
      <c r="J2470" s="8">
        <v>-73.668986899999993</v>
      </c>
    </row>
    <row r="2471" spans="1:10" x14ac:dyDescent="0.35">
      <c r="A2471" s="5" t="s">
        <v>10</v>
      </c>
      <c r="B2471" s="6">
        <v>214784</v>
      </c>
      <c r="C2471" s="6" t="s">
        <v>11</v>
      </c>
      <c r="D2471" s="6" t="s">
        <v>106</v>
      </c>
      <c r="E2471" s="6">
        <v>25843</v>
      </c>
      <c r="F2471" s="6" t="s">
        <v>18</v>
      </c>
      <c r="G2471" s="6" t="s">
        <v>5181</v>
      </c>
      <c r="H2471" s="6" t="s">
        <v>5182</v>
      </c>
      <c r="I2471" s="7">
        <v>4.598776</v>
      </c>
      <c r="J2471" s="8">
        <v>-74.074865500000001</v>
      </c>
    </row>
    <row r="2472" spans="1:10" x14ac:dyDescent="0.35">
      <c r="A2472" s="5" t="s">
        <v>10</v>
      </c>
      <c r="B2472" s="6">
        <v>238203</v>
      </c>
      <c r="C2472" s="6" t="s">
        <v>11</v>
      </c>
      <c r="D2472" s="6" t="s">
        <v>4124</v>
      </c>
      <c r="E2472" s="6">
        <v>25293</v>
      </c>
      <c r="F2472" s="6" t="s">
        <v>18</v>
      </c>
      <c r="G2472" s="6" t="s">
        <v>5183</v>
      </c>
      <c r="H2472" s="6" t="s">
        <v>5184</v>
      </c>
      <c r="I2472" s="7">
        <v>4.6947000000000001</v>
      </c>
      <c r="J2472" s="8">
        <v>-73.521134700000005</v>
      </c>
    </row>
    <row r="2473" spans="1:10" x14ac:dyDescent="0.35">
      <c r="A2473" s="5" t="s">
        <v>10</v>
      </c>
      <c r="B2473" s="6">
        <v>246560</v>
      </c>
      <c r="C2473" s="6" t="s">
        <v>11</v>
      </c>
      <c r="D2473" s="6" t="s">
        <v>334</v>
      </c>
      <c r="E2473" s="6">
        <v>25754</v>
      </c>
      <c r="F2473" s="6" t="s">
        <v>18</v>
      </c>
      <c r="G2473" s="6" t="s">
        <v>5185</v>
      </c>
      <c r="H2473" s="6" t="s">
        <v>5186</v>
      </c>
      <c r="I2473" s="7">
        <v>4.5728534999999999</v>
      </c>
      <c r="J2473" s="8">
        <v>-74.224672200000001</v>
      </c>
    </row>
    <row r="2474" spans="1:10" x14ac:dyDescent="0.35">
      <c r="A2474" s="5" t="s">
        <v>10</v>
      </c>
      <c r="B2474" s="6">
        <v>229142</v>
      </c>
      <c r="C2474" s="6" t="s">
        <v>11</v>
      </c>
      <c r="D2474" s="6" t="s">
        <v>3054</v>
      </c>
      <c r="E2474" s="6">
        <v>25269</v>
      </c>
      <c r="F2474" s="6" t="s">
        <v>18</v>
      </c>
      <c r="G2474" s="6" t="s">
        <v>5187</v>
      </c>
      <c r="H2474" s="6" t="s">
        <v>5188</v>
      </c>
      <c r="I2474" s="7">
        <v>4.8123293</v>
      </c>
      <c r="J2474" s="8">
        <v>-74.355872000000005</v>
      </c>
    </row>
    <row r="2475" spans="1:10" x14ac:dyDescent="0.35">
      <c r="A2475" s="5" t="s">
        <v>10</v>
      </c>
      <c r="B2475" s="6">
        <v>237847</v>
      </c>
      <c r="C2475" s="6" t="s">
        <v>117</v>
      </c>
      <c r="D2475" s="6" t="s">
        <v>1334</v>
      </c>
      <c r="E2475" s="6">
        <v>76001</v>
      </c>
      <c r="F2475" s="6" t="s">
        <v>18</v>
      </c>
      <c r="G2475" s="6" t="s">
        <v>5189</v>
      </c>
      <c r="H2475" s="6" t="s">
        <v>5190</v>
      </c>
      <c r="I2475" s="7">
        <v>3.4905946000000001</v>
      </c>
      <c r="J2475" s="8">
        <v>-76.490210099999999</v>
      </c>
    </row>
    <row r="2476" spans="1:10" x14ac:dyDescent="0.35">
      <c r="A2476" s="5" t="s">
        <v>10</v>
      </c>
      <c r="B2476" s="6">
        <v>186952</v>
      </c>
      <c r="C2476" s="6" t="s">
        <v>11</v>
      </c>
      <c r="D2476" s="6" t="s">
        <v>334</v>
      </c>
      <c r="E2476" s="6">
        <v>25754</v>
      </c>
      <c r="F2476" s="6" t="s">
        <v>18</v>
      </c>
      <c r="G2476" s="6" t="s">
        <v>5191</v>
      </c>
      <c r="H2476" s="6" t="s">
        <v>5192</v>
      </c>
      <c r="I2476" s="7">
        <v>4.5601988000000002</v>
      </c>
      <c r="J2476" s="8">
        <v>-74.242450599999998</v>
      </c>
    </row>
    <row r="2477" spans="1:10" x14ac:dyDescent="0.35">
      <c r="A2477" s="5" t="s">
        <v>10</v>
      </c>
      <c r="B2477" s="6">
        <v>233428</v>
      </c>
      <c r="C2477" s="6" t="s">
        <v>68</v>
      </c>
      <c r="D2477" s="6" t="s">
        <v>69</v>
      </c>
      <c r="E2477" s="6">
        <v>11001</v>
      </c>
      <c r="F2477" s="6" t="s">
        <v>18</v>
      </c>
      <c r="G2477" s="6" t="s">
        <v>5193</v>
      </c>
      <c r="H2477" s="6" t="s">
        <v>5194</v>
      </c>
      <c r="I2477" s="7">
        <v>4.6267300000000002</v>
      </c>
      <c r="J2477" s="8">
        <v>-74.166550000000001</v>
      </c>
    </row>
    <row r="2478" spans="1:10" x14ac:dyDescent="0.35">
      <c r="A2478" s="5" t="s">
        <v>10</v>
      </c>
      <c r="B2478" s="6">
        <v>236831</v>
      </c>
      <c r="C2478" s="6" t="s">
        <v>466</v>
      </c>
      <c r="D2478" s="6" t="s">
        <v>1262</v>
      </c>
      <c r="E2478" s="6">
        <v>81001</v>
      </c>
      <c r="F2478" s="6" t="s">
        <v>18</v>
      </c>
      <c r="G2478" s="6" t="s">
        <v>5195</v>
      </c>
      <c r="H2478" s="6" t="s">
        <v>5196</v>
      </c>
      <c r="I2478" s="7">
        <v>6.7801280999999998</v>
      </c>
      <c r="J2478" s="8">
        <v>-70.716846899999993</v>
      </c>
    </row>
    <row r="2479" spans="1:10" x14ac:dyDescent="0.35">
      <c r="A2479" s="5" t="s">
        <v>10</v>
      </c>
      <c r="B2479" s="6">
        <v>226387</v>
      </c>
      <c r="C2479" s="6" t="s">
        <v>190</v>
      </c>
      <c r="D2479" s="6" t="s">
        <v>191</v>
      </c>
      <c r="E2479" s="6">
        <v>5001</v>
      </c>
      <c r="F2479" s="6" t="s">
        <v>13</v>
      </c>
      <c r="G2479" s="6" t="s">
        <v>3737</v>
      </c>
      <c r="H2479" s="6" t="s">
        <v>5197</v>
      </c>
      <c r="I2479" s="7">
        <v>6.258178</v>
      </c>
      <c r="J2479" s="8">
        <v>-75.596790999999996</v>
      </c>
    </row>
    <row r="2480" spans="1:10" x14ac:dyDescent="0.35">
      <c r="A2480" s="5" t="s">
        <v>10</v>
      </c>
      <c r="B2480" s="6">
        <v>226391</v>
      </c>
      <c r="C2480" s="6" t="s">
        <v>190</v>
      </c>
      <c r="D2480" s="6" t="s">
        <v>191</v>
      </c>
      <c r="E2480" s="6">
        <v>5001</v>
      </c>
      <c r="F2480" s="6" t="s">
        <v>13</v>
      </c>
      <c r="G2480" s="6" t="s">
        <v>3737</v>
      </c>
      <c r="H2480" s="6" t="s">
        <v>5198</v>
      </c>
      <c r="I2480" s="7">
        <v>6.2110734999999897</v>
      </c>
      <c r="J2480" s="8">
        <v>-75.571461099999993</v>
      </c>
    </row>
    <row r="2481" spans="1:10" x14ac:dyDescent="0.35">
      <c r="A2481" s="5" t="s">
        <v>10</v>
      </c>
      <c r="B2481" s="6">
        <v>206787</v>
      </c>
      <c r="C2481" s="6" t="s">
        <v>24</v>
      </c>
      <c r="D2481" s="6" t="s">
        <v>88</v>
      </c>
      <c r="E2481" s="6">
        <v>15001</v>
      </c>
      <c r="F2481" s="6" t="s">
        <v>18</v>
      </c>
      <c r="G2481" s="6" t="s">
        <v>5199</v>
      </c>
      <c r="H2481" s="6" t="s">
        <v>5200</v>
      </c>
      <c r="I2481" s="7">
        <v>5.5151911</v>
      </c>
      <c r="J2481" s="8">
        <v>-73.361950199999995</v>
      </c>
    </row>
    <row r="2482" spans="1:10" x14ac:dyDescent="0.35">
      <c r="A2482" s="5" t="s">
        <v>10</v>
      </c>
      <c r="B2482" s="6">
        <v>221315</v>
      </c>
      <c r="C2482" s="6" t="s">
        <v>551</v>
      </c>
      <c r="D2482" s="6" t="s">
        <v>1550</v>
      </c>
      <c r="E2482" s="6">
        <v>20710</v>
      </c>
      <c r="F2482" s="6" t="s">
        <v>18</v>
      </c>
      <c r="G2482" s="6" t="s">
        <v>5201</v>
      </c>
      <c r="H2482" s="6" t="s">
        <v>5202</v>
      </c>
      <c r="I2482" s="7">
        <v>7.7636684000000002</v>
      </c>
      <c r="J2482" s="8">
        <v>-73.393211699999995</v>
      </c>
    </row>
    <row r="2483" spans="1:10" x14ac:dyDescent="0.35">
      <c r="A2483" s="5" t="s">
        <v>10</v>
      </c>
      <c r="B2483" s="6">
        <v>183822</v>
      </c>
      <c r="C2483" s="6" t="s">
        <v>278</v>
      </c>
      <c r="D2483" s="6" t="s">
        <v>1524</v>
      </c>
      <c r="E2483" s="6">
        <v>50318</v>
      </c>
      <c r="F2483" s="6" t="s">
        <v>18</v>
      </c>
      <c r="G2483" s="6" t="s">
        <v>5203</v>
      </c>
      <c r="H2483" s="6" t="s">
        <v>5204</v>
      </c>
      <c r="I2483" s="7">
        <v>3.8804750000000001</v>
      </c>
      <c r="J2483" s="8">
        <v>-73.7698769</v>
      </c>
    </row>
    <row r="2484" spans="1:10" x14ac:dyDescent="0.35">
      <c r="A2484" s="5" t="s">
        <v>10</v>
      </c>
      <c r="B2484" s="6">
        <v>241867</v>
      </c>
      <c r="C2484" s="6" t="s">
        <v>2130</v>
      </c>
      <c r="D2484" s="6" t="s">
        <v>3816</v>
      </c>
      <c r="E2484" s="6">
        <v>85162</v>
      </c>
      <c r="F2484" s="6" t="s">
        <v>18</v>
      </c>
      <c r="G2484" s="6" t="s">
        <v>5205</v>
      </c>
      <c r="H2484" s="6" t="s">
        <v>5206</v>
      </c>
      <c r="I2484" s="7">
        <v>4.8766673999999997</v>
      </c>
      <c r="J2484" s="8">
        <v>-72.892675400000002</v>
      </c>
    </row>
    <row r="2485" spans="1:10" x14ac:dyDescent="0.35">
      <c r="A2485" s="5" t="s">
        <v>10</v>
      </c>
      <c r="B2485" s="6">
        <v>238223</v>
      </c>
      <c r="C2485" s="6" t="s">
        <v>294</v>
      </c>
      <c r="D2485" s="6" t="s">
        <v>4244</v>
      </c>
      <c r="E2485" s="6">
        <v>41298</v>
      </c>
      <c r="F2485" s="6" t="s">
        <v>18</v>
      </c>
      <c r="G2485" s="6" t="s">
        <v>5207</v>
      </c>
      <c r="H2485" s="6" t="s">
        <v>5208</v>
      </c>
      <c r="I2485" s="7">
        <v>2.1954533999999999</v>
      </c>
      <c r="J2485" s="8">
        <v>-75.627438100000006</v>
      </c>
    </row>
    <row r="2486" spans="1:10" x14ac:dyDescent="0.35">
      <c r="A2486" s="5" t="s">
        <v>10</v>
      </c>
      <c r="B2486" s="6">
        <v>233588</v>
      </c>
      <c r="C2486" s="6" t="s">
        <v>11</v>
      </c>
      <c r="D2486" s="6" t="s">
        <v>5209</v>
      </c>
      <c r="E2486" s="6">
        <v>25297</v>
      </c>
      <c r="F2486" s="6" t="s">
        <v>18</v>
      </c>
      <c r="G2486" s="6" t="s">
        <v>5210</v>
      </c>
      <c r="H2486" s="6" t="s">
        <v>5211</v>
      </c>
      <c r="I2486" s="7">
        <v>4.8169700000000004</v>
      </c>
      <c r="J2486" s="8">
        <v>-73.636309999999995</v>
      </c>
    </row>
    <row r="2487" spans="1:10" x14ac:dyDescent="0.35">
      <c r="A2487" s="5" t="s">
        <v>10</v>
      </c>
      <c r="B2487" s="6">
        <v>232737</v>
      </c>
      <c r="C2487" s="6" t="s">
        <v>759</v>
      </c>
      <c r="D2487" s="6" t="s">
        <v>5212</v>
      </c>
      <c r="E2487" s="6">
        <v>99524</v>
      </c>
      <c r="F2487" s="6" t="s">
        <v>18</v>
      </c>
      <c r="G2487" s="6" t="s">
        <v>5213</v>
      </c>
      <c r="H2487" s="6" t="s">
        <v>5214</v>
      </c>
      <c r="I2487" s="7">
        <v>5.4915900000000004</v>
      </c>
      <c r="J2487" s="8">
        <v>-70.414000000000001</v>
      </c>
    </row>
    <row r="2488" spans="1:10" x14ac:dyDescent="0.35">
      <c r="A2488" s="5" t="s">
        <v>10</v>
      </c>
      <c r="B2488" s="6">
        <v>206611</v>
      </c>
      <c r="C2488" s="6" t="s">
        <v>117</v>
      </c>
      <c r="D2488" s="6" t="s">
        <v>3492</v>
      </c>
      <c r="E2488" s="6">
        <v>76520</v>
      </c>
      <c r="F2488" s="6" t="s">
        <v>18</v>
      </c>
      <c r="G2488" s="6" t="s">
        <v>5215</v>
      </c>
      <c r="H2488" s="6" t="s">
        <v>5216</v>
      </c>
      <c r="I2488" s="7">
        <v>3.4429397000000002</v>
      </c>
      <c r="J2488" s="8">
        <v>-76.523510199999905</v>
      </c>
    </row>
    <row r="2489" spans="1:10" x14ac:dyDescent="0.35">
      <c r="A2489" s="5" t="s">
        <v>10</v>
      </c>
      <c r="B2489" s="6">
        <v>210506</v>
      </c>
      <c r="C2489" s="6" t="s">
        <v>68</v>
      </c>
      <c r="D2489" s="6" t="s">
        <v>69</v>
      </c>
      <c r="E2489" s="6">
        <v>11001</v>
      </c>
      <c r="F2489" s="6" t="s">
        <v>18</v>
      </c>
      <c r="G2489" s="6" t="s">
        <v>5217</v>
      </c>
      <c r="H2489" s="6" t="s">
        <v>5218</v>
      </c>
      <c r="I2489" s="7">
        <v>4.6324189999999996</v>
      </c>
      <c r="J2489" s="8">
        <v>-74.112901999999906</v>
      </c>
    </row>
    <row r="2490" spans="1:10" x14ac:dyDescent="0.35">
      <c r="A2490" s="5" t="s">
        <v>10</v>
      </c>
      <c r="B2490" s="6">
        <v>226202</v>
      </c>
      <c r="C2490" s="6" t="s">
        <v>68</v>
      </c>
      <c r="D2490" s="6" t="s">
        <v>69</v>
      </c>
      <c r="E2490" s="6">
        <v>11001</v>
      </c>
      <c r="F2490" s="6" t="s">
        <v>18</v>
      </c>
      <c r="G2490" s="6" t="s">
        <v>5219</v>
      </c>
      <c r="H2490" s="6" t="s">
        <v>5220</v>
      </c>
      <c r="I2490" s="7">
        <v>4.7087778</v>
      </c>
      <c r="J2490" s="8">
        <v>-74.122468400000002</v>
      </c>
    </row>
    <row r="2491" spans="1:10" x14ac:dyDescent="0.35">
      <c r="A2491" s="5" t="s">
        <v>10</v>
      </c>
      <c r="B2491" s="6">
        <v>226249</v>
      </c>
      <c r="C2491" s="6" t="s">
        <v>117</v>
      </c>
      <c r="D2491" s="6" t="s">
        <v>1334</v>
      </c>
      <c r="E2491" s="6">
        <v>76001</v>
      </c>
      <c r="F2491" s="6" t="s">
        <v>13</v>
      </c>
      <c r="G2491" s="6" t="s">
        <v>3737</v>
      </c>
      <c r="H2491" s="6" t="s">
        <v>5221</v>
      </c>
      <c r="I2491" s="7">
        <v>3.4516467</v>
      </c>
      <c r="J2491" s="8">
        <v>-76.531985399999996</v>
      </c>
    </row>
    <row r="2492" spans="1:10" x14ac:dyDescent="0.35">
      <c r="A2492" s="5" t="s">
        <v>10</v>
      </c>
      <c r="B2492" s="6">
        <v>201540</v>
      </c>
      <c r="C2492" s="6" t="s">
        <v>24</v>
      </c>
      <c r="D2492" s="6" t="s">
        <v>530</v>
      </c>
      <c r="E2492" s="6">
        <v>15516</v>
      </c>
      <c r="F2492" s="6" t="s">
        <v>18</v>
      </c>
      <c r="G2492" s="6" t="s">
        <v>5222</v>
      </c>
      <c r="H2492" s="6" t="s">
        <v>5223</v>
      </c>
      <c r="I2492" s="7">
        <v>5.7791620999999997</v>
      </c>
      <c r="J2492" s="8">
        <v>-73.111130899999907</v>
      </c>
    </row>
    <row r="2493" spans="1:10" x14ac:dyDescent="0.35">
      <c r="A2493" s="5" t="s">
        <v>10</v>
      </c>
      <c r="B2493" s="6">
        <v>237823</v>
      </c>
      <c r="C2493" s="6" t="s">
        <v>2130</v>
      </c>
      <c r="D2493" s="6" t="s">
        <v>3816</v>
      </c>
      <c r="E2493" s="6">
        <v>85162</v>
      </c>
      <c r="F2493" s="6" t="s">
        <v>18</v>
      </c>
      <c r="G2493" s="6" t="s">
        <v>5224</v>
      </c>
      <c r="H2493" s="6" t="s">
        <v>5225</v>
      </c>
      <c r="I2493" s="7">
        <v>4.8842638000000003</v>
      </c>
      <c r="J2493" s="8">
        <v>-72.893995399999994</v>
      </c>
    </row>
    <row r="2494" spans="1:10" x14ac:dyDescent="0.35">
      <c r="A2494" s="5" t="s">
        <v>10</v>
      </c>
      <c r="B2494" s="6">
        <v>220579</v>
      </c>
      <c r="C2494" s="6" t="s">
        <v>278</v>
      </c>
      <c r="D2494" s="6" t="s">
        <v>3873</v>
      </c>
      <c r="E2494" s="6">
        <v>50568</v>
      </c>
      <c r="F2494" s="6" t="s">
        <v>18</v>
      </c>
      <c r="G2494" s="6" t="s">
        <v>5226</v>
      </c>
      <c r="H2494" s="6" t="s">
        <v>5227</v>
      </c>
      <c r="I2494" s="7">
        <v>4.3123762000000001</v>
      </c>
      <c r="J2494" s="8">
        <v>-72.082682199999994</v>
      </c>
    </row>
    <row r="2495" spans="1:10" x14ac:dyDescent="0.35">
      <c r="A2495" s="5" t="s">
        <v>10</v>
      </c>
      <c r="B2495" s="6">
        <v>215878</v>
      </c>
      <c r="C2495" s="6" t="s">
        <v>11</v>
      </c>
      <c r="D2495" s="6" t="s">
        <v>101</v>
      </c>
      <c r="E2495" s="6">
        <v>25473</v>
      </c>
      <c r="F2495" s="6" t="s">
        <v>18</v>
      </c>
      <c r="G2495" s="6" t="s">
        <v>5228</v>
      </c>
      <c r="H2495" s="6" t="s">
        <v>5229</v>
      </c>
      <c r="I2495" s="7">
        <v>4.7036335999999999</v>
      </c>
      <c r="J2495" s="8">
        <v>-74.213251999999997</v>
      </c>
    </row>
    <row r="2496" spans="1:10" x14ac:dyDescent="0.35">
      <c r="A2496" s="5" t="s">
        <v>10</v>
      </c>
      <c r="B2496" s="6">
        <v>231243</v>
      </c>
      <c r="C2496" s="6" t="s">
        <v>117</v>
      </c>
      <c r="D2496" s="6" t="s">
        <v>1334</v>
      </c>
      <c r="E2496" s="6">
        <v>76001</v>
      </c>
      <c r="F2496" s="6" t="s">
        <v>18</v>
      </c>
      <c r="G2496" s="6" t="s">
        <v>5230</v>
      </c>
      <c r="H2496" s="6" t="s">
        <v>5231</v>
      </c>
      <c r="I2496" s="7">
        <v>3.4659798999999998</v>
      </c>
      <c r="J2496" s="8">
        <v>-76.501644200000001</v>
      </c>
    </row>
    <row r="2497" spans="1:10" x14ac:dyDescent="0.35">
      <c r="A2497" s="5" t="s">
        <v>10</v>
      </c>
      <c r="B2497" s="6">
        <v>186955</v>
      </c>
      <c r="C2497" s="6" t="s">
        <v>11</v>
      </c>
      <c r="D2497" s="6" t="s">
        <v>221</v>
      </c>
      <c r="E2497" s="6">
        <v>25430</v>
      </c>
      <c r="F2497" s="6" t="s">
        <v>18</v>
      </c>
      <c r="G2497" s="6" t="s">
        <v>5232</v>
      </c>
      <c r="H2497" s="6" t="s">
        <v>5233</v>
      </c>
      <c r="I2497" s="7">
        <v>4.7392012000000001</v>
      </c>
      <c r="J2497" s="8">
        <v>-74.278082999999995</v>
      </c>
    </row>
    <row r="2498" spans="1:10" x14ac:dyDescent="0.35">
      <c r="A2498" s="5" t="s">
        <v>10</v>
      </c>
      <c r="B2498" s="6">
        <v>185100</v>
      </c>
      <c r="C2498" s="6" t="s">
        <v>11</v>
      </c>
      <c r="D2498" s="6" t="s">
        <v>334</v>
      </c>
      <c r="E2498" s="6">
        <v>25754</v>
      </c>
      <c r="F2498" s="6" t="s">
        <v>18</v>
      </c>
      <c r="G2498" s="6" t="s">
        <v>5234</v>
      </c>
      <c r="H2498" s="6" t="s">
        <v>5235</v>
      </c>
      <c r="I2498" s="7">
        <v>4.5672212999999999</v>
      </c>
      <c r="J2498" s="8">
        <v>-74.220969299999993</v>
      </c>
    </row>
    <row r="2499" spans="1:10" x14ac:dyDescent="0.35">
      <c r="A2499" s="5" t="s">
        <v>10</v>
      </c>
      <c r="B2499" s="6">
        <v>222689</v>
      </c>
      <c r="C2499" s="6" t="s">
        <v>24</v>
      </c>
      <c r="D2499" s="6" t="s">
        <v>88</v>
      </c>
      <c r="E2499" s="6">
        <v>15001</v>
      </c>
      <c r="F2499" s="6" t="s">
        <v>18</v>
      </c>
      <c r="G2499" s="6" t="s">
        <v>5236</v>
      </c>
      <c r="H2499" s="6" t="s">
        <v>5237</v>
      </c>
      <c r="I2499" s="7">
        <v>5.5401807999999999</v>
      </c>
      <c r="J2499" s="8">
        <v>-73.361290799999907</v>
      </c>
    </row>
    <row r="2500" spans="1:10" x14ac:dyDescent="0.35">
      <c r="A2500" s="5" t="s">
        <v>10</v>
      </c>
      <c r="B2500" s="6">
        <v>235609</v>
      </c>
      <c r="C2500" s="6" t="s">
        <v>24</v>
      </c>
      <c r="D2500" s="6" t="s">
        <v>25</v>
      </c>
      <c r="E2500" s="6">
        <v>15322</v>
      </c>
      <c r="F2500" s="6" t="s">
        <v>18</v>
      </c>
      <c r="G2500" s="6" t="s">
        <v>5238</v>
      </c>
      <c r="H2500" s="6" t="s">
        <v>5239</v>
      </c>
      <c r="I2500" s="7">
        <v>5.0067351999999996</v>
      </c>
      <c r="J2500" s="8">
        <v>-73.474284499999996</v>
      </c>
    </row>
    <row r="2501" spans="1:10" x14ac:dyDescent="0.35">
      <c r="A2501" s="5" t="s">
        <v>10</v>
      </c>
      <c r="B2501" s="6">
        <v>148434</v>
      </c>
      <c r="C2501" s="6" t="s">
        <v>16</v>
      </c>
      <c r="D2501" s="6" t="s">
        <v>2825</v>
      </c>
      <c r="E2501" s="6">
        <v>68276</v>
      </c>
      <c r="F2501" s="6" t="s">
        <v>18</v>
      </c>
      <c r="G2501" s="6" t="s">
        <v>5240</v>
      </c>
      <c r="H2501" s="6" t="s">
        <v>5241</v>
      </c>
      <c r="I2501" s="7">
        <v>7.0630778999999997</v>
      </c>
      <c r="J2501" s="8">
        <v>-73.094579600000003</v>
      </c>
    </row>
    <row r="2502" spans="1:10" x14ac:dyDescent="0.35">
      <c r="A2502" s="5" t="s">
        <v>10</v>
      </c>
      <c r="B2502" s="6">
        <v>190065</v>
      </c>
      <c r="C2502" s="6" t="s">
        <v>16</v>
      </c>
      <c r="D2502" s="6" t="s">
        <v>78</v>
      </c>
      <c r="E2502" s="6">
        <v>68001</v>
      </c>
      <c r="F2502" s="6" t="s">
        <v>18</v>
      </c>
      <c r="G2502" s="6" t="s">
        <v>5242</v>
      </c>
      <c r="H2502" s="6" t="s">
        <v>5243</v>
      </c>
      <c r="I2502" s="7">
        <v>7.1613607000000004</v>
      </c>
      <c r="J2502" s="8">
        <v>-73.140907499999997</v>
      </c>
    </row>
    <row r="2503" spans="1:10" x14ac:dyDescent="0.35">
      <c r="A2503" s="5" t="s">
        <v>10</v>
      </c>
      <c r="B2503" s="6">
        <v>243292</v>
      </c>
      <c r="C2503" s="6" t="s">
        <v>551</v>
      </c>
      <c r="D2503" s="6" t="s">
        <v>977</v>
      </c>
      <c r="E2503" s="6">
        <v>20011</v>
      </c>
      <c r="F2503" s="6" t="s">
        <v>18</v>
      </c>
      <c r="G2503" s="6" t="s">
        <v>5244</v>
      </c>
      <c r="H2503" s="6" t="s">
        <v>5245</v>
      </c>
      <c r="I2503" s="7">
        <v>8.3100707000000007</v>
      </c>
      <c r="J2503" s="8">
        <v>-73.616044000000002</v>
      </c>
    </row>
    <row r="2504" spans="1:10" x14ac:dyDescent="0.35">
      <c r="A2504" s="5" t="s">
        <v>10</v>
      </c>
      <c r="B2504" s="6">
        <v>221830</v>
      </c>
      <c r="C2504" s="6" t="s">
        <v>278</v>
      </c>
      <c r="D2504" s="6" t="s">
        <v>279</v>
      </c>
      <c r="E2504" s="6">
        <v>50001</v>
      </c>
      <c r="F2504" s="6" t="s">
        <v>18</v>
      </c>
      <c r="G2504" s="6" t="s">
        <v>5246</v>
      </c>
      <c r="H2504" s="6" t="s">
        <v>5247</v>
      </c>
      <c r="I2504" s="7">
        <v>4.1426889999999998</v>
      </c>
      <c r="J2504" s="8">
        <v>-73.650110999999995</v>
      </c>
    </row>
    <row r="2505" spans="1:10" x14ac:dyDescent="0.35">
      <c r="A2505" s="5" t="s">
        <v>10</v>
      </c>
      <c r="B2505" s="6">
        <v>246568</v>
      </c>
      <c r="C2505" s="6" t="s">
        <v>278</v>
      </c>
      <c r="D2505" s="6" t="s">
        <v>4924</v>
      </c>
      <c r="E2505" s="6">
        <v>50689</v>
      </c>
      <c r="F2505" s="6" t="s">
        <v>18</v>
      </c>
      <c r="G2505" s="6" t="s">
        <v>5248</v>
      </c>
      <c r="H2505" s="6" t="s">
        <v>5249</v>
      </c>
      <c r="I2505" s="7">
        <v>3.6984919999999999</v>
      </c>
      <c r="J2505" s="8">
        <v>-73.697308000000007</v>
      </c>
    </row>
    <row r="2506" spans="1:10" x14ac:dyDescent="0.35">
      <c r="A2506" s="5" t="s">
        <v>10</v>
      </c>
      <c r="B2506" s="6">
        <v>213224</v>
      </c>
      <c r="C2506" s="6" t="s">
        <v>294</v>
      </c>
      <c r="D2506" s="6" t="s">
        <v>703</v>
      </c>
      <c r="E2506" s="6">
        <v>41001</v>
      </c>
      <c r="F2506" s="6" t="s">
        <v>18</v>
      </c>
      <c r="G2506" s="6" t="s">
        <v>5250</v>
      </c>
      <c r="H2506" s="6" t="s">
        <v>5251</v>
      </c>
      <c r="I2506" s="7">
        <v>2.9344836999999999</v>
      </c>
      <c r="J2506" s="8">
        <v>-75.280900099999997</v>
      </c>
    </row>
    <row r="2507" spans="1:10" x14ac:dyDescent="0.35">
      <c r="A2507" s="5" t="s">
        <v>10</v>
      </c>
      <c r="B2507" s="6">
        <v>211283</v>
      </c>
      <c r="C2507" s="6" t="s">
        <v>294</v>
      </c>
      <c r="D2507" s="6" t="s">
        <v>5252</v>
      </c>
      <c r="E2507" s="6">
        <v>41807</v>
      </c>
      <c r="F2507" s="6" t="s">
        <v>18</v>
      </c>
      <c r="G2507" s="6" t="s">
        <v>5253</v>
      </c>
      <c r="H2507" s="6" t="s">
        <v>5254</v>
      </c>
      <c r="I2507" s="7">
        <v>1.974415</v>
      </c>
      <c r="J2507" s="8">
        <v>-75.932846999999995</v>
      </c>
    </row>
    <row r="2508" spans="1:10" x14ac:dyDescent="0.35">
      <c r="A2508" s="5" t="s">
        <v>10</v>
      </c>
      <c r="B2508" s="6">
        <v>232125</v>
      </c>
      <c r="C2508" s="6" t="s">
        <v>11</v>
      </c>
      <c r="D2508" s="6" t="s">
        <v>101</v>
      </c>
      <c r="E2508" s="6">
        <v>25473</v>
      </c>
      <c r="F2508" s="6" t="s">
        <v>18</v>
      </c>
      <c r="G2508" s="6" t="s">
        <v>5255</v>
      </c>
      <c r="H2508" s="6" t="s">
        <v>5256</v>
      </c>
      <c r="I2508" s="7">
        <v>4.7169105</v>
      </c>
      <c r="J2508" s="8">
        <v>-74.223315099999994</v>
      </c>
    </row>
    <row r="2509" spans="1:10" x14ac:dyDescent="0.35">
      <c r="A2509" s="5" t="s">
        <v>10</v>
      </c>
      <c r="B2509" s="6">
        <v>219803</v>
      </c>
      <c r="C2509" s="6" t="s">
        <v>11</v>
      </c>
      <c r="D2509" s="6" t="s">
        <v>4073</v>
      </c>
      <c r="E2509" s="6">
        <v>25740</v>
      </c>
      <c r="F2509" s="6" t="s">
        <v>18</v>
      </c>
      <c r="G2509" s="6" t="s">
        <v>5257</v>
      </c>
      <c r="H2509" s="6" t="s">
        <v>5258</v>
      </c>
      <c r="I2509" s="7">
        <v>4.4888857999999896</v>
      </c>
      <c r="J2509" s="8">
        <v>-74.261947999999904</v>
      </c>
    </row>
    <row r="2510" spans="1:10" x14ac:dyDescent="0.35">
      <c r="A2510" s="5" t="s">
        <v>10</v>
      </c>
      <c r="B2510" s="6">
        <v>228365</v>
      </c>
      <c r="C2510" s="6" t="s">
        <v>11</v>
      </c>
      <c r="D2510" s="6" t="s">
        <v>5259</v>
      </c>
      <c r="E2510" s="6">
        <v>25320</v>
      </c>
      <c r="F2510" s="6" t="s">
        <v>18</v>
      </c>
      <c r="G2510" s="6" t="s">
        <v>5260</v>
      </c>
      <c r="H2510" s="6" t="s">
        <v>5261</v>
      </c>
      <c r="I2510" s="7">
        <v>5.0678087999999999</v>
      </c>
      <c r="J2510" s="8">
        <v>-74.5953205</v>
      </c>
    </row>
    <row r="2511" spans="1:10" x14ac:dyDescent="0.35">
      <c r="A2511" s="5" t="s">
        <v>10</v>
      </c>
      <c r="B2511" s="6">
        <v>211889</v>
      </c>
      <c r="C2511" s="6" t="s">
        <v>11</v>
      </c>
      <c r="D2511" s="6" t="s">
        <v>513</v>
      </c>
      <c r="E2511" s="6">
        <v>25286</v>
      </c>
      <c r="F2511" s="6" t="s">
        <v>18</v>
      </c>
      <c r="G2511" s="6" t="s">
        <v>5262</v>
      </c>
      <c r="H2511" s="6" t="s">
        <v>5263</v>
      </c>
      <c r="I2511" s="7">
        <v>4.7060307999999997</v>
      </c>
      <c r="J2511" s="8">
        <v>-74.211092100000002</v>
      </c>
    </row>
    <row r="2512" spans="1:10" x14ac:dyDescent="0.35">
      <c r="A2512" s="5" t="s">
        <v>10</v>
      </c>
      <c r="B2512" s="6">
        <v>215521</v>
      </c>
      <c r="C2512" s="6" t="s">
        <v>11</v>
      </c>
      <c r="D2512" s="6" t="s">
        <v>407</v>
      </c>
      <c r="E2512" s="6">
        <v>25126</v>
      </c>
      <c r="F2512" s="6" t="s">
        <v>18</v>
      </c>
      <c r="G2512" s="6" t="s">
        <v>5264</v>
      </c>
      <c r="H2512" s="6" t="s">
        <v>5265</v>
      </c>
      <c r="I2512" s="7">
        <v>4.9135647999999996</v>
      </c>
      <c r="J2512" s="8">
        <v>-74.032325200000002</v>
      </c>
    </row>
    <row r="2513" spans="1:10" x14ac:dyDescent="0.35">
      <c r="A2513" s="5" t="s">
        <v>10</v>
      </c>
      <c r="B2513" s="6">
        <v>211833</v>
      </c>
      <c r="C2513" s="6" t="s">
        <v>11</v>
      </c>
      <c r="D2513" s="6" t="s">
        <v>334</v>
      </c>
      <c r="E2513" s="6">
        <v>25754</v>
      </c>
      <c r="F2513" s="6" t="s">
        <v>18</v>
      </c>
      <c r="G2513" s="6" t="s">
        <v>5266</v>
      </c>
      <c r="H2513" s="6" t="s">
        <v>5267</v>
      </c>
      <c r="I2513" s="7">
        <v>4.5795497999999997</v>
      </c>
      <c r="J2513" s="8">
        <v>-74.211524099999906</v>
      </c>
    </row>
    <row r="2514" spans="1:10" x14ac:dyDescent="0.35">
      <c r="A2514" s="5" t="s">
        <v>10</v>
      </c>
      <c r="B2514" s="6">
        <v>226285</v>
      </c>
      <c r="C2514" s="6" t="s">
        <v>68</v>
      </c>
      <c r="D2514" s="6" t="s">
        <v>69</v>
      </c>
      <c r="E2514" s="6">
        <v>11001</v>
      </c>
      <c r="F2514" s="6" t="s">
        <v>13</v>
      </c>
      <c r="G2514" s="6" t="s">
        <v>3737</v>
      </c>
      <c r="H2514" s="6" t="s">
        <v>5268</v>
      </c>
      <c r="I2514" s="7">
        <v>4.6184959999999897</v>
      </c>
      <c r="J2514" s="8">
        <v>-74.085676999999905</v>
      </c>
    </row>
    <row r="2515" spans="1:10" x14ac:dyDescent="0.35">
      <c r="A2515" s="5" t="s">
        <v>10</v>
      </c>
      <c r="B2515" s="6">
        <v>198963</v>
      </c>
      <c r="C2515" s="6" t="s">
        <v>551</v>
      </c>
      <c r="D2515" s="6" t="s">
        <v>3892</v>
      </c>
      <c r="E2515" s="6">
        <v>20550</v>
      </c>
      <c r="F2515" s="6" t="s">
        <v>18</v>
      </c>
      <c r="G2515" s="6" t="s">
        <v>5269</v>
      </c>
      <c r="H2515" s="6" t="s">
        <v>5270</v>
      </c>
      <c r="I2515" s="7">
        <v>8.6898119999999999</v>
      </c>
      <c r="J2515" s="8">
        <v>-73.665615599999995</v>
      </c>
    </row>
    <row r="2516" spans="1:10" x14ac:dyDescent="0.35">
      <c r="A2516" s="5" t="s">
        <v>10</v>
      </c>
      <c r="B2516" s="6">
        <v>214027</v>
      </c>
      <c r="C2516" s="6" t="s">
        <v>278</v>
      </c>
      <c r="D2516" s="6" t="s">
        <v>3651</v>
      </c>
      <c r="E2516" s="6">
        <v>50313</v>
      </c>
      <c r="F2516" s="6" t="s">
        <v>18</v>
      </c>
      <c r="G2516" s="6" t="s">
        <v>5271</v>
      </c>
      <c r="H2516" s="6" t="s">
        <v>5272</v>
      </c>
      <c r="I2516" s="7">
        <v>3.4804414000000001</v>
      </c>
      <c r="J2516" s="8">
        <v>-73.723298999999997</v>
      </c>
    </row>
    <row r="2517" spans="1:10" x14ac:dyDescent="0.35">
      <c r="A2517" s="5" t="s">
        <v>10</v>
      </c>
      <c r="B2517" s="6">
        <v>231755</v>
      </c>
      <c r="C2517" s="6" t="s">
        <v>294</v>
      </c>
      <c r="D2517" s="6" t="s">
        <v>703</v>
      </c>
      <c r="E2517" s="6">
        <v>41001</v>
      </c>
      <c r="F2517" s="6" t="s">
        <v>18</v>
      </c>
      <c r="G2517" s="6" t="s">
        <v>5273</v>
      </c>
      <c r="H2517" s="6" t="s">
        <v>5274</v>
      </c>
      <c r="I2517" s="7">
        <v>2.9368889</v>
      </c>
      <c r="J2517" s="8">
        <v>-75.290737899999996</v>
      </c>
    </row>
    <row r="2518" spans="1:10" x14ac:dyDescent="0.35">
      <c r="A2518" s="5" t="s">
        <v>10</v>
      </c>
      <c r="B2518" s="6">
        <v>223459</v>
      </c>
      <c r="C2518" s="6" t="s">
        <v>11</v>
      </c>
      <c r="D2518" s="6" t="s">
        <v>1206</v>
      </c>
      <c r="E2518" s="6">
        <v>25875</v>
      </c>
      <c r="F2518" s="6" t="s">
        <v>18</v>
      </c>
      <c r="G2518" s="6" t="s">
        <v>5275</v>
      </c>
      <c r="H2518" s="6" t="s">
        <v>5276</v>
      </c>
      <c r="I2518" s="7">
        <v>5.0116652999999998</v>
      </c>
      <c r="J2518" s="8">
        <v>-74.464668799999998</v>
      </c>
    </row>
    <row r="2519" spans="1:10" x14ac:dyDescent="0.35">
      <c r="A2519" s="5" t="s">
        <v>10</v>
      </c>
      <c r="B2519" s="6">
        <v>213271</v>
      </c>
      <c r="C2519" s="6" t="s">
        <v>11</v>
      </c>
      <c r="D2519" s="6" t="s">
        <v>334</v>
      </c>
      <c r="E2519" s="6">
        <v>25754</v>
      </c>
      <c r="F2519" s="6" t="s">
        <v>18</v>
      </c>
      <c r="G2519" s="6" t="s">
        <v>5277</v>
      </c>
      <c r="H2519" s="6" t="s">
        <v>5278</v>
      </c>
      <c r="I2519" s="7">
        <v>4.5789282999999896</v>
      </c>
      <c r="J2519" s="8">
        <v>-74.198106600000003</v>
      </c>
    </row>
    <row r="2520" spans="1:10" x14ac:dyDescent="0.35">
      <c r="A2520" s="5" t="s">
        <v>10</v>
      </c>
      <c r="B2520" s="6">
        <v>222415</v>
      </c>
      <c r="C2520" s="6" t="s">
        <v>11</v>
      </c>
      <c r="D2520" s="6" t="s">
        <v>334</v>
      </c>
      <c r="E2520" s="6">
        <v>25754</v>
      </c>
      <c r="F2520" s="6" t="s">
        <v>18</v>
      </c>
      <c r="G2520" s="6" t="s">
        <v>5279</v>
      </c>
      <c r="H2520" s="6" t="s">
        <v>5280</v>
      </c>
      <c r="I2520" s="7">
        <v>4.6379652</v>
      </c>
      <c r="J2520" s="8">
        <v>-74.073852399999893</v>
      </c>
    </row>
    <row r="2521" spans="1:10" x14ac:dyDescent="0.35">
      <c r="A2521" s="5" t="s">
        <v>10</v>
      </c>
      <c r="B2521" s="6">
        <v>76577</v>
      </c>
      <c r="C2521" s="6" t="s">
        <v>24</v>
      </c>
      <c r="D2521" s="6" t="s">
        <v>88</v>
      </c>
      <c r="E2521" s="6">
        <v>15001</v>
      </c>
      <c r="F2521" s="6" t="s">
        <v>18</v>
      </c>
      <c r="G2521" s="6" t="s">
        <v>5281</v>
      </c>
      <c r="H2521" s="6" t="s">
        <v>5282</v>
      </c>
      <c r="I2521" s="7">
        <v>5.5454211999999998</v>
      </c>
      <c r="J2521" s="8">
        <v>-73.345816299999996</v>
      </c>
    </row>
    <row r="2522" spans="1:10" x14ac:dyDescent="0.35">
      <c r="A2522" s="5" t="s">
        <v>10</v>
      </c>
      <c r="B2522" s="6">
        <v>236265</v>
      </c>
      <c r="C2522" s="6" t="s">
        <v>278</v>
      </c>
      <c r="D2522" s="6" t="s">
        <v>4924</v>
      </c>
      <c r="E2522" s="6">
        <v>50689</v>
      </c>
      <c r="F2522" s="6" t="s">
        <v>18</v>
      </c>
      <c r="G2522" s="6" t="s">
        <v>5283</v>
      </c>
      <c r="H2522" s="6" t="s">
        <v>5284</v>
      </c>
      <c r="I2522" s="7">
        <v>3.6984919999999999</v>
      </c>
      <c r="J2522" s="8">
        <v>-73.697308000000007</v>
      </c>
    </row>
    <row r="2523" spans="1:10" x14ac:dyDescent="0.35">
      <c r="A2523" s="5" t="s">
        <v>10</v>
      </c>
      <c r="B2523" s="6">
        <v>227302</v>
      </c>
      <c r="C2523" s="6" t="s">
        <v>11</v>
      </c>
      <c r="D2523" s="6" t="s">
        <v>337</v>
      </c>
      <c r="E2523" s="6">
        <v>25290</v>
      </c>
      <c r="F2523" s="6" t="s">
        <v>18</v>
      </c>
      <c r="G2523" s="6" t="s">
        <v>5285</v>
      </c>
      <c r="H2523" s="6" t="s">
        <v>5286</v>
      </c>
      <c r="I2523" s="7">
        <v>4.3481296999999897</v>
      </c>
      <c r="J2523" s="8">
        <v>-74.359354600000003</v>
      </c>
    </row>
    <row r="2524" spans="1:10" x14ac:dyDescent="0.35">
      <c r="A2524" s="5" t="s">
        <v>10</v>
      </c>
      <c r="B2524" s="6">
        <v>243154</v>
      </c>
      <c r="C2524" s="6" t="s">
        <v>11</v>
      </c>
      <c r="D2524" s="6" t="s">
        <v>4775</v>
      </c>
      <c r="E2524" s="6">
        <v>25148</v>
      </c>
      <c r="F2524" s="6" t="s">
        <v>18</v>
      </c>
      <c r="G2524" s="6" t="s">
        <v>5287</v>
      </c>
      <c r="H2524" s="6" t="s">
        <v>5288</v>
      </c>
      <c r="I2524" s="7">
        <v>5.3456185999999999</v>
      </c>
      <c r="J2524" s="8">
        <v>-74.491844400000005</v>
      </c>
    </row>
    <row r="2525" spans="1:10" x14ac:dyDescent="0.35">
      <c r="A2525" s="5" t="s">
        <v>10</v>
      </c>
      <c r="B2525" s="6">
        <v>235010</v>
      </c>
      <c r="C2525" s="6" t="s">
        <v>11</v>
      </c>
      <c r="D2525" s="6" t="s">
        <v>4733</v>
      </c>
      <c r="E2525" s="6">
        <v>25885</v>
      </c>
      <c r="F2525" s="6" t="s">
        <v>18</v>
      </c>
      <c r="G2525" s="6" t="s">
        <v>5289</v>
      </c>
      <c r="H2525" s="6" t="s">
        <v>5290</v>
      </c>
      <c r="I2525" s="7">
        <v>5.4603457999999998</v>
      </c>
      <c r="J2525" s="8">
        <v>-74.337348300000002</v>
      </c>
    </row>
    <row r="2526" spans="1:10" x14ac:dyDescent="0.35">
      <c r="A2526" s="5" t="s">
        <v>10</v>
      </c>
      <c r="B2526" s="6">
        <v>216334</v>
      </c>
      <c r="C2526" s="6" t="s">
        <v>11</v>
      </c>
      <c r="D2526" s="6" t="s">
        <v>337</v>
      </c>
      <c r="E2526" s="6">
        <v>25290</v>
      </c>
      <c r="F2526" s="6" t="s">
        <v>18</v>
      </c>
      <c r="G2526" s="6" t="s">
        <v>5291</v>
      </c>
      <c r="H2526" s="6" t="s">
        <v>5292</v>
      </c>
      <c r="I2526" s="7">
        <v>4.3281074999999998</v>
      </c>
      <c r="J2526" s="8">
        <v>-74.409816399999997</v>
      </c>
    </row>
    <row r="2527" spans="1:10" x14ac:dyDescent="0.35">
      <c r="A2527" s="5" t="s">
        <v>10</v>
      </c>
      <c r="B2527" s="6">
        <v>234689</v>
      </c>
      <c r="C2527" s="6" t="s">
        <v>457</v>
      </c>
      <c r="D2527" s="6" t="s">
        <v>5293</v>
      </c>
      <c r="E2527" s="6">
        <v>52323</v>
      </c>
      <c r="F2527" s="6" t="s">
        <v>18</v>
      </c>
      <c r="G2527" s="6" t="s">
        <v>5294</v>
      </c>
      <c r="H2527" s="6" t="s">
        <v>5295</v>
      </c>
      <c r="I2527" s="7">
        <v>3.6486190999999999</v>
      </c>
      <c r="J2527" s="8">
        <v>-76.564982999999998</v>
      </c>
    </row>
    <row r="2528" spans="1:10" x14ac:dyDescent="0.35">
      <c r="A2528" s="5" t="s">
        <v>10</v>
      </c>
      <c r="B2528" s="6">
        <v>219305</v>
      </c>
      <c r="C2528" s="6" t="s">
        <v>11</v>
      </c>
      <c r="D2528" s="6" t="s">
        <v>334</v>
      </c>
      <c r="E2528" s="6">
        <v>25754</v>
      </c>
      <c r="F2528" s="6" t="s">
        <v>18</v>
      </c>
      <c r="G2528" s="6" t="s">
        <v>5296</v>
      </c>
      <c r="H2528" s="6" t="s">
        <v>5297</v>
      </c>
      <c r="I2528" s="7">
        <v>4.5593889999999897</v>
      </c>
      <c r="J2528" s="8">
        <v>-74.215959999999995</v>
      </c>
    </row>
    <row r="2529" spans="1:10" x14ac:dyDescent="0.35">
      <c r="A2529" s="5" t="s">
        <v>10</v>
      </c>
      <c r="B2529" s="6">
        <v>230328</v>
      </c>
      <c r="C2529" s="6" t="s">
        <v>55</v>
      </c>
      <c r="D2529" s="6" t="s">
        <v>56</v>
      </c>
      <c r="E2529" s="6">
        <v>73001</v>
      </c>
      <c r="F2529" s="6" t="s">
        <v>18</v>
      </c>
      <c r="G2529" s="6" t="s">
        <v>5298</v>
      </c>
      <c r="H2529" s="6" t="s">
        <v>5299</v>
      </c>
      <c r="I2529" s="7">
        <v>4.4259230000000001</v>
      </c>
      <c r="J2529" s="8">
        <v>-75.242243000000002</v>
      </c>
    </row>
    <row r="2530" spans="1:10" x14ac:dyDescent="0.35">
      <c r="A2530" s="5" t="s">
        <v>10</v>
      </c>
      <c r="B2530" s="6">
        <v>235610</v>
      </c>
      <c r="C2530" s="6" t="s">
        <v>24</v>
      </c>
      <c r="D2530" s="6" t="s">
        <v>88</v>
      </c>
      <c r="E2530" s="6">
        <v>15001</v>
      </c>
      <c r="F2530" s="6" t="s">
        <v>18</v>
      </c>
      <c r="G2530" s="6" t="s">
        <v>5300</v>
      </c>
      <c r="H2530" s="6" t="s">
        <v>5301</v>
      </c>
      <c r="I2530" s="7">
        <v>5.5521120000000002</v>
      </c>
      <c r="J2530" s="8">
        <v>-73.350966200000002</v>
      </c>
    </row>
    <row r="2531" spans="1:10" x14ac:dyDescent="0.35">
      <c r="A2531" s="5" t="s">
        <v>10</v>
      </c>
      <c r="B2531" s="6">
        <v>138539</v>
      </c>
      <c r="C2531" s="6" t="s">
        <v>16</v>
      </c>
      <c r="D2531" s="6" t="s">
        <v>75</v>
      </c>
      <c r="E2531" s="6">
        <v>68432</v>
      </c>
      <c r="F2531" s="6" t="s">
        <v>18</v>
      </c>
      <c r="G2531" s="6" t="s">
        <v>5302</v>
      </c>
      <c r="H2531" s="6" t="s">
        <v>5303</v>
      </c>
      <c r="I2531" s="7">
        <v>6.7028919999999896</v>
      </c>
      <c r="J2531" s="8">
        <v>-72.731477400000003</v>
      </c>
    </row>
    <row r="2532" spans="1:10" x14ac:dyDescent="0.35">
      <c r="A2532" s="5" t="s">
        <v>10</v>
      </c>
      <c r="B2532" s="6">
        <v>215673</v>
      </c>
      <c r="C2532" s="6" t="s">
        <v>11</v>
      </c>
      <c r="D2532" s="6" t="s">
        <v>901</v>
      </c>
      <c r="E2532" s="6">
        <v>25307</v>
      </c>
      <c r="F2532" s="6" t="s">
        <v>18</v>
      </c>
      <c r="G2532" s="6" t="s">
        <v>5304</v>
      </c>
      <c r="H2532" s="6" t="s">
        <v>5305</v>
      </c>
      <c r="I2532" s="7">
        <v>4.3084347999999997</v>
      </c>
      <c r="J2532" s="8">
        <v>-74.798242099999996</v>
      </c>
    </row>
    <row r="2533" spans="1:10" x14ac:dyDescent="0.35">
      <c r="A2533" s="5" t="s">
        <v>10</v>
      </c>
      <c r="B2533" s="6">
        <v>205508</v>
      </c>
      <c r="C2533" s="6" t="s">
        <v>11</v>
      </c>
      <c r="D2533" s="6" t="s">
        <v>334</v>
      </c>
      <c r="E2533" s="6">
        <v>25754</v>
      </c>
      <c r="F2533" s="6" t="s">
        <v>18</v>
      </c>
      <c r="G2533" s="6" t="s">
        <v>5306</v>
      </c>
      <c r="H2533" s="6" t="s">
        <v>5307</v>
      </c>
      <c r="I2533" s="7">
        <v>4.5693741000000001</v>
      </c>
      <c r="J2533" s="8">
        <v>-74.241772699999999</v>
      </c>
    </row>
    <row r="2534" spans="1:10" x14ac:dyDescent="0.35">
      <c r="A2534" s="5" t="s">
        <v>10</v>
      </c>
      <c r="B2534" s="6">
        <v>240130</v>
      </c>
      <c r="C2534" s="6" t="s">
        <v>11</v>
      </c>
      <c r="D2534" s="6" t="s">
        <v>101</v>
      </c>
      <c r="E2534" s="6">
        <v>25473</v>
      </c>
      <c r="F2534" s="6" t="s">
        <v>18</v>
      </c>
      <c r="G2534" s="6" t="s">
        <v>5308</v>
      </c>
      <c r="H2534" s="6" t="s">
        <v>5309</v>
      </c>
      <c r="I2534" s="7">
        <v>4.7089898999999997</v>
      </c>
      <c r="J2534" s="8">
        <v>-74.220834999999994</v>
      </c>
    </row>
    <row r="2535" spans="1:10" x14ac:dyDescent="0.35">
      <c r="A2535" s="5" t="s">
        <v>10</v>
      </c>
      <c r="B2535" s="6">
        <v>247410</v>
      </c>
      <c r="C2535" s="6" t="s">
        <v>11</v>
      </c>
      <c r="D2535" s="6" t="s">
        <v>1206</v>
      </c>
      <c r="E2535" s="6">
        <v>25875</v>
      </c>
      <c r="F2535" s="6" t="s">
        <v>18</v>
      </c>
      <c r="G2535" s="6" t="s">
        <v>5310</v>
      </c>
      <c r="H2535" s="6" t="s">
        <v>5311</v>
      </c>
      <c r="I2535" s="7">
        <v>5.0048512000000001</v>
      </c>
      <c r="J2535" s="8">
        <v>-74.472048599999994</v>
      </c>
    </row>
    <row r="2536" spans="1:10" x14ac:dyDescent="0.35">
      <c r="A2536" s="5" t="s">
        <v>10</v>
      </c>
      <c r="B2536" s="6">
        <v>245086</v>
      </c>
      <c r="C2536" s="6" t="s">
        <v>278</v>
      </c>
      <c r="D2536" s="6" t="s">
        <v>279</v>
      </c>
      <c r="E2536" s="6">
        <v>50001</v>
      </c>
      <c r="F2536" s="6" t="s">
        <v>18</v>
      </c>
      <c r="G2536" s="6" t="s">
        <v>5312</v>
      </c>
      <c r="H2536" s="6" t="s">
        <v>5313</v>
      </c>
      <c r="I2536" s="7">
        <v>4.1367430000000001</v>
      </c>
      <c r="J2536" s="8">
        <v>-73.606859</v>
      </c>
    </row>
    <row r="2537" spans="1:10" x14ac:dyDescent="0.35">
      <c r="A2537" s="5" t="s">
        <v>10</v>
      </c>
      <c r="B2537" s="6">
        <v>229129</v>
      </c>
      <c r="C2537" s="6" t="s">
        <v>28</v>
      </c>
      <c r="D2537" s="6" t="s">
        <v>29</v>
      </c>
      <c r="E2537" s="6">
        <v>54001</v>
      </c>
      <c r="F2537" s="6" t="s">
        <v>18</v>
      </c>
      <c r="G2537" s="6" t="s">
        <v>5314</v>
      </c>
      <c r="H2537" s="6" t="s">
        <v>5315</v>
      </c>
      <c r="I2537" s="7">
        <v>7.8831955000000002</v>
      </c>
      <c r="J2537" s="8">
        <v>-72.505478100000005</v>
      </c>
    </row>
    <row r="2538" spans="1:10" x14ac:dyDescent="0.35">
      <c r="A2538" s="5" t="s">
        <v>10</v>
      </c>
      <c r="B2538" s="6">
        <v>226220</v>
      </c>
      <c r="C2538" s="6" t="s">
        <v>117</v>
      </c>
      <c r="D2538" s="6" t="s">
        <v>5316</v>
      </c>
      <c r="E2538" s="6">
        <v>76109</v>
      </c>
      <c r="F2538" s="6" t="s">
        <v>13</v>
      </c>
      <c r="G2538" s="6" t="s">
        <v>3737</v>
      </c>
      <c r="H2538" s="6" t="s">
        <v>5317</v>
      </c>
      <c r="I2538" s="7">
        <v>3.8793867999999998</v>
      </c>
      <c r="J2538" s="8">
        <v>-77.020817499999893</v>
      </c>
    </row>
    <row r="2539" spans="1:10" x14ac:dyDescent="0.35">
      <c r="A2539" s="5" t="s">
        <v>10</v>
      </c>
      <c r="B2539" s="6">
        <v>192679</v>
      </c>
      <c r="C2539" s="6" t="s">
        <v>16</v>
      </c>
      <c r="D2539" s="6" t="s">
        <v>78</v>
      </c>
      <c r="E2539" s="6">
        <v>68001</v>
      </c>
      <c r="F2539" s="6" t="s">
        <v>18</v>
      </c>
      <c r="G2539" s="6" t="s">
        <v>5318</v>
      </c>
      <c r="H2539" s="6" t="s">
        <v>5319</v>
      </c>
      <c r="I2539" s="7">
        <v>7.1117846</v>
      </c>
      <c r="J2539" s="8">
        <v>-73.115101999999993</v>
      </c>
    </row>
    <row r="2540" spans="1:10" x14ac:dyDescent="0.35">
      <c r="A2540" s="5" t="s">
        <v>10</v>
      </c>
      <c r="B2540" s="6">
        <v>244748</v>
      </c>
      <c r="C2540" s="6" t="s">
        <v>551</v>
      </c>
      <c r="D2540" s="6" t="s">
        <v>977</v>
      </c>
      <c r="E2540" s="6">
        <v>20011</v>
      </c>
      <c r="F2540" s="6" t="s">
        <v>18</v>
      </c>
      <c r="G2540" s="6" t="s">
        <v>5320</v>
      </c>
      <c r="H2540" s="6" t="s">
        <v>5321</v>
      </c>
      <c r="I2540" s="7">
        <v>8.3115220999999995</v>
      </c>
      <c r="J2540" s="8">
        <v>-73.6308717</v>
      </c>
    </row>
    <row r="2541" spans="1:10" x14ac:dyDescent="0.35">
      <c r="A2541" s="5" t="s">
        <v>10</v>
      </c>
      <c r="B2541" s="6">
        <v>183769</v>
      </c>
      <c r="C2541" s="6" t="s">
        <v>278</v>
      </c>
      <c r="D2541" s="6" t="s">
        <v>1524</v>
      </c>
      <c r="E2541" s="6">
        <v>50318</v>
      </c>
      <c r="F2541" s="6" t="s">
        <v>18</v>
      </c>
      <c r="G2541" s="6" t="s">
        <v>5322</v>
      </c>
      <c r="H2541" s="6" t="s">
        <v>5323</v>
      </c>
      <c r="I2541" s="7">
        <v>3.8762527000000002</v>
      </c>
      <c r="J2541" s="8">
        <v>-73.771320199999906</v>
      </c>
    </row>
    <row r="2542" spans="1:10" x14ac:dyDescent="0.35">
      <c r="A2542" s="5" t="s">
        <v>10</v>
      </c>
      <c r="B2542" s="6">
        <v>218699</v>
      </c>
      <c r="C2542" s="6" t="s">
        <v>294</v>
      </c>
      <c r="D2542" s="6" t="s">
        <v>3557</v>
      </c>
      <c r="E2542" s="6">
        <v>41319</v>
      </c>
      <c r="F2542" s="6" t="s">
        <v>18</v>
      </c>
      <c r="G2542" s="6" t="s">
        <v>5324</v>
      </c>
      <c r="H2542" s="6" t="s">
        <v>5325</v>
      </c>
      <c r="I2542" s="7">
        <v>2.5359349</v>
      </c>
      <c r="J2542" s="8">
        <v>-75.527669899999907</v>
      </c>
    </row>
    <row r="2543" spans="1:10" x14ac:dyDescent="0.35">
      <c r="A2543" s="5" t="s">
        <v>10</v>
      </c>
      <c r="B2543" s="6">
        <v>233636</v>
      </c>
      <c r="C2543" s="6" t="s">
        <v>11</v>
      </c>
      <c r="D2543" s="6" t="s">
        <v>5326</v>
      </c>
      <c r="E2543" s="6">
        <v>25200</v>
      </c>
      <c r="F2543" s="6" t="s">
        <v>18</v>
      </c>
      <c r="G2543" s="6" t="s">
        <v>5327</v>
      </c>
      <c r="H2543" s="6" t="s">
        <v>5328</v>
      </c>
      <c r="I2543" s="7">
        <v>5.0630499999999996</v>
      </c>
      <c r="J2543" s="8">
        <v>-73.975340000000003</v>
      </c>
    </row>
    <row r="2544" spans="1:10" x14ac:dyDescent="0.35">
      <c r="A2544" s="5" t="s">
        <v>10</v>
      </c>
      <c r="B2544" s="6">
        <v>209316</v>
      </c>
      <c r="C2544" s="6" t="s">
        <v>11</v>
      </c>
      <c r="D2544" s="6" t="s">
        <v>221</v>
      </c>
      <c r="E2544" s="6">
        <v>25430</v>
      </c>
      <c r="F2544" s="6" t="s">
        <v>18</v>
      </c>
      <c r="G2544" s="6" t="s">
        <v>5329</v>
      </c>
      <c r="H2544" s="6" t="s">
        <v>5330</v>
      </c>
      <c r="I2544" s="7">
        <v>4.7270310000000002</v>
      </c>
      <c r="J2544" s="8">
        <v>-74.281227299999998</v>
      </c>
    </row>
    <row r="2545" spans="1:10" x14ac:dyDescent="0.35">
      <c r="A2545" s="5" t="s">
        <v>10</v>
      </c>
      <c r="B2545" s="6">
        <v>231624</v>
      </c>
      <c r="C2545" s="6" t="s">
        <v>117</v>
      </c>
      <c r="D2545" s="6" t="s">
        <v>1334</v>
      </c>
      <c r="E2545" s="6">
        <v>76001</v>
      </c>
      <c r="F2545" s="6" t="s">
        <v>18</v>
      </c>
      <c r="G2545" s="6" t="s">
        <v>5331</v>
      </c>
      <c r="H2545" s="6" t="s">
        <v>5332</v>
      </c>
      <c r="I2545" s="7">
        <v>3.3878210000000002</v>
      </c>
      <c r="J2545" s="8">
        <v>-76.525640999999993</v>
      </c>
    </row>
    <row r="2546" spans="1:10" x14ac:dyDescent="0.35">
      <c r="A2546" s="5" t="s">
        <v>10</v>
      </c>
      <c r="B2546" s="6">
        <v>226318</v>
      </c>
      <c r="C2546" s="6" t="s">
        <v>11</v>
      </c>
      <c r="D2546" s="6" t="s">
        <v>337</v>
      </c>
      <c r="E2546" s="6">
        <v>25290</v>
      </c>
      <c r="F2546" s="6" t="s">
        <v>13</v>
      </c>
      <c r="G2546" s="6" t="s">
        <v>3737</v>
      </c>
      <c r="H2546" s="6" t="s">
        <v>5333</v>
      </c>
      <c r="I2546" s="7">
        <v>4.3333320000000004</v>
      </c>
      <c r="J2546" s="8">
        <v>-74.370530000000002</v>
      </c>
    </row>
    <row r="2547" spans="1:10" x14ac:dyDescent="0.35">
      <c r="A2547" s="5" t="s">
        <v>10</v>
      </c>
      <c r="B2547" s="6">
        <v>208985</v>
      </c>
      <c r="C2547" s="6" t="s">
        <v>24</v>
      </c>
      <c r="D2547" s="6" t="s">
        <v>609</v>
      </c>
      <c r="E2547" s="6">
        <v>15455</v>
      </c>
      <c r="F2547" s="6" t="s">
        <v>18</v>
      </c>
      <c r="G2547" s="6" t="s">
        <v>5334</v>
      </c>
      <c r="H2547" s="6" t="s">
        <v>5335</v>
      </c>
      <c r="I2547" s="7">
        <v>5.1971147999999996</v>
      </c>
      <c r="J2547" s="8">
        <v>-73.144295599999893</v>
      </c>
    </row>
    <row r="2548" spans="1:10" x14ac:dyDescent="0.35">
      <c r="A2548" s="5" t="s">
        <v>10</v>
      </c>
      <c r="B2548" s="6">
        <v>243308</v>
      </c>
      <c r="C2548" s="6" t="s">
        <v>551</v>
      </c>
      <c r="D2548" s="6" t="s">
        <v>1529</v>
      </c>
      <c r="E2548" s="6">
        <v>20400</v>
      </c>
      <c r="F2548" s="6" t="s">
        <v>18</v>
      </c>
      <c r="G2548" s="6" t="s">
        <v>5336</v>
      </c>
      <c r="H2548" s="6" t="s">
        <v>5337</v>
      </c>
      <c r="I2548" s="7">
        <v>9.5642946000000002</v>
      </c>
      <c r="J2548" s="8">
        <v>-73.335899800000007</v>
      </c>
    </row>
    <row r="2549" spans="1:10" x14ac:dyDescent="0.35">
      <c r="A2549" s="5" t="s">
        <v>10</v>
      </c>
      <c r="B2549" s="6">
        <v>207263</v>
      </c>
      <c r="C2549" s="6" t="s">
        <v>2130</v>
      </c>
      <c r="D2549" s="6" t="s">
        <v>4238</v>
      </c>
      <c r="E2549" s="6">
        <v>85410</v>
      </c>
      <c r="F2549" s="6" t="s">
        <v>18</v>
      </c>
      <c r="G2549" s="6" t="s">
        <v>5338</v>
      </c>
      <c r="H2549" s="6" t="s">
        <v>5339</v>
      </c>
      <c r="I2549" s="7">
        <v>5.0092644000000002</v>
      </c>
      <c r="J2549" s="8">
        <v>-72.746434399999998</v>
      </c>
    </row>
    <row r="2550" spans="1:10" x14ac:dyDescent="0.35">
      <c r="A2550" s="5" t="s">
        <v>10</v>
      </c>
      <c r="B2550" s="6">
        <v>188924</v>
      </c>
      <c r="C2550" s="6" t="s">
        <v>294</v>
      </c>
      <c r="D2550" s="6" t="s">
        <v>703</v>
      </c>
      <c r="E2550" s="6">
        <v>41001</v>
      </c>
      <c r="F2550" s="6" t="s">
        <v>18</v>
      </c>
      <c r="G2550" s="6" t="s">
        <v>5340</v>
      </c>
      <c r="H2550" s="6" t="s">
        <v>5341</v>
      </c>
      <c r="I2550" s="7">
        <v>2.9391574999999999</v>
      </c>
      <c r="J2550" s="8">
        <v>-75.284752900000001</v>
      </c>
    </row>
    <row r="2551" spans="1:10" x14ac:dyDescent="0.35">
      <c r="A2551" s="5" t="s">
        <v>10</v>
      </c>
      <c r="B2551" s="6">
        <v>218856</v>
      </c>
      <c r="C2551" s="6" t="s">
        <v>294</v>
      </c>
      <c r="D2551" s="6" t="s">
        <v>5342</v>
      </c>
      <c r="E2551" s="6">
        <v>41801</v>
      </c>
      <c r="F2551" s="6" t="s">
        <v>18</v>
      </c>
      <c r="G2551" s="6" t="s">
        <v>113</v>
      </c>
      <c r="H2551" s="6" t="s">
        <v>5343</v>
      </c>
      <c r="I2551" s="7">
        <v>2.7385112</v>
      </c>
      <c r="J2551" s="8">
        <v>-75.564451300000002</v>
      </c>
    </row>
    <row r="2552" spans="1:10" x14ac:dyDescent="0.35">
      <c r="A2552" s="5" t="s">
        <v>10</v>
      </c>
      <c r="B2552" s="6">
        <v>230379</v>
      </c>
      <c r="C2552" s="6" t="s">
        <v>11</v>
      </c>
      <c r="D2552" s="6" t="s">
        <v>334</v>
      </c>
      <c r="E2552" s="6">
        <v>25754</v>
      </c>
      <c r="F2552" s="6" t="s">
        <v>18</v>
      </c>
      <c r="G2552" s="6" t="s">
        <v>5344</v>
      </c>
      <c r="H2552" s="6" t="s">
        <v>5345</v>
      </c>
      <c r="I2552" s="7">
        <v>4.5773292999999997</v>
      </c>
      <c r="J2552" s="8">
        <v>-74.202569699999998</v>
      </c>
    </row>
    <row r="2553" spans="1:10" x14ac:dyDescent="0.35">
      <c r="A2553" s="5" t="s">
        <v>10</v>
      </c>
      <c r="B2553" s="6">
        <v>208530</v>
      </c>
      <c r="C2553" s="6" t="s">
        <v>11</v>
      </c>
      <c r="D2553" s="6" t="s">
        <v>334</v>
      </c>
      <c r="E2553" s="6">
        <v>25754</v>
      </c>
      <c r="F2553" s="6" t="s">
        <v>18</v>
      </c>
      <c r="G2553" s="6" t="s">
        <v>5346</v>
      </c>
      <c r="H2553" s="6" t="s">
        <v>5347</v>
      </c>
      <c r="I2553" s="7">
        <v>4.6112061999999998</v>
      </c>
      <c r="J2553" s="8">
        <v>-74.137624299999999</v>
      </c>
    </row>
    <row r="2554" spans="1:10" x14ac:dyDescent="0.35">
      <c r="A2554" s="5" t="s">
        <v>10</v>
      </c>
      <c r="B2554" s="6">
        <v>237600</v>
      </c>
      <c r="C2554" s="6" t="s">
        <v>11</v>
      </c>
      <c r="D2554" s="6" t="s">
        <v>334</v>
      </c>
      <c r="E2554" s="6">
        <v>25754</v>
      </c>
      <c r="F2554" s="6" t="s">
        <v>18</v>
      </c>
      <c r="G2554" s="6" t="s">
        <v>5348</v>
      </c>
      <c r="H2554" s="6" t="s">
        <v>5349</v>
      </c>
      <c r="I2554" s="7">
        <v>4.5924353</v>
      </c>
      <c r="J2554" s="8">
        <v>-74.198652800000005</v>
      </c>
    </row>
    <row r="2555" spans="1:10" x14ac:dyDescent="0.35">
      <c r="A2555" s="5" t="s">
        <v>10</v>
      </c>
      <c r="B2555" s="6">
        <v>186812</v>
      </c>
      <c r="C2555" s="6" t="s">
        <v>11</v>
      </c>
      <c r="D2555" s="6" t="s">
        <v>334</v>
      </c>
      <c r="E2555" s="6">
        <v>25754</v>
      </c>
      <c r="F2555" s="6" t="s">
        <v>18</v>
      </c>
      <c r="G2555" s="6" t="s">
        <v>5350</v>
      </c>
      <c r="H2555" s="6" t="s">
        <v>5351</v>
      </c>
      <c r="I2555" s="7">
        <v>4.5847562000000002</v>
      </c>
      <c r="J2555" s="8">
        <v>-74.225611700000002</v>
      </c>
    </row>
    <row r="2556" spans="1:10" x14ac:dyDescent="0.35">
      <c r="A2556" s="5" t="s">
        <v>10</v>
      </c>
      <c r="B2556" s="6">
        <v>215500</v>
      </c>
      <c r="C2556" s="6" t="s">
        <v>11</v>
      </c>
      <c r="D2556" s="6" t="s">
        <v>334</v>
      </c>
      <c r="E2556" s="6">
        <v>25754</v>
      </c>
      <c r="F2556" s="6" t="s">
        <v>18</v>
      </c>
      <c r="G2556" s="6" t="s">
        <v>5352</v>
      </c>
      <c r="H2556" s="6" t="s">
        <v>5353</v>
      </c>
      <c r="I2556" s="7">
        <v>4.6083093000000002</v>
      </c>
      <c r="J2556" s="8">
        <v>-74.2141977</v>
      </c>
    </row>
    <row r="2557" spans="1:10" x14ac:dyDescent="0.35">
      <c r="A2557" s="5" t="s">
        <v>10</v>
      </c>
      <c r="B2557" s="6">
        <v>231528</v>
      </c>
      <c r="C2557" s="6" t="s">
        <v>68</v>
      </c>
      <c r="D2557" s="6" t="s">
        <v>69</v>
      </c>
      <c r="E2557" s="6">
        <v>11001</v>
      </c>
      <c r="F2557" s="6" t="s">
        <v>18</v>
      </c>
      <c r="G2557" s="6" t="s">
        <v>5354</v>
      </c>
      <c r="H2557" s="6" t="s">
        <v>5355</v>
      </c>
      <c r="I2557" s="7">
        <v>4.7322516999999999</v>
      </c>
      <c r="J2557" s="8">
        <v>-74.086592199999998</v>
      </c>
    </row>
    <row r="2558" spans="1:10" x14ac:dyDescent="0.35">
      <c r="A2558" s="5" t="s">
        <v>10</v>
      </c>
      <c r="B2558" s="6">
        <v>226261</v>
      </c>
      <c r="C2558" s="6" t="s">
        <v>117</v>
      </c>
      <c r="D2558" s="6" t="s">
        <v>3492</v>
      </c>
      <c r="E2558" s="6">
        <v>76520</v>
      </c>
      <c r="F2558" s="6" t="s">
        <v>13</v>
      </c>
      <c r="G2558" s="6" t="s">
        <v>3737</v>
      </c>
      <c r="H2558" s="6" t="s">
        <v>5356</v>
      </c>
      <c r="I2558" s="7">
        <v>3.5379718000000002</v>
      </c>
      <c r="J2558" s="8">
        <v>-76.297165699999994</v>
      </c>
    </row>
    <row r="2559" spans="1:10" x14ac:dyDescent="0.35">
      <c r="A2559" s="5" t="s">
        <v>10</v>
      </c>
      <c r="B2559" s="6">
        <v>226385</v>
      </c>
      <c r="C2559" s="6" t="s">
        <v>190</v>
      </c>
      <c r="D2559" s="6" t="s">
        <v>4362</v>
      </c>
      <c r="E2559" s="6">
        <v>5360</v>
      </c>
      <c r="F2559" s="6" t="s">
        <v>13</v>
      </c>
      <c r="G2559" s="6" t="s">
        <v>3737</v>
      </c>
      <c r="H2559" s="6" t="s">
        <v>5357</v>
      </c>
      <c r="I2559" s="7">
        <v>6.1735823999999999</v>
      </c>
      <c r="J2559" s="8">
        <v>-75.610135</v>
      </c>
    </row>
    <row r="2560" spans="1:10" x14ac:dyDescent="0.35">
      <c r="A2560" s="5" t="s">
        <v>10</v>
      </c>
      <c r="B2560" s="6">
        <v>168924</v>
      </c>
      <c r="C2560" s="6" t="s">
        <v>16</v>
      </c>
      <c r="D2560" s="6" t="s">
        <v>78</v>
      </c>
      <c r="E2560" s="6">
        <v>68001</v>
      </c>
      <c r="F2560" s="6" t="s">
        <v>18</v>
      </c>
      <c r="G2560" s="6" t="s">
        <v>5358</v>
      </c>
      <c r="H2560" s="6" t="s">
        <v>5359</v>
      </c>
      <c r="I2560" s="7">
        <v>7.1183721000000002</v>
      </c>
      <c r="J2560" s="8">
        <v>-73.130124499999994</v>
      </c>
    </row>
    <row r="2561" spans="1:10" x14ac:dyDescent="0.35">
      <c r="A2561" s="5" t="s">
        <v>10</v>
      </c>
      <c r="B2561" s="6">
        <v>184175</v>
      </c>
      <c r="C2561" s="6" t="s">
        <v>16</v>
      </c>
      <c r="D2561" s="6" t="s">
        <v>78</v>
      </c>
      <c r="E2561" s="6">
        <v>68001</v>
      </c>
      <c r="F2561" s="6" t="s">
        <v>18</v>
      </c>
      <c r="G2561" s="6" t="s">
        <v>5360</v>
      </c>
      <c r="H2561" s="6" t="s">
        <v>5361</v>
      </c>
      <c r="I2561" s="7">
        <v>7.1086613999999999</v>
      </c>
      <c r="J2561" s="8">
        <v>-73.125706800000003</v>
      </c>
    </row>
    <row r="2562" spans="1:10" x14ac:dyDescent="0.35">
      <c r="A2562" s="5" t="s">
        <v>10</v>
      </c>
      <c r="B2562" s="6">
        <v>208191</v>
      </c>
      <c r="C2562" s="6" t="s">
        <v>278</v>
      </c>
      <c r="D2562" s="6" t="s">
        <v>279</v>
      </c>
      <c r="E2562" s="6">
        <v>50001</v>
      </c>
      <c r="F2562" s="6" t="s">
        <v>18</v>
      </c>
      <c r="G2562" s="6" t="s">
        <v>5362</v>
      </c>
      <c r="H2562" s="6" t="s">
        <v>5363</v>
      </c>
      <c r="I2562" s="7">
        <v>4.1246543000000004</v>
      </c>
      <c r="J2562" s="8">
        <v>-73.653252999999907</v>
      </c>
    </row>
    <row r="2563" spans="1:10" x14ac:dyDescent="0.35">
      <c r="A2563" s="5" t="s">
        <v>10</v>
      </c>
      <c r="B2563" s="6">
        <v>243581</v>
      </c>
      <c r="C2563" s="6" t="s">
        <v>294</v>
      </c>
      <c r="D2563" s="6" t="s">
        <v>4244</v>
      </c>
      <c r="E2563" s="6">
        <v>41298</v>
      </c>
      <c r="F2563" s="6" t="s">
        <v>18</v>
      </c>
      <c r="G2563" s="6" t="s">
        <v>5364</v>
      </c>
      <c r="H2563" s="6" t="s">
        <v>5365</v>
      </c>
      <c r="I2563" s="7">
        <v>2.1925401999999998</v>
      </c>
      <c r="J2563" s="8">
        <v>-75.624959799999999</v>
      </c>
    </row>
    <row r="2564" spans="1:10" x14ac:dyDescent="0.35">
      <c r="A2564" s="5" t="s">
        <v>10</v>
      </c>
      <c r="B2564" s="6">
        <v>230194</v>
      </c>
      <c r="C2564" s="6" t="s">
        <v>11</v>
      </c>
      <c r="D2564" s="6" t="s">
        <v>334</v>
      </c>
      <c r="E2564" s="6">
        <v>25754</v>
      </c>
      <c r="F2564" s="6" t="s">
        <v>18</v>
      </c>
      <c r="G2564" s="6" t="s">
        <v>5366</v>
      </c>
      <c r="H2564" s="6" t="s">
        <v>5367</v>
      </c>
      <c r="I2564" s="7">
        <v>4.5759904000000002</v>
      </c>
      <c r="J2564" s="8">
        <v>-74.241209699999999</v>
      </c>
    </row>
    <row r="2565" spans="1:10" x14ac:dyDescent="0.35">
      <c r="A2565" s="5" t="s">
        <v>10</v>
      </c>
      <c r="B2565" s="6">
        <v>213315</v>
      </c>
      <c r="C2565" s="6" t="s">
        <v>11</v>
      </c>
      <c r="D2565" s="6" t="s">
        <v>334</v>
      </c>
      <c r="E2565" s="6">
        <v>25754</v>
      </c>
      <c r="F2565" s="6" t="s">
        <v>18</v>
      </c>
      <c r="G2565" s="6" t="s">
        <v>5368</v>
      </c>
      <c r="H2565" s="6" t="s">
        <v>5369</v>
      </c>
      <c r="I2565" s="7">
        <v>4.5817882999999897</v>
      </c>
      <c r="J2565" s="8">
        <v>-74.203368400000002</v>
      </c>
    </row>
    <row r="2566" spans="1:10" x14ac:dyDescent="0.35">
      <c r="A2566" s="5" t="s">
        <v>10</v>
      </c>
      <c r="B2566" s="6">
        <v>130379</v>
      </c>
      <c r="C2566" s="6" t="s">
        <v>11</v>
      </c>
      <c r="D2566" s="6" t="s">
        <v>12</v>
      </c>
      <c r="E2566" s="6">
        <v>25899</v>
      </c>
      <c r="F2566" s="6" t="s">
        <v>18</v>
      </c>
      <c r="G2566" s="6" t="s">
        <v>5370</v>
      </c>
      <c r="H2566" s="6" t="s">
        <v>5371</v>
      </c>
      <c r="I2566" s="7">
        <v>5.0136303</v>
      </c>
      <c r="J2566" s="8">
        <v>-73.9935586</v>
      </c>
    </row>
    <row r="2567" spans="1:10" x14ac:dyDescent="0.35">
      <c r="A2567" s="5" t="s">
        <v>10</v>
      </c>
      <c r="B2567" s="6">
        <v>245623</v>
      </c>
      <c r="C2567" s="6" t="s">
        <v>11</v>
      </c>
      <c r="D2567" s="6" t="s">
        <v>5372</v>
      </c>
      <c r="E2567" s="6">
        <v>25317</v>
      </c>
      <c r="F2567" s="6" t="s">
        <v>18</v>
      </c>
      <c r="G2567" s="6" t="s">
        <v>5373</v>
      </c>
      <c r="H2567" s="6" t="s">
        <v>5374</v>
      </c>
      <c r="I2567" s="7">
        <v>5.3059668999999996</v>
      </c>
      <c r="J2567" s="8">
        <v>-73.711314299999998</v>
      </c>
    </row>
    <row r="2568" spans="1:10" x14ac:dyDescent="0.35">
      <c r="A2568" s="5" t="s">
        <v>10</v>
      </c>
      <c r="B2568" s="6">
        <v>215305</v>
      </c>
      <c r="C2568" s="6" t="s">
        <v>117</v>
      </c>
      <c r="D2568" s="6" t="s">
        <v>3963</v>
      </c>
      <c r="E2568" s="6">
        <v>76377</v>
      </c>
      <c r="F2568" s="6" t="s">
        <v>18</v>
      </c>
      <c r="G2568" s="6" t="s">
        <v>5375</v>
      </c>
      <c r="H2568" s="6" t="s">
        <v>5376</v>
      </c>
      <c r="I2568" s="7">
        <v>3.9046441999999999</v>
      </c>
      <c r="J2568" s="8">
        <v>-75.929199699999998</v>
      </c>
    </row>
    <row r="2569" spans="1:10" x14ac:dyDescent="0.35">
      <c r="A2569" s="5" t="s">
        <v>10</v>
      </c>
      <c r="B2569" s="6">
        <v>244564</v>
      </c>
      <c r="C2569" s="6" t="s">
        <v>11</v>
      </c>
      <c r="D2569" s="6" t="s">
        <v>1411</v>
      </c>
      <c r="E2569" s="6">
        <v>25279</v>
      </c>
      <c r="F2569" s="6" t="s">
        <v>18</v>
      </c>
      <c r="G2569" s="6" t="s">
        <v>5377</v>
      </c>
      <c r="H2569" s="6" t="s">
        <v>5378</v>
      </c>
      <c r="I2569" s="7">
        <v>4.4848885000000003</v>
      </c>
      <c r="J2569" s="8">
        <v>-73.893780399999997</v>
      </c>
    </row>
    <row r="2570" spans="1:10" x14ac:dyDescent="0.35">
      <c r="A2570" s="5" t="s">
        <v>10</v>
      </c>
      <c r="B2570" s="6">
        <v>233303</v>
      </c>
      <c r="C2570" s="6" t="s">
        <v>68</v>
      </c>
      <c r="D2570" s="6" t="s">
        <v>69</v>
      </c>
      <c r="E2570" s="6">
        <v>11001</v>
      </c>
      <c r="F2570" s="6" t="s">
        <v>18</v>
      </c>
      <c r="G2570" s="6" t="s">
        <v>5379</v>
      </c>
      <c r="H2570" s="6" t="s">
        <v>5380</v>
      </c>
      <c r="I2570" s="7">
        <v>4.5056700000000003</v>
      </c>
      <c r="J2570" s="8">
        <v>-74.112319999999997</v>
      </c>
    </row>
    <row r="2571" spans="1:10" x14ac:dyDescent="0.35">
      <c r="A2571" s="5" t="s">
        <v>10</v>
      </c>
      <c r="B2571" s="6">
        <v>246046</v>
      </c>
      <c r="C2571" s="6" t="s">
        <v>11</v>
      </c>
      <c r="D2571" s="6" t="s">
        <v>101</v>
      </c>
      <c r="E2571" s="6">
        <v>25473</v>
      </c>
      <c r="F2571" s="6" t="s">
        <v>18</v>
      </c>
      <c r="G2571" s="6" t="s">
        <v>4689</v>
      </c>
      <c r="H2571" s="6" t="s">
        <v>5381</v>
      </c>
      <c r="I2571" s="7">
        <v>4.7158550000000004</v>
      </c>
      <c r="J2571" s="8">
        <v>-74.223409500000002</v>
      </c>
    </row>
    <row r="2572" spans="1:10" x14ac:dyDescent="0.35">
      <c r="A2572" s="5" t="s">
        <v>10</v>
      </c>
      <c r="B2572" s="6">
        <v>226442</v>
      </c>
      <c r="C2572" s="6" t="s">
        <v>2821</v>
      </c>
      <c r="D2572" s="6" t="s">
        <v>2822</v>
      </c>
      <c r="E2572" s="6">
        <v>47001</v>
      </c>
      <c r="F2572" s="6" t="s">
        <v>18</v>
      </c>
      <c r="G2572" s="6" t="s">
        <v>5382</v>
      </c>
      <c r="H2572" s="6" t="s">
        <v>5383</v>
      </c>
      <c r="I2572" s="7">
        <v>11.20923</v>
      </c>
      <c r="J2572" s="8">
        <v>-74.185400000000001</v>
      </c>
    </row>
    <row r="2573" spans="1:10" x14ac:dyDescent="0.35">
      <c r="A2573" s="5" t="s">
        <v>10</v>
      </c>
      <c r="B2573" s="6">
        <v>228605</v>
      </c>
      <c r="C2573" s="6" t="s">
        <v>24</v>
      </c>
      <c r="D2573" s="6" t="s">
        <v>88</v>
      </c>
      <c r="E2573" s="6">
        <v>15001</v>
      </c>
      <c r="F2573" s="6" t="s">
        <v>18</v>
      </c>
      <c r="G2573" s="6" t="s">
        <v>5384</v>
      </c>
      <c r="H2573" s="6" t="s">
        <v>5385</v>
      </c>
      <c r="I2573" s="7">
        <v>5.5365818000000004</v>
      </c>
      <c r="J2573" s="8">
        <v>-73.349474999999998</v>
      </c>
    </row>
    <row r="2574" spans="1:10" x14ac:dyDescent="0.35">
      <c r="A2574" s="5" t="s">
        <v>10</v>
      </c>
      <c r="B2574" s="6">
        <v>126936</v>
      </c>
      <c r="C2574" s="6" t="s">
        <v>16</v>
      </c>
      <c r="D2574" s="6" t="s">
        <v>846</v>
      </c>
      <c r="E2574" s="6">
        <v>68500</v>
      </c>
      <c r="F2574" s="6" t="s">
        <v>18</v>
      </c>
      <c r="G2574" s="6" t="s">
        <v>5386</v>
      </c>
      <c r="H2574" s="6" t="s">
        <v>5387</v>
      </c>
      <c r="I2574" s="7">
        <v>7.1200134999999998</v>
      </c>
      <c r="J2574" s="8">
        <v>-73.127584400000003</v>
      </c>
    </row>
    <row r="2575" spans="1:10" x14ac:dyDescent="0.35">
      <c r="A2575" s="5" t="s">
        <v>10</v>
      </c>
      <c r="B2575" s="6">
        <v>216342</v>
      </c>
      <c r="C2575" s="6" t="s">
        <v>278</v>
      </c>
      <c r="D2575" s="6" t="s">
        <v>4764</v>
      </c>
      <c r="E2575" s="6">
        <v>50577</v>
      </c>
      <c r="F2575" s="6" t="s">
        <v>18</v>
      </c>
      <c r="G2575" s="6" t="s">
        <v>5388</v>
      </c>
      <c r="H2575" s="6" t="s">
        <v>5389</v>
      </c>
      <c r="I2575" s="7">
        <v>3.2724139999999999</v>
      </c>
      <c r="J2575" s="8">
        <v>-73.369541999999996</v>
      </c>
    </row>
    <row r="2576" spans="1:10" x14ac:dyDescent="0.35">
      <c r="A2576" s="5" t="s">
        <v>10</v>
      </c>
      <c r="B2576" s="6">
        <v>170763</v>
      </c>
      <c r="C2576" s="6" t="s">
        <v>294</v>
      </c>
      <c r="D2576" s="6" t="s">
        <v>703</v>
      </c>
      <c r="E2576" s="6">
        <v>41001</v>
      </c>
      <c r="F2576" s="6" t="s">
        <v>18</v>
      </c>
      <c r="G2576" s="6" t="s">
        <v>5390</v>
      </c>
      <c r="H2576" s="6" t="s">
        <v>5391</v>
      </c>
      <c r="I2576" s="7">
        <v>2.9459838999999999</v>
      </c>
      <c r="J2576" s="8">
        <v>-75.298510100000001</v>
      </c>
    </row>
    <row r="2577" spans="1:10" x14ac:dyDescent="0.35">
      <c r="A2577" s="5" t="s">
        <v>10</v>
      </c>
      <c r="B2577" s="6">
        <v>203231</v>
      </c>
      <c r="C2577" s="6" t="s">
        <v>294</v>
      </c>
      <c r="D2577" s="6" t="s">
        <v>703</v>
      </c>
      <c r="E2577" s="6">
        <v>41001</v>
      </c>
      <c r="F2577" s="6" t="s">
        <v>18</v>
      </c>
      <c r="G2577" s="6" t="s">
        <v>5392</v>
      </c>
      <c r="H2577" s="6" t="s">
        <v>5393</v>
      </c>
      <c r="I2577" s="7">
        <v>2.9700118</v>
      </c>
      <c r="J2577" s="8">
        <v>-75.286921699999994</v>
      </c>
    </row>
    <row r="2578" spans="1:10" x14ac:dyDescent="0.35">
      <c r="A2578" s="5" t="s">
        <v>10</v>
      </c>
      <c r="B2578" s="6">
        <v>219134</v>
      </c>
      <c r="C2578" s="6" t="s">
        <v>294</v>
      </c>
      <c r="D2578" s="6" t="s">
        <v>703</v>
      </c>
      <c r="E2578" s="6">
        <v>41001</v>
      </c>
      <c r="F2578" s="6" t="s">
        <v>18</v>
      </c>
      <c r="G2578" s="6" t="s">
        <v>5394</v>
      </c>
      <c r="H2578" s="6" t="s">
        <v>5395</v>
      </c>
      <c r="I2578" s="7">
        <v>2.9300790999999999</v>
      </c>
      <c r="J2578" s="8">
        <v>-75.277037899999996</v>
      </c>
    </row>
    <row r="2579" spans="1:10" x14ac:dyDescent="0.35">
      <c r="A2579" s="5" t="s">
        <v>10</v>
      </c>
      <c r="B2579" s="6">
        <v>229622</v>
      </c>
      <c r="C2579" s="6" t="s">
        <v>294</v>
      </c>
      <c r="D2579" s="6" t="s">
        <v>5252</v>
      </c>
      <c r="E2579" s="6">
        <v>41807</v>
      </c>
      <c r="F2579" s="6" t="s">
        <v>18</v>
      </c>
      <c r="G2579" s="6" t="s">
        <v>5396</v>
      </c>
      <c r="H2579" s="6" t="s">
        <v>5397</v>
      </c>
      <c r="I2579" s="7">
        <v>1.974415</v>
      </c>
      <c r="J2579" s="8">
        <v>-75.932846999999995</v>
      </c>
    </row>
    <row r="2580" spans="1:10" x14ac:dyDescent="0.35">
      <c r="A2580" s="5" t="s">
        <v>10</v>
      </c>
      <c r="B2580" s="6">
        <v>208425</v>
      </c>
      <c r="C2580" s="6" t="s">
        <v>11</v>
      </c>
      <c r="D2580" s="6" t="s">
        <v>12</v>
      </c>
      <c r="E2580" s="6">
        <v>25899</v>
      </c>
      <c r="F2580" s="6" t="s">
        <v>18</v>
      </c>
      <c r="G2580" s="6" t="s">
        <v>5398</v>
      </c>
      <c r="H2580" s="6" t="s">
        <v>5399</v>
      </c>
      <c r="I2580" s="7">
        <v>5.0136303</v>
      </c>
      <c r="J2580" s="8">
        <v>-73.9935586</v>
      </c>
    </row>
    <row r="2581" spans="1:10" x14ac:dyDescent="0.35">
      <c r="A2581" s="5" t="s">
        <v>10</v>
      </c>
      <c r="B2581" s="6">
        <v>240378</v>
      </c>
      <c r="C2581" s="6" t="s">
        <v>11</v>
      </c>
      <c r="D2581" s="6" t="s">
        <v>337</v>
      </c>
      <c r="E2581" s="6">
        <v>25290</v>
      </c>
      <c r="F2581" s="6" t="s">
        <v>18</v>
      </c>
      <c r="G2581" s="6" t="s">
        <v>5400</v>
      </c>
      <c r="H2581" s="6" t="s">
        <v>5401</v>
      </c>
      <c r="I2581" s="7">
        <v>4.3379501999999999</v>
      </c>
      <c r="J2581" s="8">
        <v>-74.367857099999995</v>
      </c>
    </row>
    <row r="2582" spans="1:10" x14ac:dyDescent="0.35">
      <c r="A2582" s="5" t="s">
        <v>10</v>
      </c>
      <c r="B2582" s="6">
        <v>216102</v>
      </c>
      <c r="C2582" s="6" t="s">
        <v>117</v>
      </c>
      <c r="D2582" s="6" t="s">
        <v>1334</v>
      </c>
      <c r="E2582" s="6">
        <v>76001</v>
      </c>
      <c r="F2582" s="6" t="s">
        <v>18</v>
      </c>
      <c r="G2582" s="6" t="s">
        <v>5402</v>
      </c>
      <c r="H2582" s="6" t="s">
        <v>5403</v>
      </c>
      <c r="I2582" s="7">
        <v>3.4897357000000002</v>
      </c>
      <c r="J2582" s="8">
        <v>-76.506603600000005</v>
      </c>
    </row>
    <row r="2583" spans="1:10" x14ac:dyDescent="0.35">
      <c r="A2583" s="5" t="s">
        <v>10</v>
      </c>
      <c r="B2583" s="6">
        <v>232514</v>
      </c>
      <c r="C2583" s="6" t="s">
        <v>117</v>
      </c>
      <c r="D2583" s="6" t="s">
        <v>1334</v>
      </c>
      <c r="E2583" s="6">
        <v>76001</v>
      </c>
      <c r="F2583" s="6" t="s">
        <v>18</v>
      </c>
      <c r="G2583" s="6" t="s">
        <v>5404</v>
      </c>
      <c r="H2583" s="6" t="s">
        <v>5405</v>
      </c>
      <c r="I2583" s="7">
        <v>3.4131121000000002</v>
      </c>
      <c r="J2583" s="8">
        <v>-76.555813499999999</v>
      </c>
    </row>
    <row r="2584" spans="1:10" x14ac:dyDescent="0.35">
      <c r="A2584" s="5" t="s">
        <v>10</v>
      </c>
      <c r="B2584" s="6">
        <v>244061</v>
      </c>
      <c r="C2584" s="6" t="s">
        <v>68</v>
      </c>
      <c r="D2584" s="6" t="s">
        <v>69</v>
      </c>
      <c r="E2584" s="6">
        <v>11001</v>
      </c>
      <c r="F2584" s="6" t="s">
        <v>2161</v>
      </c>
      <c r="G2584" s="6" t="s">
        <v>5406</v>
      </c>
      <c r="H2584" s="6" t="s">
        <v>5407</v>
      </c>
      <c r="I2584" s="7">
        <v>4.6273287999999999</v>
      </c>
      <c r="J2584" s="8">
        <v>-74.198952199999994</v>
      </c>
    </row>
    <row r="2585" spans="1:10" x14ac:dyDescent="0.35">
      <c r="A2585" s="5" t="s">
        <v>10</v>
      </c>
      <c r="B2585" s="6">
        <v>241861</v>
      </c>
      <c r="C2585" s="6" t="s">
        <v>278</v>
      </c>
      <c r="D2585" s="6" t="s">
        <v>1331</v>
      </c>
      <c r="E2585" s="6">
        <v>50006</v>
      </c>
      <c r="F2585" s="6" t="s">
        <v>18</v>
      </c>
      <c r="G2585" s="6" t="s">
        <v>5408</v>
      </c>
      <c r="H2585" s="6" t="s">
        <v>5409</v>
      </c>
      <c r="I2585" s="7">
        <v>3.9864899999999999</v>
      </c>
      <c r="J2585" s="8">
        <v>-73.757900000000006</v>
      </c>
    </row>
    <row r="2586" spans="1:10" x14ac:dyDescent="0.35">
      <c r="A2586" s="5" t="s">
        <v>10</v>
      </c>
      <c r="B2586" s="6">
        <v>238933</v>
      </c>
      <c r="C2586" s="6" t="s">
        <v>278</v>
      </c>
      <c r="D2586" s="6" t="s">
        <v>1331</v>
      </c>
      <c r="E2586" s="6">
        <v>50006</v>
      </c>
      <c r="F2586" s="6" t="s">
        <v>18</v>
      </c>
      <c r="G2586" s="6" t="s">
        <v>5410</v>
      </c>
      <c r="H2586" s="6" t="s">
        <v>5411</v>
      </c>
      <c r="I2586" s="7">
        <v>3.991663</v>
      </c>
      <c r="J2586" s="8">
        <v>-73.766129000000006</v>
      </c>
    </row>
    <row r="2587" spans="1:10" x14ac:dyDescent="0.35">
      <c r="A2587" s="5" t="s">
        <v>10</v>
      </c>
      <c r="B2587" s="6">
        <v>230027</v>
      </c>
      <c r="C2587" s="6" t="s">
        <v>11</v>
      </c>
      <c r="D2587" s="6" t="s">
        <v>337</v>
      </c>
      <c r="E2587" s="6">
        <v>25290</v>
      </c>
      <c r="F2587" s="6" t="s">
        <v>18</v>
      </c>
      <c r="G2587" s="6" t="s">
        <v>5412</v>
      </c>
      <c r="H2587" s="6" t="s">
        <v>5413</v>
      </c>
      <c r="I2587" s="7">
        <v>4.3336899000000004</v>
      </c>
      <c r="J2587" s="8">
        <v>-74.365636600000002</v>
      </c>
    </row>
    <row r="2588" spans="1:10" x14ac:dyDescent="0.35">
      <c r="A2588" s="5" t="s">
        <v>10</v>
      </c>
      <c r="B2588" s="6">
        <v>227952</v>
      </c>
      <c r="C2588" s="6" t="s">
        <v>11</v>
      </c>
      <c r="D2588" s="6" t="s">
        <v>3054</v>
      </c>
      <c r="E2588" s="6">
        <v>25269</v>
      </c>
      <c r="F2588" s="6" t="s">
        <v>18</v>
      </c>
      <c r="G2588" s="6" t="s">
        <v>5414</v>
      </c>
      <c r="H2588" s="6" t="s">
        <v>5415</v>
      </c>
      <c r="I2588" s="7">
        <v>4.8106644999999997</v>
      </c>
      <c r="J2588" s="8">
        <v>-74.354545999999999</v>
      </c>
    </row>
    <row r="2589" spans="1:10" x14ac:dyDescent="0.35">
      <c r="A2589" s="5" t="s">
        <v>10</v>
      </c>
      <c r="B2589" s="6">
        <v>229080</v>
      </c>
      <c r="C2589" s="6" t="s">
        <v>11</v>
      </c>
      <c r="D2589" s="6" t="s">
        <v>5259</v>
      </c>
      <c r="E2589" s="6">
        <v>25320</v>
      </c>
      <c r="F2589" s="6" t="s">
        <v>18</v>
      </c>
      <c r="G2589" s="6" t="s">
        <v>5416</v>
      </c>
      <c r="H2589" s="6" t="s">
        <v>5417</v>
      </c>
      <c r="I2589" s="7">
        <v>5.0683217999999997</v>
      </c>
      <c r="J2589" s="8">
        <v>-74.595887599999998</v>
      </c>
    </row>
    <row r="2590" spans="1:10" x14ac:dyDescent="0.35">
      <c r="A2590" s="5" t="s">
        <v>10</v>
      </c>
      <c r="B2590" s="6">
        <v>229352</v>
      </c>
      <c r="C2590" s="6" t="s">
        <v>117</v>
      </c>
      <c r="D2590" s="6" t="s">
        <v>1334</v>
      </c>
      <c r="E2590" s="6">
        <v>76001</v>
      </c>
      <c r="F2590" s="6" t="s">
        <v>18</v>
      </c>
      <c r="G2590" s="6" t="s">
        <v>5418</v>
      </c>
      <c r="H2590" s="6" t="s">
        <v>5419</v>
      </c>
      <c r="I2590" s="7">
        <v>3.3808047999999999</v>
      </c>
      <c r="J2590" s="8">
        <v>-76.529652600000006</v>
      </c>
    </row>
    <row r="2591" spans="1:10" x14ac:dyDescent="0.35">
      <c r="A2591" s="5" t="s">
        <v>10</v>
      </c>
      <c r="B2591" s="6">
        <v>232170</v>
      </c>
      <c r="C2591" s="6" t="s">
        <v>117</v>
      </c>
      <c r="D2591" s="6" t="s">
        <v>1334</v>
      </c>
      <c r="E2591" s="6">
        <v>76001</v>
      </c>
      <c r="F2591" s="6" t="s">
        <v>18</v>
      </c>
      <c r="G2591" s="6" t="s">
        <v>5420</v>
      </c>
      <c r="H2591" s="6" t="s">
        <v>5421</v>
      </c>
      <c r="I2591" s="7">
        <v>3.4259683999999999</v>
      </c>
      <c r="J2591" s="8">
        <v>-76.475034100000002</v>
      </c>
    </row>
    <row r="2592" spans="1:10" x14ac:dyDescent="0.35">
      <c r="A2592" s="5" t="s">
        <v>10</v>
      </c>
      <c r="B2592" s="6">
        <v>238688</v>
      </c>
      <c r="C2592" s="6" t="s">
        <v>117</v>
      </c>
      <c r="D2592" s="6" t="s">
        <v>1334</v>
      </c>
      <c r="E2592" s="6">
        <v>76001</v>
      </c>
      <c r="F2592" s="6" t="s">
        <v>18</v>
      </c>
      <c r="G2592" s="6" t="s">
        <v>5422</v>
      </c>
      <c r="H2592" s="6" t="s">
        <v>5423</v>
      </c>
      <c r="I2592" s="7">
        <v>3.4509077000000001</v>
      </c>
      <c r="J2592" s="8">
        <v>-76.5238461</v>
      </c>
    </row>
    <row r="2593" spans="1:10" x14ac:dyDescent="0.35">
      <c r="A2593" s="5" t="s">
        <v>10</v>
      </c>
      <c r="B2593" s="6">
        <v>210276</v>
      </c>
      <c r="C2593" s="6" t="s">
        <v>68</v>
      </c>
      <c r="D2593" s="6" t="s">
        <v>69</v>
      </c>
      <c r="E2593" s="6">
        <v>11001</v>
      </c>
      <c r="F2593" s="6" t="s">
        <v>18</v>
      </c>
      <c r="G2593" s="6" t="s">
        <v>5424</v>
      </c>
      <c r="H2593" s="6" t="s">
        <v>5425</v>
      </c>
      <c r="I2593" s="7">
        <v>4.4977286999999997</v>
      </c>
      <c r="J2593" s="8">
        <v>-74.110099300000002</v>
      </c>
    </row>
    <row r="2594" spans="1:10" x14ac:dyDescent="0.35">
      <c r="A2594" s="5" t="s">
        <v>10</v>
      </c>
      <c r="B2594" s="6">
        <v>228123</v>
      </c>
      <c r="C2594" s="6" t="s">
        <v>11</v>
      </c>
      <c r="D2594" s="6" t="s">
        <v>334</v>
      </c>
      <c r="E2594" s="6">
        <v>25754</v>
      </c>
      <c r="F2594" s="6" t="s">
        <v>18</v>
      </c>
      <c r="G2594" s="6" t="s">
        <v>5426</v>
      </c>
      <c r="H2594" s="6" t="s">
        <v>5427</v>
      </c>
      <c r="I2594" s="7">
        <v>4.5747200000000001</v>
      </c>
      <c r="J2594" s="8">
        <v>-74.188656999999907</v>
      </c>
    </row>
    <row r="2595" spans="1:10" x14ac:dyDescent="0.35">
      <c r="A2595" s="5" t="s">
        <v>10</v>
      </c>
      <c r="B2595" s="6">
        <v>226717</v>
      </c>
      <c r="C2595" s="6" t="s">
        <v>466</v>
      </c>
      <c r="D2595" s="6" t="s">
        <v>1262</v>
      </c>
      <c r="E2595" s="6">
        <v>81001</v>
      </c>
      <c r="F2595" s="6" t="s">
        <v>18</v>
      </c>
      <c r="G2595" s="6" t="s">
        <v>5428</v>
      </c>
      <c r="H2595" s="6" t="s">
        <v>5429</v>
      </c>
      <c r="I2595" s="7">
        <v>7.0761719999999997</v>
      </c>
      <c r="J2595" s="8">
        <v>-70.710456999999906</v>
      </c>
    </row>
    <row r="2596" spans="1:10" x14ac:dyDescent="0.35">
      <c r="A2596" s="5" t="s">
        <v>10</v>
      </c>
      <c r="B2596" s="6">
        <v>226248</v>
      </c>
      <c r="C2596" s="6" t="s">
        <v>117</v>
      </c>
      <c r="D2596" s="6" t="s">
        <v>1334</v>
      </c>
      <c r="E2596" s="6">
        <v>76001</v>
      </c>
      <c r="F2596" s="6" t="s">
        <v>13</v>
      </c>
      <c r="G2596" s="6" t="s">
        <v>3737</v>
      </c>
      <c r="H2596" s="6" t="s">
        <v>5430</v>
      </c>
      <c r="I2596" s="7">
        <v>3.4511099000000001</v>
      </c>
      <c r="J2596" s="8">
        <v>-76.537073300000003</v>
      </c>
    </row>
    <row r="2597" spans="1:10" x14ac:dyDescent="0.35">
      <c r="A2597" s="5" t="s">
        <v>10</v>
      </c>
      <c r="B2597" s="6">
        <v>148012</v>
      </c>
      <c r="C2597" s="6" t="s">
        <v>24</v>
      </c>
      <c r="D2597" s="6" t="s">
        <v>88</v>
      </c>
      <c r="E2597" s="6">
        <v>15001</v>
      </c>
      <c r="F2597" s="6" t="s">
        <v>18</v>
      </c>
      <c r="G2597" s="6" t="s">
        <v>5431</v>
      </c>
      <c r="H2597" s="6" t="s">
        <v>5432</v>
      </c>
      <c r="I2597" s="7">
        <v>5.524025</v>
      </c>
      <c r="J2597" s="8">
        <v>-73.360304200000002</v>
      </c>
    </row>
    <row r="2598" spans="1:10" x14ac:dyDescent="0.35">
      <c r="A2598" s="5" t="s">
        <v>10</v>
      </c>
      <c r="B2598" s="6">
        <v>229410</v>
      </c>
      <c r="C2598" s="6" t="s">
        <v>11</v>
      </c>
      <c r="D2598" s="6" t="s">
        <v>337</v>
      </c>
      <c r="E2598" s="6">
        <v>25290</v>
      </c>
      <c r="F2598" s="6" t="s">
        <v>18</v>
      </c>
      <c r="G2598" s="6" t="s">
        <v>5433</v>
      </c>
      <c r="H2598" s="6" t="s">
        <v>5434</v>
      </c>
      <c r="I2598" s="7">
        <v>4.3470412999999999</v>
      </c>
      <c r="J2598" s="8">
        <v>-74.376981799999996</v>
      </c>
    </row>
    <row r="2599" spans="1:10" x14ac:dyDescent="0.35">
      <c r="A2599" s="5" t="s">
        <v>10</v>
      </c>
      <c r="B2599" s="6">
        <v>233744</v>
      </c>
      <c r="C2599" s="6" t="s">
        <v>11</v>
      </c>
      <c r="D2599" s="6" t="s">
        <v>901</v>
      </c>
      <c r="E2599" s="6">
        <v>25307</v>
      </c>
      <c r="F2599" s="6" t="s">
        <v>18</v>
      </c>
      <c r="G2599" s="6" t="s">
        <v>5435</v>
      </c>
      <c r="H2599" s="6" t="s">
        <v>5436</v>
      </c>
      <c r="I2599" s="7">
        <v>4.31257</v>
      </c>
      <c r="J2599" s="8">
        <v>-74.797219999999996</v>
      </c>
    </row>
    <row r="2600" spans="1:10" x14ac:dyDescent="0.35">
      <c r="A2600" s="5" t="s">
        <v>10</v>
      </c>
      <c r="B2600" s="6">
        <v>236948</v>
      </c>
      <c r="C2600" s="6" t="s">
        <v>11</v>
      </c>
      <c r="D2600" s="6" t="s">
        <v>901</v>
      </c>
      <c r="E2600" s="6">
        <v>25307</v>
      </c>
      <c r="F2600" s="6" t="s">
        <v>18</v>
      </c>
      <c r="G2600" s="6" t="s">
        <v>5437</v>
      </c>
      <c r="H2600" s="6" t="s">
        <v>5438</v>
      </c>
      <c r="I2600" s="7">
        <v>4.3163659000000001</v>
      </c>
      <c r="J2600" s="8">
        <v>-74.783825300000004</v>
      </c>
    </row>
    <row r="2601" spans="1:10" x14ac:dyDescent="0.35">
      <c r="A2601" s="5" t="s">
        <v>10</v>
      </c>
      <c r="B2601" s="6">
        <v>207632</v>
      </c>
      <c r="C2601" s="6" t="s">
        <v>11</v>
      </c>
      <c r="D2601" s="6" t="s">
        <v>4073</v>
      </c>
      <c r="E2601" s="6">
        <v>25740</v>
      </c>
      <c r="F2601" s="6" t="s">
        <v>18</v>
      </c>
      <c r="G2601" s="6" t="s">
        <v>5439</v>
      </c>
      <c r="H2601" s="6" t="s">
        <v>5440</v>
      </c>
      <c r="I2601" s="7">
        <v>4.4911960000000004</v>
      </c>
      <c r="J2601" s="8">
        <v>-74.259377099999995</v>
      </c>
    </row>
    <row r="2602" spans="1:10" x14ac:dyDescent="0.35">
      <c r="A2602" s="5" t="s">
        <v>10</v>
      </c>
      <c r="B2602" s="6">
        <v>245264</v>
      </c>
      <c r="C2602" s="6" t="s">
        <v>11</v>
      </c>
      <c r="D2602" s="6" t="s">
        <v>5441</v>
      </c>
      <c r="E2602" s="6">
        <v>25483</v>
      </c>
      <c r="F2602" s="6" t="s">
        <v>18</v>
      </c>
      <c r="G2602" s="6" t="s">
        <v>5442</v>
      </c>
      <c r="H2602" s="6" t="s">
        <v>5443</v>
      </c>
      <c r="I2602" s="7">
        <v>4.3969800000000001</v>
      </c>
      <c r="J2602" s="8">
        <v>-74.829220000000007</v>
      </c>
    </row>
    <row r="2603" spans="1:10" x14ac:dyDescent="0.35">
      <c r="A2603" s="5" t="s">
        <v>10</v>
      </c>
      <c r="B2603" s="6">
        <v>244022</v>
      </c>
      <c r="C2603" s="6" t="s">
        <v>68</v>
      </c>
      <c r="D2603" s="6" t="s">
        <v>69</v>
      </c>
      <c r="E2603" s="6">
        <v>11001</v>
      </c>
      <c r="F2603" s="6" t="s">
        <v>18</v>
      </c>
      <c r="G2603" s="6" t="s">
        <v>5444</v>
      </c>
      <c r="H2603" s="6" t="s">
        <v>5445</v>
      </c>
      <c r="I2603" s="7">
        <v>4.5076140000000002</v>
      </c>
      <c r="J2603" s="8">
        <v>-74.115675300000007</v>
      </c>
    </row>
    <row r="2604" spans="1:10" x14ac:dyDescent="0.35">
      <c r="A2604" s="5" t="s">
        <v>10</v>
      </c>
      <c r="B2604" s="6">
        <v>226301</v>
      </c>
      <c r="C2604" s="6" t="s">
        <v>68</v>
      </c>
      <c r="D2604" s="6" t="s">
        <v>69</v>
      </c>
      <c r="E2604" s="6">
        <v>11001</v>
      </c>
      <c r="F2604" s="6" t="s">
        <v>13</v>
      </c>
      <c r="G2604" s="6" t="s">
        <v>3737</v>
      </c>
      <c r="H2604" s="6" t="s">
        <v>5446</v>
      </c>
      <c r="I2604" s="7">
        <v>4.5841896999999996</v>
      </c>
      <c r="J2604" s="8">
        <v>-74.206247399999995</v>
      </c>
    </row>
    <row r="2605" spans="1:10" x14ac:dyDescent="0.35">
      <c r="A2605" s="5" t="s">
        <v>10</v>
      </c>
      <c r="B2605" s="6">
        <v>202800</v>
      </c>
      <c r="C2605" s="6" t="s">
        <v>16</v>
      </c>
      <c r="D2605" s="6" t="s">
        <v>78</v>
      </c>
      <c r="E2605" s="6">
        <v>68001</v>
      </c>
      <c r="F2605" s="6" t="s">
        <v>18</v>
      </c>
      <c r="G2605" s="6" t="s">
        <v>5447</v>
      </c>
      <c r="H2605" s="6" t="s">
        <v>5448</v>
      </c>
      <c r="I2605" s="7">
        <v>7.1282392000000003</v>
      </c>
      <c r="J2605" s="8">
        <v>-73.115871799999994</v>
      </c>
    </row>
    <row r="2606" spans="1:10" x14ac:dyDescent="0.35">
      <c r="A2606" s="5" t="s">
        <v>10</v>
      </c>
      <c r="B2606" s="6">
        <v>208399</v>
      </c>
      <c r="C2606" s="6" t="s">
        <v>16</v>
      </c>
      <c r="D2606" s="6" t="s">
        <v>78</v>
      </c>
      <c r="E2606" s="6">
        <v>68001</v>
      </c>
      <c r="F2606" s="6" t="s">
        <v>18</v>
      </c>
      <c r="G2606" s="6" t="s">
        <v>4721</v>
      </c>
      <c r="H2606" s="6" t="s">
        <v>4722</v>
      </c>
      <c r="I2606" s="7">
        <v>7.1138532999999997</v>
      </c>
      <c r="J2606" s="8">
        <v>-73.109328199999993</v>
      </c>
    </row>
    <row r="2607" spans="1:10" x14ac:dyDescent="0.35">
      <c r="A2607" s="5" t="s">
        <v>10</v>
      </c>
      <c r="B2607" s="6">
        <v>204193</v>
      </c>
      <c r="C2607" s="6" t="s">
        <v>278</v>
      </c>
      <c r="D2607" s="6" t="s">
        <v>279</v>
      </c>
      <c r="E2607" s="6">
        <v>50001</v>
      </c>
      <c r="F2607" s="6" t="s">
        <v>18</v>
      </c>
      <c r="G2607" s="6" t="s">
        <v>5449</v>
      </c>
      <c r="H2607" s="6" t="s">
        <v>5450</v>
      </c>
      <c r="I2607" s="7">
        <v>4.1313225999999998</v>
      </c>
      <c r="J2607" s="8">
        <v>-73.605093499999995</v>
      </c>
    </row>
    <row r="2608" spans="1:10" x14ac:dyDescent="0.35">
      <c r="A2608" s="5" t="s">
        <v>10</v>
      </c>
      <c r="B2608" s="6">
        <v>213113</v>
      </c>
      <c r="C2608" s="6" t="s">
        <v>294</v>
      </c>
      <c r="D2608" s="6" t="s">
        <v>4244</v>
      </c>
      <c r="E2608" s="6">
        <v>41298</v>
      </c>
      <c r="F2608" s="6" t="s">
        <v>18</v>
      </c>
      <c r="G2608" s="6" t="s">
        <v>5451</v>
      </c>
      <c r="H2608" s="6" t="s">
        <v>5452</v>
      </c>
      <c r="I2608" s="7">
        <v>2.1977850999999999</v>
      </c>
      <c r="J2608" s="8">
        <v>-75.628951000000001</v>
      </c>
    </row>
    <row r="2609" spans="1:10" x14ac:dyDescent="0.35">
      <c r="A2609" s="5" t="s">
        <v>10</v>
      </c>
      <c r="B2609" s="6">
        <v>216330</v>
      </c>
      <c r="C2609" s="6" t="s">
        <v>294</v>
      </c>
      <c r="D2609" s="6" t="s">
        <v>703</v>
      </c>
      <c r="E2609" s="6">
        <v>41001</v>
      </c>
      <c r="F2609" s="6" t="s">
        <v>18</v>
      </c>
      <c r="G2609" s="6" t="s">
        <v>5453</v>
      </c>
      <c r="H2609" s="6" t="s">
        <v>5454</v>
      </c>
      <c r="I2609" s="7">
        <v>2.9659417000000001</v>
      </c>
      <c r="J2609" s="8">
        <v>-75.287460300000006</v>
      </c>
    </row>
    <row r="2610" spans="1:10" x14ac:dyDescent="0.35">
      <c r="A2610" s="5" t="s">
        <v>10</v>
      </c>
      <c r="B2610" s="6">
        <v>209018</v>
      </c>
      <c r="C2610" s="6" t="s">
        <v>11</v>
      </c>
      <c r="D2610" s="6" t="s">
        <v>101</v>
      </c>
      <c r="E2610" s="6">
        <v>25473</v>
      </c>
      <c r="F2610" s="6" t="s">
        <v>18</v>
      </c>
      <c r="G2610" s="6" t="s">
        <v>3802</v>
      </c>
      <c r="H2610" s="6" t="s">
        <v>5455</v>
      </c>
      <c r="I2610" s="7">
        <v>4.694445</v>
      </c>
      <c r="J2610" s="8">
        <v>-74.172699899999998</v>
      </c>
    </row>
    <row r="2611" spans="1:10" x14ac:dyDescent="0.35">
      <c r="A2611" s="5" t="s">
        <v>10</v>
      </c>
      <c r="B2611" s="6">
        <v>239917</v>
      </c>
      <c r="C2611" s="6" t="s">
        <v>11</v>
      </c>
      <c r="D2611" s="6" t="s">
        <v>334</v>
      </c>
      <c r="E2611" s="6">
        <v>25754</v>
      </c>
      <c r="F2611" s="6" t="s">
        <v>18</v>
      </c>
      <c r="G2611" s="6" t="s">
        <v>5456</v>
      </c>
      <c r="H2611" s="6" t="s">
        <v>5457</v>
      </c>
      <c r="I2611" s="7">
        <v>4.5791504999999999</v>
      </c>
      <c r="J2611" s="8">
        <v>-74.214282699999998</v>
      </c>
    </row>
    <row r="2612" spans="1:10" x14ac:dyDescent="0.35">
      <c r="A2612" s="5" t="s">
        <v>10</v>
      </c>
      <c r="B2612" s="6">
        <v>231244</v>
      </c>
      <c r="C2612" s="6" t="s">
        <v>117</v>
      </c>
      <c r="D2612" s="6" t="s">
        <v>1334</v>
      </c>
      <c r="E2612" s="6">
        <v>76001</v>
      </c>
      <c r="F2612" s="6" t="s">
        <v>18</v>
      </c>
      <c r="G2612" s="6" t="s">
        <v>5458</v>
      </c>
      <c r="H2612" s="6" t="s">
        <v>5459</v>
      </c>
      <c r="I2612" s="7">
        <v>3.449119</v>
      </c>
      <c r="J2612" s="8">
        <v>-76.490263999999996</v>
      </c>
    </row>
    <row r="2613" spans="1:10" x14ac:dyDescent="0.35">
      <c r="A2613" s="5" t="s">
        <v>10</v>
      </c>
      <c r="B2613" s="6">
        <v>230004</v>
      </c>
      <c r="C2613" s="6" t="s">
        <v>117</v>
      </c>
      <c r="D2613" s="6" t="s">
        <v>1334</v>
      </c>
      <c r="E2613" s="6">
        <v>76001</v>
      </c>
      <c r="F2613" s="6" t="s">
        <v>18</v>
      </c>
      <c r="G2613" s="6" t="s">
        <v>5460</v>
      </c>
      <c r="H2613" s="6" t="s">
        <v>5461</v>
      </c>
      <c r="I2613" s="7">
        <v>3.440617</v>
      </c>
      <c r="J2613" s="8">
        <v>-76.499187000000006</v>
      </c>
    </row>
    <row r="2614" spans="1:10" x14ac:dyDescent="0.35">
      <c r="A2614" s="5" t="s">
        <v>10</v>
      </c>
      <c r="B2614" s="6">
        <v>233263</v>
      </c>
      <c r="C2614" s="6" t="s">
        <v>68</v>
      </c>
      <c r="D2614" s="6" t="s">
        <v>69</v>
      </c>
      <c r="E2614" s="6">
        <v>11001</v>
      </c>
      <c r="F2614" s="6" t="s">
        <v>18</v>
      </c>
      <c r="G2614" s="6" t="s">
        <v>5462</v>
      </c>
      <c r="H2614" s="6" t="s">
        <v>5463</v>
      </c>
      <c r="I2614" s="7">
        <v>4.5184499999999996</v>
      </c>
      <c r="J2614" s="8">
        <v>-74.115979999999993</v>
      </c>
    </row>
    <row r="2615" spans="1:10" x14ac:dyDescent="0.35">
      <c r="A2615" s="5" t="s">
        <v>10</v>
      </c>
      <c r="B2615" s="6">
        <v>226312</v>
      </c>
      <c r="C2615" s="6" t="s">
        <v>28</v>
      </c>
      <c r="D2615" s="6" t="s">
        <v>29</v>
      </c>
      <c r="E2615" s="6">
        <v>54001</v>
      </c>
      <c r="F2615" s="6" t="s">
        <v>13</v>
      </c>
      <c r="G2615" s="6" t="s">
        <v>3737</v>
      </c>
      <c r="H2615" s="6" t="s">
        <v>5464</v>
      </c>
      <c r="I2615" s="7">
        <v>7.9555829999999998</v>
      </c>
      <c r="J2615" s="8">
        <v>-72.506637600000005</v>
      </c>
    </row>
    <row r="2616" spans="1:10" x14ac:dyDescent="0.35">
      <c r="A2616" s="5" t="s">
        <v>10</v>
      </c>
      <c r="B2616" s="6">
        <v>211813</v>
      </c>
      <c r="C2616" s="6" t="s">
        <v>16</v>
      </c>
      <c r="D2616" s="6" t="s">
        <v>510</v>
      </c>
      <c r="E2616" s="6">
        <v>68547</v>
      </c>
      <c r="F2616" s="6" t="s">
        <v>18</v>
      </c>
      <c r="G2616" s="6" t="s">
        <v>5465</v>
      </c>
      <c r="H2616" s="6" t="s">
        <v>5466</v>
      </c>
      <c r="I2616" s="7">
        <v>6.9755656999999998</v>
      </c>
      <c r="J2616" s="8">
        <v>-73.0468884</v>
      </c>
    </row>
    <row r="2617" spans="1:10" x14ac:dyDescent="0.35">
      <c r="A2617" s="5" t="s">
        <v>10</v>
      </c>
      <c r="B2617" s="6">
        <v>229183</v>
      </c>
      <c r="C2617" s="6" t="s">
        <v>16</v>
      </c>
      <c r="D2617" s="6" t="s">
        <v>510</v>
      </c>
      <c r="E2617" s="6">
        <v>68547</v>
      </c>
      <c r="F2617" s="6" t="s">
        <v>18</v>
      </c>
      <c r="G2617" s="6" t="s">
        <v>5467</v>
      </c>
      <c r="H2617" s="6" t="s">
        <v>5468</v>
      </c>
      <c r="I2617" s="7">
        <v>6.9915390000000004</v>
      </c>
      <c r="J2617" s="8">
        <v>-73.053998000000007</v>
      </c>
    </row>
    <row r="2618" spans="1:10" x14ac:dyDescent="0.35">
      <c r="A2618" s="5" t="s">
        <v>10</v>
      </c>
      <c r="B2618" s="6">
        <v>235941</v>
      </c>
      <c r="C2618" s="6" t="s">
        <v>294</v>
      </c>
      <c r="D2618" s="6" t="s">
        <v>543</v>
      </c>
      <c r="E2618" s="6">
        <v>41396</v>
      </c>
      <c r="F2618" s="6" t="s">
        <v>18</v>
      </c>
      <c r="G2618" s="6" t="s">
        <v>5469</v>
      </c>
      <c r="H2618" s="6" t="s">
        <v>5470</v>
      </c>
      <c r="I2618" s="7">
        <v>2.3964360999999998</v>
      </c>
      <c r="J2618" s="8">
        <v>-75.890535299999996</v>
      </c>
    </row>
    <row r="2619" spans="1:10" x14ac:dyDescent="0.35">
      <c r="A2619" s="5" t="s">
        <v>10</v>
      </c>
      <c r="B2619" s="6">
        <v>221091</v>
      </c>
      <c r="C2619" s="6" t="s">
        <v>11</v>
      </c>
      <c r="D2619" s="6" t="s">
        <v>337</v>
      </c>
      <c r="E2619" s="6">
        <v>25290</v>
      </c>
      <c r="F2619" s="6" t="s">
        <v>18</v>
      </c>
      <c r="G2619" s="6" t="s">
        <v>5471</v>
      </c>
      <c r="H2619" s="6" t="s">
        <v>5472</v>
      </c>
      <c r="I2619" s="7">
        <v>4.3451519999999997</v>
      </c>
      <c r="J2619" s="8">
        <v>-74.361823000000001</v>
      </c>
    </row>
    <row r="2620" spans="1:10" x14ac:dyDescent="0.35">
      <c r="A2620" s="5" t="s">
        <v>10</v>
      </c>
      <c r="B2620" s="6">
        <v>207306</v>
      </c>
      <c r="C2620" s="6" t="s">
        <v>11</v>
      </c>
      <c r="D2620" s="6" t="s">
        <v>4706</v>
      </c>
      <c r="E2620" s="6">
        <v>25658</v>
      </c>
      <c r="F2620" s="6" t="s">
        <v>18</v>
      </c>
      <c r="G2620" s="6" t="s">
        <v>5473</v>
      </c>
      <c r="H2620" s="6" t="s">
        <v>5474</v>
      </c>
      <c r="I2620" s="7">
        <v>4.9781738000000004</v>
      </c>
      <c r="J2620" s="8">
        <v>-74.290006899999995</v>
      </c>
    </row>
    <row r="2621" spans="1:10" x14ac:dyDescent="0.35">
      <c r="A2621" s="5" t="s">
        <v>10</v>
      </c>
      <c r="B2621" s="6">
        <v>222742</v>
      </c>
      <c r="C2621" s="6" t="s">
        <v>11</v>
      </c>
      <c r="D2621" s="6" t="s">
        <v>5475</v>
      </c>
      <c r="E2621" s="6">
        <v>25053</v>
      </c>
      <c r="F2621" s="6" t="s">
        <v>18</v>
      </c>
      <c r="G2621" s="6" t="s">
        <v>5476</v>
      </c>
      <c r="H2621" s="6" t="s">
        <v>5477</v>
      </c>
      <c r="I2621" s="7">
        <v>4.2713393000000002</v>
      </c>
      <c r="J2621" s="8">
        <v>-74.415596100000002</v>
      </c>
    </row>
    <row r="2622" spans="1:10" x14ac:dyDescent="0.35">
      <c r="A2622" s="5" t="s">
        <v>10</v>
      </c>
      <c r="B2622" s="6">
        <v>209578</v>
      </c>
      <c r="C2622" s="6" t="s">
        <v>11</v>
      </c>
      <c r="D2622" s="6" t="s">
        <v>101</v>
      </c>
      <c r="E2622" s="6">
        <v>25473</v>
      </c>
      <c r="F2622" s="6" t="s">
        <v>18</v>
      </c>
      <c r="G2622" s="6" t="s">
        <v>5478</v>
      </c>
      <c r="H2622" s="6" t="s">
        <v>5479</v>
      </c>
      <c r="I2622" s="7">
        <v>4.7162480000000002</v>
      </c>
      <c r="J2622" s="8">
        <v>-74.211303999999998</v>
      </c>
    </row>
    <row r="2623" spans="1:10" x14ac:dyDescent="0.35">
      <c r="A2623" s="5" t="s">
        <v>10</v>
      </c>
      <c r="B2623" s="6">
        <v>176083</v>
      </c>
      <c r="C2623" s="6" t="s">
        <v>190</v>
      </c>
      <c r="D2623" s="6" t="s">
        <v>5480</v>
      </c>
      <c r="E2623" s="6">
        <v>5495</v>
      </c>
      <c r="F2623" s="6" t="s">
        <v>18</v>
      </c>
      <c r="G2623" s="6" t="s">
        <v>5481</v>
      </c>
      <c r="H2623" s="6" t="s">
        <v>5482</v>
      </c>
      <c r="I2623" s="7">
        <v>8.0962736999999994</v>
      </c>
      <c r="J2623" s="8">
        <v>-74.775586500000003</v>
      </c>
    </row>
    <row r="2624" spans="1:10" x14ac:dyDescent="0.35">
      <c r="A2624" s="5" t="s">
        <v>10</v>
      </c>
      <c r="B2624" s="6">
        <v>231245</v>
      </c>
      <c r="C2624" s="6" t="s">
        <v>117</v>
      </c>
      <c r="D2624" s="6" t="s">
        <v>3963</v>
      </c>
      <c r="E2624" s="6">
        <v>76377</v>
      </c>
      <c r="F2624" s="6" t="s">
        <v>18</v>
      </c>
      <c r="G2624" s="6" t="s">
        <v>5483</v>
      </c>
      <c r="H2624" s="6" t="s">
        <v>5484</v>
      </c>
      <c r="I2624" s="7">
        <v>3.4480065999999998</v>
      </c>
      <c r="J2624" s="8">
        <v>-76.536892800000004</v>
      </c>
    </row>
    <row r="2625" spans="1:10" x14ac:dyDescent="0.35">
      <c r="A2625" s="5" t="s">
        <v>10</v>
      </c>
      <c r="B2625" s="6">
        <v>232181</v>
      </c>
      <c r="C2625" s="6" t="s">
        <v>117</v>
      </c>
      <c r="D2625" s="6" t="s">
        <v>5485</v>
      </c>
      <c r="E2625" s="6">
        <v>76113</v>
      </c>
      <c r="F2625" s="6" t="s">
        <v>18</v>
      </c>
      <c r="G2625" s="6" t="s">
        <v>5486</v>
      </c>
      <c r="H2625" s="6" t="s">
        <v>5487</v>
      </c>
      <c r="I2625" s="7">
        <v>4.5915781999999998</v>
      </c>
      <c r="J2625" s="8">
        <v>-74.080582800000002</v>
      </c>
    </row>
    <row r="2626" spans="1:10" x14ac:dyDescent="0.35">
      <c r="A2626" s="5" t="s">
        <v>10</v>
      </c>
      <c r="B2626" s="6">
        <v>226007</v>
      </c>
      <c r="C2626" s="6" t="s">
        <v>109</v>
      </c>
      <c r="D2626" s="6" t="s">
        <v>3171</v>
      </c>
      <c r="E2626" s="6">
        <v>13244</v>
      </c>
      <c r="F2626" s="6" t="s">
        <v>18</v>
      </c>
      <c r="G2626" s="6" t="s">
        <v>5488</v>
      </c>
      <c r="H2626" s="6" t="s">
        <v>5489</v>
      </c>
      <c r="I2626" s="7">
        <v>9.7180213000000002</v>
      </c>
      <c r="J2626" s="8">
        <v>-75.120988699999998</v>
      </c>
    </row>
    <row r="2627" spans="1:10" x14ac:dyDescent="0.35">
      <c r="A2627" s="5" t="s">
        <v>10</v>
      </c>
      <c r="B2627" s="6">
        <v>232603</v>
      </c>
      <c r="C2627" s="6" t="s">
        <v>109</v>
      </c>
      <c r="D2627" s="6" t="s">
        <v>227</v>
      </c>
      <c r="E2627" s="6">
        <v>13001</v>
      </c>
      <c r="F2627" s="6" t="s">
        <v>18</v>
      </c>
      <c r="G2627" s="6" t="s">
        <v>5490</v>
      </c>
      <c r="H2627" s="6" t="s">
        <v>5491</v>
      </c>
      <c r="I2627" s="7">
        <v>4.7109886000000003</v>
      </c>
      <c r="J2627" s="8">
        <v>-74.072091999999998</v>
      </c>
    </row>
    <row r="2628" spans="1:10" x14ac:dyDescent="0.35">
      <c r="A2628" s="5" t="s">
        <v>10</v>
      </c>
      <c r="B2628" s="6">
        <v>240059</v>
      </c>
      <c r="C2628" s="6" t="s">
        <v>11</v>
      </c>
      <c r="D2628" s="6" t="s">
        <v>5492</v>
      </c>
      <c r="E2628" s="6">
        <v>25019</v>
      </c>
      <c r="F2628" s="6" t="s">
        <v>2161</v>
      </c>
      <c r="G2628" s="6" t="s">
        <v>5493</v>
      </c>
      <c r="H2628" s="6" t="s">
        <v>5494</v>
      </c>
      <c r="I2628" s="7">
        <v>4.8763240000000003</v>
      </c>
      <c r="J2628" s="8">
        <v>-74.437333100000004</v>
      </c>
    </row>
    <row r="2629" spans="1:10" x14ac:dyDescent="0.35">
      <c r="A2629" s="5" t="s">
        <v>10</v>
      </c>
      <c r="B2629" s="6">
        <v>154032</v>
      </c>
      <c r="C2629" s="6" t="s">
        <v>551</v>
      </c>
      <c r="D2629" s="6" t="s">
        <v>3868</v>
      </c>
      <c r="E2629" s="6">
        <v>20001</v>
      </c>
      <c r="F2629" s="6" t="s">
        <v>18</v>
      </c>
      <c r="G2629" s="6" t="s">
        <v>5495</v>
      </c>
      <c r="H2629" s="6" t="s">
        <v>5496</v>
      </c>
      <c r="I2629" s="7">
        <v>10.4880333</v>
      </c>
      <c r="J2629" s="8">
        <v>-73.255946100000003</v>
      </c>
    </row>
    <row r="2630" spans="1:10" x14ac:dyDescent="0.35">
      <c r="A2630" s="5" t="s">
        <v>10</v>
      </c>
      <c r="B2630" s="6">
        <v>240023</v>
      </c>
      <c r="C2630" s="6" t="s">
        <v>294</v>
      </c>
      <c r="D2630" s="6" t="s">
        <v>5497</v>
      </c>
      <c r="E2630" s="6">
        <v>41013</v>
      </c>
      <c r="F2630" s="6" t="s">
        <v>18</v>
      </c>
      <c r="G2630" s="6" t="s">
        <v>5498</v>
      </c>
      <c r="H2630" s="6" t="s">
        <v>5499</v>
      </c>
      <c r="I2630" s="7">
        <v>2.9178028</v>
      </c>
      <c r="J2630" s="8">
        <v>-75.285150099999996</v>
      </c>
    </row>
    <row r="2631" spans="1:10" x14ac:dyDescent="0.35">
      <c r="A2631" s="5" t="s">
        <v>10</v>
      </c>
      <c r="B2631" s="6">
        <v>242013</v>
      </c>
      <c r="C2631" s="6" t="s">
        <v>294</v>
      </c>
      <c r="D2631" s="6" t="s">
        <v>1377</v>
      </c>
      <c r="E2631" s="6">
        <v>41244</v>
      </c>
      <c r="F2631" s="6" t="s">
        <v>18</v>
      </c>
      <c r="G2631" s="6" t="s">
        <v>5500</v>
      </c>
      <c r="H2631" s="6" t="s">
        <v>5501</v>
      </c>
      <c r="I2631" s="7">
        <v>2.0128967000000002</v>
      </c>
      <c r="J2631" s="8">
        <v>-75.937376599999993</v>
      </c>
    </row>
    <row r="2632" spans="1:10" x14ac:dyDescent="0.35">
      <c r="A2632" s="5" t="s">
        <v>10</v>
      </c>
      <c r="B2632" s="6">
        <v>203931</v>
      </c>
      <c r="C2632" s="6" t="s">
        <v>11</v>
      </c>
      <c r="D2632" s="6" t="s">
        <v>334</v>
      </c>
      <c r="E2632" s="6">
        <v>25754</v>
      </c>
      <c r="F2632" s="6" t="s">
        <v>18</v>
      </c>
      <c r="G2632" s="6" t="s">
        <v>5502</v>
      </c>
      <c r="H2632" s="6" t="s">
        <v>5503</v>
      </c>
      <c r="I2632" s="7">
        <v>4.5759321999999996</v>
      </c>
      <c r="J2632" s="8">
        <v>-74.214202099999994</v>
      </c>
    </row>
    <row r="2633" spans="1:10" x14ac:dyDescent="0.35">
      <c r="A2633" s="5" t="s">
        <v>10</v>
      </c>
      <c r="B2633" s="6">
        <v>232866</v>
      </c>
      <c r="C2633" s="6" t="s">
        <v>11</v>
      </c>
      <c r="D2633" s="6" t="s">
        <v>3883</v>
      </c>
      <c r="E2633" s="6">
        <v>25524</v>
      </c>
      <c r="F2633" s="6" t="s">
        <v>18</v>
      </c>
      <c r="G2633" s="6" t="s">
        <v>5504</v>
      </c>
      <c r="H2633" s="6" t="s">
        <v>5505</v>
      </c>
      <c r="I2633" s="7">
        <v>4.1906499999999998</v>
      </c>
      <c r="J2633" s="8">
        <v>-74.486750000000001</v>
      </c>
    </row>
    <row r="2634" spans="1:10" x14ac:dyDescent="0.35">
      <c r="A2634" s="5" t="s">
        <v>10</v>
      </c>
      <c r="B2634" s="6">
        <v>186316</v>
      </c>
      <c r="C2634" s="6" t="s">
        <v>11</v>
      </c>
      <c r="D2634" s="6" t="s">
        <v>334</v>
      </c>
      <c r="E2634" s="6">
        <v>25754</v>
      </c>
      <c r="F2634" s="6" t="s">
        <v>18</v>
      </c>
      <c r="G2634" s="6" t="s">
        <v>5506</v>
      </c>
      <c r="H2634" s="6" t="s">
        <v>5507</v>
      </c>
      <c r="I2634" s="7">
        <v>4.5902320000000003</v>
      </c>
      <c r="J2634" s="8">
        <v>-74.198693899999995</v>
      </c>
    </row>
    <row r="2635" spans="1:10" x14ac:dyDescent="0.35">
      <c r="A2635" s="5" t="s">
        <v>10</v>
      </c>
      <c r="B2635" s="6">
        <v>202529</v>
      </c>
      <c r="C2635" s="6" t="s">
        <v>11</v>
      </c>
      <c r="D2635" s="6" t="s">
        <v>3054</v>
      </c>
      <c r="E2635" s="6">
        <v>25269</v>
      </c>
      <c r="F2635" s="6" t="s">
        <v>18</v>
      </c>
      <c r="G2635" s="6" t="s">
        <v>5508</v>
      </c>
      <c r="H2635" s="6" t="s">
        <v>5509</v>
      </c>
      <c r="I2635" s="7">
        <v>4.8142394999999896</v>
      </c>
      <c r="J2635" s="8">
        <v>-74.356449099999907</v>
      </c>
    </row>
    <row r="2636" spans="1:10" x14ac:dyDescent="0.35">
      <c r="A2636" s="5" t="s">
        <v>10</v>
      </c>
      <c r="B2636" s="6">
        <v>232089</v>
      </c>
      <c r="C2636" s="6" t="s">
        <v>11</v>
      </c>
      <c r="D2636" s="6" t="s">
        <v>106</v>
      </c>
      <c r="E2636" s="6">
        <v>25843</v>
      </c>
      <c r="F2636" s="6" t="s">
        <v>18</v>
      </c>
      <c r="G2636" s="6" t="s">
        <v>5510</v>
      </c>
      <c r="H2636" s="6" t="s">
        <v>5511</v>
      </c>
      <c r="I2636" s="7">
        <v>5.3095299000000002</v>
      </c>
      <c r="J2636" s="8">
        <v>-73.812334500000006</v>
      </c>
    </row>
    <row r="2637" spans="1:10" x14ac:dyDescent="0.35">
      <c r="A2637" s="5" t="s">
        <v>10</v>
      </c>
      <c r="B2637" s="6">
        <v>233928</v>
      </c>
      <c r="C2637" s="6" t="s">
        <v>11</v>
      </c>
      <c r="D2637" s="6" t="s">
        <v>334</v>
      </c>
      <c r="E2637" s="6">
        <v>25754</v>
      </c>
      <c r="F2637" s="6" t="s">
        <v>18</v>
      </c>
      <c r="G2637" s="6" t="s">
        <v>1945</v>
      </c>
      <c r="H2637" s="6" t="s">
        <v>5512</v>
      </c>
      <c r="I2637" s="7">
        <v>4.5942053999999999</v>
      </c>
      <c r="J2637" s="8">
        <v>-74.207695400000006</v>
      </c>
    </row>
    <row r="2638" spans="1:10" x14ac:dyDescent="0.35">
      <c r="A2638" s="5" t="s">
        <v>10</v>
      </c>
      <c r="B2638" s="6">
        <v>237515</v>
      </c>
      <c r="C2638" s="6" t="s">
        <v>11</v>
      </c>
      <c r="D2638" s="6" t="s">
        <v>4514</v>
      </c>
      <c r="E2638" s="6">
        <v>25645</v>
      </c>
      <c r="F2638" s="6" t="s">
        <v>18</v>
      </c>
      <c r="G2638" s="6" t="s">
        <v>5513</v>
      </c>
      <c r="H2638" s="6" t="s">
        <v>5514</v>
      </c>
      <c r="I2638" s="7">
        <v>4.6159574000000001</v>
      </c>
      <c r="J2638" s="8">
        <v>-74.352021300000004</v>
      </c>
    </row>
    <row r="2639" spans="1:10" x14ac:dyDescent="0.35">
      <c r="A2639" s="5" t="s">
        <v>10</v>
      </c>
      <c r="B2639" s="6">
        <v>246448</v>
      </c>
      <c r="C2639" s="6" t="s">
        <v>11</v>
      </c>
      <c r="D2639" s="6" t="s">
        <v>221</v>
      </c>
      <c r="E2639" s="6">
        <v>25430</v>
      </c>
      <c r="F2639" s="6" t="s">
        <v>18</v>
      </c>
      <c r="G2639" s="6" t="s">
        <v>5515</v>
      </c>
      <c r="H2639" s="6" t="s">
        <v>5516</v>
      </c>
      <c r="I2639" s="7">
        <v>4.732056</v>
      </c>
      <c r="J2639" s="8">
        <v>-74.261918499999993</v>
      </c>
    </row>
    <row r="2640" spans="1:10" x14ac:dyDescent="0.35">
      <c r="A2640" s="5" t="s">
        <v>10</v>
      </c>
      <c r="B2640" s="6">
        <v>207287</v>
      </c>
      <c r="C2640" s="6" t="s">
        <v>68</v>
      </c>
      <c r="D2640" s="6" t="s">
        <v>69</v>
      </c>
      <c r="E2640" s="6">
        <v>11001</v>
      </c>
      <c r="F2640" s="6" t="s">
        <v>18</v>
      </c>
      <c r="G2640" s="6" t="s">
        <v>2430</v>
      </c>
      <c r="H2640" s="6" t="s">
        <v>5517</v>
      </c>
      <c r="I2640" s="7">
        <v>4.6861769999999998</v>
      </c>
      <c r="J2640" s="8">
        <v>-74.098828900000001</v>
      </c>
    </row>
    <row r="2641" spans="1:10" x14ac:dyDescent="0.35">
      <c r="A2641" s="5" t="s">
        <v>10</v>
      </c>
      <c r="B2641" s="6">
        <v>228103</v>
      </c>
      <c r="C2641" s="6" t="s">
        <v>11</v>
      </c>
      <c r="D2641" s="6" t="s">
        <v>334</v>
      </c>
      <c r="E2641" s="6">
        <v>25754</v>
      </c>
      <c r="F2641" s="6" t="s">
        <v>18</v>
      </c>
      <c r="G2641" s="6" t="s">
        <v>5518</v>
      </c>
      <c r="H2641" s="6" t="s">
        <v>5519</v>
      </c>
      <c r="I2641" s="7">
        <v>4.5812786000000001</v>
      </c>
      <c r="J2641" s="8">
        <v>-74.205992600000002</v>
      </c>
    </row>
    <row r="2642" spans="1:10" x14ac:dyDescent="0.35">
      <c r="A2642" s="5" t="s">
        <v>10</v>
      </c>
      <c r="B2642" s="6">
        <v>237948</v>
      </c>
      <c r="C2642" s="6" t="s">
        <v>68</v>
      </c>
      <c r="D2642" s="6" t="s">
        <v>69</v>
      </c>
      <c r="E2642" s="6">
        <v>11001</v>
      </c>
      <c r="F2642" s="6" t="s">
        <v>18</v>
      </c>
      <c r="G2642" s="6" t="s">
        <v>5520</v>
      </c>
      <c r="H2642" s="6" t="s">
        <v>5521</v>
      </c>
      <c r="I2642" s="7">
        <v>4.7581113000000004</v>
      </c>
      <c r="J2642" s="8">
        <v>-74.098041899999998</v>
      </c>
    </row>
    <row r="2643" spans="1:10" x14ac:dyDescent="0.35">
      <c r="A2643" s="5" t="s">
        <v>10</v>
      </c>
      <c r="B2643" s="6">
        <v>226307</v>
      </c>
      <c r="C2643" s="6" t="s">
        <v>16</v>
      </c>
      <c r="D2643" s="6" t="s">
        <v>78</v>
      </c>
      <c r="E2643" s="6">
        <v>68001</v>
      </c>
      <c r="F2643" s="6" t="s">
        <v>13</v>
      </c>
      <c r="G2643" s="6" t="s">
        <v>3737</v>
      </c>
      <c r="H2643" s="6" t="s">
        <v>5522</v>
      </c>
      <c r="I2643" s="7">
        <v>7.1149604999999996</v>
      </c>
      <c r="J2643" s="8">
        <v>-73.129187000000002</v>
      </c>
    </row>
    <row r="2644" spans="1:10" x14ac:dyDescent="0.35">
      <c r="A2644" s="5" t="s">
        <v>10</v>
      </c>
      <c r="B2644" s="6">
        <v>237441</v>
      </c>
      <c r="C2644" s="6" t="s">
        <v>68</v>
      </c>
      <c r="D2644" s="6" t="s">
        <v>69</v>
      </c>
      <c r="E2644" s="6">
        <v>11001</v>
      </c>
      <c r="F2644" s="6" t="s">
        <v>2161</v>
      </c>
      <c r="G2644" s="6" t="s">
        <v>5523</v>
      </c>
      <c r="H2644" s="6" t="s">
        <v>5524</v>
      </c>
      <c r="I2644" s="7">
        <v>4.7504812999999997</v>
      </c>
      <c r="J2644" s="8">
        <v>-74.112001899999996</v>
      </c>
    </row>
    <row r="2645" spans="1:10" x14ac:dyDescent="0.35">
      <c r="A2645" s="5" t="s">
        <v>10</v>
      </c>
      <c r="B2645" s="6">
        <v>152432</v>
      </c>
      <c r="C2645" s="6" t="s">
        <v>2130</v>
      </c>
      <c r="D2645" s="6" t="s">
        <v>370</v>
      </c>
      <c r="E2645" s="6">
        <v>85440</v>
      </c>
      <c r="F2645" s="6" t="s">
        <v>18</v>
      </c>
      <c r="G2645" s="6" t="s">
        <v>5525</v>
      </c>
      <c r="H2645" s="6" t="s">
        <v>5526</v>
      </c>
      <c r="I2645" s="7">
        <v>4.6112519999999897</v>
      </c>
      <c r="J2645" s="8">
        <v>-72.928125999999907</v>
      </c>
    </row>
    <row r="2646" spans="1:10" x14ac:dyDescent="0.35">
      <c r="A2646" s="5" t="s">
        <v>10</v>
      </c>
      <c r="B2646" s="6">
        <v>208836</v>
      </c>
      <c r="C2646" s="6" t="s">
        <v>11</v>
      </c>
      <c r="D2646" s="6" t="s">
        <v>334</v>
      </c>
      <c r="E2646" s="6">
        <v>25754</v>
      </c>
      <c r="F2646" s="6" t="s">
        <v>18</v>
      </c>
      <c r="G2646" s="6" t="s">
        <v>5527</v>
      </c>
      <c r="H2646" s="6" t="s">
        <v>5528</v>
      </c>
      <c r="I2646" s="7">
        <v>4.5903894999999997</v>
      </c>
      <c r="J2646" s="8">
        <v>-74.224592399999906</v>
      </c>
    </row>
    <row r="2647" spans="1:10" x14ac:dyDescent="0.35">
      <c r="A2647" s="5" t="s">
        <v>10</v>
      </c>
      <c r="B2647" s="6">
        <v>157065</v>
      </c>
      <c r="C2647" s="6" t="s">
        <v>11</v>
      </c>
      <c r="D2647" s="6" t="s">
        <v>5492</v>
      </c>
      <c r="E2647" s="6">
        <v>25019</v>
      </c>
      <c r="F2647" s="6" t="s">
        <v>18</v>
      </c>
      <c r="G2647" s="6" t="s">
        <v>5529</v>
      </c>
      <c r="H2647" s="6" t="s">
        <v>5530</v>
      </c>
      <c r="I2647" s="7">
        <v>4.8087840000000002</v>
      </c>
      <c r="J2647" s="8">
        <v>-74.353611999999998</v>
      </c>
    </row>
    <row r="2648" spans="1:10" x14ac:dyDescent="0.35">
      <c r="A2648" s="5" t="s">
        <v>10</v>
      </c>
      <c r="B2648" s="6">
        <v>214468</v>
      </c>
      <c r="C2648" s="6" t="s">
        <v>11</v>
      </c>
      <c r="D2648" s="6" t="s">
        <v>334</v>
      </c>
      <c r="E2648" s="6">
        <v>25754</v>
      </c>
      <c r="F2648" s="6" t="s">
        <v>18</v>
      </c>
      <c r="G2648" s="6" t="s">
        <v>5531</v>
      </c>
      <c r="H2648" s="6" t="s">
        <v>5532</v>
      </c>
      <c r="I2648" s="7">
        <v>4.5823296999999998</v>
      </c>
      <c r="J2648" s="8">
        <v>-74.225265299999904</v>
      </c>
    </row>
    <row r="2649" spans="1:10" x14ac:dyDescent="0.35">
      <c r="A2649" s="5" t="s">
        <v>10</v>
      </c>
      <c r="B2649" s="6">
        <v>237265</v>
      </c>
      <c r="C2649" s="6" t="s">
        <v>117</v>
      </c>
      <c r="D2649" s="6" t="s">
        <v>3860</v>
      </c>
      <c r="E2649" s="6">
        <v>76130</v>
      </c>
      <c r="F2649" s="6" t="s">
        <v>18</v>
      </c>
      <c r="G2649" s="6" t="s">
        <v>5533</v>
      </c>
      <c r="H2649" s="6" t="s">
        <v>5534</v>
      </c>
      <c r="I2649" s="7">
        <v>3.4051816000000001</v>
      </c>
      <c r="J2649" s="8">
        <v>-76.3462155</v>
      </c>
    </row>
    <row r="2650" spans="1:10" x14ac:dyDescent="0.35">
      <c r="A2650" s="5" t="s">
        <v>10</v>
      </c>
      <c r="B2650" s="6">
        <v>234720</v>
      </c>
      <c r="C2650" s="6" t="s">
        <v>2130</v>
      </c>
      <c r="D2650" s="6" t="s">
        <v>3816</v>
      </c>
      <c r="E2650" s="6">
        <v>85162</v>
      </c>
      <c r="F2650" s="6" t="s">
        <v>18</v>
      </c>
      <c r="G2650" s="6" t="s">
        <v>5535</v>
      </c>
      <c r="H2650" s="6" t="s">
        <v>5536</v>
      </c>
      <c r="I2650" s="7">
        <v>4.8767205999999996</v>
      </c>
      <c r="J2650" s="8">
        <v>-72.893330199999994</v>
      </c>
    </row>
    <row r="2651" spans="1:10" x14ac:dyDescent="0.35">
      <c r="A2651" s="5" t="s">
        <v>10</v>
      </c>
      <c r="B2651" s="6">
        <v>201213</v>
      </c>
      <c r="C2651" s="6" t="s">
        <v>278</v>
      </c>
      <c r="D2651" s="6" t="s">
        <v>279</v>
      </c>
      <c r="E2651" s="6">
        <v>50001</v>
      </c>
      <c r="F2651" s="6" t="s">
        <v>18</v>
      </c>
      <c r="G2651" s="6" t="s">
        <v>5537</v>
      </c>
      <c r="H2651" s="6" t="s">
        <v>5538</v>
      </c>
      <c r="I2651" s="7">
        <v>4.1367430000000001</v>
      </c>
      <c r="J2651" s="8">
        <v>-73.606859</v>
      </c>
    </row>
    <row r="2652" spans="1:10" x14ac:dyDescent="0.35">
      <c r="A2652" s="5" t="s">
        <v>10</v>
      </c>
      <c r="B2652" s="6">
        <v>186496</v>
      </c>
      <c r="C2652" s="6" t="s">
        <v>11</v>
      </c>
      <c r="D2652" s="6" t="s">
        <v>334</v>
      </c>
      <c r="E2652" s="6">
        <v>25754</v>
      </c>
      <c r="F2652" s="6" t="s">
        <v>18</v>
      </c>
      <c r="G2652" s="6" t="s">
        <v>5539</v>
      </c>
      <c r="H2652" s="6" t="s">
        <v>5540</v>
      </c>
      <c r="I2652" s="7">
        <v>4.6061604999999997</v>
      </c>
      <c r="J2652" s="8">
        <v>-74.224290400000001</v>
      </c>
    </row>
    <row r="2653" spans="1:10" x14ac:dyDescent="0.35">
      <c r="A2653" s="5" t="s">
        <v>10</v>
      </c>
      <c r="B2653" s="6">
        <v>206399</v>
      </c>
      <c r="C2653" s="6" t="s">
        <v>11</v>
      </c>
      <c r="D2653" s="6" t="s">
        <v>334</v>
      </c>
      <c r="E2653" s="6">
        <v>25754</v>
      </c>
      <c r="F2653" s="6" t="s">
        <v>18</v>
      </c>
      <c r="G2653" s="6" t="s">
        <v>5541</v>
      </c>
      <c r="H2653" s="6" t="s">
        <v>5542</v>
      </c>
      <c r="I2653" s="7">
        <v>4.5786576999999999</v>
      </c>
      <c r="J2653" s="8">
        <v>-74.205683399999998</v>
      </c>
    </row>
    <row r="2654" spans="1:10" x14ac:dyDescent="0.35">
      <c r="A2654" s="5" t="s">
        <v>10</v>
      </c>
      <c r="B2654" s="6">
        <v>229290</v>
      </c>
      <c r="C2654" s="6" t="s">
        <v>11</v>
      </c>
      <c r="D2654" s="6" t="s">
        <v>337</v>
      </c>
      <c r="E2654" s="6">
        <v>25290</v>
      </c>
      <c r="F2654" s="6" t="s">
        <v>18</v>
      </c>
      <c r="G2654" s="6" t="s">
        <v>5543</v>
      </c>
      <c r="H2654" s="6" t="s">
        <v>5544</v>
      </c>
      <c r="I2654" s="7">
        <v>4.3404170000000004</v>
      </c>
      <c r="J2654" s="8">
        <v>-74.363275000000002</v>
      </c>
    </row>
    <row r="2655" spans="1:10" x14ac:dyDescent="0.35">
      <c r="A2655" s="5" t="s">
        <v>10</v>
      </c>
      <c r="B2655" s="6">
        <v>185191</v>
      </c>
      <c r="C2655" s="6" t="s">
        <v>11</v>
      </c>
      <c r="D2655" s="6" t="s">
        <v>12</v>
      </c>
      <c r="E2655" s="6">
        <v>25899</v>
      </c>
      <c r="F2655" s="6" t="s">
        <v>18</v>
      </c>
      <c r="G2655" s="6" t="s">
        <v>5545</v>
      </c>
      <c r="H2655" s="6" t="s">
        <v>5546</v>
      </c>
      <c r="I2655" s="7">
        <v>5.0214759999999998</v>
      </c>
      <c r="J2655" s="8">
        <v>-73.990955</v>
      </c>
    </row>
    <row r="2656" spans="1:10" x14ac:dyDescent="0.35">
      <c r="A2656" s="5" t="s">
        <v>10</v>
      </c>
      <c r="B2656" s="6">
        <v>234042</v>
      </c>
      <c r="C2656" s="6" t="s">
        <v>11</v>
      </c>
      <c r="D2656" s="6" t="s">
        <v>101</v>
      </c>
      <c r="E2656" s="6">
        <v>25473</v>
      </c>
      <c r="F2656" s="6" t="s">
        <v>18</v>
      </c>
      <c r="G2656" s="6" t="s">
        <v>5547</v>
      </c>
      <c r="H2656" s="6" t="s">
        <v>5548</v>
      </c>
      <c r="I2656" s="7">
        <v>4.7049801000000002</v>
      </c>
      <c r="J2656" s="8">
        <v>-74.229219599999993</v>
      </c>
    </row>
    <row r="2657" spans="1:10" x14ac:dyDescent="0.35">
      <c r="A2657" s="5" t="s">
        <v>10</v>
      </c>
      <c r="B2657" s="6">
        <v>245270</v>
      </c>
      <c r="C2657" s="6" t="s">
        <v>11</v>
      </c>
      <c r="D2657" s="6" t="s">
        <v>334</v>
      </c>
      <c r="E2657" s="6">
        <v>25754</v>
      </c>
      <c r="F2657" s="6" t="s">
        <v>18</v>
      </c>
      <c r="G2657" s="6" t="s">
        <v>5549</v>
      </c>
      <c r="H2657" s="6" t="s">
        <v>5550</v>
      </c>
      <c r="I2657" s="7">
        <v>4.5827226999999997</v>
      </c>
      <c r="J2657" s="8">
        <v>-74.211746500000004</v>
      </c>
    </row>
    <row r="2658" spans="1:10" x14ac:dyDescent="0.35">
      <c r="A2658" s="5" t="s">
        <v>10</v>
      </c>
      <c r="B2658" s="6">
        <v>246470</v>
      </c>
      <c r="C2658" s="6" t="s">
        <v>55</v>
      </c>
      <c r="D2658" s="6" t="s">
        <v>56</v>
      </c>
      <c r="E2658" s="6">
        <v>73001</v>
      </c>
      <c r="F2658" s="6" t="s">
        <v>18</v>
      </c>
      <c r="G2658" s="6" t="s">
        <v>5551</v>
      </c>
      <c r="H2658" s="6" t="s">
        <v>5552</v>
      </c>
      <c r="I2658" s="7">
        <v>4.4414372000000002</v>
      </c>
      <c r="J2658" s="8">
        <v>-75.2065707</v>
      </c>
    </row>
    <row r="2659" spans="1:10" x14ac:dyDescent="0.35">
      <c r="A2659" s="5" t="s">
        <v>10</v>
      </c>
      <c r="B2659" s="6">
        <v>231642</v>
      </c>
      <c r="C2659" s="6" t="s">
        <v>11</v>
      </c>
      <c r="D2659" s="6" t="s">
        <v>156</v>
      </c>
      <c r="E2659" s="6">
        <v>25815</v>
      </c>
      <c r="F2659" s="6" t="s">
        <v>18</v>
      </c>
      <c r="G2659" s="6" t="s">
        <v>5553</v>
      </c>
      <c r="H2659" s="6" t="s">
        <v>5554</v>
      </c>
      <c r="I2659" s="7">
        <v>4.5407000000000002</v>
      </c>
      <c r="J2659" s="8">
        <v>-74.095365000000001</v>
      </c>
    </row>
    <row r="2660" spans="1:10" x14ac:dyDescent="0.35">
      <c r="A2660" s="5" t="s">
        <v>10</v>
      </c>
      <c r="B2660" s="6">
        <v>228583</v>
      </c>
      <c r="C2660" s="6" t="s">
        <v>2130</v>
      </c>
      <c r="D2660" s="6" t="s">
        <v>2131</v>
      </c>
      <c r="E2660" s="6">
        <v>85001</v>
      </c>
      <c r="F2660" s="6" t="s">
        <v>18</v>
      </c>
      <c r="G2660" s="6" t="s">
        <v>5555</v>
      </c>
      <c r="H2660" s="6" t="s">
        <v>5556</v>
      </c>
      <c r="I2660" s="7">
        <v>5.3490902999999896</v>
      </c>
      <c r="J2660" s="8">
        <v>-72.402338099999994</v>
      </c>
    </row>
    <row r="2661" spans="1:10" x14ac:dyDescent="0.35">
      <c r="A2661" s="5" t="s">
        <v>10</v>
      </c>
      <c r="B2661" s="6">
        <v>204513</v>
      </c>
      <c r="C2661" s="6" t="s">
        <v>3819</v>
      </c>
      <c r="D2661" s="6" t="s">
        <v>5557</v>
      </c>
      <c r="E2661" s="6">
        <v>86568</v>
      </c>
      <c r="F2661" s="6" t="s">
        <v>18</v>
      </c>
      <c r="G2661" s="6" t="s">
        <v>5558</v>
      </c>
      <c r="H2661" s="6" t="s">
        <v>5559</v>
      </c>
      <c r="I2661" s="7">
        <v>0.4967531</v>
      </c>
      <c r="J2661" s="8">
        <v>-76.503525099999905</v>
      </c>
    </row>
    <row r="2662" spans="1:10" x14ac:dyDescent="0.35">
      <c r="A2662" s="5" t="s">
        <v>10</v>
      </c>
      <c r="B2662" s="6">
        <v>173713</v>
      </c>
      <c r="C2662" s="6" t="s">
        <v>294</v>
      </c>
      <c r="D2662" s="6" t="s">
        <v>703</v>
      </c>
      <c r="E2662" s="6">
        <v>41001</v>
      </c>
      <c r="F2662" s="6" t="s">
        <v>18</v>
      </c>
      <c r="G2662" s="6" t="s">
        <v>5560</v>
      </c>
      <c r="H2662" s="6" t="s">
        <v>5561</v>
      </c>
      <c r="I2662" s="7">
        <v>2.9724446000000002</v>
      </c>
      <c r="J2662" s="8">
        <v>-75.290566900000002</v>
      </c>
    </row>
    <row r="2663" spans="1:10" x14ac:dyDescent="0.35">
      <c r="A2663" s="5" t="s">
        <v>10</v>
      </c>
      <c r="B2663" s="6">
        <v>182085</v>
      </c>
      <c r="C2663" s="6" t="s">
        <v>11</v>
      </c>
      <c r="D2663" s="6" t="s">
        <v>513</v>
      </c>
      <c r="E2663" s="6">
        <v>25286</v>
      </c>
      <c r="F2663" s="6" t="s">
        <v>18</v>
      </c>
      <c r="G2663" s="6" t="s">
        <v>4834</v>
      </c>
      <c r="H2663" s="6" t="s">
        <v>5562</v>
      </c>
      <c r="I2663" s="7">
        <v>4.7180523000000001</v>
      </c>
      <c r="J2663" s="8">
        <v>-74.226545999999999</v>
      </c>
    </row>
    <row r="2664" spans="1:10" x14ac:dyDescent="0.35">
      <c r="A2664" s="5" t="s">
        <v>10</v>
      </c>
      <c r="B2664" s="6">
        <v>188795</v>
      </c>
      <c r="C2664" s="6" t="s">
        <v>11</v>
      </c>
      <c r="D2664" s="6" t="s">
        <v>513</v>
      </c>
      <c r="E2664" s="6">
        <v>25286</v>
      </c>
      <c r="F2664" s="6" t="s">
        <v>18</v>
      </c>
      <c r="G2664" s="6" t="s">
        <v>5563</v>
      </c>
      <c r="H2664" s="6" t="s">
        <v>5564</v>
      </c>
      <c r="I2664" s="7">
        <v>4.7086446999999998</v>
      </c>
      <c r="J2664" s="8">
        <v>-74.213932900000003</v>
      </c>
    </row>
    <row r="2665" spans="1:10" x14ac:dyDescent="0.35">
      <c r="A2665" s="5" t="s">
        <v>10</v>
      </c>
      <c r="B2665" s="6">
        <v>205387</v>
      </c>
      <c r="C2665" s="6" t="s">
        <v>11</v>
      </c>
      <c r="D2665" s="6" t="s">
        <v>3651</v>
      </c>
      <c r="E2665" s="6">
        <v>25312</v>
      </c>
      <c r="F2665" s="6" t="s">
        <v>18</v>
      </c>
      <c r="G2665" s="6" t="s">
        <v>5565</v>
      </c>
      <c r="H2665" s="6" t="s">
        <v>5566</v>
      </c>
      <c r="I2665" s="7">
        <v>4.5194776999999897</v>
      </c>
      <c r="J2665" s="8">
        <v>-74.350909099999996</v>
      </c>
    </row>
    <row r="2666" spans="1:10" x14ac:dyDescent="0.35">
      <c r="A2666" s="5" t="s">
        <v>10</v>
      </c>
      <c r="B2666" s="6">
        <v>219231</v>
      </c>
      <c r="C2666" s="6" t="s">
        <v>11</v>
      </c>
      <c r="D2666" s="6" t="s">
        <v>337</v>
      </c>
      <c r="E2666" s="6">
        <v>25290</v>
      </c>
      <c r="F2666" s="6" t="s">
        <v>18</v>
      </c>
      <c r="G2666" s="6" t="s">
        <v>5567</v>
      </c>
      <c r="H2666" s="6" t="s">
        <v>5568</v>
      </c>
      <c r="I2666" s="7">
        <v>4.3433928999999996</v>
      </c>
      <c r="J2666" s="8">
        <v>-74.362237800000003</v>
      </c>
    </row>
    <row r="2667" spans="1:10" x14ac:dyDescent="0.35">
      <c r="A2667" s="5" t="s">
        <v>10</v>
      </c>
      <c r="B2667" s="6">
        <v>210327</v>
      </c>
      <c r="C2667" s="6" t="s">
        <v>11</v>
      </c>
      <c r="D2667" s="6" t="s">
        <v>334</v>
      </c>
      <c r="E2667" s="6">
        <v>25754</v>
      </c>
      <c r="F2667" s="6" t="s">
        <v>18</v>
      </c>
      <c r="G2667" s="6" t="s">
        <v>5569</v>
      </c>
      <c r="H2667" s="6" t="s">
        <v>5570</v>
      </c>
      <c r="I2667" s="7">
        <v>4.5689909999999996</v>
      </c>
      <c r="J2667" s="8">
        <v>-74.237105799999995</v>
      </c>
    </row>
    <row r="2668" spans="1:10" x14ac:dyDescent="0.35">
      <c r="A2668" s="5" t="s">
        <v>10</v>
      </c>
      <c r="B2668" s="6">
        <v>232467</v>
      </c>
      <c r="C2668" s="6" t="s">
        <v>11</v>
      </c>
      <c r="D2668" s="6" t="s">
        <v>823</v>
      </c>
      <c r="E2668" s="6">
        <v>25178</v>
      </c>
      <c r="F2668" s="6" t="s">
        <v>18</v>
      </c>
      <c r="G2668" s="6" t="s">
        <v>5571</v>
      </c>
      <c r="H2668" s="6" t="s">
        <v>5572</v>
      </c>
      <c r="I2668" s="7">
        <v>4.4428386</v>
      </c>
      <c r="J2668" s="8">
        <v>-74.045508100000006</v>
      </c>
    </row>
    <row r="2669" spans="1:10" x14ac:dyDescent="0.35">
      <c r="A2669" s="5" t="s">
        <v>10</v>
      </c>
      <c r="B2669" s="6">
        <v>232551</v>
      </c>
      <c r="C2669" s="6" t="s">
        <v>11</v>
      </c>
      <c r="D2669" s="6" t="s">
        <v>334</v>
      </c>
      <c r="E2669" s="6">
        <v>25754</v>
      </c>
      <c r="F2669" s="6" t="s">
        <v>18</v>
      </c>
      <c r="G2669" s="6" t="s">
        <v>5573</v>
      </c>
      <c r="H2669" s="6" t="s">
        <v>5574</v>
      </c>
      <c r="I2669" s="7">
        <v>4.5700672999999998</v>
      </c>
      <c r="J2669" s="8">
        <v>-74.242023799999998</v>
      </c>
    </row>
    <row r="2670" spans="1:10" x14ac:dyDescent="0.35">
      <c r="A2670" s="5" t="s">
        <v>10</v>
      </c>
      <c r="B2670" s="6">
        <v>247167</v>
      </c>
      <c r="C2670" s="6" t="s">
        <v>11</v>
      </c>
      <c r="D2670" s="6" t="s">
        <v>3143</v>
      </c>
      <c r="E2670" s="6">
        <v>25612</v>
      </c>
      <c r="F2670" s="6" t="s">
        <v>18</v>
      </c>
      <c r="G2670" s="6" t="s">
        <v>5575</v>
      </c>
      <c r="H2670" s="6" t="s">
        <v>5576</v>
      </c>
      <c r="I2670" s="7">
        <v>4.6002048999999996</v>
      </c>
      <c r="J2670" s="8">
        <v>-74.080126899999996</v>
      </c>
    </row>
    <row r="2671" spans="1:10" x14ac:dyDescent="0.35">
      <c r="A2671" s="5" t="s">
        <v>10</v>
      </c>
      <c r="B2671" s="6">
        <v>186812</v>
      </c>
      <c r="C2671" s="6" t="s">
        <v>11</v>
      </c>
      <c r="D2671" s="6" t="s">
        <v>334</v>
      </c>
      <c r="E2671" s="6">
        <v>25754</v>
      </c>
      <c r="F2671" s="6" t="s">
        <v>18</v>
      </c>
      <c r="G2671" s="6" t="s">
        <v>5350</v>
      </c>
      <c r="H2671" s="6" t="s">
        <v>5351</v>
      </c>
      <c r="I2671" s="7">
        <v>4.5847562000000002</v>
      </c>
      <c r="J2671" s="8">
        <v>-74.225611700000002</v>
      </c>
    </row>
    <row r="2672" spans="1:10" x14ac:dyDescent="0.35">
      <c r="A2672" s="5" t="s">
        <v>10</v>
      </c>
      <c r="B2672" s="6">
        <v>209426</v>
      </c>
      <c r="C2672" s="6" t="s">
        <v>68</v>
      </c>
      <c r="D2672" s="6" t="s">
        <v>69</v>
      </c>
      <c r="E2672" s="6">
        <v>11001</v>
      </c>
      <c r="F2672" s="6" t="s">
        <v>18</v>
      </c>
      <c r="G2672" s="6" t="s">
        <v>5577</v>
      </c>
      <c r="H2672" s="6" t="s">
        <v>5578</v>
      </c>
      <c r="I2672" s="7">
        <v>4.7622209999999896</v>
      </c>
      <c r="J2672" s="8">
        <v>-74.023402300000001</v>
      </c>
    </row>
    <row r="2673" spans="1:10" x14ac:dyDescent="0.35">
      <c r="A2673" s="5" t="s">
        <v>10</v>
      </c>
      <c r="B2673" s="6">
        <v>219515</v>
      </c>
      <c r="C2673" s="6" t="s">
        <v>11</v>
      </c>
      <c r="D2673" s="6" t="s">
        <v>334</v>
      </c>
      <c r="E2673" s="6">
        <v>25754</v>
      </c>
      <c r="F2673" s="6" t="s">
        <v>18</v>
      </c>
      <c r="G2673" s="6" t="s">
        <v>5579</v>
      </c>
      <c r="H2673" s="6" t="s">
        <v>5580</v>
      </c>
      <c r="I2673" s="7">
        <v>4.5771176000000002</v>
      </c>
      <c r="J2673" s="8">
        <v>-74.199187999999907</v>
      </c>
    </row>
    <row r="2674" spans="1:10" x14ac:dyDescent="0.35">
      <c r="A2674" s="5" t="s">
        <v>10</v>
      </c>
      <c r="B2674" s="6">
        <v>226296</v>
      </c>
      <c r="C2674" s="6" t="s">
        <v>68</v>
      </c>
      <c r="D2674" s="6" t="s">
        <v>69</v>
      </c>
      <c r="E2674" s="6">
        <v>11001</v>
      </c>
      <c r="F2674" s="6" t="s">
        <v>13</v>
      </c>
      <c r="G2674" s="6" t="s">
        <v>3737</v>
      </c>
      <c r="H2674" s="6" t="s">
        <v>5581</v>
      </c>
      <c r="I2674" s="7">
        <v>4.5886224999999996</v>
      </c>
      <c r="J2674" s="8">
        <v>-74.097199000000003</v>
      </c>
    </row>
    <row r="2675" spans="1:10" x14ac:dyDescent="0.35">
      <c r="A2675" s="5" t="s">
        <v>10</v>
      </c>
      <c r="B2675" s="6">
        <v>133186</v>
      </c>
      <c r="C2675" s="6" t="s">
        <v>16</v>
      </c>
      <c r="D2675" s="6" t="s">
        <v>78</v>
      </c>
      <c r="E2675" s="6">
        <v>68001</v>
      </c>
      <c r="F2675" s="6" t="s">
        <v>18</v>
      </c>
      <c r="G2675" s="6" t="s">
        <v>3794</v>
      </c>
      <c r="H2675" s="6" t="s">
        <v>3795</v>
      </c>
      <c r="I2675" s="7">
        <v>7.1302958999999904</v>
      </c>
      <c r="J2675" s="8">
        <v>-73.121425500000001</v>
      </c>
    </row>
    <row r="2676" spans="1:10" x14ac:dyDescent="0.35">
      <c r="A2676" s="5" t="s">
        <v>10</v>
      </c>
      <c r="B2676" s="6">
        <v>138316</v>
      </c>
      <c r="C2676" s="6" t="s">
        <v>16</v>
      </c>
      <c r="D2676" s="6" t="s">
        <v>78</v>
      </c>
      <c r="E2676" s="6">
        <v>68001</v>
      </c>
      <c r="F2676" s="6" t="s">
        <v>18</v>
      </c>
      <c r="G2676" s="6" t="s">
        <v>5582</v>
      </c>
      <c r="H2676" s="6" t="s">
        <v>5583</v>
      </c>
      <c r="I2676" s="7">
        <v>7.1184506000000001</v>
      </c>
      <c r="J2676" s="8">
        <v>-73.127203999999907</v>
      </c>
    </row>
    <row r="2677" spans="1:10" x14ac:dyDescent="0.35">
      <c r="A2677" s="5" t="s">
        <v>10</v>
      </c>
      <c r="B2677" s="6">
        <v>168926</v>
      </c>
      <c r="C2677" s="6" t="s">
        <v>16</v>
      </c>
      <c r="D2677" s="6" t="s">
        <v>510</v>
      </c>
      <c r="E2677" s="6">
        <v>68547</v>
      </c>
      <c r="F2677" s="6" t="s">
        <v>18</v>
      </c>
      <c r="G2677" s="6" t="s">
        <v>5584</v>
      </c>
      <c r="H2677" s="6" t="s">
        <v>5585</v>
      </c>
      <c r="I2677" s="7">
        <v>6.9915390000000004</v>
      </c>
      <c r="J2677" s="8">
        <v>-73.053997999999893</v>
      </c>
    </row>
    <row r="2678" spans="1:10" x14ac:dyDescent="0.35">
      <c r="A2678" s="5" t="s">
        <v>10</v>
      </c>
      <c r="B2678" s="6">
        <v>231668</v>
      </c>
      <c r="C2678" s="6" t="s">
        <v>16</v>
      </c>
      <c r="D2678" s="6" t="s">
        <v>78</v>
      </c>
      <c r="E2678" s="6">
        <v>68001</v>
      </c>
      <c r="F2678" s="6" t="s">
        <v>18</v>
      </c>
      <c r="G2678" s="6" t="s">
        <v>5586</v>
      </c>
      <c r="H2678" s="6" t="s">
        <v>5587</v>
      </c>
      <c r="I2678" s="7">
        <v>4.5708679999999999</v>
      </c>
      <c r="J2678" s="8">
        <v>-74.297332999999995</v>
      </c>
    </row>
    <row r="2679" spans="1:10" x14ac:dyDescent="0.35">
      <c r="A2679" s="5" t="s">
        <v>10</v>
      </c>
      <c r="B2679" s="6">
        <v>219556</v>
      </c>
      <c r="C2679" s="6" t="s">
        <v>294</v>
      </c>
      <c r="D2679" s="6" t="s">
        <v>447</v>
      </c>
      <c r="E2679" s="6">
        <v>41551</v>
      </c>
      <c r="F2679" s="6" t="s">
        <v>18</v>
      </c>
      <c r="G2679" s="6" t="s">
        <v>5588</v>
      </c>
      <c r="H2679" s="6" t="s">
        <v>5589</v>
      </c>
      <c r="I2679" s="7">
        <v>1.8620247000000001</v>
      </c>
      <c r="J2679" s="8">
        <v>-76.034968300000003</v>
      </c>
    </row>
    <row r="2680" spans="1:10" x14ac:dyDescent="0.35">
      <c r="A2680" s="5" t="s">
        <v>10</v>
      </c>
      <c r="B2680" s="6">
        <v>208579</v>
      </c>
      <c r="C2680" s="6" t="s">
        <v>294</v>
      </c>
      <c r="D2680" s="6" t="s">
        <v>447</v>
      </c>
      <c r="E2680" s="6">
        <v>41551</v>
      </c>
      <c r="F2680" s="6" t="s">
        <v>18</v>
      </c>
      <c r="G2680" s="6" t="s">
        <v>5590</v>
      </c>
      <c r="H2680" s="6" t="s">
        <v>5591</v>
      </c>
      <c r="I2680" s="7">
        <v>1.8563308999999999</v>
      </c>
      <c r="J2680" s="8">
        <v>-76.046161099999907</v>
      </c>
    </row>
    <row r="2681" spans="1:10" x14ac:dyDescent="0.35">
      <c r="A2681" s="5" t="s">
        <v>10</v>
      </c>
      <c r="B2681" s="6">
        <v>210083</v>
      </c>
      <c r="C2681" s="6" t="s">
        <v>759</v>
      </c>
      <c r="D2681" s="6" t="s">
        <v>5212</v>
      </c>
      <c r="E2681" s="6">
        <v>99524</v>
      </c>
      <c r="F2681" s="6" t="s">
        <v>18</v>
      </c>
      <c r="G2681" s="6" t="s">
        <v>5592</v>
      </c>
      <c r="H2681" s="6" t="s">
        <v>5593</v>
      </c>
      <c r="I2681" s="7">
        <v>5.4915919000000004</v>
      </c>
      <c r="J2681" s="8">
        <v>-70.413995099999994</v>
      </c>
    </row>
    <row r="2682" spans="1:10" x14ac:dyDescent="0.35">
      <c r="A2682" s="5" t="s">
        <v>10</v>
      </c>
      <c r="B2682" s="6">
        <v>240349</v>
      </c>
      <c r="C2682" s="6" t="s">
        <v>11</v>
      </c>
      <c r="D2682" s="6" t="s">
        <v>12</v>
      </c>
      <c r="E2682" s="6">
        <v>25899</v>
      </c>
      <c r="F2682" s="6" t="s">
        <v>18</v>
      </c>
      <c r="G2682" s="6" t="s">
        <v>5594</v>
      </c>
      <c r="H2682" s="6" t="s">
        <v>5595</v>
      </c>
      <c r="I2682" s="7">
        <v>5.0214097999999998</v>
      </c>
      <c r="J2682" s="8">
        <v>-73.969914900000006</v>
      </c>
    </row>
    <row r="2683" spans="1:10" x14ac:dyDescent="0.35">
      <c r="A2683" s="5" t="s">
        <v>10</v>
      </c>
      <c r="B2683" s="6">
        <v>220190</v>
      </c>
      <c r="C2683" s="6" t="s">
        <v>11</v>
      </c>
      <c r="D2683" s="6" t="s">
        <v>3833</v>
      </c>
      <c r="E2683" s="6">
        <v>25322</v>
      </c>
      <c r="F2683" s="6" t="s">
        <v>18</v>
      </c>
      <c r="G2683" s="6" t="s">
        <v>5596</v>
      </c>
      <c r="H2683" s="6" t="s">
        <v>5597</v>
      </c>
      <c r="I2683" s="7">
        <v>4.8672360000000001</v>
      </c>
      <c r="J2683" s="8">
        <v>-73.877402000000004</v>
      </c>
    </row>
    <row r="2684" spans="1:10" x14ac:dyDescent="0.35">
      <c r="A2684" s="5" t="s">
        <v>10</v>
      </c>
      <c r="B2684" s="6">
        <v>226328</v>
      </c>
      <c r="C2684" s="6" t="s">
        <v>302</v>
      </c>
      <c r="D2684" s="6" t="s">
        <v>359</v>
      </c>
      <c r="E2684" s="6">
        <v>8001</v>
      </c>
      <c r="F2684" s="6" t="s">
        <v>13</v>
      </c>
      <c r="G2684" s="6" t="s">
        <v>3737</v>
      </c>
      <c r="H2684" s="6" t="s">
        <v>5598</v>
      </c>
      <c r="I2684" s="7">
        <v>10.9791472</v>
      </c>
      <c r="J2684" s="8">
        <v>-74.785481500000003</v>
      </c>
    </row>
    <row r="2685" spans="1:10" x14ac:dyDescent="0.35">
      <c r="A2685" s="5" t="s">
        <v>10</v>
      </c>
      <c r="B2685" s="6">
        <v>235510</v>
      </c>
      <c r="C2685" s="6" t="s">
        <v>68</v>
      </c>
      <c r="D2685" s="6" t="s">
        <v>69</v>
      </c>
      <c r="E2685" s="6">
        <v>11001</v>
      </c>
      <c r="F2685" s="6" t="s">
        <v>2161</v>
      </c>
      <c r="G2685" s="6" t="s">
        <v>5599</v>
      </c>
      <c r="H2685" s="6" t="s">
        <v>5600</v>
      </c>
      <c r="I2685" s="7">
        <v>4.7476691000000004</v>
      </c>
      <c r="J2685" s="8">
        <v>-74.101857199999998</v>
      </c>
    </row>
    <row r="2686" spans="1:10" x14ac:dyDescent="0.35">
      <c r="A2686" s="5" t="s">
        <v>10</v>
      </c>
      <c r="B2686" s="6">
        <v>236001</v>
      </c>
      <c r="C2686" s="6" t="s">
        <v>278</v>
      </c>
      <c r="D2686" s="6" t="s">
        <v>3873</v>
      </c>
      <c r="E2686" s="6">
        <v>50568</v>
      </c>
      <c r="F2686" s="6" t="s">
        <v>18</v>
      </c>
      <c r="G2686" s="6" t="s">
        <v>5601</v>
      </c>
      <c r="H2686" s="6" t="s">
        <v>5602</v>
      </c>
      <c r="I2686" s="7">
        <v>4.3133689000000004</v>
      </c>
      <c r="J2686" s="8">
        <v>-72.081721999999999</v>
      </c>
    </row>
    <row r="2687" spans="1:10" x14ac:dyDescent="0.35">
      <c r="A2687" s="5" t="s">
        <v>10</v>
      </c>
      <c r="B2687" s="6">
        <v>232930</v>
      </c>
      <c r="C2687" s="6" t="s">
        <v>11</v>
      </c>
      <c r="D2687" s="6" t="s">
        <v>221</v>
      </c>
      <c r="E2687" s="6">
        <v>25430</v>
      </c>
      <c r="F2687" s="6" t="s">
        <v>18</v>
      </c>
      <c r="G2687" s="6" t="s">
        <v>5603</v>
      </c>
      <c r="H2687" s="6" t="s">
        <v>5604</v>
      </c>
      <c r="I2687" s="7">
        <v>4.7335900000000004</v>
      </c>
      <c r="J2687" s="8">
        <v>-74.262600000000006</v>
      </c>
    </row>
    <row r="2688" spans="1:10" x14ac:dyDescent="0.35">
      <c r="A2688" s="5" t="s">
        <v>10</v>
      </c>
      <c r="B2688" s="6">
        <v>222813</v>
      </c>
      <c r="C2688" s="6" t="s">
        <v>11</v>
      </c>
      <c r="D2688" s="6" t="s">
        <v>5605</v>
      </c>
      <c r="E2688" s="6">
        <v>25772</v>
      </c>
      <c r="F2688" s="6" t="s">
        <v>18</v>
      </c>
      <c r="G2688" s="6" t="s">
        <v>5606</v>
      </c>
      <c r="H2688" s="6" t="s">
        <v>5607</v>
      </c>
      <c r="I2688" s="7">
        <v>5.1029298999999897</v>
      </c>
      <c r="J2688" s="8">
        <v>-73.797851800000004</v>
      </c>
    </row>
    <row r="2689" spans="1:10" x14ac:dyDescent="0.35">
      <c r="A2689" s="5" t="s">
        <v>10</v>
      </c>
      <c r="B2689" s="6">
        <v>233072</v>
      </c>
      <c r="C2689" s="6" t="s">
        <v>68</v>
      </c>
      <c r="D2689" s="6" t="s">
        <v>69</v>
      </c>
      <c r="E2689" s="6">
        <v>11001</v>
      </c>
      <c r="F2689" s="6" t="s">
        <v>18</v>
      </c>
      <c r="G2689" s="6" t="s">
        <v>5608</v>
      </c>
      <c r="H2689" s="6" t="s">
        <v>5609</v>
      </c>
      <c r="I2689" s="7">
        <v>4.6321899999999996</v>
      </c>
      <c r="J2689" s="8">
        <v>-74.181989999999999</v>
      </c>
    </row>
    <row r="2690" spans="1:10" x14ac:dyDescent="0.35">
      <c r="A2690" s="5" t="s">
        <v>10</v>
      </c>
      <c r="B2690" s="6">
        <v>238514</v>
      </c>
      <c r="C2690" s="6" t="s">
        <v>28</v>
      </c>
      <c r="D2690" s="6" t="s">
        <v>29</v>
      </c>
      <c r="E2690" s="6">
        <v>54001</v>
      </c>
      <c r="F2690" s="6" t="s">
        <v>18</v>
      </c>
      <c r="G2690" s="6" t="s">
        <v>5610</v>
      </c>
      <c r="H2690" s="6" t="s">
        <v>5611</v>
      </c>
      <c r="I2690" s="7">
        <v>7.9235886000000004</v>
      </c>
      <c r="J2690" s="8">
        <v>-72.488055000000003</v>
      </c>
    </row>
    <row r="2691" spans="1:10" x14ac:dyDescent="0.35">
      <c r="A2691" s="5" t="s">
        <v>10</v>
      </c>
      <c r="B2691" s="6">
        <v>211802</v>
      </c>
      <c r="C2691" s="6" t="s">
        <v>16</v>
      </c>
      <c r="D2691" s="6" t="s">
        <v>78</v>
      </c>
      <c r="E2691" s="6">
        <v>68001</v>
      </c>
      <c r="F2691" s="6" t="s">
        <v>18</v>
      </c>
      <c r="G2691" s="6" t="s">
        <v>5612</v>
      </c>
      <c r="H2691" s="6" t="s">
        <v>5613</v>
      </c>
      <c r="I2691" s="7">
        <v>7.1223646</v>
      </c>
      <c r="J2691" s="8">
        <v>-73.141280499999993</v>
      </c>
    </row>
    <row r="2692" spans="1:10" x14ac:dyDescent="0.35">
      <c r="A2692" s="5" t="s">
        <v>10</v>
      </c>
      <c r="B2692" s="6">
        <v>232900</v>
      </c>
      <c r="C2692" s="6" t="s">
        <v>278</v>
      </c>
      <c r="D2692" s="6" t="s">
        <v>5614</v>
      </c>
      <c r="E2692" s="6">
        <v>50683</v>
      </c>
      <c r="F2692" s="6" t="s">
        <v>18</v>
      </c>
      <c r="G2692" s="6" t="s">
        <v>5615</v>
      </c>
      <c r="H2692" s="6" t="s">
        <v>5616</v>
      </c>
      <c r="I2692" s="7">
        <v>3.3718594</v>
      </c>
      <c r="J2692" s="8">
        <v>-73.874642600000001</v>
      </c>
    </row>
    <row r="2693" spans="1:10" x14ac:dyDescent="0.35">
      <c r="A2693" s="5" t="s">
        <v>10</v>
      </c>
      <c r="B2693" s="6">
        <v>201605</v>
      </c>
      <c r="C2693" s="6" t="s">
        <v>11</v>
      </c>
      <c r="D2693" s="6" t="s">
        <v>106</v>
      </c>
      <c r="E2693" s="6">
        <v>25843</v>
      </c>
      <c r="F2693" s="6" t="s">
        <v>18</v>
      </c>
      <c r="G2693" s="6" t="s">
        <v>5617</v>
      </c>
      <c r="H2693" s="6" t="s">
        <v>5618</v>
      </c>
      <c r="I2693" s="7">
        <v>5.3120240000000001</v>
      </c>
      <c r="J2693" s="8">
        <v>-73.818221999999906</v>
      </c>
    </row>
    <row r="2694" spans="1:10" x14ac:dyDescent="0.35">
      <c r="A2694" s="5" t="s">
        <v>10</v>
      </c>
      <c r="B2694" s="6">
        <v>204497</v>
      </c>
      <c r="C2694" s="6" t="s">
        <v>11</v>
      </c>
      <c r="D2694" s="6" t="s">
        <v>334</v>
      </c>
      <c r="E2694" s="6">
        <v>25754</v>
      </c>
      <c r="F2694" s="6" t="s">
        <v>18</v>
      </c>
      <c r="G2694" s="6" t="s">
        <v>5619</v>
      </c>
      <c r="H2694" s="6" t="s">
        <v>5620</v>
      </c>
      <c r="I2694" s="7">
        <v>4.5826871999999996</v>
      </c>
      <c r="J2694" s="8">
        <v>-74.209326099999998</v>
      </c>
    </row>
    <row r="2695" spans="1:10" x14ac:dyDescent="0.35">
      <c r="A2695" s="5" t="s">
        <v>10</v>
      </c>
      <c r="B2695" s="6">
        <v>218806</v>
      </c>
      <c r="C2695" s="6" t="s">
        <v>117</v>
      </c>
      <c r="D2695" s="6" t="s">
        <v>1334</v>
      </c>
      <c r="E2695" s="6">
        <v>76001</v>
      </c>
      <c r="F2695" s="6" t="s">
        <v>18</v>
      </c>
      <c r="G2695" s="6" t="s">
        <v>5621</v>
      </c>
      <c r="H2695" s="6" t="s">
        <v>5622</v>
      </c>
      <c r="I2695" s="7">
        <v>3.4484192999999999</v>
      </c>
      <c r="J2695" s="8">
        <v>-76.530042100000003</v>
      </c>
    </row>
    <row r="2696" spans="1:10" x14ac:dyDescent="0.35">
      <c r="A2696" s="5" t="s">
        <v>10</v>
      </c>
      <c r="B2696" s="6">
        <v>236295</v>
      </c>
      <c r="C2696" s="6" t="s">
        <v>68</v>
      </c>
      <c r="D2696" s="6" t="s">
        <v>69</v>
      </c>
      <c r="E2696" s="6">
        <v>11001</v>
      </c>
      <c r="F2696" s="6" t="s">
        <v>18</v>
      </c>
      <c r="G2696" s="6" t="s">
        <v>5623</v>
      </c>
      <c r="H2696" s="6" t="s">
        <v>5624</v>
      </c>
      <c r="I2696" s="7">
        <v>4.6081821999999999</v>
      </c>
      <c r="J2696" s="8">
        <v>-74.183950600000003</v>
      </c>
    </row>
    <row r="2697" spans="1:10" x14ac:dyDescent="0.35">
      <c r="A2697" s="5" t="s">
        <v>10</v>
      </c>
      <c r="B2697" s="6">
        <v>226269</v>
      </c>
      <c r="C2697" s="6" t="s">
        <v>117</v>
      </c>
      <c r="D2697" s="6" t="s">
        <v>1291</v>
      </c>
      <c r="E2697" s="6">
        <v>76834</v>
      </c>
      <c r="F2697" s="6" t="s">
        <v>13</v>
      </c>
      <c r="G2697" s="6" t="s">
        <v>3737</v>
      </c>
      <c r="H2697" s="6" t="s">
        <v>5625</v>
      </c>
      <c r="I2697" s="7">
        <v>4.0856903999999998</v>
      </c>
      <c r="J2697" s="8">
        <v>-76.200272599999906</v>
      </c>
    </row>
    <row r="2698" spans="1:10" x14ac:dyDescent="0.35">
      <c r="A2698" s="5" t="s">
        <v>10</v>
      </c>
      <c r="B2698" s="6">
        <v>226276</v>
      </c>
      <c r="C2698" s="6" t="s">
        <v>68</v>
      </c>
      <c r="D2698" s="6" t="s">
        <v>69</v>
      </c>
      <c r="E2698" s="6">
        <v>11001</v>
      </c>
      <c r="F2698" s="6" t="s">
        <v>13</v>
      </c>
      <c r="G2698" s="6" t="s">
        <v>3737</v>
      </c>
      <c r="H2698" s="6" t="s">
        <v>5626</v>
      </c>
      <c r="I2698" s="7">
        <v>4.751277</v>
      </c>
      <c r="J2698" s="8">
        <v>-74.044287199999999</v>
      </c>
    </row>
    <row r="2699" spans="1:10" x14ac:dyDescent="0.35">
      <c r="A2699" s="5" t="s">
        <v>10</v>
      </c>
      <c r="B2699" s="6">
        <v>202465</v>
      </c>
      <c r="C2699" s="6" t="s">
        <v>24</v>
      </c>
      <c r="D2699" s="6" t="s">
        <v>621</v>
      </c>
      <c r="E2699" s="6">
        <v>15646</v>
      </c>
      <c r="F2699" s="6" t="s">
        <v>18</v>
      </c>
      <c r="G2699" s="6" t="s">
        <v>5627</v>
      </c>
      <c r="H2699" s="6" t="s">
        <v>5628</v>
      </c>
      <c r="I2699" s="7">
        <v>5.4923419999999998</v>
      </c>
      <c r="J2699" s="8">
        <v>-73.486159000000001</v>
      </c>
    </row>
    <row r="2700" spans="1:10" x14ac:dyDescent="0.35">
      <c r="A2700" s="5" t="s">
        <v>10</v>
      </c>
      <c r="B2700" s="6">
        <v>213854</v>
      </c>
      <c r="C2700" s="6" t="s">
        <v>16</v>
      </c>
      <c r="D2700" s="6" t="s">
        <v>78</v>
      </c>
      <c r="E2700" s="6">
        <v>68001</v>
      </c>
      <c r="F2700" s="6" t="s">
        <v>18</v>
      </c>
      <c r="G2700" s="6" t="s">
        <v>5629</v>
      </c>
      <c r="H2700" s="6" t="s">
        <v>5630</v>
      </c>
      <c r="I2700" s="7">
        <v>7.1194065999999996</v>
      </c>
      <c r="J2700" s="8">
        <v>-73.140613899999906</v>
      </c>
    </row>
    <row r="2701" spans="1:10" x14ac:dyDescent="0.35">
      <c r="A2701" s="5" t="s">
        <v>10</v>
      </c>
      <c r="B2701" s="6">
        <v>217144</v>
      </c>
      <c r="C2701" s="6" t="s">
        <v>278</v>
      </c>
      <c r="D2701" s="6" t="s">
        <v>1331</v>
      </c>
      <c r="E2701" s="6">
        <v>50006</v>
      </c>
      <c r="F2701" s="6" t="s">
        <v>18</v>
      </c>
      <c r="G2701" s="6" t="s">
        <v>5631</v>
      </c>
      <c r="H2701" s="6" t="s">
        <v>5632</v>
      </c>
      <c r="I2701" s="7">
        <v>3.9870450000000002</v>
      </c>
      <c r="J2701" s="8">
        <v>-73.767642999999893</v>
      </c>
    </row>
    <row r="2702" spans="1:10" x14ac:dyDescent="0.35">
      <c r="A2702" s="5" t="s">
        <v>10</v>
      </c>
      <c r="B2702" s="6">
        <v>246009</v>
      </c>
      <c r="C2702" s="6" t="s">
        <v>278</v>
      </c>
      <c r="D2702" s="6" t="s">
        <v>1331</v>
      </c>
      <c r="E2702" s="6">
        <v>50006</v>
      </c>
      <c r="F2702" s="6" t="s">
        <v>18</v>
      </c>
      <c r="G2702" s="6" t="s">
        <v>5633</v>
      </c>
      <c r="H2702" s="6" t="s">
        <v>4846</v>
      </c>
      <c r="I2702" s="7">
        <v>3.9864052999999999</v>
      </c>
      <c r="J2702" s="8">
        <v>-73.7581512</v>
      </c>
    </row>
    <row r="2703" spans="1:10" x14ac:dyDescent="0.35">
      <c r="A2703" s="5" t="s">
        <v>10</v>
      </c>
      <c r="B2703" s="6">
        <v>175630</v>
      </c>
      <c r="C2703" s="6" t="s">
        <v>11</v>
      </c>
      <c r="D2703" s="6" t="s">
        <v>12</v>
      </c>
      <c r="E2703" s="6">
        <v>25899</v>
      </c>
      <c r="F2703" s="6" t="s">
        <v>18</v>
      </c>
      <c r="G2703" s="6" t="s">
        <v>5634</v>
      </c>
      <c r="H2703" s="6" t="s">
        <v>5635</v>
      </c>
      <c r="I2703" s="7">
        <v>5.0343505999999998</v>
      </c>
      <c r="J2703" s="8">
        <v>-73.959662199999997</v>
      </c>
    </row>
    <row r="2704" spans="1:10" x14ac:dyDescent="0.35">
      <c r="A2704" s="5" t="s">
        <v>10</v>
      </c>
      <c r="B2704" s="6">
        <v>209268</v>
      </c>
      <c r="C2704" s="6" t="s">
        <v>68</v>
      </c>
      <c r="D2704" s="6" t="s">
        <v>69</v>
      </c>
      <c r="E2704" s="6">
        <v>11001</v>
      </c>
      <c r="F2704" s="6" t="s">
        <v>18</v>
      </c>
      <c r="G2704" s="6" t="s">
        <v>5636</v>
      </c>
      <c r="H2704" s="6" t="s">
        <v>5637</v>
      </c>
      <c r="I2704" s="7">
        <v>4.6507432999999896</v>
      </c>
      <c r="J2704" s="8">
        <v>-74.135803199999998</v>
      </c>
    </row>
    <row r="2705" spans="1:10" x14ac:dyDescent="0.35">
      <c r="A2705" s="5" t="s">
        <v>10</v>
      </c>
      <c r="B2705" s="6">
        <v>191256</v>
      </c>
      <c r="C2705" s="6" t="s">
        <v>11</v>
      </c>
      <c r="D2705" s="6" t="s">
        <v>334</v>
      </c>
      <c r="E2705" s="6">
        <v>25754</v>
      </c>
      <c r="F2705" s="6" t="s">
        <v>18</v>
      </c>
      <c r="G2705" s="6" t="s">
        <v>5638</v>
      </c>
      <c r="H2705" s="6" t="s">
        <v>5639</v>
      </c>
      <c r="I2705" s="7">
        <v>4.5676040000000002</v>
      </c>
      <c r="J2705" s="8">
        <v>-74.221659000000002</v>
      </c>
    </row>
    <row r="2706" spans="1:10" x14ac:dyDescent="0.35">
      <c r="A2706" s="5" t="s">
        <v>10</v>
      </c>
      <c r="B2706" s="6">
        <v>227786</v>
      </c>
      <c r="C2706" s="6" t="s">
        <v>68</v>
      </c>
      <c r="D2706" s="6" t="s">
        <v>69</v>
      </c>
      <c r="E2706" s="6">
        <v>11001</v>
      </c>
      <c r="F2706" s="6" t="s">
        <v>18</v>
      </c>
      <c r="G2706" s="6" t="s">
        <v>5354</v>
      </c>
      <c r="H2706" s="6" t="s">
        <v>5640</v>
      </c>
      <c r="I2706" s="7">
        <v>4.7429188999999896</v>
      </c>
      <c r="J2706" s="8">
        <v>-74.109491599999998</v>
      </c>
    </row>
    <row r="2707" spans="1:10" x14ac:dyDescent="0.35">
      <c r="A2707" s="5" t="s">
        <v>10</v>
      </c>
      <c r="B2707" s="6">
        <v>227345</v>
      </c>
      <c r="C2707" s="6" t="s">
        <v>16</v>
      </c>
      <c r="D2707" s="6" t="s">
        <v>1266</v>
      </c>
      <c r="E2707" s="6">
        <v>68081</v>
      </c>
      <c r="F2707" s="6" t="s">
        <v>18</v>
      </c>
      <c r="G2707" s="6" t="s">
        <v>5641</v>
      </c>
      <c r="H2707" s="6" t="s">
        <v>5642</v>
      </c>
      <c r="I2707" s="7">
        <v>7.0643289999999999</v>
      </c>
      <c r="J2707" s="8">
        <v>-73.835992599999997</v>
      </c>
    </row>
    <row r="2708" spans="1:10" x14ac:dyDescent="0.35">
      <c r="A2708" s="5" t="s">
        <v>10</v>
      </c>
      <c r="B2708" s="6">
        <v>235913</v>
      </c>
      <c r="C2708" s="6" t="s">
        <v>68</v>
      </c>
      <c r="D2708" s="6" t="s">
        <v>69</v>
      </c>
      <c r="E2708" s="6">
        <v>11001</v>
      </c>
      <c r="F2708" s="6" t="s">
        <v>18</v>
      </c>
      <c r="G2708" s="6" t="s">
        <v>5643</v>
      </c>
      <c r="H2708" s="6" t="s">
        <v>5644</v>
      </c>
      <c r="I2708" s="7">
        <v>4.5711063000000003</v>
      </c>
      <c r="J2708" s="8">
        <v>-74.097029800000001</v>
      </c>
    </row>
    <row r="2709" spans="1:10" x14ac:dyDescent="0.35">
      <c r="A2709" s="5" t="s">
        <v>10</v>
      </c>
      <c r="B2709" s="6">
        <v>236885</v>
      </c>
      <c r="C2709" s="6" t="s">
        <v>16</v>
      </c>
      <c r="D2709" s="6" t="s">
        <v>78</v>
      </c>
      <c r="E2709" s="6">
        <v>68001</v>
      </c>
      <c r="F2709" s="6" t="s">
        <v>18</v>
      </c>
      <c r="G2709" s="6" t="s">
        <v>5645</v>
      </c>
      <c r="H2709" s="6" t="s">
        <v>5646</v>
      </c>
      <c r="I2709" s="7">
        <v>7.1236893999999999</v>
      </c>
      <c r="J2709" s="8">
        <v>-73.119481800000003</v>
      </c>
    </row>
    <row r="2710" spans="1:10" x14ac:dyDescent="0.35">
      <c r="A2710" s="5" t="s">
        <v>10</v>
      </c>
      <c r="B2710" s="6">
        <v>244675</v>
      </c>
      <c r="C2710" s="6" t="s">
        <v>278</v>
      </c>
      <c r="D2710" s="6" t="s">
        <v>279</v>
      </c>
      <c r="E2710" s="6">
        <v>50001</v>
      </c>
      <c r="F2710" s="6" t="s">
        <v>18</v>
      </c>
      <c r="G2710" s="6" t="s">
        <v>5647</v>
      </c>
      <c r="H2710" s="6" t="s">
        <v>5648</v>
      </c>
      <c r="I2710" s="7">
        <v>4.0729198000000002</v>
      </c>
      <c r="J2710" s="8">
        <v>-73.669321400000001</v>
      </c>
    </row>
    <row r="2711" spans="1:10" x14ac:dyDescent="0.35">
      <c r="A2711" s="5" t="s">
        <v>10</v>
      </c>
      <c r="B2711" s="6">
        <v>163214</v>
      </c>
      <c r="C2711" s="6" t="s">
        <v>294</v>
      </c>
      <c r="D2711" s="6" t="s">
        <v>4244</v>
      </c>
      <c r="E2711" s="6">
        <v>41298</v>
      </c>
      <c r="F2711" s="6" t="s">
        <v>13</v>
      </c>
      <c r="G2711" s="6" t="s">
        <v>5649</v>
      </c>
      <c r="H2711" s="6" t="s">
        <v>5650</v>
      </c>
      <c r="I2711" s="7">
        <v>2.0736569999999999</v>
      </c>
      <c r="J2711" s="8">
        <v>-75.944153999999997</v>
      </c>
    </row>
    <row r="2712" spans="1:10" x14ac:dyDescent="0.35">
      <c r="A2712" s="5" t="s">
        <v>10</v>
      </c>
      <c r="B2712" s="6">
        <v>243159</v>
      </c>
      <c r="C2712" s="6" t="s">
        <v>11</v>
      </c>
      <c r="D2712" s="6" t="s">
        <v>106</v>
      </c>
      <c r="E2712" s="6">
        <v>25843</v>
      </c>
      <c r="F2712" s="6" t="s">
        <v>18</v>
      </c>
      <c r="G2712" s="6" t="s">
        <v>5651</v>
      </c>
      <c r="H2712" s="6" t="s">
        <v>5652</v>
      </c>
      <c r="I2712" s="7">
        <v>4.8087948000000003</v>
      </c>
      <c r="J2712" s="8">
        <v>-74.102493600000003</v>
      </c>
    </row>
    <row r="2713" spans="1:10" x14ac:dyDescent="0.35">
      <c r="A2713" s="5" t="s">
        <v>10</v>
      </c>
      <c r="B2713" s="6">
        <v>208487</v>
      </c>
      <c r="C2713" s="6" t="s">
        <v>11</v>
      </c>
      <c r="D2713" s="6" t="s">
        <v>823</v>
      </c>
      <c r="E2713" s="6">
        <v>25178</v>
      </c>
      <c r="F2713" s="6" t="s">
        <v>18</v>
      </c>
      <c r="G2713" s="6" t="s">
        <v>5653</v>
      </c>
      <c r="H2713" s="6" t="s">
        <v>5654</v>
      </c>
      <c r="I2713" s="7">
        <v>4.4430351999999997</v>
      </c>
      <c r="J2713" s="8">
        <v>-74.044006799999906</v>
      </c>
    </row>
    <row r="2714" spans="1:10" x14ac:dyDescent="0.35">
      <c r="A2714" s="5" t="s">
        <v>10</v>
      </c>
      <c r="B2714" s="6">
        <v>228339</v>
      </c>
      <c r="C2714" s="6" t="s">
        <v>55</v>
      </c>
      <c r="D2714" s="6" t="s">
        <v>5655</v>
      </c>
      <c r="E2714" s="6">
        <v>73168</v>
      </c>
      <c r="F2714" s="6" t="s">
        <v>18</v>
      </c>
      <c r="G2714" s="6" t="s">
        <v>5656</v>
      </c>
      <c r="H2714" s="6" t="s">
        <v>5657</v>
      </c>
      <c r="I2714" s="7">
        <v>4.4471505999999996</v>
      </c>
      <c r="J2714" s="8">
        <v>-75.2403841</v>
      </c>
    </row>
    <row r="2715" spans="1:10" x14ac:dyDescent="0.35">
      <c r="A2715" s="5" t="s">
        <v>10</v>
      </c>
      <c r="B2715" s="6">
        <v>237426</v>
      </c>
      <c r="C2715" s="6" t="s">
        <v>68</v>
      </c>
      <c r="D2715" s="6" t="s">
        <v>69</v>
      </c>
      <c r="E2715" s="6">
        <v>11001</v>
      </c>
      <c r="F2715" s="6" t="s">
        <v>2161</v>
      </c>
      <c r="G2715" s="6" t="s">
        <v>5658</v>
      </c>
      <c r="H2715" s="6" t="s">
        <v>5659</v>
      </c>
      <c r="I2715" s="7">
        <v>4.7449908000000001</v>
      </c>
      <c r="J2715" s="8">
        <v>-74.108728900000003</v>
      </c>
    </row>
    <row r="2716" spans="1:10" x14ac:dyDescent="0.35">
      <c r="A2716" s="5" t="s">
        <v>10</v>
      </c>
      <c r="B2716" s="6">
        <v>154310</v>
      </c>
      <c r="C2716" s="6" t="s">
        <v>24</v>
      </c>
      <c r="D2716" s="6" t="s">
        <v>88</v>
      </c>
      <c r="E2716" s="6">
        <v>15001</v>
      </c>
      <c r="F2716" s="6" t="s">
        <v>18</v>
      </c>
      <c r="G2716" s="6" t="s">
        <v>5660</v>
      </c>
      <c r="H2716" s="6" t="s">
        <v>5661</v>
      </c>
      <c r="I2716" s="7">
        <v>5.5471366</v>
      </c>
      <c r="J2716" s="8">
        <v>-73.3483418</v>
      </c>
    </row>
    <row r="2717" spans="1:10" x14ac:dyDescent="0.35">
      <c r="A2717" s="5" t="s">
        <v>10</v>
      </c>
      <c r="B2717" s="6">
        <v>155657</v>
      </c>
      <c r="C2717" s="6" t="s">
        <v>16</v>
      </c>
      <c r="D2717" s="6" t="s">
        <v>78</v>
      </c>
      <c r="E2717" s="6">
        <v>68001</v>
      </c>
      <c r="F2717" s="6" t="s">
        <v>18</v>
      </c>
      <c r="G2717" s="6" t="s">
        <v>5662</v>
      </c>
      <c r="H2717" s="6" t="s">
        <v>5663</v>
      </c>
      <c r="I2717" s="7">
        <v>7.0887952999999904</v>
      </c>
      <c r="J2717" s="8">
        <v>-73.100756500000003</v>
      </c>
    </row>
    <row r="2718" spans="1:10" x14ac:dyDescent="0.35">
      <c r="A2718" s="5" t="s">
        <v>10</v>
      </c>
      <c r="B2718" s="6">
        <v>174126</v>
      </c>
      <c r="C2718" s="6" t="s">
        <v>11</v>
      </c>
      <c r="D2718" s="6" t="s">
        <v>334</v>
      </c>
      <c r="E2718" s="6">
        <v>25754</v>
      </c>
      <c r="F2718" s="6" t="s">
        <v>18</v>
      </c>
      <c r="G2718" s="6" t="s">
        <v>4116</v>
      </c>
      <c r="H2718" s="6" t="s">
        <v>4117</v>
      </c>
      <c r="I2718" s="7">
        <v>4.6124307999999896</v>
      </c>
      <c r="J2718" s="8">
        <v>-74.218864400000001</v>
      </c>
    </row>
    <row r="2719" spans="1:10" x14ac:dyDescent="0.35">
      <c r="A2719" s="5" t="s">
        <v>10</v>
      </c>
      <c r="B2719" s="6">
        <v>211408</v>
      </c>
      <c r="C2719" s="6" t="s">
        <v>11</v>
      </c>
      <c r="D2719" s="6" t="s">
        <v>101</v>
      </c>
      <c r="E2719" s="6">
        <v>25473</v>
      </c>
      <c r="F2719" s="6" t="s">
        <v>18</v>
      </c>
      <c r="G2719" s="6" t="s">
        <v>5664</v>
      </c>
      <c r="H2719" s="6" t="s">
        <v>5665</v>
      </c>
      <c r="I2719" s="7">
        <v>4.7221242999999999</v>
      </c>
      <c r="J2719" s="8">
        <v>-74.230750399999906</v>
      </c>
    </row>
    <row r="2720" spans="1:10" x14ac:dyDescent="0.35">
      <c r="A2720" s="5" t="s">
        <v>10</v>
      </c>
      <c r="B2720" s="6">
        <v>212638</v>
      </c>
      <c r="C2720" s="6" t="s">
        <v>11</v>
      </c>
      <c r="D2720" s="6" t="s">
        <v>5666</v>
      </c>
      <c r="E2720" s="6">
        <v>25851</v>
      </c>
      <c r="F2720" s="6" t="s">
        <v>18</v>
      </c>
      <c r="G2720" s="6" t="s">
        <v>5667</v>
      </c>
      <c r="H2720" s="6" t="s">
        <v>5668</v>
      </c>
      <c r="I2720" s="7">
        <v>5.1879548999999896</v>
      </c>
      <c r="J2720" s="8">
        <v>-74.480709099999999</v>
      </c>
    </row>
    <row r="2721" spans="1:10" x14ac:dyDescent="0.35">
      <c r="A2721" s="5" t="s">
        <v>10</v>
      </c>
      <c r="B2721" s="6">
        <v>191175</v>
      </c>
      <c r="C2721" s="6" t="s">
        <v>68</v>
      </c>
      <c r="D2721" s="6" t="s">
        <v>69</v>
      </c>
      <c r="E2721" s="6">
        <v>11001</v>
      </c>
      <c r="F2721" s="6" t="s">
        <v>18</v>
      </c>
      <c r="G2721" s="6" t="s">
        <v>5669</v>
      </c>
      <c r="H2721" s="6" t="s">
        <v>5670</v>
      </c>
      <c r="I2721" s="7">
        <v>4.6023325000000002</v>
      </c>
      <c r="J2721" s="8">
        <v>-74.182290100000003</v>
      </c>
    </row>
    <row r="2722" spans="1:10" x14ac:dyDescent="0.35">
      <c r="A2722" s="5" t="s">
        <v>10</v>
      </c>
      <c r="B2722" s="6">
        <v>210094</v>
      </c>
      <c r="C2722" s="6" t="s">
        <v>28</v>
      </c>
      <c r="D2722" s="6" t="s">
        <v>29</v>
      </c>
      <c r="E2722" s="6">
        <v>54001</v>
      </c>
      <c r="F2722" s="6" t="s">
        <v>18</v>
      </c>
      <c r="G2722" s="6" t="s">
        <v>5671</v>
      </c>
      <c r="H2722" s="6" t="s">
        <v>5672</v>
      </c>
      <c r="I2722" s="7">
        <v>7.9301525000000002</v>
      </c>
      <c r="J2722" s="8">
        <v>-72.529365999999996</v>
      </c>
    </row>
    <row r="2723" spans="1:10" x14ac:dyDescent="0.35">
      <c r="A2723" s="5" t="s">
        <v>10</v>
      </c>
      <c r="B2723" s="6">
        <v>231612</v>
      </c>
      <c r="C2723" s="6" t="s">
        <v>68</v>
      </c>
      <c r="D2723" s="6" t="s">
        <v>69</v>
      </c>
      <c r="E2723" s="6">
        <v>11001</v>
      </c>
      <c r="F2723" s="6" t="s">
        <v>18</v>
      </c>
      <c r="G2723" s="6" t="s">
        <v>5673</v>
      </c>
      <c r="H2723" s="6" t="s">
        <v>5674</v>
      </c>
      <c r="I2723" s="7">
        <v>4.6356289999999998</v>
      </c>
      <c r="J2723" s="8">
        <v>-74.172713000000002</v>
      </c>
    </row>
    <row r="2724" spans="1:10" x14ac:dyDescent="0.35">
      <c r="A2724" s="5" t="s">
        <v>10</v>
      </c>
      <c r="B2724" s="6">
        <v>226237</v>
      </c>
      <c r="C2724" s="6" t="s">
        <v>117</v>
      </c>
      <c r="D2724" s="6" t="s">
        <v>1334</v>
      </c>
      <c r="E2724" s="6">
        <v>76001</v>
      </c>
      <c r="F2724" s="6" t="s">
        <v>13</v>
      </c>
      <c r="G2724" s="6" t="s">
        <v>3737</v>
      </c>
      <c r="H2724" s="6" t="s">
        <v>5675</v>
      </c>
      <c r="I2724" s="7">
        <v>3.4516467</v>
      </c>
      <c r="J2724" s="8">
        <v>-76.531985399999996</v>
      </c>
    </row>
    <row r="2725" spans="1:10" x14ac:dyDescent="0.35">
      <c r="A2725" s="5" t="s">
        <v>10</v>
      </c>
      <c r="B2725" s="6">
        <v>245347</v>
      </c>
      <c r="C2725" s="6" t="s">
        <v>68</v>
      </c>
      <c r="D2725" s="6" t="s">
        <v>69</v>
      </c>
      <c r="E2725" s="6">
        <v>11001</v>
      </c>
      <c r="F2725" s="6" t="s">
        <v>2161</v>
      </c>
      <c r="G2725" s="6" t="s">
        <v>5676</v>
      </c>
      <c r="H2725" s="6" t="s">
        <v>5677</v>
      </c>
      <c r="I2725" s="7">
        <v>4.7483424000000003</v>
      </c>
      <c r="J2725" s="8">
        <v>-74.109926599999994</v>
      </c>
    </row>
    <row r="2726" spans="1:10" x14ac:dyDescent="0.35">
      <c r="A2726" s="5" t="s">
        <v>10</v>
      </c>
      <c r="B2726" s="6">
        <v>208104</v>
      </c>
      <c r="C2726" s="6" t="s">
        <v>16</v>
      </c>
      <c r="D2726" s="6" t="s">
        <v>78</v>
      </c>
      <c r="E2726" s="6">
        <v>68001</v>
      </c>
      <c r="F2726" s="6" t="s">
        <v>18</v>
      </c>
      <c r="G2726" s="6" t="s">
        <v>5678</v>
      </c>
      <c r="H2726" s="6" t="s">
        <v>5679</v>
      </c>
      <c r="I2726" s="7">
        <v>7.0855689999999996</v>
      </c>
      <c r="J2726" s="8">
        <v>-73.113537999999906</v>
      </c>
    </row>
    <row r="2727" spans="1:10" x14ac:dyDescent="0.35">
      <c r="A2727" s="5" t="s">
        <v>10</v>
      </c>
      <c r="B2727" s="6">
        <v>201644</v>
      </c>
      <c r="C2727" s="6" t="s">
        <v>278</v>
      </c>
      <c r="D2727" s="6" t="s">
        <v>5157</v>
      </c>
      <c r="E2727" s="6">
        <v>50680</v>
      </c>
      <c r="F2727" s="6" t="s">
        <v>18</v>
      </c>
      <c r="G2727" s="6" t="s">
        <v>5680</v>
      </c>
      <c r="H2727" s="6" t="s">
        <v>5681</v>
      </c>
      <c r="I2727" s="7">
        <v>3.8193305</v>
      </c>
      <c r="J2727" s="8">
        <v>-73.199661699999993</v>
      </c>
    </row>
    <row r="2728" spans="1:10" x14ac:dyDescent="0.35">
      <c r="A2728" s="5" t="s">
        <v>10</v>
      </c>
      <c r="B2728" s="6">
        <v>206003</v>
      </c>
      <c r="C2728" s="6" t="s">
        <v>294</v>
      </c>
      <c r="D2728" s="6" t="s">
        <v>4244</v>
      </c>
      <c r="E2728" s="6">
        <v>41298</v>
      </c>
      <c r="F2728" s="6" t="s">
        <v>18</v>
      </c>
      <c r="G2728" s="6" t="s">
        <v>5682</v>
      </c>
      <c r="H2728" s="6" t="s">
        <v>5683</v>
      </c>
      <c r="I2728" s="7">
        <v>2.1977563</v>
      </c>
      <c r="J2728" s="8">
        <v>-75.626313499999995</v>
      </c>
    </row>
    <row r="2729" spans="1:10" x14ac:dyDescent="0.35">
      <c r="A2729" s="5" t="s">
        <v>10</v>
      </c>
      <c r="B2729" s="6">
        <v>229743</v>
      </c>
      <c r="C2729" s="6" t="s">
        <v>11</v>
      </c>
      <c r="D2729" s="6" t="s">
        <v>431</v>
      </c>
      <c r="E2729" s="6">
        <v>25402</v>
      </c>
      <c r="F2729" s="6" t="s">
        <v>18</v>
      </c>
      <c r="G2729" s="6" t="s">
        <v>5684</v>
      </c>
      <c r="H2729" s="6" t="s">
        <v>5685</v>
      </c>
      <c r="I2729" s="7">
        <v>4.6326185000000004</v>
      </c>
      <c r="J2729" s="8">
        <v>-74.451840099999998</v>
      </c>
    </row>
    <row r="2730" spans="1:10" x14ac:dyDescent="0.35">
      <c r="A2730" s="5" t="s">
        <v>10</v>
      </c>
      <c r="B2730" s="6">
        <v>226866</v>
      </c>
      <c r="C2730" s="6" t="s">
        <v>11</v>
      </c>
      <c r="D2730" s="6" t="s">
        <v>4944</v>
      </c>
      <c r="E2730" s="6">
        <v>25878</v>
      </c>
      <c r="F2730" s="6" t="s">
        <v>18</v>
      </c>
      <c r="G2730" s="6" t="s">
        <v>5686</v>
      </c>
      <c r="H2730" s="6" t="s">
        <v>5687</v>
      </c>
      <c r="I2730" s="7">
        <v>4.4386539999999997</v>
      </c>
      <c r="J2730" s="8">
        <v>-74.521404899999993</v>
      </c>
    </row>
    <row r="2731" spans="1:10" x14ac:dyDescent="0.35">
      <c r="A2731" s="5" t="s">
        <v>10</v>
      </c>
      <c r="B2731" s="6">
        <v>234971</v>
      </c>
      <c r="C2731" s="6" t="s">
        <v>117</v>
      </c>
      <c r="D2731" s="6" t="s">
        <v>1334</v>
      </c>
      <c r="E2731" s="6">
        <v>76001</v>
      </c>
      <c r="F2731" s="6" t="s">
        <v>18</v>
      </c>
      <c r="G2731" s="6" t="s">
        <v>5688</v>
      </c>
      <c r="H2731" s="6" t="s">
        <v>5689</v>
      </c>
      <c r="I2731" s="7">
        <v>3.457544</v>
      </c>
      <c r="J2731" s="8">
        <v>-76.485057900000001</v>
      </c>
    </row>
    <row r="2732" spans="1:10" x14ac:dyDescent="0.35">
      <c r="A2732" s="5" t="s">
        <v>10</v>
      </c>
      <c r="B2732" s="6">
        <v>221901</v>
      </c>
      <c r="C2732" s="6" t="s">
        <v>68</v>
      </c>
      <c r="D2732" s="6" t="s">
        <v>69</v>
      </c>
      <c r="E2732" s="6">
        <v>11001</v>
      </c>
      <c r="F2732" s="6" t="s">
        <v>18</v>
      </c>
      <c r="G2732" s="6" t="s">
        <v>5690</v>
      </c>
      <c r="H2732" s="6" t="s">
        <v>5691</v>
      </c>
      <c r="I2732" s="7">
        <v>4.7324529000000002</v>
      </c>
      <c r="J2732" s="8">
        <v>-74.096091999999999</v>
      </c>
    </row>
    <row r="2733" spans="1:10" x14ac:dyDescent="0.35">
      <c r="A2733" s="5" t="s">
        <v>10</v>
      </c>
      <c r="B2733" s="6">
        <v>226225</v>
      </c>
      <c r="C2733" s="6" t="s">
        <v>117</v>
      </c>
      <c r="D2733" s="6" t="s">
        <v>1334</v>
      </c>
      <c r="E2733" s="6">
        <v>76001</v>
      </c>
      <c r="F2733" s="6" t="s">
        <v>13</v>
      </c>
      <c r="G2733" s="6" t="s">
        <v>3737</v>
      </c>
      <c r="H2733" s="6" t="s">
        <v>5692</v>
      </c>
      <c r="I2733" s="7">
        <v>3.4717804000000001</v>
      </c>
      <c r="J2733" s="8">
        <v>-76.526661799999999</v>
      </c>
    </row>
    <row r="2734" spans="1:10" x14ac:dyDescent="0.35">
      <c r="A2734" s="5" t="s">
        <v>10</v>
      </c>
      <c r="B2734" s="6">
        <v>191456</v>
      </c>
      <c r="C2734" s="6" t="s">
        <v>16</v>
      </c>
      <c r="D2734" s="6" t="s">
        <v>78</v>
      </c>
      <c r="E2734" s="6">
        <v>68001</v>
      </c>
      <c r="F2734" s="6" t="s">
        <v>18</v>
      </c>
      <c r="G2734" s="6" t="s">
        <v>5693</v>
      </c>
      <c r="H2734" s="6" t="s">
        <v>5694</v>
      </c>
      <c r="I2734" s="7">
        <v>7.1321884999999998</v>
      </c>
      <c r="J2734" s="8">
        <v>-73.132076799999993</v>
      </c>
    </row>
    <row r="2735" spans="1:10" x14ac:dyDescent="0.35">
      <c r="A2735" s="5" t="s">
        <v>10</v>
      </c>
      <c r="B2735" s="6">
        <v>217558</v>
      </c>
      <c r="C2735" s="6" t="s">
        <v>278</v>
      </c>
      <c r="D2735" s="6" t="s">
        <v>1331</v>
      </c>
      <c r="E2735" s="6">
        <v>50006</v>
      </c>
      <c r="F2735" s="6" t="s">
        <v>18</v>
      </c>
      <c r="G2735" s="6" t="s">
        <v>5695</v>
      </c>
      <c r="H2735" s="6" t="s">
        <v>5696</v>
      </c>
      <c r="I2735" s="7">
        <v>3.9848593000000001</v>
      </c>
      <c r="J2735" s="8">
        <v>-73.760759199999995</v>
      </c>
    </row>
    <row r="2736" spans="1:10" x14ac:dyDescent="0.35">
      <c r="A2736" s="5" t="s">
        <v>10</v>
      </c>
      <c r="B2736" s="6">
        <v>188794</v>
      </c>
      <c r="C2736" s="6" t="s">
        <v>11</v>
      </c>
      <c r="D2736" s="6" t="s">
        <v>337</v>
      </c>
      <c r="E2736" s="6">
        <v>25290</v>
      </c>
      <c r="F2736" s="6" t="s">
        <v>18</v>
      </c>
      <c r="G2736" s="6" t="s">
        <v>5697</v>
      </c>
      <c r="H2736" s="6" t="s">
        <v>5698</v>
      </c>
      <c r="I2736" s="7">
        <v>4.3301645999999998</v>
      </c>
      <c r="J2736" s="8">
        <v>-74.397283799999997</v>
      </c>
    </row>
    <row r="2737" spans="1:10" x14ac:dyDescent="0.35">
      <c r="A2737" s="5" t="s">
        <v>10</v>
      </c>
      <c r="B2737" s="6">
        <v>246573</v>
      </c>
      <c r="C2737" s="6" t="s">
        <v>11</v>
      </c>
      <c r="D2737" s="6" t="s">
        <v>251</v>
      </c>
      <c r="E2737" s="6">
        <v>25214</v>
      </c>
      <c r="F2737" s="6" t="s">
        <v>18</v>
      </c>
      <c r="G2737" s="6" t="s">
        <v>5699</v>
      </c>
      <c r="H2737" s="6" t="s">
        <v>5700</v>
      </c>
      <c r="I2737" s="7">
        <v>4.6807540999999997</v>
      </c>
      <c r="J2737" s="8">
        <v>-74.004121100000006</v>
      </c>
    </row>
    <row r="2738" spans="1:10" x14ac:dyDescent="0.35">
      <c r="A2738" s="5" t="s">
        <v>10</v>
      </c>
      <c r="B2738" s="6">
        <v>244688</v>
      </c>
      <c r="C2738" s="6" t="s">
        <v>11</v>
      </c>
      <c r="D2738" s="6" t="s">
        <v>5701</v>
      </c>
      <c r="E2738" s="6">
        <v>25398</v>
      </c>
      <c r="F2738" s="6" t="s">
        <v>18</v>
      </c>
      <c r="G2738" s="6" t="s">
        <v>5702</v>
      </c>
      <c r="H2738" s="6" t="s">
        <v>5703</v>
      </c>
      <c r="I2738" s="7">
        <v>4.8084562000000002</v>
      </c>
      <c r="J2738" s="8">
        <v>-74.354918100000006</v>
      </c>
    </row>
    <row r="2739" spans="1:10" x14ac:dyDescent="0.35">
      <c r="A2739" s="5" t="s">
        <v>10</v>
      </c>
      <c r="B2739" s="6">
        <v>206453</v>
      </c>
      <c r="C2739" s="6" t="s">
        <v>11</v>
      </c>
      <c r="D2739" s="6" t="s">
        <v>12</v>
      </c>
      <c r="E2739" s="6">
        <v>25899</v>
      </c>
      <c r="F2739" s="6" t="s">
        <v>18</v>
      </c>
      <c r="G2739" s="6" t="s">
        <v>5704</v>
      </c>
      <c r="H2739" s="6" t="s">
        <v>5705</v>
      </c>
      <c r="I2739" s="7">
        <v>5.0227689</v>
      </c>
      <c r="J2739" s="8">
        <v>-74.001849399999998</v>
      </c>
    </row>
    <row r="2740" spans="1:10" x14ac:dyDescent="0.35">
      <c r="A2740" s="5" t="s">
        <v>10</v>
      </c>
      <c r="B2740" s="6">
        <v>228975</v>
      </c>
      <c r="C2740" s="6" t="s">
        <v>68</v>
      </c>
      <c r="D2740" s="6" t="s">
        <v>69</v>
      </c>
      <c r="E2740" s="6">
        <v>11001</v>
      </c>
      <c r="F2740" s="6" t="s">
        <v>18</v>
      </c>
      <c r="G2740" s="6" t="s">
        <v>5706</v>
      </c>
      <c r="H2740" s="6" t="s">
        <v>5707</v>
      </c>
      <c r="I2740" s="7">
        <v>4.5791170000000001</v>
      </c>
      <c r="J2740" s="8">
        <v>-74.078194100000005</v>
      </c>
    </row>
    <row r="2741" spans="1:10" x14ac:dyDescent="0.35">
      <c r="A2741" s="5" t="s">
        <v>10</v>
      </c>
      <c r="B2741" s="6">
        <v>237513</v>
      </c>
      <c r="C2741" s="6" t="s">
        <v>68</v>
      </c>
      <c r="D2741" s="6" t="s">
        <v>69</v>
      </c>
      <c r="E2741" s="6">
        <v>11001</v>
      </c>
      <c r="F2741" s="6" t="s">
        <v>18</v>
      </c>
      <c r="G2741" s="6" t="s">
        <v>5708</v>
      </c>
      <c r="H2741" s="6" t="s">
        <v>5709</v>
      </c>
      <c r="I2741" s="7">
        <v>4.6624243999999999</v>
      </c>
      <c r="J2741" s="8">
        <v>-74.054997299999997</v>
      </c>
    </row>
    <row r="2742" spans="1:10" x14ac:dyDescent="0.35">
      <c r="A2742" s="5" t="s">
        <v>10</v>
      </c>
      <c r="B2742" s="6">
        <v>226294</v>
      </c>
      <c r="C2742" s="6" t="s">
        <v>68</v>
      </c>
      <c r="D2742" s="6" t="s">
        <v>69</v>
      </c>
      <c r="E2742" s="6">
        <v>11001</v>
      </c>
      <c r="F2742" s="6" t="s">
        <v>13</v>
      </c>
      <c r="G2742" s="6" t="s">
        <v>3737</v>
      </c>
      <c r="H2742" s="6" t="s">
        <v>5710</v>
      </c>
      <c r="I2742" s="7">
        <v>4.5991419000000002</v>
      </c>
      <c r="J2742" s="8">
        <v>-74.135871699999996</v>
      </c>
    </row>
    <row r="2743" spans="1:10" x14ac:dyDescent="0.35">
      <c r="A2743" s="5" t="s">
        <v>10</v>
      </c>
      <c r="B2743" s="6">
        <v>229002</v>
      </c>
      <c r="C2743" s="6" t="s">
        <v>551</v>
      </c>
      <c r="D2743" s="6" t="s">
        <v>3868</v>
      </c>
      <c r="E2743" s="6">
        <v>20001</v>
      </c>
      <c r="F2743" s="6" t="s">
        <v>18</v>
      </c>
      <c r="G2743" s="6" t="s">
        <v>5711</v>
      </c>
      <c r="H2743" s="6" t="s">
        <v>5712</v>
      </c>
      <c r="I2743" s="7">
        <v>10.487152999999999</v>
      </c>
      <c r="J2743" s="8">
        <v>-73.265810899999906</v>
      </c>
    </row>
    <row r="2744" spans="1:10" x14ac:dyDescent="0.35">
      <c r="A2744" s="5" t="s">
        <v>10</v>
      </c>
      <c r="B2744" s="6">
        <v>237945</v>
      </c>
      <c r="C2744" s="6" t="s">
        <v>11</v>
      </c>
      <c r="D2744" s="6" t="s">
        <v>221</v>
      </c>
      <c r="E2744" s="6">
        <v>25430</v>
      </c>
      <c r="F2744" s="6" t="s">
        <v>18</v>
      </c>
      <c r="G2744" s="6" t="s">
        <v>5713</v>
      </c>
      <c r="H2744" s="6" t="s">
        <v>5714</v>
      </c>
      <c r="I2744" s="7">
        <v>4.7384453999999998</v>
      </c>
      <c r="J2744" s="8">
        <v>-74.263060199999998</v>
      </c>
    </row>
    <row r="2745" spans="1:10" x14ac:dyDescent="0.35">
      <c r="A2745" s="5" t="s">
        <v>10</v>
      </c>
      <c r="B2745" s="6">
        <v>233491</v>
      </c>
      <c r="C2745" s="6" t="s">
        <v>68</v>
      </c>
      <c r="D2745" s="6" t="s">
        <v>69</v>
      </c>
      <c r="E2745" s="6">
        <v>11001</v>
      </c>
      <c r="F2745" s="6" t="s">
        <v>18</v>
      </c>
      <c r="G2745" s="6" t="s">
        <v>5715</v>
      </c>
      <c r="H2745" s="6" t="s">
        <v>5716</v>
      </c>
      <c r="I2745" s="7">
        <v>4.6436400000000004</v>
      </c>
      <c r="J2745" s="8">
        <v>-74.133849999999995</v>
      </c>
    </row>
    <row r="2746" spans="1:10" x14ac:dyDescent="0.35">
      <c r="A2746" s="5" t="s">
        <v>10</v>
      </c>
      <c r="B2746" s="6">
        <v>210281</v>
      </c>
      <c r="C2746" s="6" t="s">
        <v>68</v>
      </c>
      <c r="D2746" s="6" t="s">
        <v>69</v>
      </c>
      <c r="E2746" s="6">
        <v>11001</v>
      </c>
      <c r="F2746" s="6" t="s">
        <v>18</v>
      </c>
      <c r="G2746" s="6" t="s">
        <v>5717</v>
      </c>
      <c r="H2746" s="6" t="s">
        <v>5718</v>
      </c>
      <c r="I2746" s="7">
        <v>4.5560187999999897</v>
      </c>
      <c r="J2746" s="8">
        <v>-74.117453799999893</v>
      </c>
    </row>
    <row r="2747" spans="1:10" x14ac:dyDescent="0.35">
      <c r="A2747" s="5" t="s">
        <v>10</v>
      </c>
      <c r="B2747" s="6">
        <v>236889</v>
      </c>
      <c r="C2747" s="6" t="s">
        <v>68</v>
      </c>
      <c r="D2747" s="6" t="s">
        <v>69</v>
      </c>
      <c r="E2747" s="6">
        <v>11001</v>
      </c>
      <c r="F2747" s="6" t="s">
        <v>18</v>
      </c>
      <c r="G2747" s="6" t="s">
        <v>5719</v>
      </c>
      <c r="H2747" s="6" t="s">
        <v>5720</v>
      </c>
      <c r="I2747" s="7">
        <v>4.5708679999999999</v>
      </c>
      <c r="J2747" s="8">
        <v>-74.297332999999995</v>
      </c>
    </row>
    <row r="2748" spans="1:10" x14ac:dyDescent="0.35">
      <c r="A2748" s="5" t="s">
        <v>10</v>
      </c>
      <c r="B2748" s="6">
        <v>221477</v>
      </c>
      <c r="C2748" s="6" t="s">
        <v>68</v>
      </c>
      <c r="D2748" s="6" t="s">
        <v>69</v>
      </c>
      <c r="E2748" s="6">
        <v>11001</v>
      </c>
      <c r="F2748" s="6" t="s">
        <v>18</v>
      </c>
      <c r="G2748" s="6" t="s">
        <v>5721</v>
      </c>
      <c r="H2748" s="6" t="s">
        <v>5722</v>
      </c>
      <c r="I2748" s="7">
        <v>4.6197395999999999</v>
      </c>
      <c r="J2748" s="8">
        <v>-74.188872000000003</v>
      </c>
    </row>
    <row r="2749" spans="1:10" x14ac:dyDescent="0.35">
      <c r="A2749" s="5" t="s">
        <v>10</v>
      </c>
      <c r="B2749" s="6">
        <v>241909</v>
      </c>
      <c r="C2749" s="6" t="s">
        <v>2130</v>
      </c>
      <c r="D2749" s="6" t="s">
        <v>5723</v>
      </c>
      <c r="E2749" s="6">
        <v>85250</v>
      </c>
      <c r="F2749" s="6" t="s">
        <v>18</v>
      </c>
      <c r="G2749" s="6" t="s">
        <v>5724</v>
      </c>
      <c r="H2749" s="6" t="s">
        <v>5725</v>
      </c>
      <c r="I2749" s="7">
        <v>5.8812676000000002</v>
      </c>
      <c r="J2749" s="8">
        <v>-71.894446400000007</v>
      </c>
    </row>
    <row r="2750" spans="1:10" x14ac:dyDescent="0.35">
      <c r="A2750" s="5" t="s">
        <v>10</v>
      </c>
      <c r="B2750" s="6">
        <v>162895</v>
      </c>
      <c r="C2750" s="6" t="s">
        <v>294</v>
      </c>
      <c r="D2750" s="6" t="s">
        <v>4244</v>
      </c>
      <c r="E2750" s="6">
        <v>41298</v>
      </c>
      <c r="F2750" s="6" t="s">
        <v>13</v>
      </c>
      <c r="G2750" s="6" t="s">
        <v>5726</v>
      </c>
      <c r="H2750" s="6" t="s">
        <v>5727</v>
      </c>
      <c r="I2750" s="7">
        <v>2.1970133999999999</v>
      </c>
      <c r="J2750" s="8">
        <v>-75.640383099999994</v>
      </c>
    </row>
    <row r="2751" spans="1:10" x14ac:dyDescent="0.35">
      <c r="A2751" s="5" t="s">
        <v>10</v>
      </c>
      <c r="B2751" s="6">
        <v>188897</v>
      </c>
      <c r="C2751" s="6" t="s">
        <v>294</v>
      </c>
      <c r="D2751" s="6" t="s">
        <v>703</v>
      </c>
      <c r="E2751" s="6">
        <v>41001</v>
      </c>
      <c r="F2751" s="6" t="s">
        <v>18</v>
      </c>
      <c r="G2751" s="6" t="s">
        <v>5728</v>
      </c>
      <c r="H2751" s="6" t="s">
        <v>5729</v>
      </c>
      <c r="I2751" s="7">
        <v>2.9073437000000002</v>
      </c>
      <c r="J2751" s="8">
        <v>-75.264725900000002</v>
      </c>
    </row>
    <row r="2752" spans="1:10" x14ac:dyDescent="0.35">
      <c r="A2752" s="5" t="s">
        <v>10</v>
      </c>
      <c r="B2752" s="6">
        <v>213967</v>
      </c>
      <c r="C2752" s="6" t="s">
        <v>3819</v>
      </c>
      <c r="D2752" s="6" t="s">
        <v>5730</v>
      </c>
      <c r="E2752" s="6">
        <v>86749</v>
      </c>
      <c r="F2752" s="6" t="s">
        <v>18</v>
      </c>
      <c r="G2752" s="6" t="s">
        <v>5731</v>
      </c>
      <c r="H2752" s="6" t="s">
        <v>5732</v>
      </c>
      <c r="I2752" s="7">
        <v>1.2045999999999999</v>
      </c>
      <c r="J2752" s="8">
        <v>-76.9194897</v>
      </c>
    </row>
    <row r="2753" spans="1:10" x14ac:dyDescent="0.35">
      <c r="A2753" s="5" t="s">
        <v>10</v>
      </c>
      <c r="B2753" s="6">
        <v>173747</v>
      </c>
      <c r="C2753" s="6" t="s">
        <v>11</v>
      </c>
      <c r="D2753" s="6" t="s">
        <v>337</v>
      </c>
      <c r="E2753" s="6">
        <v>25290</v>
      </c>
      <c r="F2753" s="6" t="s">
        <v>18</v>
      </c>
      <c r="G2753" s="6" t="s">
        <v>5733</v>
      </c>
      <c r="H2753" s="6" t="s">
        <v>5734</v>
      </c>
      <c r="I2753" s="7">
        <v>4.3451519999999997</v>
      </c>
      <c r="J2753" s="8">
        <v>-74.361823000000001</v>
      </c>
    </row>
    <row r="2754" spans="1:10" x14ac:dyDescent="0.35">
      <c r="A2754" s="5" t="s">
        <v>10</v>
      </c>
      <c r="B2754" s="6">
        <v>243162</v>
      </c>
      <c r="C2754" s="6" t="s">
        <v>11</v>
      </c>
      <c r="D2754" s="6" t="s">
        <v>5326</v>
      </c>
      <c r="E2754" s="6">
        <v>25200</v>
      </c>
      <c r="F2754" s="6" t="s">
        <v>18</v>
      </c>
      <c r="G2754" s="6" t="s">
        <v>5735</v>
      </c>
      <c r="H2754" s="6" t="s">
        <v>5736</v>
      </c>
      <c r="I2754" s="7">
        <v>5.0613276999999997</v>
      </c>
      <c r="J2754" s="8">
        <v>-73.978926400000006</v>
      </c>
    </row>
    <row r="2755" spans="1:10" x14ac:dyDescent="0.35">
      <c r="A2755" s="5" t="s">
        <v>10</v>
      </c>
      <c r="B2755" s="6">
        <v>245431</v>
      </c>
      <c r="C2755" s="6" t="s">
        <v>68</v>
      </c>
      <c r="D2755" s="6" t="s">
        <v>69</v>
      </c>
      <c r="E2755" s="6">
        <v>11001</v>
      </c>
      <c r="F2755" s="6" t="s">
        <v>18</v>
      </c>
      <c r="G2755" s="6" t="s">
        <v>5737</v>
      </c>
      <c r="H2755" s="6" t="s">
        <v>5738</v>
      </c>
      <c r="I2755" s="7">
        <v>4.5898334830912004</v>
      </c>
      <c r="J2755" s="8">
        <v>-74.091740777973897</v>
      </c>
    </row>
    <row r="2756" spans="1:10" x14ac:dyDescent="0.35">
      <c r="A2756" s="5" t="s">
        <v>10</v>
      </c>
      <c r="B2756" s="6">
        <v>226251</v>
      </c>
      <c r="C2756" s="6" t="s">
        <v>117</v>
      </c>
      <c r="D2756" s="6" t="s">
        <v>1334</v>
      </c>
      <c r="E2756" s="6">
        <v>76001</v>
      </c>
      <c r="F2756" s="6" t="s">
        <v>13</v>
      </c>
      <c r="G2756" s="6" t="s">
        <v>3737</v>
      </c>
      <c r="H2756" s="6" t="s">
        <v>5739</v>
      </c>
      <c r="I2756" s="7">
        <v>3.3707710999999998</v>
      </c>
      <c r="J2756" s="8">
        <v>-76.523620899999997</v>
      </c>
    </row>
    <row r="2757" spans="1:10" x14ac:dyDescent="0.35">
      <c r="A2757" s="5" t="s">
        <v>10</v>
      </c>
      <c r="B2757" s="6">
        <v>179532</v>
      </c>
      <c r="C2757" s="6" t="s">
        <v>16</v>
      </c>
      <c r="D2757" s="6" t="s">
        <v>2825</v>
      </c>
      <c r="E2757" s="6">
        <v>68276</v>
      </c>
      <c r="F2757" s="6" t="s">
        <v>18</v>
      </c>
      <c r="G2757" s="6" t="s">
        <v>5740</v>
      </c>
      <c r="H2757" s="6" t="s">
        <v>5741</v>
      </c>
      <c r="I2757" s="7">
        <v>7.0679349</v>
      </c>
      <c r="J2757" s="8">
        <v>-73.086170800000005</v>
      </c>
    </row>
    <row r="2758" spans="1:10" x14ac:dyDescent="0.35">
      <c r="A2758" s="5" t="s">
        <v>10</v>
      </c>
      <c r="B2758" s="6">
        <v>241967</v>
      </c>
      <c r="C2758" s="6" t="s">
        <v>278</v>
      </c>
      <c r="D2758" s="6" t="s">
        <v>5742</v>
      </c>
      <c r="E2758" s="6">
        <v>50251</v>
      </c>
      <c r="F2758" s="6" t="s">
        <v>18</v>
      </c>
      <c r="G2758" s="6" t="s">
        <v>5743</v>
      </c>
      <c r="H2758" s="6" t="s">
        <v>5744</v>
      </c>
      <c r="I2758" s="7">
        <v>4.6461641</v>
      </c>
      <c r="J2758" s="8">
        <v>-74.062168700000001</v>
      </c>
    </row>
    <row r="2759" spans="1:10" x14ac:dyDescent="0.35">
      <c r="A2759" s="5" t="s">
        <v>10</v>
      </c>
      <c r="B2759" s="6">
        <v>233507</v>
      </c>
      <c r="C2759" s="6" t="s">
        <v>278</v>
      </c>
      <c r="D2759" s="6" t="s">
        <v>279</v>
      </c>
      <c r="E2759" s="6">
        <v>50001</v>
      </c>
      <c r="F2759" s="6" t="s">
        <v>18</v>
      </c>
      <c r="G2759" s="6" t="s">
        <v>5745</v>
      </c>
      <c r="H2759" s="6" t="s">
        <v>5746</v>
      </c>
      <c r="I2759" s="7">
        <v>4.1336500000000003</v>
      </c>
      <c r="J2759" s="8">
        <v>-73.635829999999999</v>
      </c>
    </row>
    <row r="2760" spans="1:10" x14ac:dyDescent="0.35">
      <c r="A2760" s="5" t="s">
        <v>10</v>
      </c>
      <c r="B2760" s="6">
        <v>227820</v>
      </c>
      <c r="C2760" s="6" t="s">
        <v>294</v>
      </c>
      <c r="D2760" s="6" t="s">
        <v>703</v>
      </c>
      <c r="E2760" s="6">
        <v>41001</v>
      </c>
      <c r="F2760" s="6" t="s">
        <v>18</v>
      </c>
      <c r="G2760" s="6" t="s">
        <v>5747</v>
      </c>
      <c r="H2760" s="6" t="s">
        <v>5748</v>
      </c>
      <c r="I2760" s="7">
        <v>2.9348540999999999</v>
      </c>
      <c r="J2760" s="8">
        <v>-75.2625989</v>
      </c>
    </row>
    <row r="2761" spans="1:10" x14ac:dyDescent="0.35">
      <c r="A2761" s="5" t="s">
        <v>10</v>
      </c>
      <c r="B2761" s="6">
        <v>243513</v>
      </c>
      <c r="C2761" s="6" t="s">
        <v>11</v>
      </c>
      <c r="D2761" s="6" t="s">
        <v>4775</v>
      </c>
      <c r="E2761" s="6">
        <v>25148</v>
      </c>
      <c r="F2761" s="6" t="s">
        <v>18</v>
      </c>
      <c r="G2761" s="6" t="s">
        <v>5749</v>
      </c>
      <c r="H2761" s="6" t="s">
        <v>5750</v>
      </c>
      <c r="I2761" s="7">
        <v>4.5765044000000001</v>
      </c>
      <c r="J2761" s="8">
        <v>-74.223022200000003</v>
      </c>
    </row>
    <row r="2762" spans="1:10" x14ac:dyDescent="0.35">
      <c r="A2762" s="5" t="s">
        <v>10</v>
      </c>
      <c r="B2762" s="6">
        <v>214601</v>
      </c>
      <c r="C2762" s="6" t="s">
        <v>11</v>
      </c>
      <c r="D2762" s="6" t="s">
        <v>4073</v>
      </c>
      <c r="E2762" s="6">
        <v>25740</v>
      </c>
      <c r="F2762" s="6" t="s">
        <v>18</v>
      </c>
      <c r="G2762" s="6" t="s">
        <v>5751</v>
      </c>
      <c r="H2762" s="6" t="s">
        <v>5752</v>
      </c>
      <c r="I2762" s="7">
        <v>4.4900504999999997</v>
      </c>
      <c r="J2762" s="8">
        <v>-74.259496200000001</v>
      </c>
    </row>
    <row r="2763" spans="1:10" x14ac:dyDescent="0.35">
      <c r="A2763" s="5" t="s">
        <v>10</v>
      </c>
      <c r="B2763" s="6">
        <v>224227</v>
      </c>
      <c r="C2763" s="6" t="s">
        <v>11</v>
      </c>
      <c r="D2763" s="6" t="s">
        <v>221</v>
      </c>
      <c r="E2763" s="6">
        <v>25430</v>
      </c>
      <c r="F2763" s="6" t="s">
        <v>18</v>
      </c>
      <c r="G2763" s="6" t="s">
        <v>5753</v>
      </c>
      <c r="H2763" s="6" t="s">
        <v>5754</v>
      </c>
      <c r="I2763" s="7">
        <v>4.8636780000000002</v>
      </c>
      <c r="J2763" s="8">
        <v>-74.046273999999997</v>
      </c>
    </row>
    <row r="2764" spans="1:10" x14ac:dyDescent="0.35">
      <c r="A2764" s="5" t="s">
        <v>10</v>
      </c>
      <c r="B2764" s="6">
        <v>239774</v>
      </c>
      <c r="C2764" s="6" t="s">
        <v>11</v>
      </c>
      <c r="D2764" s="6" t="s">
        <v>5492</v>
      </c>
      <c r="E2764" s="6">
        <v>25019</v>
      </c>
      <c r="F2764" s="6" t="s">
        <v>18</v>
      </c>
      <c r="G2764" s="6" t="s">
        <v>5493</v>
      </c>
      <c r="H2764" s="6" t="s">
        <v>5755</v>
      </c>
      <c r="I2764" s="7">
        <v>4.8763591000000002</v>
      </c>
      <c r="J2764" s="8">
        <v>-74.437123299999996</v>
      </c>
    </row>
    <row r="2765" spans="1:10" x14ac:dyDescent="0.35">
      <c r="A2765" s="5" t="s">
        <v>10</v>
      </c>
      <c r="B2765" s="6">
        <v>211850</v>
      </c>
      <c r="C2765" s="6" t="s">
        <v>117</v>
      </c>
      <c r="D2765" s="6" t="s">
        <v>3860</v>
      </c>
      <c r="E2765" s="6">
        <v>76130</v>
      </c>
      <c r="F2765" s="6" t="s">
        <v>18</v>
      </c>
      <c r="G2765" s="6" t="s">
        <v>5756</v>
      </c>
      <c r="H2765" s="6" t="s">
        <v>5757</v>
      </c>
      <c r="I2765" s="7">
        <v>3.4610658000000001</v>
      </c>
      <c r="J2765" s="8">
        <v>-76.532139700000002</v>
      </c>
    </row>
    <row r="2766" spans="1:10" x14ac:dyDescent="0.35">
      <c r="A2766" s="5" t="s">
        <v>10</v>
      </c>
      <c r="B2766" s="6">
        <v>234107</v>
      </c>
      <c r="C2766" s="6" t="s">
        <v>68</v>
      </c>
      <c r="D2766" s="6" t="s">
        <v>69</v>
      </c>
      <c r="E2766" s="6">
        <v>11001</v>
      </c>
      <c r="F2766" s="6" t="s">
        <v>18</v>
      </c>
      <c r="G2766" s="6" t="s">
        <v>5758</v>
      </c>
      <c r="H2766" s="6" t="s">
        <v>5759</v>
      </c>
      <c r="I2766" s="7">
        <v>4.5786223000000001</v>
      </c>
      <c r="J2766" s="8">
        <v>-74.139953500000004</v>
      </c>
    </row>
    <row r="2767" spans="1:10" x14ac:dyDescent="0.35">
      <c r="A2767" s="5" t="s">
        <v>10</v>
      </c>
      <c r="B2767" s="6">
        <v>229156</v>
      </c>
      <c r="C2767" s="6" t="s">
        <v>68</v>
      </c>
      <c r="D2767" s="6" t="s">
        <v>69</v>
      </c>
      <c r="E2767" s="6">
        <v>11001</v>
      </c>
      <c r="F2767" s="6" t="s">
        <v>18</v>
      </c>
      <c r="G2767" s="6" t="s">
        <v>5760</v>
      </c>
      <c r="H2767" s="6" t="s">
        <v>5761</v>
      </c>
      <c r="I2767" s="7">
        <v>4.6775102999999998</v>
      </c>
      <c r="J2767" s="8">
        <v>-74.095653900000002</v>
      </c>
    </row>
    <row r="2768" spans="1:10" x14ac:dyDescent="0.35">
      <c r="A2768" s="5" t="s">
        <v>10</v>
      </c>
      <c r="B2768" s="6">
        <v>247347</v>
      </c>
      <c r="C2768" s="6" t="s">
        <v>68</v>
      </c>
      <c r="D2768" s="6" t="s">
        <v>69</v>
      </c>
      <c r="E2768" s="6">
        <v>11001</v>
      </c>
      <c r="F2768" s="6" t="s">
        <v>2161</v>
      </c>
      <c r="G2768" s="6" t="s">
        <v>5762</v>
      </c>
      <c r="H2768" s="6" t="s">
        <v>5763</v>
      </c>
      <c r="I2768" s="7">
        <v>4.6993860999999999</v>
      </c>
      <c r="J2768" s="8">
        <v>-74.128149899999997</v>
      </c>
    </row>
    <row r="2769" spans="1:10" x14ac:dyDescent="0.35">
      <c r="A2769" s="5" t="s">
        <v>10</v>
      </c>
      <c r="B2769" s="6">
        <v>248871</v>
      </c>
      <c r="C2769" s="6" t="s">
        <v>68</v>
      </c>
      <c r="D2769" s="6" t="s">
        <v>69</v>
      </c>
      <c r="E2769" s="6">
        <v>11001</v>
      </c>
      <c r="F2769" s="6" t="s">
        <v>2161</v>
      </c>
      <c r="G2769" s="6" t="s">
        <v>5764</v>
      </c>
      <c r="H2769" s="6" t="s">
        <v>5765</v>
      </c>
      <c r="I2769" s="7">
        <v>4.7025942000000001</v>
      </c>
      <c r="J2769" s="8">
        <v>-74.132001700000004</v>
      </c>
    </row>
    <row r="2770" spans="1:10" x14ac:dyDescent="0.35">
      <c r="A2770" s="5" t="s">
        <v>10</v>
      </c>
      <c r="B2770" s="6">
        <v>235899</v>
      </c>
      <c r="C2770" s="6" t="s">
        <v>11</v>
      </c>
      <c r="D2770" s="6" t="s">
        <v>334</v>
      </c>
      <c r="E2770" s="6">
        <v>25754</v>
      </c>
      <c r="F2770" s="6" t="s">
        <v>18</v>
      </c>
      <c r="G2770" s="6" t="s">
        <v>5766</v>
      </c>
      <c r="H2770" s="6" t="s">
        <v>5767</v>
      </c>
      <c r="I2770" s="7">
        <v>8.7532589999999999</v>
      </c>
      <c r="J2770" s="8">
        <v>-75.882543999999996</v>
      </c>
    </row>
    <row r="2771" spans="1:10" x14ac:dyDescent="0.35">
      <c r="A2771" s="5" t="s">
        <v>10</v>
      </c>
      <c r="B2771" s="6">
        <v>205969</v>
      </c>
      <c r="C2771" s="6" t="s">
        <v>24</v>
      </c>
      <c r="D2771" s="6" t="s">
        <v>137</v>
      </c>
      <c r="E2771" s="6">
        <v>15238</v>
      </c>
      <c r="F2771" s="6" t="s">
        <v>18</v>
      </c>
      <c r="G2771" s="6" t="s">
        <v>5768</v>
      </c>
      <c r="H2771" s="6" t="s">
        <v>5769</v>
      </c>
      <c r="I2771" s="7">
        <v>5.8400404000000004</v>
      </c>
      <c r="J2771" s="8">
        <v>-73.024467099999995</v>
      </c>
    </row>
    <row r="2772" spans="1:10" x14ac:dyDescent="0.35">
      <c r="A2772" s="5" t="s">
        <v>10</v>
      </c>
      <c r="B2772" s="6">
        <v>212591</v>
      </c>
      <c r="C2772" s="6" t="s">
        <v>24</v>
      </c>
      <c r="D2772" s="6" t="s">
        <v>5770</v>
      </c>
      <c r="E2772" s="6">
        <v>15740</v>
      </c>
      <c r="F2772" s="6" t="s">
        <v>18</v>
      </c>
      <c r="G2772" s="6" t="s">
        <v>5771</v>
      </c>
      <c r="H2772" s="6" t="s">
        <v>5772</v>
      </c>
      <c r="I2772" s="7">
        <v>5.6203110000000001</v>
      </c>
      <c r="J2772" s="8">
        <v>-73.618822100000003</v>
      </c>
    </row>
    <row r="2773" spans="1:10" x14ac:dyDescent="0.35">
      <c r="A2773" s="5" t="s">
        <v>10</v>
      </c>
      <c r="B2773" s="6">
        <v>223198</v>
      </c>
      <c r="C2773" s="6" t="s">
        <v>16</v>
      </c>
      <c r="D2773" s="6" t="s">
        <v>1401</v>
      </c>
      <c r="E2773" s="6">
        <v>68307</v>
      </c>
      <c r="F2773" s="6" t="s">
        <v>18</v>
      </c>
      <c r="G2773" s="6" t="s">
        <v>5773</v>
      </c>
      <c r="H2773" s="6" t="s">
        <v>5774</v>
      </c>
      <c r="I2773" s="7">
        <v>7.1201884</v>
      </c>
      <c r="J2773" s="8">
        <v>-73.124465200000003</v>
      </c>
    </row>
    <row r="2774" spans="1:10" x14ac:dyDescent="0.35">
      <c r="A2774" s="5" t="s">
        <v>10</v>
      </c>
      <c r="B2774" s="6">
        <v>230095</v>
      </c>
      <c r="C2774" s="6" t="s">
        <v>16</v>
      </c>
      <c r="D2774" s="6" t="s">
        <v>78</v>
      </c>
      <c r="E2774" s="6">
        <v>68001</v>
      </c>
      <c r="F2774" s="6" t="s">
        <v>18</v>
      </c>
      <c r="G2774" s="6" t="s">
        <v>5775</v>
      </c>
      <c r="H2774" s="6" t="s">
        <v>5776</v>
      </c>
      <c r="I2774" s="7">
        <v>7.1193489999999997</v>
      </c>
      <c r="J2774" s="8">
        <v>-73.122742000000002</v>
      </c>
    </row>
    <row r="2775" spans="1:10" x14ac:dyDescent="0.35">
      <c r="A2775" s="5" t="s">
        <v>10</v>
      </c>
      <c r="B2775" s="6">
        <v>232186</v>
      </c>
      <c r="C2775" s="6" t="s">
        <v>16</v>
      </c>
      <c r="D2775" s="6" t="s">
        <v>2825</v>
      </c>
      <c r="E2775" s="6">
        <v>68276</v>
      </c>
      <c r="F2775" s="6" t="s">
        <v>18</v>
      </c>
      <c r="G2775" s="6" t="s">
        <v>5777</v>
      </c>
      <c r="H2775" s="6" t="s">
        <v>5778</v>
      </c>
      <c r="I2775" s="7">
        <v>7.0677580000000004</v>
      </c>
      <c r="J2775" s="8">
        <v>-73.094117999999995</v>
      </c>
    </row>
    <row r="2776" spans="1:10" x14ac:dyDescent="0.35">
      <c r="A2776" s="5" t="s">
        <v>10</v>
      </c>
      <c r="B2776" s="6">
        <v>237813</v>
      </c>
      <c r="C2776" s="6" t="s">
        <v>278</v>
      </c>
      <c r="D2776" s="6" t="s">
        <v>3873</v>
      </c>
      <c r="E2776" s="6">
        <v>50568</v>
      </c>
      <c r="F2776" s="6" t="s">
        <v>18</v>
      </c>
      <c r="G2776" s="6" t="s">
        <v>5779</v>
      </c>
      <c r="H2776" s="6" t="s">
        <v>4846</v>
      </c>
      <c r="I2776" s="7">
        <v>4.3133005999999998</v>
      </c>
      <c r="J2776" s="8">
        <v>-72.0785056</v>
      </c>
    </row>
    <row r="2777" spans="1:10" x14ac:dyDescent="0.35">
      <c r="A2777" s="5" t="s">
        <v>10</v>
      </c>
      <c r="B2777" s="6">
        <v>188886</v>
      </c>
      <c r="C2777" s="6" t="s">
        <v>294</v>
      </c>
      <c r="D2777" s="6" t="s">
        <v>703</v>
      </c>
      <c r="E2777" s="6">
        <v>41001</v>
      </c>
      <c r="F2777" s="6" t="s">
        <v>18</v>
      </c>
      <c r="G2777" s="6" t="s">
        <v>5780</v>
      </c>
      <c r="H2777" s="6" t="s">
        <v>5781</v>
      </c>
      <c r="I2777" s="7">
        <v>2.9221374999999998</v>
      </c>
      <c r="J2777" s="8">
        <v>-75.277129000000002</v>
      </c>
    </row>
    <row r="2778" spans="1:10" x14ac:dyDescent="0.35">
      <c r="A2778" s="5" t="s">
        <v>10</v>
      </c>
      <c r="B2778" s="6">
        <v>191199</v>
      </c>
      <c r="C2778" s="6" t="s">
        <v>11</v>
      </c>
      <c r="D2778" s="6" t="s">
        <v>337</v>
      </c>
      <c r="E2778" s="6">
        <v>25290</v>
      </c>
      <c r="F2778" s="6" t="s">
        <v>18</v>
      </c>
      <c r="G2778" s="6" t="s">
        <v>5782</v>
      </c>
      <c r="H2778" s="6" t="s">
        <v>5783</v>
      </c>
      <c r="I2778" s="7">
        <v>4.3275831</v>
      </c>
      <c r="J2778" s="8">
        <v>-74.385085000000004</v>
      </c>
    </row>
    <row r="2779" spans="1:10" x14ac:dyDescent="0.35">
      <c r="A2779" s="5" t="s">
        <v>10</v>
      </c>
      <c r="B2779" s="6">
        <v>208764</v>
      </c>
      <c r="C2779" s="6" t="s">
        <v>11</v>
      </c>
      <c r="D2779" s="6" t="s">
        <v>901</v>
      </c>
      <c r="E2779" s="6">
        <v>25307</v>
      </c>
      <c r="F2779" s="6" t="s">
        <v>18</v>
      </c>
      <c r="G2779" s="6" t="s">
        <v>5784</v>
      </c>
      <c r="H2779" s="6" t="s">
        <v>5785</v>
      </c>
      <c r="I2779" s="7">
        <v>4.2970400999999896</v>
      </c>
      <c r="J2779" s="8">
        <v>-74.803058300000004</v>
      </c>
    </row>
    <row r="2780" spans="1:10" x14ac:dyDescent="0.35">
      <c r="A2780" s="5" t="s">
        <v>10</v>
      </c>
      <c r="B2780" s="6">
        <v>210459</v>
      </c>
      <c r="C2780" s="6" t="s">
        <v>11</v>
      </c>
      <c r="D2780" s="6" t="s">
        <v>334</v>
      </c>
      <c r="E2780" s="6">
        <v>25754</v>
      </c>
      <c r="F2780" s="6" t="s">
        <v>18</v>
      </c>
      <c r="G2780" s="6" t="s">
        <v>5786</v>
      </c>
      <c r="H2780" s="6" t="s">
        <v>5787</v>
      </c>
      <c r="I2780" s="7">
        <v>4.5776523999999998</v>
      </c>
      <c r="J2780" s="8">
        <v>-74.231456399999999</v>
      </c>
    </row>
    <row r="2781" spans="1:10" x14ac:dyDescent="0.35">
      <c r="A2781" s="5" t="s">
        <v>10</v>
      </c>
      <c r="B2781" s="6">
        <v>213084</v>
      </c>
      <c r="C2781" s="6" t="s">
        <v>11</v>
      </c>
      <c r="D2781" s="6" t="s">
        <v>334</v>
      </c>
      <c r="E2781" s="6">
        <v>25754</v>
      </c>
      <c r="F2781" s="6" t="s">
        <v>18</v>
      </c>
      <c r="G2781" s="6" t="s">
        <v>5788</v>
      </c>
      <c r="H2781" s="6" t="s">
        <v>5789</v>
      </c>
      <c r="I2781" s="7">
        <v>4.5776402999999997</v>
      </c>
      <c r="J2781" s="8">
        <v>-74.241644399999998</v>
      </c>
    </row>
    <row r="2782" spans="1:10" x14ac:dyDescent="0.35">
      <c r="A2782" s="5" t="s">
        <v>10</v>
      </c>
      <c r="B2782" s="6">
        <v>244295</v>
      </c>
      <c r="C2782" s="6" t="s">
        <v>11</v>
      </c>
      <c r="D2782" s="6" t="s">
        <v>901</v>
      </c>
      <c r="E2782" s="6">
        <v>25307</v>
      </c>
      <c r="F2782" s="6" t="s">
        <v>18</v>
      </c>
      <c r="G2782" s="6" t="s">
        <v>5790</v>
      </c>
      <c r="H2782" s="6" t="s">
        <v>5791</v>
      </c>
      <c r="I2782" s="7">
        <v>4.3038641999999996</v>
      </c>
      <c r="J2782" s="8">
        <v>-74.803816100000006</v>
      </c>
    </row>
    <row r="2783" spans="1:10" x14ac:dyDescent="0.35">
      <c r="A2783" s="5" t="s">
        <v>10</v>
      </c>
      <c r="B2783" s="6">
        <v>232130</v>
      </c>
      <c r="C2783" s="6" t="s">
        <v>117</v>
      </c>
      <c r="D2783" s="6" t="s">
        <v>4931</v>
      </c>
      <c r="E2783" s="6">
        <v>76892</v>
      </c>
      <c r="F2783" s="6" t="s">
        <v>18</v>
      </c>
      <c r="G2783" s="6" t="s">
        <v>5792</v>
      </c>
      <c r="H2783" s="6" t="s">
        <v>5793</v>
      </c>
      <c r="I2783" s="7">
        <v>3.5701795999999999</v>
      </c>
      <c r="J2783" s="8">
        <v>-76.477863799999994</v>
      </c>
    </row>
    <row r="2784" spans="1:10" x14ac:dyDescent="0.35">
      <c r="A2784" s="5" t="s">
        <v>10</v>
      </c>
      <c r="B2784" s="6">
        <v>229378</v>
      </c>
      <c r="C2784" s="6" t="s">
        <v>11</v>
      </c>
      <c r="D2784" s="6" t="s">
        <v>334</v>
      </c>
      <c r="E2784" s="6">
        <v>25754</v>
      </c>
      <c r="F2784" s="6" t="s">
        <v>18</v>
      </c>
      <c r="G2784" s="6" t="s">
        <v>5794</v>
      </c>
      <c r="H2784" s="6" t="s">
        <v>5795</v>
      </c>
      <c r="I2784" s="7">
        <v>4.5728524999999998</v>
      </c>
      <c r="J2784" s="8">
        <v>-74.245777899999993</v>
      </c>
    </row>
    <row r="2785" spans="1:10" x14ac:dyDescent="0.35">
      <c r="A2785" s="5" t="s">
        <v>10</v>
      </c>
      <c r="B2785" s="6">
        <v>222501</v>
      </c>
      <c r="C2785" s="6" t="s">
        <v>68</v>
      </c>
      <c r="D2785" s="6" t="s">
        <v>69</v>
      </c>
      <c r="E2785" s="6">
        <v>11001</v>
      </c>
      <c r="F2785" s="6" t="s">
        <v>70</v>
      </c>
      <c r="G2785" s="6" t="s">
        <v>5796</v>
      </c>
      <c r="H2785" s="6" t="s">
        <v>5797</v>
      </c>
      <c r="I2785" s="7">
        <v>4.7121092000000004</v>
      </c>
      <c r="J2785" s="8">
        <v>-74.053480500000006</v>
      </c>
    </row>
    <row r="2786" spans="1:10" x14ac:dyDescent="0.35">
      <c r="A2786" s="5" t="s">
        <v>10</v>
      </c>
      <c r="B2786" s="6">
        <v>226283</v>
      </c>
      <c r="C2786" s="6" t="s">
        <v>68</v>
      </c>
      <c r="D2786" s="6" t="s">
        <v>69</v>
      </c>
      <c r="E2786" s="6">
        <v>11001</v>
      </c>
      <c r="F2786" s="6" t="s">
        <v>13</v>
      </c>
      <c r="G2786" s="6" t="s">
        <v>3737</v>
      </c>
      <c r="H2786" s="6" t="s">
        <v>5798</v>
      </c>
      <c r="I2786" s="7">
        <v>4.6952540000000003</v>
      </c>
      <c r="J2786" s="8">
        <v>-74.110093899999995</v>
      </c>
    </row>
    <row r="2787" spans="1:10" x14ac:dyDescent="0.35">
      <c r="A2787" s="5" t="s">
        <v>10</v>
      </c>
      <c r="B2787" s="6">
        <v>230496</v>
      </c>
      <c r="C2787" s="6" t="s">
        <v>278</v>
      </c>
      <c r="D2787" s="6" t="s">
        <v>279</v>
      </c>
      <c r="E2787" s="6">
        <v>50001</v>
      </c>
      <c r="F2787" s="6" t="s">
        <v>18</v>
      </c>
      <c r="G2787" s="6" t="s">
        <v>5799</v>
      </c>
      <c r="H2787" s="6" t="s">
        <v>5800</v>
      </c>
      <c r="I2787" s="7">
        <v>4.1073092000000004</v>
      </c>
      <c r="J2787" s="8">
        <v>-73.637067599999995</v>
      </c>
    </row>
    <row r="2788" spans="1:10" x14ac:dyDescent="0.35">
      <c r="A2788" s="5" t="s">
        <v>10</v>
      </c>
      <c r="B2788" s="6">
        <v>239977</v>
      </c>
      <c r="C2788" s="6" t="s">
        <v>278</v>
      </c>
      <c r="D2788" s="6" t="s">
        <v>1331</v>
      </c>
      <c r="E2788" s="6">
        <v>50006</v>
      </c>
      <c r="F2788" s="6" t="s">
        <v>18</v>
      </c>
      <c r="G2788" s="6" t="s">
        <v>1945</v>
      </c>
      <c r="H2788" s="6" t="s">
        <v>5801</v>
      </c>
      <c r="I2788" s="7">
        <v>3.9876401000000001</v>
      </c>
      <c r="J2788" s="8">
        <v>-73.760805399999995</v>
      </c>
    </row>
    <row r="2789" spans="1:10" x14ac:dyDescent="0.35">
      <c r="A2789" s="5" t="s">
        <v>10</v>
      </c>
      <c r="B2789" s="6">
        <v>235061</v>
      </c>
      <c r="C2789" s="6" t="s">
        <v>278</v>
      </c>
      <c r="D2789" s="6" t="s">
        <v>1524</v>
      </c>
      <c r="E2789" s="6">
        <v>50318</v>
      </c>
      <c r="F2789" s="6" t="s">
        <v>18</v>
      </c>
      <c r="G2789" s="6" t="s">
        <v>5802</v>
      </c>
      <c r="H2789" s="6" t="s">
        <v>5803</v>
      </c>
      <c r="I2789" s="7">
        <v>3.8794572000000001</v>
      </c>
      <c r="J2789" s="8">
        <v>-73.768789299999995</v>
      </c>
    </row>
    <row r="2790" spans="1:10" x14ac:dyDescent="0.35">
      <c r="A2790" s="5" t="s">
        <v>10</v>
      </c>
      <c r="B2790" s="6">
        <v>204096</v>
      </c>
      <c r="C2790" s="6" t="s">
        <v>11</v>
      </c>
      <c r="D2790" s="6" t="s">
        <v>3054</v>
      </c>
      <c r="E2790" s="6">
        <v>25269</v>
      </c>
      <c r="F2790" s="6" t="s">
        <v>18</v>
      </c>
      <c r="G2790" s="6" t="s">
        <v>5804</v>
      </c>
      <c r="H2790" s="6" t="s">
        <v>5805</v>
      </c>
      <c r="I2790" s="7">
        <v>4.7846421000000001</v>
      </c>
      <c r="J2790" s="8">
        <v>-74.333785300000002</v>
      </c>
    </row>
    <row r="2791" spans="1:10" x14ac:dyDescent="0.35">
      <c r="A2791" s="5" t="s">
        <v>10</v>
      </c>
      <c r="B2791" s="6">
        <v>237933</v>
      </c>
      <c r="C2791" s="6" t="s">
        <v>11</v>
      </c>
      <c r="D2791" s="6" t="s">
        <v>3724</v>
      </c>
      <c r="E2791" s="6">
        <v>25513</v>
      </c>
      <c r="F2791" s="6" t="s">
        <v>18</v>
      </c>
      <c r="G2791" s="6" t="s">
        <v>5806</v>
      </c>
      <c r="H2791" s="6" t="s">
        <v>5807</v>
      </c>
      <c r="I2791" s="7">
        <v>5.1241669999999999</v>
      </c>
      <c r="J2791" s="8">
        <v>-74.161116699999994</v>
      </c>
    </row>
    <row r="2792" spans="1:10" x14ac:dyDescent="0.35">
      <c r="A2792" s="5" t="s">
        <v>10</v>
      </c>
      <c r="B2792" s="6">
        <v>209172</v>
      </c>
      <c r="C2792" s="6" t="s">
        <v>11</v>
      </c>
      <c r="D2792" s="6" t="s">
        <v>5808</v>
      </c>
      <c r="E2792" s="6">
        <v>25299</v>
      </c>
      <c r="F2792" s="6" t="s">
        <v>18</v>
      </c>
      <c r="G2792" s="6" t="s">
        <v>5809</v>
      </c>
      <c r="H2792" s="6" t="s">
        <v>5810</v>
      </c>
      <c r="I2792" s="7">
        <v>4.7620329999999997</v>
      </c>
      <c r="J2792" s="8">
        <v>-73.610320999999999</v>
      </c>
    </row>
    <row r="2793" spans="1:10" x14ac:dyDescent="0.35">
      <c r="A2793" s="5" t="s">
        <v>10</v>
      </c>
      <c r="B2793" s="6">
        <v>206535</v>
      </c>
      <c r="C2793" s="6" t="s">
        <v>28</v>
      </c>
      <c r="D2793" s="6" t="s">
        <v>29</v>
      </c>
      <c r="E2793" s="6">
        <v>54001</v>
      </c>
      <c r="F2793" s="6" t="s">
        <v>18</v>
      </c>
      <c r="G2793" s="6" t="s">
        <v>5811</v>
      </c>
      <c r="H2793" s="6" t="s">
        <v>5812</v>
      </c>
      <c r="I2793" s="7">
        <v>7.8860330000000003</v>
      </c>
      <c r="J2793" s="8">
        <v>-72.476862400000002</v>
      </c>
    </row>
    <row r="2794" spans="1:10" x14ac:dyDescent="0.35">
      <c r="A2794" s="5" t="s">
        <v>10</v>
      </c>
      <c r="B2794" s="6">
        <v>232508</v>
      </c>
      <c r="C2794" s="6" t="s">
        <v>117</v>
      </c>
      <c r="D2794" s="6" t="s">
        <v>1334</v>
      </c>
      <c r="E2794" s="6">
        <v>76001</v>
      </c>
      <c r="F2794" s="6" t="s">
        <v>18</v>
      </c>
      <c r="G2794" s="6" t="s">
        <v>5813</v>
      </c>
      <c r="H2794" s="6" t="s">
        <v>5814</v>
      </c>
      <c r="I2794" s="7">
        <v>3.4760179999999998</v>
      </c>
      <c r="J2794" s="8">
        <v>-76.497562099999996</v>
      </c>
    </row>
    <row r="2795" spans="1:10" x14ac:dyDescent="0.35">
      <c r="A2795" s="5" t="s">
        <v>10</v>
      </c>
      <c r="B2795" s="6">
        <v>185156</v>
      </c>
      <c r="C2795" s="6" t="s">
        <v>11</v>
      </c>
      <c r="D2795" s="6" t="s">
        <v>334</v>
      </c>
      <c r="E2795" s="6">
        <v>25754</v>
      </c>
      <c r="F2795" s="6" t="s">
        <v>18</v>
      </c>
      <c r="G2795" s="6" t="s">
        <v>5815</v>
      </c>
      <c r="H2795" s="6" t="s">
        <v>5816</v>
      </c>
      <c r="I2795" s="7">
        <v>4.5811064999999997</v>
      </c>
      <c r="J2795" s="8">
        <v>-74.206400599999995</v>
      </c>
    </row>
    <row r="2796" spans="1:10" x14ac:dyDescent="0.35">
      <c r="A2796" s="5" t="s">
        <v>10</v>
      </c>
      <c r="B2796" s="6">
        <v>249184</v>
      </c>
      <c r="C2796" s="6" t="s">
        <v>68</v>
      </c>
      <c r="D2796" s="6" t="s">
        <v>69</v>
      </c>
      <c r="E2796" s="6">
        <v>11001</v>
      </c>
      <c r="F2796" s="6" t="s">
        <v>18</v>
      </c>
      <c r="G2796" s="6" t="s">
        <v>5817</v>
      </c>
      <c r="H2796" s="6" t="s">
        <v>5818</v>
      </c>
      <c r="I2796" s="7">
        <v>4.5492439999999998</v>
      </c>
      <c r="J2796" s="8">
        <v>-74.113585400000005</v>
      </c>
    </row>
    <row r="2797" spans="1:10" x14ac:dyDescent="0.35">
      <c r="A2797" s="5" t="s">
        <v>10</v>
      </c>
      <c r="B2797" s="6">
        <v>187722</v>
      </c>
      <c r="C2797" s="6" t="s">
        <v>24</v>
      </c>
      <c r="D2797" s="6" t="s">
        <v>88</v>
      </c>
      <c r="E2797" s="6">
        <v>15001</v>
      </c>
      <c r="F2797" s="6" t="s">
        <v>18</v>
      </c>
      <c r="G2797" s="6" t="s">
        <v>5819</v>
      </c>
      <c r="H2797" s="6" t="s">
        <v>5820</v>
      </c>
      <c r="I2797" s="7">
        <v>5.5446422000000002</v>
      </c>
      <c r="J2797" s="8">
        <v>-73.357557200000002</v>
      </c>
    </row>
    <row r="2798" spans="1:10" x14ac:dyDescent="0.35">
      <c r="A2798" s="5" t="s">
        <v>10</v>
      </c>
      <c r="B2798" s="6">
        <v>201810</v>
      </c>
      <c r="C2798" s="6" t="s">
        <v>24</v>
      </c>
      <c r="D2798" s="6" t="s">
        <v>1366</v>
      </c>
      <c r="E2798" s="6">
        <v>15051</v>
      </c>
      <c r="F2798" s="6" t="s">
        <v>18</v>
      </c>
      <c r="G2798" s="6" t="s">
        <v>5821</v>
      </c>
      <c r="H2798" s="6" t="s">
        <v>5822</v>
      </c>
      <c r="I2798" s="7">
        <v>5.7550441999999897</v>
      </c>
      <c r="J2798" s="8">
        <v>-73.436718999999997</v>
      </c>
    </row>
    <row r="2799" spans="1:10" x14ac:dyDescent="0.35">
      <c r="A2799" s="5" t="s">
        <v>10</v>
      </c>
      <c r="B2799" s="6">
        <v>237334</v>
      </c>
      <c r="C2799" s="6" t="s">
        <v>24</v>
      </c>
      <c r="D2799" s="6" t="s">
        <v>5823</v>
      </c>
      <c r="E2799" s="6">
        <v>15187</v>
      </c>
      <c r="F2799" s="6" t="s">
        <v>18</v>
      </c>
      <c r="G2799" s="6" t="s">
        <v>5824</v>
      </c>
      <c r="H2799" s="6" t="s">
        <v>5825</v>
      </c>
      <c r="I2799" s="7">
        <v>5.5584519999999999</v>
      </c>
      <c r="J2799" s="8">
        <v>-73.282611000000003</v>
      </c>
    </row>
    <row r="2800" spans="1:10" x14ac:dyDescent="0.35">
      <c r="A2800" s="5" t="s">
        <v>10</v>
      </c>
      <c r="B2800" s="6">
        <v>152672</v>
      </c>
      <c r="C2800" s="6" t="s">
        <v>16</v>
      </c>
      <c r="D2800" s="6" t="s">
        <v>2825</v>
      </c>
      <c r="E2800" s="6">
        <v>68276</v>
      </c>
      <c r="F2800" s="6" t="s">
        <v>18</v>
      </c>
      <c r="G2800" s="6" t="s">
        <v>5826</v>
      </c>
      <c r="H2800" s="6" t="s">
        <v>5827</v>
      </c>
      <c r="I2800" s="7">
        <v>7.0682035999999897</v>
      </c>
      <c r="J2800" s="8">
        <v>-73.092711899999998</v>
      </c>
    </row>
    <row r="2801" spans="1:10" x14ac:dyDescent="0.35">
      <c r="A2801" s="5" t="s">
        <v>10</v>
      </c>
      <c r="B2801" s="6">
        <v>185490</v>
      </c>
      <c r="C2801" s="6" t="s">
        <v>16</v>
      </c>
      <c r="D2801" s="6" t="s">
        <v>2825</v>
      </c>
      <c r="E2801" s="6">
        <v>68276</v>
      </c>
      <c r="F2801" s="6" t="s">
        <v>18</v>
      </c>
      <c r="G2801" s="6" t="s">
        <v>5828</v>
      </c>
      <c r="H2801" s="6" t="s">
        <v>5829</v>
      </c>
      <c r="I2801" s="7">
        <v>7.1387638000000004</v>
      </c>
      <c r="J2801" s="8">
        <v>-73.133476399999907</v>
      </c>
    </row>
    <row r="2802" spans="1:10" x14ac:dyDescent="0.35">
      <c r="A2802" s="5" t="s">
        <v>10</v>
      </c>
      <c r="B2802" s="6">
        <v>148231</v>
      </c>
      <c r="C2802" s="6" t="s">
        <v>278</v>
      </c>
      <c r="D2802" s="6" t="s">
        <v>5830</v>
      </c>
      <c r="E2802" s="6">
        <v>50350</v>
      </c>
      <c r="F2802" s="6" t="s">
        <v>18</v>
      </c>
      <c r="G2802" s="6" t="s">
        <v>5831</v>
      </c>
      <c r="H2802" s="6" t="s">
        <v>5832</v>
      </c>
      <c r="I2802" s="7">
        <v>2.1831928999999999</v>
      </c>
      <c r="J2802" s="8">
        <v>-73.7843783</v>
      </c>
    </row>
    <row r="2803" spans="1:10" x14ac:dyDescent="0.35">
      <c r="A2803" s="5" t="s">
        <v>10</v>
      </c>
      <c r="B2803" s="6">
        <v>206447</v>
      </c>
      <c r="C2803" s="6" t="s">
        <v>2130</v>
      </c>
      <c r="D2803" s="6" t="s">
        <v>370</v>
      </c>
      <c r="E2803" s="6">
        <v>85440</v>
      </c>
      <c r="F2803" s="6" t="s">
        <v>18</v>
      </c>
      <c r="G2803" s="6" t="s">
        <v>5833</v>
      </c>
      <c r="H2803" s="6" t="s">
        <v>5834</v>
      </c>
      <c r="I2803" s="7">
        <v>4.6107313999999997</v>
      </c>
      <c r="J2803" s="8">
        <v>-72.932681599999995</v>
      </c>
    </row>
    <row r="2804" spans="1:10" x14ac:dyDescent="0.35">
      <c r="A2804" s="5" t="s">
        <v>10</v>
      </c>
      <c r="B2804" s="6">
        <v>244695</v>
      </c>
      <c r="C2804" s="6" t="s">
        <v>278</v>
      </c>
      <c r="D2804" s="6" t="s">
        <v>279</v>
      </c>
      <c r="E2804" s="6">
        <v>50001</v>
      </c>
      <c r="F2804" s="6" t="s">
        <v>18</v>
      </c>
      <c r="G2804" s="6" t="s">
        <v>5835</v>
      </c>
      <c r="H2804" s="6" t="s">
        <v>5836</v>
      </c>
      <c r="I2804" s="7">
        <v>4.1302393000000004</v>
      </c>
      <c r="J2804" s="8">
        <v>-73.601446499999994</v>
      </c>
    </row>
    <row r="2805" spans="1:10" x14ac:dyDescent="0.35">
      <c r="A2805" s="5" t="s">
        <v>10</v>
      </c>
      <c r="B2805" s="6">
        <v>120559</v>
      </c>
      <c r="C2805" s="6" t="s">
        <v>294</v>
      </c>
      <c r="D2805" s="6" t="s">
        <v>703</v>
      </c>
      <c r="E2805" s="6">
        <v>41001</v>
      </c>
      <c r="F2805" s="6" t="s">
        <v>18</v>
      </c>
      <c r="G2805" s="6" t="s">
        <v>5837</v>
      </c>
      <c r="H2805" s="6" t="s">
        <v>5838</v>
      </c>
      <c r="I2805" s="7">
        <v>2.9307921000000001</v>
      </c>
      <c r="J2805" s="8">
        <v>-75.290217799999994</v>
      </c>
    </row>
    <row r="2806" spans="1:10" x14ac:dyDescent="0.35">
      <c r="A2806" s="5" t="s">
        <v>10</v>
      </c>
      <c r="B2806" s="6">
        <v>229204</v>
      </c>
      <c r="C2806" s="6" t="s">
        <v>11</v>
      </c>
      <c r="D2806" s="6" t="s">
        <v>334</v>
      </c>
      <c r="E2806" s="6">
        <v>25754</v>
      </c>
      <c r="F2806" s="6" t="s">
        <v>18</v>
      </c>
      <c r="G2806" s="6" t="s">
        <v>5839</v>
      </c>
      <c r="H2806" s="6" t="s">
        <v>5840</v>
      </c>
      <c r="I2806" s="7">
        <v>4.5808860999999998</v>
      </c>
      <c r="J2806" s="8">
        <v>-74.211412499999994</v>
      </c>
    </row>
    <row r="2807" spans="1:10" x14ac:dyDescent="0.35">
      <c r="A2807" s="5" t="s">
        <v>10</v>
      </c>
      <c r="B2807" s="6">
        <v>237323</v>
      </c>
      <c r="C2807" s="6" t="s">
        <v>11</v>
      </c>
      <c r="D2807" s="6" t="s">
        <v>4684</v>
      </c>
      <c r="E2807" s="6">
        <v>25394</v>
      </c>
      <c r="F2807" s="6" t="s">
        <v>18</v>
      </c>
      <c r="G2807" s="6" t="s">
        <v>5841</v>
      </c>
      <c r="H2807" s="6" t="s">
        <v>5842</v>
      </c>
      <c r="I2807" s="7">
        <v>5.2981172000000001</v>
      </c>
      <c r="J2807" s="8">
        <v>-74.4291135</v>
      </c>
    </row>
    <row r="2808" spans="1:10" x14ac:dyDescent="0.35">
      <c r="A2808" s="5" t="s">
        <v>10</v>
      </c>
      <c r="B2808" s="6">
        <v>232973</v>
      </c>
      <c r="C2808" s="6" t="s">
        <v>117</v>
      </c>
      <c r="D2808" s="6" t="s">
        <v>1334</v>
      </c>
      <c r="E2808" s="6">
        <v>76001</v>
      </c>
      <c r="F2808" s="6" t="s">
        <v>18</v>
      </c>
      <c r="G2808" s="6" t="s">
        <v>5843</v>
      </c>
      <c r="H2808" s="6" t="s">
        <v>5844</v>
      </c>
      <c r="I2808" s="7">
        <v>3.4496000000000002</v>
      </c>
      <c r="J2808" s="8">
        <v>-76.49091</v>
      </c>
    </row>
    <row r="2809" spans="1:10" x14ac:dyDescent="0.35">
      <c r="A2809" s="5" t="s">
        <v>10</v>
      </c>
      <c r="B2809" s="6">
        <v>219118</v>
      </c>
      <c r="C2809" s="6" t="s">
        <v>68</v>
      </c>
      <c r="D2809" s="6" t="s">
        <v>69</v>
      </c>
      <c r="E2809" s="6">
        <v>11001</v>
      </c>
      <c r="F2809" s="6" t="s">
        <v>18</v>
      </c>
      <c r="G2809" s="6" t="s">
        <v>5845</v>
      </c>
      <c r="H2809" s="6" t="s">
        <v>5846</v>
      </c>
      <c r="I2809" s="7">
        <v>4.7278833999999996</v>
      </c>
      <c r="J2809" s="8">
        <v>-74.052561400000002</v>
      </c>
    </row>
    <row r="2810" spans="1:10" x14ac:dyDescent="0.35">
      <c r="A2810" s="5" t="s">
        <v>10</v>
      </c>
      <c r="B2810" s="6">
        <v>210696</v>
      </c>
      <c r="C2810" s="6" t="s">
        <v>68</v>
      </c>
      <c r="D2810" s="6" t="s">
        <v>69</v>
      </c>
      <c r="E2810" s="6">
        <v>11001</v>
      </c>
      <c r="F2810" s="6" t="s">
        <v>18</v>
      </c>
      <c r="G2810" s="6" t="s">
        <v>5847</v>
      </c>
      <c r="H2810" s="6" t="s">
        <v>5848</v>
      </c>
      <c r="I2810" s="7">
        <v>4.7289335000000001</v>
      </c>
      <c r="J2810" s="8">
        <v>-74.098580999999996</v>
      </c>
    </row>
    <row r="2811" spans="1:10" x14ac:dyDescent="0.35">
      <c r="A2811" s="5" t="s">
        <v>10</v>
      </c>
      <c r="B2811" s="6">
        <v>225875</v>
      </c>
      <c r="C2811" s="6" t="s">
        <v>68</v>
      </c>
      <c r="D2811" s="6" t="s">
        <v>69</v>
      </c>
      <c r="E2811" s="6">
        <v>11001</v>
      </c>
      <c r="F2811" s="6" t="s">
        <v>18</v>
      </c>
      <c r="G2811" s="6" t="s">
        <v>5849</v>
      </c>
      <c r="H2811" s="6" t="s">
        <v>5850</v>
      </c>
      <c r="I2811" s="7">
        <v>4.5847151999999998</v>
      </c>
      <c r="J2811" s="8">
        <v>-74.224930200000003</v>
      </c>
    </row>
    <row r="2812" spans="1:10" x14ac:dyDescent="0.35">
      <c r="A2812" s="5" t="s">
        <v>10</v>
      </c>
      <c r="B2812" s="6">
        <v>232909</v>
      </c>
      <c r="C2812" s="6" t="s">
        <v>11</v>
      </c>
      <c r="D2812" s="6" t="s">
        <v>334</v>
      </c>
      <c r="E2812" s="6">
        <v>25754</v>
      </c>
      <c r="F2812" s="6" t="s">
        <v>18</v>
      </c>
      <c r="G2812" s="6" t="s">
        <v>5851</v>
      </c>
      <c r="H2812" s="6" t="s">
        <v>5852</v>
      </c>
      <c r="I2812" s="7">
        <v>4.5950899999999999</v>
      </c>
      <c r="J2812" s="8">
        <v>-74.184950000000001</v>
      </c>
    </row>
    <row r="2813" spans="1:10" x14ac:dyDescent="0.35">
      <c r="A2813" s="5" t="s">
        <v>10</v>
      </c>
      <c r="B2813" s="6">
        <v>226241</v>
      </c>
      <c r="C2813" s="6" t="s">
        <v>117</v>
      </c>
      <c r="D2813" s="6" t="s">
        <v>1334</v>
      </c>
      <c r="E2813" s="6">
        <v>76001</v>
      </c>
      <c r="F2813" s="6" t="s">
        <v>13</v>
      </c>
      <c r="G2813" s="6" t="s">
        <v>3737</v>
      </c>
      <c r="H2813" s="6" t="s">
        <v>5853</v>
      </c>
      <c r="I2813" s="7">
        <v>3.4418810999999998</v>
      </c>
      <c r="J2813" s="8">
        <v>-76.478466999999995</v>
      </c>
    </row>
    <row r="2814" spans="1:10" x14ac:dyDescent="0.35">
      <c r="A2814" s="5" t="s">
        <v>10</v>
      </c>
      <c r="B2814" s="6">
        <v>245459</v>
      </c>
      <c r="C2814" s="6" t="s">
        <v>55</v>
      </c>
      <c r="D2814" s="6" t="s">
        <v>56</v>
      </c>
      <c r="E2814" s="6">
        <v>73001</v>
      </c>
      <c r="F2814" s="6" t="s">
        <v>2161</v>
      </c>
      <c r="G2814" s="6" t="s">
        <v>5854</v>
      </c>
      <c r="H2814" s="6" t="s">
        <v>5855</v>
      </c>
      <c r="I2814" s="7">
        <v>4.4418983000000001</v>
      </c>
      <c r="J2814" s="8">
        <v>-75.237811699999995</v>
      </c>
    </row>
    <row r="2815" spans="1:10" x14ac:dyDescent="0.35">
      <c r="A2815" s="5" t="s">
        <v>10</v>
      </c>
      <c r="B2815" s="6">
        <v>233989</v>
      </c>
      <c r="C2815" s="6" t="s">
        <v>24</v>
      </c>
      <c r="D2815" s="6" t="s">
        <v>1028</v>
      </c>
      <c r="E2815" s="6">
        <v>15299</v>
      </c>
      <c r="F2815" s="6" t="s">
        <v>18</v>
      </c>
      <c r="G2815" s="6" t="s">
        <v>5856</v>
      </c>
      <c r="H2815" s="6" t="s">
        <v>5857</v>
      </c>
      <c r="I2815" s="7">
        <v>5.0841738000000003</v>
      </c>
      <c r="J2815" s="8">
        <v>-73.365459900000005</v>
      </c>
    </row>
    <row r="2816" spans="1:10" x14ac:dyDescent="0.35">
      <c r="A2816" s="5" t="s">
        <v>10</v>
      </c>
      <c r="B2816" s="6">
        <v>233399</v>
      </c>
      <c r="C2816" s="6" t="s">
        <v>11</v>
      </c>
      <c r="D2816" s="6" t="s">
        <v>3054</v>
      </c>
      <c r="E2816" s="6">
        <v>25269</v>
      </c>
      <c r="F2816" s="6" t="s">
        <v>18</v>
      </c>
      <c r="G2816" s="6" t="s">
        <v>5858</v>
      </c>
      <c r="H2816" s="6" t="s">
        <v>5859</v>
      </c>
      <c r="I2816" s="7">
        <v>4.8111699999999997</v>
      </c>
      <c r="J2816" s="8">
        <v>-74.346670000000003</v>
      </c>
    </row>
    <row r="2817" spans="1:10" x14ac:dyDescent="0.35">
      <c r="A2817" s="5" t="s">
        <v>10</v>
      </c>
      <c r="B2817" s="6">
        <v>236476</v>
      </c>
      <c r="C2817" s="6" t="s">
        <v>11</v>
      </c>
      <c r="D2817" s="6" t="s">
        <v>337</v>
      </c>
      <c r="E2817" s="6">
        <v>25290</v>
      </c>
      <c r="F2817" s="6" t="s">
        <v>18</v>
      </c>
      <c r="G2817" s="6" t="s">
        <v>5860</v>
      </c>
      <c r="H2817" s="6" t="s">
        <v>5861</v>
      </c>
      <c r="I2817" s="7">
        <v>4.3324959999999999</v>
      </c>
      <c r="J2817" s="8">
        <v>-74.373400000000004</v>
      </c>
    </row>
    <row r="2818" spans="1:10" x14ac:dyDescent="0.35">
      <c r="A2818" s="5" t="s">
        <v>10</v>
      </c>
      <c r="B2818" s="6">
        <v>213009</v>
      </c>
      <c r="C2818" s="6" t="s">
        <v>11</v>
      </c>
      <c r="D2818" s="6" t="s">
        <v>334</v>
      </c>
      <c r="E2818" s="6">
        <v>25754</v>
      </c>
      <c r="F2818" s="6" t="s">
        <v>18</v>
      </c>
      <c r="G2818" s="6" t="s">
        <v>3208</v>
      </c>
      <c r="H2818" s="6" t="s">
        <v>5862</v>
      </c>
      <c r="I2818" s="7">
        <v>4.5667190999999896</v>
      </c>
      <c r="J2818" s="8">
        <v>-74.2357844</v>
      </c>
    </row>
    <row r="2819" spans="1:10" x14ac:dyDescent="0.35">
      <c r="A2819" s="5" t="s">
        <v>10</v>
      </c>
      <c r="B2819" s="6">
        <v>182449</v>
      </c>
      <c r="C2819" s="6" t="s">
        <v>11</v>
      </c>
      <c r="D2819" s="6" t="s">
        <v>334</v>
      </c>
      <c r="E2819" s="6">
        <v>25754</v>
      </c>
      <c r="F2819" s="6" t="s">
        <v>18</v>
      </c>
      <c r="G2819" s="6" t="s">
        <v>5863</v>
      </c>
      <c r="H2819" s="6" t="s">
        <v>5864</v>
      </c>
      <c r="I2819" s="7">
        <v>4.5819825999999999</v>
      </c>
      <c r="J2819" s="8">
        <v>-74.209758600000001</v>
      </c>
    </row>
    <row r="2820" spans="1:10" x14ac:dyDescent="0.35">
      <c r="A2820" s="5" t="s">
        <v>10</v>
      </c>
      <c r="B2820" s="6">
        <v>229795</v>
      </c>
      <c r="C2820" s="6" t="s">
        <v>68</v>
      </c>
      <c r="D2820" s="6" t="s">
        <v>69</v>
      </c>
      <c r="E2820" s="6">
        <v>11001</v>
      </c>
      <c r="F2820" s="6" t="s">
        <v>18</v>
      </c>
      <c r="G2820" s="6" t="s">
        <v>5865</v>
      </c>
      <c r="H2820" s="6" t="s">
        <v>5866</v>
      </c>
      <c r="I2820" s="7">
        <v>4.6270309999999997</v>
      </c>
      <c r="J2820" s="8">
        <v>-74.177299300000001</v>
      </c>
    </row>
    <row r="2821" spans="1:10" x14ac:dyDescent="0.35">
      <c r="A2821" s="5" t="s">
        <v>10</v>
      </c>
      <c r="B2821" s="6">
        <v>248580</v>
      </c>
      <c r="C2821" s="6" t="s">
        <v>68</v>
      </c>
      <c r="D2821" s="6" t="s">
        <v>69</v>
      </c>
      <c r="E2821" s="6">
        <v>11001</v>
      </c>
      <c r="F2821" s="6" t="s">
        <v>2161</v>
      </c>
      <c r="G2821" s="6" t="s">
        <v>5867</v>
      </c>
      <c r="H2821" s="6" t="s">
        <v>5868</v>
      </c>
      <c r="I2821" s="7">
        <v>4.5158918999999997</v>
      </c>
      <c r="J2821" s="8">
        <v>-74.117272700000001</v>
      </c>
    </row>
    <row r="2822" spans="1:10" x14ac:dyDescent="0.35">
      <c r="A2822" s="5" t="s">
        <v>10</v>
      </c>
      <c r="B2822" s="6">
        <v>205231</v>
      </c>
      <c r="C2822" s="6" t="s">
        <v>24</v>
      </c>
      <c r="D2822" s="6" t="s">
        <v>621</v>
      </c>
      <c r="E2822" s="6">
        <v>15646</v>
      </c>
      <c r="F2822" s="6" t="s">
        <v>18</v>
      </c>
      <c r="G2822" s="6" t="s">
        <v>5869</v>
      </c>
      <c r="H2822" s="6" t="s">
        <v>5870</v>
      </c>
      <c r="I2822" s="7">
        <v>5.4921815999999897</v>
      </c>
      <c r="J2822" s="8">
        <v>-73.486048299999993</v>
      </c>
    </row>
    <row r="2823" spans="1:10" x14ac:dyDescent="0.35">
      <c r="A2823" s="5" t="s">
        <v>10</v>
      </c>
      <c r="B2823" s="6">
        <v>68940</v>
      </c>
      <c r="C2823" s="6" t="s">
        <v>24</v>
      </c>
      <c r="D2823" s="6" t="s">
        <v>1141</v>
      </c>
      <c r="E2823" s="6">
        <v>15763</v>
      </c>
      <c r="F2823" s="6" t="s">
        <v>18</v>
      </c>
      <c r="G2823" s="6" t="s">
        <v>5871</v>
      </c>
      <c r="H2823" s="6" t="s">
        <v>5872</v>
      </c>
      <c r="I2823" s="7">
        <v>5.7655971999999904</v>
      </c>
      <c r="J2823" s="8">
        <v>-73.247383799999994</v>
      </c>
    </row>
    <row r="2824" spans="1:10" x14ac:dyDescent="0.35">
      <c r="A2824" s="5" t="s">
        <v>10</v>
      </c>
      <c r="B2824" s="6">
        <v>235964</v>
      </c>
      <c r="C2824" s="6" t="s">
        <v>551</v>
      </c>
      <c r="D2824" s="6" t="s">
        <v>5873</v>
      </c>
      <c r="E2824" s="6">
        <v>20060</v>
      </c>
      <c r="F2824" s="6" t="s">
        <v>18</v>
      </c>
      <c r="G2824" s="6" t="s">
        <v>5874</v>
      </c>
      <c r="H2824" s="6" t="s">
        <v>5875</v>
      </c>
      <c r="I2824" s="7">
        <v>9.9703619999999997</v>
      </c>
      <c r="J2824" s="8">
        <v>-73.890530999999996</v>
      </c>
    </row>
    <row r="2825" spans="1:10" x14ac:dyDescent="0.35">
      <c r="A2825" s="5" t="s">
        <v>10</v>
      </c>
      <c r="B2825" s="6">
        <v>205035</v>
      </c>
      <c r="C2825" s="6" t="s">
        <v>278</v>
      </c>
      <c r="D2825" s="6" t="s">
        <v>279</v>
      </c>
      <c r="E2825" s="6">
        <v>50001</v>
      </c>
      <c r="F2825" s="6" t="s">
        <v>18</v>
      </c>
      <c r="G2825" s="6" t="s">
        <v>5876</v>
      </c>
      <c r="H2825" s="6" t="s">
        <v>5877</v>
      </c>
      <c r="I2825" s="7">
        <v>4.1485433999999897</v>
      </c>
      <c r="J2825" s="8">
        <v>-73.639823899999996</v>
      </c>
    </row>
    <row r="2826" spans="1:10" x14ac:dyDescent="0.35">
      <c r="A2826" s="5" t="s">
        <v>10</v>
      </c>
      <c r="B2826" s="6">
        <v>213436</v>
      </c>
      <c r="C2826" s="6" t="s">
        <v>278</v>
      </c>
      <c r="D2826" s="6" t="s">
        <v>279</v>
      </c>
      <c r="E2826" s="6">
        <v>50001</v>
      </c>
      <c r="F2826" s="6" t="s">
        <v>18</v>
      </c>
      <c r="G2826" s="6" t="s">
        <v>5878</v>
      </c>
      <c r="H2826" s="6" t="s">
        <v>5879</v>
      </c>
      <c r="I2826" s="7">
        <v>4.1288115000000003</v>
      </c>
      <c r="J2826" s="8">
        <v>-73.627387900000002</v>
      </c>
    </row>
    <row r="2827" spans="1:10" x14ac:dyDescent="0.35">
      <c r="A2827" s="5" t="s">
        <v>10</v>
      </c>
      <c r="B2827" s="6">
        <v>129166</v>
      </c>
      <c r="C2827" s="6" t="s">
        <v>278</v>
      </c>
      <c r="D2827" s="6" t="s">
        <v>2421</v>
      </c>
      <c r="E2827" s="6">
        <v>50573</v>
      </c>
      <c r="F2827" s="6" t="s">
        <v>18</v>
      </c>
      <c r="G2827" s="6" t="s">
        <v>5880</v>
      </c>
      <c r="H2827" s="6" t="s">
        <v>5881</v>
      </c>
      <c r="I2827" s="7">
        <v>4.0913539999999999</v>
      </c>
      <c r="J2827" s="8">
        <v>-72.955917999999997</v>
      </c>
    </row>
    <row r="2828" spans="1:10" x14ac:dyDescent="0.35">
      <c r="A2828" s="5" t="s">
        <v>10</v>
      </c>
      <c r="B2828" s="6">
        <v>208168</v>
      </c>
      <c r="C2828" s="6" t="s">
        <v>278</v>
      </c>
      <c r="D2828" s="6" t="s">
        <v>279</v>
      </c>
      <c r="E2828" s="6">
        <v>50001</v>
      </c>
      <c r="F2828" s="6" t="s">
        <v>18</v>
      </c>
      <c r="G2828" s="6" t="s">
        <v>5882</v>
      </c>
      <c r="H2828" s="6" t="s">
        <v>5883</v>
      </c>
      <c r="I2828" s="7">
        <v>4.1335129999999998</v>
      </c>
      <c r="J2828" s="8">
        <v>-73.629123999999905</v>
      </c>
    </row>
    <row r="2829" spans="1:10" x14ac:dyDescent="0.35">
      <c r="A2829" s="5" t="s">
        <v>10</v>
      </c>
      <c r="B2829" s="6">
        <v>208927</v>
      </c>
      <c r="C2829" s="6" t="s">
        <v>11</v>
      </c>
      <c r="D2829" s="6" t="s">
        <v>334</v>
      </c>
      <c r="E2829" s="6">
        <v>25754</v>
      </c>
      <c r="F2829" s="6" t="s">
        <v>18</v>
      </c>
      <c r="G2829" s="6" t="s">
        <v>5884</v>
      </c>
      <c r="H2829" s="6" t="s">
        <v>5885</v>
      </c>
      <c r="I2829" s="7">
        <v>4.5685932999999999</v>
      </c>
      <c r="J2829" s="8">
        <v>-74.232249099999905</v>
      </c>
    </row>
    <row r="2830" spans="1:10" x14ac:dyDescent="0.35">
      <c r="A2830" s="5" t="s">
        <v>10</v>
      </c>
      <c r="B2830" s="6">
        <v>229824</v>
      </c>
      <c r="C2830" s="6" t="s">
        <v>11</v>
      </c>
      <c r="D2830" s="6" t="s">
        <v>334</v>
      </c>
      <c r="E2830" s="6">
        <v>25754</v>
      </c>
      <c r="F2830" s="6" t="s">
        <v>18</v>
      </c>
      <c r="G2830" s="6" t="s">
        <v>3075</v>
      </c>
      <c r="H2830" s="6" t="s">
        <v>5886</v>
      </c>
      <c r="I2830" s="7">
        <v>4.5854670000000004</v>
      </c>
      <c r="J2830" s="8">
        <v>-74.190346599999998</v>
      </c>
    </row>
    <row r="2831" spans="1:10" x14ac:dyDescent="0.35">
      <c r="A2831" s="5" t="s">
        <v>10</v>
      </c>
      <c r="B2831" s="6">
        <v>227572</v>
      </c>
      <c r="C2831" s="6" t="s">
        <v>11</v>
      </c>
      <c r="D2831" s="6" t="s">
        <v>334</v>
      </c>
      <c r="E2831" s="6">
        <v>25754</v>
      </c>
      <c r="F2831" s="6" t="s">
        <v>18</v>
      </c>
      <c r="G2831" s="6" t="s">
        <v>5887</v>
      </c>
      <c r="H2831" s="6" t="s">
        <v>5888</v>
      </c>
      <c r="I2831" s="7">
        <v>4.5731329000000001</v>
      </c>
      <c r="J2831" s="8">
        <v>-74.227639199999999</v>
      </c>
    </row>
    <row r="2832" spans="1:10" x14ac:dyDescent="0.35">
      <c r="A2832" s="5" t="s">
        <v>10</v>
      </c>
      <c r="B2832" s="6">
        <v>239143</v>
      </c>
      <c r="C2832" s="6" t="s">
        <v>11</v>
      </c>
      <c r="D2832" s="6" t="s">
        <v>901</v>
      </c>
      <c r="E2832" s="6">
        <v>25307</v>
      </c>
      <c r="F2832" s="6" t="s">
        <v>18</v>
      </c>
      <c r="G2832" s="6" t="s">
        <v>5889</v>
      </c>
      <c r="H2832" s="6" t="s">
        <v>5890</v>
      </c>
      <c r="I2832" s="7">
        <v>4.3045958999999998</v>
      </c>
      <c r="J2832" s="8">
        <v>-74.803141400000001</v>
      </c>
    </row>
    <row r="2833" spans="1:10" x14ac:dyDescent="0.35">
      <c r="A2833" s="5" t="s">
        <v>10</v>
      </c>
      <c r="B2833" s="6">
        <v>232647</v>
      </c>
      <c r="C2833" s="6" t="s">
        <v>68</v>
      </c>
      <c r="D2833" s="6" t="s">
        <v>69</v>
      </c>
      <c r="E2833" s="6">
        <v>11001</v>
      </c>
      <c r="F2833" s="6" t="s">
        <v>18</v>
      </c>
      <c r="G2833" s="6" t="s">
        <v>5891</v>
      </c>
      <c r="H2833" s="6" t="s">
        <v>5892</v>
      </c>
      <c r="I2833" s="7">
        <v>4.4944841000000002</v>
      </c>
      <c r="J2833" s="8">
        <v>-74.103704899999997</v>
      </c>
    </row>
    <row r="2834" spans="1:10" x14ac:dyDescent="0.35">
      <c r="A2834" s="5" t="s">
        <v>10</v>
      </c>
      <c r="B2834" s="6">
        <v>198502</v>
      </c>
      <c r="C2834" s="6" t="s">
        <v>24</v>
      </c>
      <c r="D2834" s="6" t="s">
        <v>88</v>
      </c>
      <c r="E2834" s="6">
        <v>15001</v>
      </c>
      <c r="F2834" s="6" t="s">
        <v>18</v>
      </c>
      <c r="G2834" s="6" t="s">
        <v>5893</v>
      </c>
      <c r="H2834" s="6" t="s">
        <v>5894</v>
      </c>
      <c r="I2834" s="7">
        <v>5.5070658999999997</v>
      </c>
      <c r="J2834" s="8">
        <v>-73.366547799999907</v>
      </c>
    </row>
    <row r="2835" spans="1:10" x14ac:dyDescent="0.35">
      <c r="A2835" s="5" t="s">
        <v>10</v>
      </c>
      <c r="B2835" s="6">
        <v>237679</v>
      </c>
      <c r="C2835" s="6" t="s">
        <v>16</v>
      </c>
      <c r="D2835" s="6" t="s">
        <v>78</v>
      </c>
      <c r="E2835" s="6">
        <v>68001</v>
      </c>
      <c r="F2835" s="6" t="s">
        <v>18</v>
      </c>
      <c r="G2835" s="6" t="s">
        <v>5895</v>
      </c>
      <c r="H2835" s="6" t="s">
        <v>5896</v>
      </c>
      <c r="I2835" s="7">
        <v>7.1188523999999997</v>
      </c>
      <c r="J2835" s="8">
        <v>-73.135466899999997</v>
      </c>
    </row>
    <row r="2836" spans="1:10" x14ac:dyDescent="0.35">
      <c r="A2836" s="5" t="s">
        <v>10</v>
      </c>
      <c r="B2836" s="6">
        <v>231577</v>
      </c>
      <c r="C2836" s="6" t="s">
        <v>16</v>
      </c>
      <c r="D2836" s="6" t="s">
        <v>78</v>
      </c>
      <c r="E2836" s="6">
        <v>68001</v>
      </c>
      <c r="F2836" s="6" t="s">
        <v>18</v>
      </c>
      <c r="G2836" s="6" t="s">
        <v>5897</v>
      </c>
      <c r="H2836" s="6" t="s">
        <v>5898</v>
      </c>
      <c r="I2836" s="7">
        <v>7.1100180000000002</v>
      </c>
      <c r="J2836" s="8">
        <v>-73.110046999999994</v>
      </c>
    </row>
    <row r="2837" spans="1:10" x14ac:dyDescent="0.35">
      <c r="A2837" s="5" t="s">
        <v>10</v>
      </c>
      <c r="B2837" s="6">
        <v>228882</v>
      </c>
      <c r="C2837" s="6" t="s">
        <v>551</v>
      </c>
      <c r="D2837" s="6" t="s">
        <v>4924</v>
      </c>
      <c r="E2837" s="6">
        <v>20770</v>
      </c>
      <c r="F2837" s="6" t="s">
        <v>18</v>
      </c>
      <c r="G2837" s="6" t="s">
        <v>5899</v>
      </c>
      <c r="H2837" s="6" t="s">
        <v>5900</v>
      </c>
      <c r="I2837" s="7">
        <v>7.9296179999999996</v>
      </c>
      <c r="J2837" s="8">
        <v>-73.512292799999997</v>
      </c>
    </row>
    <row r="2838" spans="1:10" x14ac:dyDescent="0.35">
      <c r="A2838" s="5" t="s">
        <v>10</v>
      </c>
      <c r="B2838" s="6">
        <v>236513</v>
      </c>
      <c r="C2838" s="6" t="s">
        <v>294</v>
      </c>
      <c r="D2838" s="6" t="s">
        <v>703</v>
      </c>
      <c r="E2838" s="6">
        <v>41001</v>
      </c>
      <c r="F2838" s="6" t="s">
        <v>18</v>
      </c>
      <c r="G2838" s="6" t="s">
        <v>5901</v>
      </c>
      <c r="H2838" s="6" t="s">
        <v>5902</v>
      </c>
      <c r="I2838" s="7">
        <v>2.9255974999999999</v>
      </c>
      <c r="J2838" s="8">
        <v>-75.281720100000001</v>
      </c>
    </row>
    <row r="2839" spans="1:10" x14ac:dyDescent="0.35">
      <c r="A2839" s="5" t="s">
        <v>10</v>
      </c>
      <c r="B2839" s="6">
        <v>239044</v>
      </c>
      <c r="C2839" s="6" t="s">
        <v>294</v>
      </c>
      <c r="D2839" s="6" t="s">
        <v>703</v>
      </c>
      <c r="E2839" s="6">
        <v>41001</v>
      </c>
      <c r="F2839" s="6" t="s">
        <v>18</v>
      </c>
      <c r="G2839" s="6" t="s">
        <v>5903</v>
      </c>
      <c r="H2839" s="6" t="s">
        <v>5904</v>
      </c>
      <c r="I2839" s="7">
        <v>2.9213985</v>
      </c>
      <c r="J2839" s="8">
        <v>-75.269779900000003</v>
      </c>
    </row>
    <row r="2840" spans="1:10" x14ac:dyDescent="0.35">
      <c r="A2840" s="5" t="s">
        <v>10</v>
      </c>
      <c r="B2840" s="6">
        <v>211579</v>
      </c>
      <c r="C2840" s="6" t="s">
        <v>11</v>
      </c>
      <c r="D2840" s="6" t="s">
        <v>12</v>
      </c>
      <c r="E2840" s="6">
        <v>25899</v>
      </c>
      <c r="F2840" s="6" t="s">
        <v>18</v>
      </c>
      <c r="G2840" s="6" t="s">
        <v>5905</v>
      </c>
      <c r="H2840" s="6" t="s">
        <v>5906</v>
      </c>
      <c r="I2840" s="7">
        <v>5.0354818999999997</v>
      </c>
      <c r="J2840" s="8">
        <v>-73.996142499999905</v>
      </c>
    </row>
    <row r="2841" spans="1:10" x14ac:dyDescent="0.35">
      <c r="A2841" s="5" t="s">
        <v>10</v>
      </c>
      <c r="B2841" s="6">
        <v>236884</v>
      </c>
      <c r="C2841" s="6" t="s">
        <v>11</v>
      </c>
      <c r="D2841" s="6" t="s">
        <v>334</v>
      </c>
      <c r="E2841" s="6">
        <v>25754</v>
      </c>
      <c r="F2841" s="6" t="s">
        <v>18</v>
      </c>
      <c r="G2841" s="6" t="s">
        <v>5907</v>
      </c>
      <c r="H2841" s="6" t="s">
        <v>5908</v>
      </c>
      <c r="I2841" s="7">
        <v>4.5897334000000001</v>
      </c>
      <c r="J2841" s="8">
        <v>-74.219936899999993</v>
      </c>
    </row>
    <row r="2842" spans="1:10" x14ac:dyDescent="0.35">
      <c r="A2842" s="5" t="s">
        <v>10</v>
      </c>
      <c r="B2842" s="6">
        <v>229384</v>
      </c>
      <c r="C2842" s="6" t="s">
        <v>11</v>
      </c>
      <c r="D2842" s="6" t="s">
        <v>334</v>
      </c>
      <c r="E2842" s="6">
        <v>25754</v>
      </c>
      <c r="F2842" s="6" t="s">
        <v>18</v>
      </c>
      <c r="G2842" s="6" t="s">
        <v>5909</v>
      </c>
      <c r="H2842" s="6" t="s">
        <v>5910</v>
      </c>
      <c r="I2842" s="7">
        <v>4.6053873000000003</v>
      </c>
      <c r="J2842" s="8">
        <v>-74.221612199999996</v>
      </c>
    </row>
    <row r="2843" spans="1:10" x14ac:dyDescent="0.35">
      <c r="A2843" s="5" t="s">
        <v>10</v>
      </c>
      <c r="B2843" s="6">
        <v>184929</v>
      </c>
      <c r="C2843" s="6" t="s">
        <v>11</v>
      </c>
      <c r="D2843" s="6" t="s">
        <v>334</v>
      </c>
      <c r="E2843" s="6">
        <v>25754</v>
      </c>
      <c r="F2843" s="6" t="s">
        <v>18</v>
      </c>
      <c r="G2843" s="6" t="s">
        <v>5911</v>
      </c>
      <c r="H2843" s="6" t="s">
        <v>5912</v>
      </c>
      <c r="I2843" s="7">
        <v>4.5605519000000001</v>
      </c>
      <c r="J2843" s="8">
        <v>-74.239864900000001</v>
      </c>
    </row>
    <row r="2844" spans="1:10" x14ac:dyDescent="0.35">
      <c r="A2844" s="5" t="s">
        <v>10</v>
      </c>
      <c r="B2844" s="6">
        <v>188906</v>
      </c>
      <c r="C2844" s="6" t="s">
        <v>302</v>
      </c>
      <c r="D2844" s="6" t="s">
        <v>5913</v>
      </c>
      <c r="E2844" s="6">
        <v>8296</v>
      </c>
      <c r="F2844" s="6" t="s">
        <v>18</v>
      </c>
      <c r="G2844" s="6" t="s">
        <v>5914</v>
      </c>
      <c r="H2844" s="6" t="s">
        <v>5915</v>
      </c>
      <c r="I2844" s="7">
        <v>10.899638299999999</v>
      </c>
      <c r="J2844" s="8">
        <v>-74.886188199999907</v>
      </c>
    </row>
    <row r="2845" spans="1:10" x14ac:dyDescent="0.35">
      <c r="A2845" s="5" t="s">
        <v>10</v>
      </c>
      <c r="B2845" s="6">
        <v>228310</v>
      </c>
      <c r="C2845" s="6" t="s">
        <v>68</v>
      </c>
      <c r="D2845" s="6" t="s">
        <v>69</v>
      </c>
      <c r="E2845" s="6">
        <v>11001</v>
      </c>
      <c r="F2845" s="6" t="s">
        <v>18</v>
      </c>
      <c r="G2845" s="6" t="s">
        <v>5916</v>
      </c>
      <c r="H2845" s="6" t="s">
        <v>5917</v>
      </c>
      <c r="I2845" s="7">
        <v>4.5783610000000001</v>
      </c>
      <c r="J2845" s="8">
        <v>-74.084707600000002</v>
      </c>
    </row>
    <row r="2846" spans="1:10" x14ac:dyDescent="0.35">
      <c r="A2846" s="5" t="s">
        <v>10</v>
      </c>
      <c r="B2846" s="6">
        <v>226360</v>
      </c>
      <c r="C2846" s="6" t="s">
        <v>94</v>
      </c>
      <c r="D2846" s="6" t="s">
        <v>95</v>
      </c>
      <c r="E2846" s="6">
        <v>66170</v>
      </c>
      <c r="F2846" s="6" t="s">
        <v>13</v>
      </c>
      <c r="G2846" s="6" t="s">
        <v>3737</v>
      </c>
      <c r="H2846" s="6" t="s">
        <v>5918</v>
      </c>
      <c r="I2846" s="7">
        <v>4.8376092999999996</v>
      </c>
      <c r="J2846" s="8">
        <v>-75.668273299999996</v>
      </c>
    </row>
    <row r="2847" spans="1:10" x14ac:dyDescent="0.35">
      <c r="A2847" s="5" t="s">
        <v>10</v>
      </c>
      <c r="B2847" s="6">
        <v>208770</v>
      </c>
      <c r="C2847" s="6" t="s">
        <v>16</v>
      </c>
      <c r="D2847" s="6" t="s">
        <v>78</v>
      </c>
      <c r="E2847" s="6">
        <v>68001</v>
      </c>
      <c r="F2847" s="6" t="s">
        <v>18</v>
      </c>
      <c r="G2847" s="6" t="s">
        <v>5919</v>
      </c>
      <c r="H2847" s="6" t="s">
        <v>5920</v>
      </c>
      <c r="I2847" s="7">
        <v>7.1328079999999998</v>
      </c>
      <c r="J2847" s="8">
        <v>-73.122606300000001</v>
      </c>
    </row>
    <row r="2848" spans="1:10" x14ac:dyDescent="0.35">
      <c r="A2848" s="5" t="s">
        <v>10</v>
      </c>
      <c r="B2848" s="6">
        <v>185267</v>
      </c>
      <c r="C2848" s="6" t="s">
        <v>278</v>
      </c>
      <c r="D2848" s="6" t="s">
        <v>279</v>
      </c>
      <c r="E2848" s="6">
        <v>50001</v>
      </c>
      <c r="F2848" s="6" t="s">
        <v>18</v>
      </c>
      <c r="G2848" s="6" t="s">
        <v>5921</v>
      </c>
      <c r="H2848" s="6" t="s">
        <v>5922</v>
      </c>
      <c r="I2848" s="7">
        <v>4.1524153999999998</v>
      </c>
      <c r="J2848" s="8">
        <v>-73.627233099999998</v>
      </c>
    </row>
    <row r="2849" spans="1:10" x14ac:dyDescent="0.35">
      <c r="A2849" s="5" t="s">
        <v>10</v>
      </c>
      <c r="B2849" s="6">
        <v>228868</v>
      </c>
      <c r="C2849" s="6" t="s">
        <v>278</v>
      </c>
      <c r="D2849" s="6" t="s">
        <v>3913</v>
      </c>
      <c r="E2849" s="6">
        <v>50124</v>
      </c>
      <c r="F2849" s="6" t="s">
        <v>18</v>
      </c>
      <c r="G2849" s="6" t="s">
        <v>5923</v>
      </c>
      <c r="H2849" s="6" t="s">
        <v>5924</v>
      </c>
      <c r="I2849" s="7">
        <v>4.2845279999999999</v>
      </c>
      <c r="J2849" s="8">
        <v>-72.792312899999999</v>
      </c>
    </row>
    <row r="2850" spans="1:10" x14ac:dyDescent="0.35">
      <c r="A2850" s="5" t="s">
        <v>10</v>
      </c>
      <c r="B2850" s="6">
        <v>239370</v>
      </c>
      <c r="C2850" s="6" t="s">
        <v>278</v>
      </c>
      <c r="D2850" s="6" t="s">
        <v>1331</v>
      </c>
      <c r="E2850" s="6">
        <v>50006</v>
      </c>
      <c r="F2850" s="6" t="s">
        <v>18</v>
      </c>
      <c r="G2850" s="6" t="s">
        <v>5925</v>
      </c>
      <c r="H2850" s="6" t="s">
        <v>5926</v>
      </c>
      <c r="I2850" s="7">
        <v>3.9902310999999999</v>
      </c>
      <c r="J2850" s="8">
        <v>-73.772178299999993</v>
      </c>
    </row>
    <row r="2851" spans="1:10" x14ac:dyDescent="0.35">
      <c r="A2851" s="5" t="s">
        <v>10</v>
      </c>
      <c r="B2851" s="6">
        <v>236671</v>
      </c>
      <c r="C2851" s="6" t="s">
        <v>294</v>
      </c>
      <c r="D2851" s="6" t="s">
        <v>703</v>
      </c>
      <c r="E2851" s="6">
        <v>41001</v>
      </c>
      <c r="F2851" s="6" t="s">
        <v>18</v>
      </c>
      <c r="G2851" s="6" t="s">
        <v>5927</v>
      </c>
      <c r="H2851" s="6" t="s">
        <v>5928</v>
      </c>
      <c r="I2851" s="7">
        <v>2.9020185000000001</v>
      </c>
      <c r="J2851" s="8">
        <v>-75.260310099999998</v>
      </c>
    </row>
    <row r="2852" spans="1:10" x14ac:dyDescent="0.35">
      <c r="A2852" s="5" t="s">
        <v>10</v>
      </c>
      <c r="B2852" s="6">
        <v>188890</v>
      </c>
      <c r="C2852" s="6" t="s">
        <v>294</v>
      </c>
      <c r="D2852" s="6" t="s">
        <v>703</v>
      </c>
      <c r="E2852" s="6">
        <v>41001</v>
      </c>
      <c r="F2852" s="6" t="s">
        <v>18</v>
      </c>
      <c r="G2852" s="6" t="s">
        <v>5929</v>
      </c>
      <c r="H2852" s="6" t="s">
        <v>5930</v>
      </c>
      <c r="I2852" s="7">
        <v>2.9686566000000001</v>
      </c>
      <c r="J2852" s="8">
        <v>-75.292689999999993</v>
      </c>
    </row>
    <row r="2853" spans="1:10" x14ac:dyDescent="0.35">
      <c r="A2853" s="5" t="s">
        <v>10</v>
      </c>
      <c r="B2853" s="6">
        <v>224543</v>
      </c>
      <c r="C2853" s="6" t="s">
        <v>294</v>
      </c>
      <c r="D2853" s="6" t="s">
        <v>5931</v>
      </c>
      <c r="E2853" s="6">
        <v>41770</v>
      </c>
      <c r="F2853" s="6" t="s">
        <v>18</v>
      </c>
      <c r="G2853" s="6" t="s">
        <v>5932</v>
      </c>
      <c r="H2853" s="6" t="s">
        <v>5933</v>
      </c>
      <c r="I2853" s="7">
        <v>1.9769565</v>
      </c>
      <c r="J2853" s="8">
        <v>-75.795039599999996</v>
      </c>
    </row>
    <row r="2854" spans="1:10" x14ac:dyDescent="0.35">
      <c r="A2854" s="5" t="s">
        <v>10</v>
      </c>
      <c r="B2854" s="6">
        <v>153487</v>
      </c>
      <c r="C2854" s="6" t="s">
        <v>11</v>
      </c>
      <c r="D2854" s="6" t="s">
        <v>5209</v>
      </c>
      <c r="E2854" s="6">
        <v>25297</v>
      </c>
      <c r="F2854" s="6" t="s">
        <v>18</v>
      </c>
      <c r="G2854" s="6" t="s">
        <v>5934</v>
      </c>
      <c r="H2854" s="6" t="s">
        <v>5935</v>
      </c>
      <c r="I2854" s="7">
        <v>4.5776601000000001</v>
      </c>
      <c r="J2854" s="8">
        <v>-74.226401499999994</v>
      </c>
    </row>
    <row r="2855" spans="1:10" x14ac:dyDescent="0.35">
      <c r="A2855" s="5" t="s">
        <v>10</v>
      </c>
      <c r="B2855" s="6">
        <v>207026</v>
      </c>
      <c r="C2855" s="6" t="s">
        <v>11</v>
      </c>
      <c r="D2855" s="6" t="s">
        <v>221</v>
      </c>
      <c r="E2855" s="6">
        <v>25430</v>
      </c>
      <c r="F2855" s="6" t="s">
        <v>18</v>
      </c>
      <c r="G2855" s="6" t="s">
        <v>5936</v>
      </c>
      <c r="H2855" s="6" t="s">
        <v>5937</v>
      </c>
      <c r="I2855" s="7">
        <v>4.7314873999999998</v>
      </c>
      <c r="J2855" s="8">
        <v>-74.260215000000002</v>
      </c>
    </row>
    <row r="2856" spans="1:10" x14ac:dyDescent="0.35">
      <c r="A2856" s="5" t="s">
        <v>10</v>
      </c>
      <c r="B2856" s="6">
        <v>232359</v>
      </c>
      <c r="C2856" s="6" t="s">
        <v>11</v>
      </c>
      <c r="D2856" s="6" t="s">
        <v>1755</v>
      </c>
      <c r="E2856" s="6">
        <v>25001</v>
      </c>
      <c r="F2856" s="6" t="s">
        <v>18</v>
      </c>
      <c r="G2856" s="6" t="s">
        <v>5938</v>
      </c>
      <c r="H2856" s="6" t="s">
        <v>5939</v>
      </c>
      <c r="I2856" s="7">
        <v>4.3765647999999997</v>
      </c>
      <c r="J2856" s="8">
        <v>-74.6702516</v>
      </c>
    </row>
    <row r="2857" spans="1:10" x14ac:dyDescent="0.35">
      <c r="A2857" s="5" t="s">
        <v>10</v>
      </c>
      <c r="B2857" s="6">
        <v>214233</v>
      </c>
      <c r="C2857" s="6" t="s">
        <v>11</v>
      </c>
      <c r="D2857" s="6" t="s">
        <v>334</v>
      </c>
      <c r="E2857" s="6">
        <v>25754</v>
      </c>
      <c r="F2857" s="6" t="s">
        <v>18</v>
      </c>
      <c r="G2857" s="6" t="s">
        <v>5940</v>
      </c>
      <c r="H2857" s="6" t="s">
        <v>5941</v>
      </c>
      <c r="I2857" s="7">
        <v>4.5848703999999998</v>
      </c>
      <c r="J2857" s="8">
        <v>-74.180986599999997</v>
      </c>
    </row>
    <row r="2858" spans="1:10" x14ac:dyDescent="0.35">
      <c r="A2858" s="5" t="s">
        <v>10</v>
      </c>
      <c r="B2858" s="6">
        <v>236917</v>
      </c>
      <c r="C2858" s="6" t="s">
        <v>11</v>
      </c>
      <c r="D2858" s="6" t="s">
        <v>5942</v>
      </c>
      <c r="E2858" s="6">
        <v>25718</v>
      </c>
      <c r="F2858" s="6" t="s">
        <v>18</v>
      </c>
      <c r="G2858" s="6" t="s">
        <v>5943</v>
      </c>
      <c r="H2858" s="6" t="s">
        <v>5944</v>
      </c>
      <c r="I2858" s="7">
        <v>4.8567958000000004</v>
      </c>
      <c r="J2858" s="8">
        <v>-74.053974499999995</v>
      </c>
    </row>
    <row r="2859" spans="1:10" x14ac:dyDescent="0.35">
      <c r="A2859" s="5" t="s">
        <v>10</v>
      </c>
      <c r="B2859" s="6">
        <v>207077</v>
      </c>
      <c r="C2859" s="6" t="s">
        <v>68</v>
      </c>
      <c r="D2859" s="6" t="s">
        <v>69</v>
      </c>
      <c r="E2859" s="6">
        <v>11001</v>
      </c>
      <c r="F2859" s="6" t="s">
        <v>18</v>
      </c>
      <c r="G2859" s="6" t="s">
        <v>5945</v>
      </c>
      <c r="H2859" s="6" t="s">
        <v>5946</v>
      </c>
      <c r="I2859" s="7">
        <v>4.6203984999999896</v>
      </c>
      <c r="J2859" s="8">
        <v>-74.197284799999906</v>
      </c>
    </row>
    <row r="2860" spans="1:10" x14ac:dyDescent="0.35">
      <c r="A2860" s="5" t="s">
        <v>10</v>
      </c>
      <c r="B2860" s="6">
        <v>233331</v>
      </c>
      <c r="C2860" s="6" t="s">
        <v>68</v>
      </c>
      <c r="D2860" s="6" t="s">
        <v>69</v>
      </c>
      <c r="E2860" s="6">
        <v>11001</v>
      </c>
      <c r="F2860" s="6" t="s">
        <v>18</v>
      </c>
      <c r="G2860" s="6" t="s">
        <v>5947</v>
      </c>
      <c r="H2860" s="6" t="s">
        <v>5948</v>
      </c>
      <c r="I2860" s="7">
        <v>4.6069300000000002</v>
      </c>
      <c r="J2860" s="8">
        <v>-74.186170000000004</v>
      </c>
    </row>
    <row r="2861" spans="1:10" x14ac:dyDescent="0.35">
      <c r="A2861" s="5" t="s">
        <v>10</v>
      </c>
      <c r="B2861" s="6">
        <v>205683</v>
      </c>
      <c r="C2861" s="6" t="s">
        <v>16</v>
      </c>
      <c r="D2861" s="6" t="s">
        <v>1401</v>
      </c>
      <c r="E2861" s="6">
        <v>68307</v>
      </c>
      <c r="F2861" s="6" t="s">
        <v>18</v>
      </c>
      <c r="G2861" s="6" t="s">
        <v>5949</v>
      </c>
      <c r="H2861" s="6" t="s">
        <v>5950</v>
      </c>
      <c r="I2861" s="7">
        <v>7.0618032999999896</v>
      </c>
      <c r="J2861" s="8">
        <v>-73.170524099999994</v>
      </c>
    </row>
    <row r="2862" spans="1:10" x14ac:dyDescent="0.35">
      <c r="A2862" s="5" t="s">
        <v>10</v>
      </c>
      <c r="B2862" s="6">
        <v>224490</v>
      </c>
      <c r="C2862" s="6" t="s">
        <v>551</v>
      </c>
      <c r="D2862" s="6" t="s">
        <v>570</v>
      </c>
      <c r="E2862" s="6">
        <v>20614</v>
      </c>
      <c r="F2862" s="6" t="s">
        <v>18</v>
      </c>
      <c r="G2862" s="6" t="s">
        <v>5951</v>
      </c>
      <c r="H2862" s="6" t="s">
        <v>5952</v>
      </c>
      <c r="I2862" s="7">
        <v>8.2942669999999996</v>
      </c>
      <c r="J2862" s="8">
        <v>-73.387467999999998</v>
      </c>
    </row>
    <row r="2863" spans="1:10" x14ac:dyDescent="0.35">
      <c r="A2863" s="5" t="s">
        <v>10</v>
      </c>
      <c r="B2863" s="6">
        <v>226745</v>
      </c>
      <c r="C2863" s="6" t="s">
        <v>551</v>
      </c>
      <c r="D2863" s="6" t="s">
        <v>3868</v>
      </c>
      <c r="E2863" s="6">
        <v>20001</v>
      </c>
      <c r="F2863" s="6" t="s">
        <v>18</v>
      </c>
      <c r="G2863" s="6" t="s">
        <v>113</v>
      </c>
      <c r="H2863" s="6" t="s">
        <v>5953</v>
      </c>
      <c r="I2863" s="7">
        <v>10.4742449</v>
      </c>
      <c r="J2863" s="8">
        <v>-73.243633500000001</v>
      </c>
    </row>
    <row r="2864" spans="1:10" x14ac:dyDescent="0.35">
      <c r="A2864" s="5" t="s">
        <v>10</v>
      </c>
      <c r="B2864" s="6">
        <v>246605</v>
      </c>
      <c r="C2864" s="6" t="s">
        <v>2130</v>
      </c>
      <c r="D2864" s="6" t="s">
        <v>2131</v>
      </c>
      <c r="E2864" s="6">
        <v>85001</v>
      </c>
      <c r="F2864" s="6" t="s">
        <v>18</v>
      </c>
      <c r="G2864" s="6" t="s">
        <v>5954</v>
      </c>
      <c r="H2864" s="6" t="s">
        <v>5955</v>
      </c>
      <c r="I2864" s="7">
        <v>5.3489488999999999</v>
      </c>
      <c r="J2864" s="8">
        <v>-72.400539600000002</v>
      </c>
    </row>
    <row r="2865" spans="1:10" x14ac:dyDescent="0.35">
      <c r="A2865" s="5" t="s">
        <v>10</v>
      </c>
      <c r="B2865" s="6">
        <v>207629</v>
      </c>
      <c r="C2865" s="6" t="s">
        <v>11</v>
      </c>
      <c r="D2865" s="6" t="s">
        <v>507</v>
      </c>
      <c r="E2865" s="6">
        <v>25845</v>
      </c>
      <c r="F2865" s="6" t="s">
        <v>18</v>
      </c>
      <c r="G2865" s="6" t="s">
        <v>5956</v>
      </c>
      <c r="H2865" s="6" t="s">
        <v>5957</v>
      </c>
      <c r="I2865" s="7">
        <v>4.4025850000000002</v>
      </c>
      <c r="J2865" s="8">
        <v>-74.025384000000003</v>
      </c>
    </row>
    <row r="2866" spans="1:10" x14ac:dyDescent="0.35">
      <c r="A2866" s="5" t="s">
        <v>10</v>
      </c>
      <c r="B2866" s="6">
        <v>225056</v>
      </c>
      <c r="C2866" s="6" t="s">
        <v>11</v>
      </c>
      <c r="D2866" s="6" t="s">
        <v>12</v>
      </c>
      <c r="E2866" s="6">
        <v>25899</v>
      </c>
      <c r="F2866" s="6" t="s">
        <v>18</v>
      </c>
      <c r="G2866" s="6" t="s">
        <v>5958</v>
      </c>
      <c r="H2866" s="6" t="s">
        <v>5959</v>
      </c>
      <c r="I2866" s="7">
        <v>5.0355999999999996</v>
      </c>
      <c r="J2866" s="8">
        <v>-73.982709999999997</v>
      </c>
    </row>
    <row r="2867" spans="1:10" x14ac:dyDescent="0.35">
      <c r="A2867" s="5" t="s">
        <v>10</v>
      </c>
      <c r="B2867" s="6">
        <v>228732</v>
      </c>
      <c r="C2867" s="6" t="s">
        <v>11</v>
      </c>
      <c r="D2867" s="6" t="s">
        <v>4340</v>
      </c>
      <c r="E2867" s="6">
        <v>25841</v>
      </c>
      <c r="F2867" s="6" t="s">
        <v>18</v>
      </c>
      <c r="G2867" s="6" t="s">
        <v>5960</v>
      </c>
      <c r="H2867" s="6" t="s">
        <v>5961</v>
      </c>
      <c r="I2867" s="7">
        <v>4.4827539999999999</v>
      </c>
      <c r="J2867" s="8">
        <v>-73.936034699999993</v>
      </c>
    </row>
    <row r="2868" spans="1:10" x14ac:dyDescent="0.35">
      <c r="A2868" s="5" t="s">
        <v>10</v>
      </c>
      <c r="B2868" s="6">
        <v>236030</v>
      </c>
      <c r="C2868" s="6" t="s">
        <v>11</v>
      </c>
      <c r="D2868" s="6" t="s">
        <v>3724</v>
      </c>
      <c r="E2868" s="6">
        <v>25513</v>
      </c>
      <c r="F2868" s="6" t="s">
        <v>18</v>
      </c>
      <c r="G2868" s="6" t="s">
        <v>5962</v>
      </c>
      <c r="H2868" s="6" t="s">
        <v>5963</v>
      </c>
      <c r="I2868" s="7">
        <v>5.1303827000000002</v>
      </c>
      <c r="J2868" s="8">
        <v>-74.160363099999998</v>
      </c>
    </row>
    <row r="2869" spans="1:10" x14ac:dyDescent="0.35">
      <c r="A2869" s="5" t="s">
        <v>10</v>
      </c>
      <c r="B2869" s="6">
        <v>236783</v>
      </c>
      <c r="C2869" s="6" t="s">
        <v>11</v>
      </c>
      <c r="D2869" s="6" t="s">
        <v>101</v>
      </c>
      <c r="E2869" s="6">
        <v>25473</v>
      </c>
      <c r="F2869" s="6" t="s">
        <v>18</v>
      </c>
      <c r="G2869" s="6" t="s">
        <v>5964</v>
      </c>
      <c r="H2869" s="6" t="s">
        <v>5965</v>
      </c>
      <c r="I2869" s="7">
        <v>4.7223248</v>
      </c>
      <c r="J2869" s="8">
        <v>-74.229510700000006</v>
      </c>
    </row>
    <row r="2870" spans="1:10" x14ac:dyDescent="0.35">
      <c r="A2870" s="5" t="s">
        <v>10</v>
      </c>
      <c r="B2870" s="6">
        <v>235766</v>
      </c>
      <c r="C2870" s="6" t="s">
        <v>109</v>
      </c>
      <c r="D2870" s="6" t="s">
        <v>658</v>
      </c>
      <c r="E2870" s="6">
        <v>13836</v>
      </c>
      <c r="F2870" s="6" t="s">
        <v>18</v>
      </c>
      <c r="G2870" s="6" t="s">
        <v>5966</v>
      </c>
      <c r="H2870" s="6" t="s">
        <v>5967</v>
      </c>
      <c r="I2870" s="7">
        <v>10.334638</v>
      </c>
      <c r="J2870" s="8">
        <v>-75.412672000000001</v>
      </c>
    </row>
    <row r="2871" spans="1:10" x14ac:dyDescent="0.35">
      <c r="A2871" s="5" t="s">
        <v>10</v>
      </c>
      <c r="B2871" s="6">
        <v>210436</v>
      </c>
      <c r="C2871" s="6" t="s">
        <v>68</v>
      </c>
      <c r="D2871" s="6" t="s">
        <v>69</v>
      </c>
      <c r="E2871" s="6">
        <v>11001</v>
      </c>
      <c r="F2871" s="6" t="s">
        <v>18</v>
      </c>
      <c r="G2871" s="6" t="s">
        <v>5968</v>
      </c>
      <c r="H2871" s="6" t="s">
        <v>5969</v>
      </c>
      <c r="I2871" s="7">
        <v>4.5697622000000004</v>
      </c>
      <c r="J2871" s="8">
        <v>-74.075839799999997</v>
      </c>
    </row>
    <row r="2872" spans="1:10" x14ac:dyDescent="0.35">
      <c r="A2872" s="5" t="s">
        <v>10</v>
      </c>
      <c r="B2872" s="6">
        <v>221954</v>
      </c>
      <c r="C2872" s="6" t="s">
        <v>68</v>
      </c>
      <c r="D2872" s="6" t="s">
        <v>69</v>
      </c>
      <c r="E2872" s="6">
        <v>11001</v>
      </c>
      <c r="F2872" s="6" t="s">
        <v>18</v>
      </c>
      <c r="G2872" s="6" t="s">
        <v>5970</v>
      </c>
      <c r="H2872" s="6" t="s">
        <v>5971</v>
      </c>
      <c r="I2872" s="7">
        <v>4.7113839999999998</v>
      </c>
      <c r="J2872" s="8">
        <v>-74.102422799999999</v>
      </c>
    </row>
    <row r="2873" spans="1:10" x14ac:dyDescent="0.35">
      <c r="A2873" s="5" t="s">
        <v>10</v>
      </c>
      <c r="B2873" s="6">
        <v>203814</v>
      </c>
      <c r="C2873" s="6" t="s">
        <v>24</v>
      </c>
      <c r="D2873" s="6" t="s">
        <v>530</v>
      </c>
      <c r="E2873" s="6">
        <v>15516</v>
      </c>
      <c r="F2873" s="6" t="s">
        <v>18</v>
      </c>
      <c r="G2873" s="6" t="s">
        <v>5127</v>
      </c>
      <c r="H2873" s="6" t="s">
        <v>5128</v>
      </c>
      <c r="I2873" s="7">
        <v>5.7797700000000001</v>
      </c>
      <c r="J2873" s="8">
        <v>-73.114724999999893</v>
      </c>
    </row>
    <row r="2874" spans="1:10" x14ac:dyDescent="0.35">
      <c r="A2874" s="5" t="s">
        <v>10</v>
      </c>
      <c r="B2874" s="6">
        <v>207380</v>
      </c>
      <c r="C2874" s="6" t="s">
        <v>24</v>
      </c>
      <c r="D2874" s="6" t="s">
        <v>137</v>
      </c>
      <c r="E2874" s="6">
        <v>15238</v>
      </c>
      <c r="F2874" s="6" t="s">
        <v>18</v>
      </c>
      <c r="G2874" s="6" t="s">
        <v>5972</v>
      </c>
      <c r="H2874" s="6" t="s">
        <v>5973</v>
      </c>
      <c r="I2874" s="7">
        <v>5.8203661999999996</v>
      </c>
      <c r="J2874" s="8">
        <v>-73.036270799999997</v>
      </c>
    </row>
    <row r="2875" spans="1:10" x14ac:dyDescent="0.35">
      <c r="A2875" s="5" t="s">
        <v>10</v>
      </c>
      <c r="B2875" s="6">
        <v>183819</v>
      </c>
      <c r="C2875" s="6" t="s">
        <v>278</v>
      </c>
      <c r="D2875" s="6" t="s">
        <v>1331</v>
      </c>
      <c r="E2875" s="6">
        <v>50006</v>
      </c>
      <c r="F2875" s="6" t="s">
        <v>18</v>
      </c>
      <c r="G2875" s="6" t="s">
        <v>5974</v>
      </c>
      <c r="H2875" s="6" t="s">
        <v>5975</v>
      </c>
      <c r="I2875" s="7">
        <v>3.9915873999999998</v>
      </c>
      <c r="J2875" s="8">
        <v>-73.761523100000005</v>
      </c>
    </row>
    <row r="2876" spans="1:10" x14ac:dyDescent="0.35">
      <c r="A2876" s="5" t="s">
        <v>10</v>
      </c>
      <c r="B2876" s="6">
        <v>231859</v>
      </c>
      <c r="C2876" s="6" t="s">
        <v>294</v>
      </c>
      <c r="D2876" s="6" t="s">
        <v>703</v>
      </c>
      <c r="E2876" s="6">
        <v>41001</v>
      </c>
      <c r="F2876" s="6" t="s">
        <v>18</v>
      </c>
      <c r="G2876" s="6" t="s">
        <v>5976</v>
      </c>
      <c r="H2876" s="6" t="s">
        <v>5977</v>
      </c>
      <c r="I2876" s="7">
        <v>2.9105666000000001</v>
      </c>
      <c r="J2876" s="8">
        <v>-75.280567000000005</v>
      </c>
    </row>
    <row r="2877" spans="1:10" x14ac:dyDescent="0.35">
      <c r="A2877" s="5" t="s">
        <v>10</v>
      </c>
      <c r="B2877" s="6">
        <v>236839</v>
      </c>
      <c r="C2877" s="6" t="s">
        <v>11</v>
      </c>
      <c r="D2877" s="6" t="s">
        <v>337</v>
      </c>
      <c r="E2877" s="6">
        <v>25290</v>
      </c>
      <c r="F2877" s="6" t="s">
        <v>18</v>
      </c>
      <c r="G2877" s="6" t="s">
        <v>5978</v>
      </c>
      <c r="H2877" s="6" t="s">
        <v>5979</v>
      </c>
      <c r="I2877" s="7">
        <v>4.3284893999999996</v>
      </c>
      <c r="J2877" s="8">
        <v>-74.363012299999994</v>
      </c>
    </row>
    <row r="2878" spans="1:10" x14ac:dyDescent="0.35">
      <c r="A2878" s="5" t="s">
        <v>10</v>
      </c>
      <c r="B2878" s="6">
        <v>219896</v>
      </c>
      <c r="C2878" s="6" t="s">
        <v>28</v>
      </c>
      <c r="D2878" s="6" t="s">
        <v>29</v>
      </c>
      <c r="E2878" s="6">
        <v>54001</v>
      </c>
      <c r="F2878" s="6" t="s">
        <v>18</v>
      </c>
      <c r="G2878" s="6" t="s">
        <v>5980</v>
      </c>
      <c r="H2878" s="6" t="s">
        <v>5981</v>
      </c>
      <c r="I2878" s="7">
        <v>7.8889424999999997</v>
      </c>
      <c r="J2878" s="8">
        <v>-72.504214099999999</v>
      </c>
    </row>
    <row r="2879" spans="1:10" x14ac:dyDescent="0.35">
      <c r="A2879" s="5" t="s">
        <v>10</v>
      </c>
      <c r="B2879" s="6">
        <v>236792</v>
      </c>
      <c r="C2879" s="6" t="s">
        <v>68</v>
      </c>
      <c r="D2879" s="6" t="s">
        <v>69</v>
      </c>
      <c r="E2879" s="6">
        <v>11001</v>
      </c>
      <c r="F2879" s="6" t="s">
        <v>18</v>
      </c>
      <c r="G2879" s="6" t="s">
        <v>5982</v>
      </c>
      <c r="H2879" s="6" t="s">
        <v>5983</v>
      </c>
      <c r="I2879" s="7">
        <v>4.5901243000000003</v>
      </c>
      <c r="J2879" s="8">
        <v>-74.179971600000002</v>
      </c>
    </row>
    <row r="2880" spans="1:10" x14ac:dyDescent="0.35">
      <c r="A2880" s="5" t="s">
        <v>10</v>
      </c>
      <c r="B2880" s="6">
        <v>248682</v>
      </c>
      <c r="C2880" s="6" t="s">
        <v>68</v>
      </c>
      <c r="D2880" s="6" t="s">
        <v>69</v>
      </c>
      <c r="E2880" s="6">
        <v>11001</v>
      </c>
      <c r="F2880" s="6" t="s">
        <v>18</v>
      </c>
      <c r="G2880" s="6" t="s">
        <v>5984</v>
      </c>
      <c r="H2880" s="6" t="s">
        <v>5985</v>
      </c>
      <c r="I2880" s="7">
        <v>4.6193261999999997</v>
      </c>
      <c r="J2880" s="8">
        <v>-74.176505300000002</v>
      </c>
    </row>
    <row r="2881" spans="1:10" x14ac:dyDescent="0.35">
      <c r="A2881" s="5" t="s">
        <v>10</v>
      </c>
      <c r="B2881" s="6">
        <v>226222</v>
      </c>
      <c r="C2881" s="6" t="s">
        <v>117</v>
      </c>
      <c r="D2881" s="6" t="s">
        <v>3686</v>
      </c>
      <c r="E2881" s="6">
        <v>76111</v>
      </c>
      <c r="F2881" s="6" t="s">
        <v>13</v>
      </c>
      <c r="G2881" s="6" t="s">
        <v>3737</v>
      </c>
      <c r="H2881" s="6" t="s">
        <v>5986</v>
      </c>
      <c r="I2881" s="7">
        <v>3.9000659999999998</v>
      </c>
      <c r="J2881" s="8">
        <v>-76.311621000000002</v>
      </c>
    </row>
    <row r="2882" spans="1:10" x14ac:dyDescent="0.35">
      <c r="A2882" s="5" t="s">
        <v>10</v>
      </c>
      <c r="B2882" s="6">
        <v>243500</v>
      </c>
      <c r="C2882" s="6" t="s">
        <v>68</v>
      </c>
      <c r="D2882" s="6" t="s">
        <v>69</v>
      </c>
      <c r="E2882" s="6">
        <v>11001</v>
      </c>
      <c r="F2882" s="6" t="s">
        <v>2161</v>
      </c>
      <c r="G2882" s="6" t="s">
        <v>5987</v>
      </c>
      <c r="H2882" s="6" t="s">
        <v>5988</v>
      </c>
      <c r="I2882" s="7">
        <v>4.7466876999999998</v>
      </c>
      <c r="J2882" s="8">
        <v>-74.100776400000001</v>
      </c>
    </row>
    <row r="2883" spans="1:10" x14ac:dyDescent="0.35">
      <c r="A2883" s="5" t="s">
        <v>10</v>
      </c>
      <c r="B2883" s="6">
        <v>230783</v>
      </c>
      <c r="C2883" s="6" t="s">
        <v>16</v>
      </c>
      <c r="D2883" s="6" t="s">
        <v>2825</v>
      </c>
      <c r="E2883" s="6">
        <v>68276</v>
      </c>
      <c r="F2883" s="6" t="s">
        <v>18</v>
      </c>
      <c r="G2883" s="6" t="s">
        <v>5989</v>
      </c>
      <c r="H2883" s="6" t="s">
        <v>5990</v>
      </c>
      <c r="I2883" s="7">
        <v>7.0693644999999998</v>
      </c>
      <c r="J2883" s="8">
        <v>-73.112706399999993</v>
      </c>
    </row>
    <row r="2884" spans="1:10" x14ac:dyDescent="0.35">
      <c r="A2884" s="5" t="s">
        <v>10</v>
      </c>
      <c r="B2884" s="6">
        <v>201542</v>
      </c>
      <c r="C2884" s="6" t="s">
        <v>3325</v>
      </c>
      <c r="D2884" s="6" t="s">
        <v>5991</v>
      </c>
      <c r="E2884" s="6">
        <v>95001</v>
      </c>
      <c r="F2884" s="6" t="s">
        <v>18</v>
      </c>
      <c r="G2884" s="6" t="s">
        <v>5992</v>
      </c>
      <c r="H2884" s="6" t="s">
        <v>5993</v>
      </c>
      <c r="I2884" s="7">
        <v>2.5546502000000002</v>
      </c>
      <c r="J2884" s="8">
        <v>-72.642518600000002</v>
      </c>
    </row>
    <row r="2885" spans="1:10" x14ac:dyDescent="0.35">
      <c r="A2885" s="5" t="s">
        <v>10</v>
      </c>
      <c r="B2885" s="6">
        <v>203090</v>
      </c>
      <c r="C2885" s="6" t="s">
        <v>278</v>
      </c>
      <c r="D2885" s="6" t="s">
        <v>279</v>
      </c>
      <c r="E2885" s="6">
        <v>50001</v>
      </c>
      <c r="F2885" s="6" t="s">
        <v>18</v>
      </c>
      <c r="G2885" s="6" t="s">
        <v>4251</v>
      </c>
      <c r="H2885" s="6" t="s">
        <v>4252</v>
      </c>
      <c r="I2885" s="7">
        <v>4.0827644999999997</v>
      </c>
      <c r="J2885" s="8">
        <v>-73.668986899999993</v>
      </c>
    </row>
    <row r="2886" spans="1:10" x14ac:dyDescent="0.35">
      <c r="A2886" s="5" t="s">
        <v>10</v>
      </c>
      <c r="B2886" s="6">
        <v>210980</v>
      </c>
      <c r="C2886" s="6" t="s">
        <v>278</v>
      </c>
      <c r="D2886" s="6" t="s">
        <v>279</v>
      </c>
      <c r="E2886" s="6">
        <v>50001</v>
      </c>
      <c r="F2886" s="6" t="s">
        <v>18</v>
      </c>
      <c r="G2886" s="6" t="s">
        <v>5994</v>
      </c>
      <c r="H2886" s="6" t="s">
        <v>5995</v>
      </c>
      <c r="I2886" s="7">
        <v>4.1321389000000002</v>
      </c>
      <c r="J2886" s="8">
        <v>-73.600844300000006</v>
      </c>
    </row>
    <row r="2887" spans="1:10" x14ac:dyDescent="0.35">
      <c r="A2887" s="5" t="s">
        <v>10</v>
      </c>
      <c r="B2887" s="6">
        <v>239379</v>
      </c>
      <c r="C2887" s="6" t="s">
        <v>278</v>
      </c>
      <c r="D2887" s="6" t="s">
        <v>4924</v>
      </c>
      <c r="E2887" s="6">
        <v>50689</v>
      </c>
      <c r="F2887" s="6" t="s">
        <v>18</v>
      </c>
      <c r="G2887" s="6" t="s">
        <v>5996</v>
      </c>
      <c r="H2887" s="6" t="s">
        <v>5997</v>
      </c>
      <c r="I2887" s="7">
        <v>3.6984919999999999</v>
      </c>
      <c r="J2887" s="8">
        <v>-73.697308000000007</v>
      </c>
    </row>
    <row r="2888" spans="1:10" x14ac:dyDescent="0.35">
      <c r="A2888" s="5" t="s">
        <v>10</v>
      </c>
      <c r="B2888" s="6">
        <v>214735</v>
      </c>
      <c r="C2888" s="6" t="s">
        <v>278</v>
      </c>
      <c r="D2888" s="6" t="s">
        <v>279</v>
      </c>
      <c r="E2888" s="6">
        <v>50001</v>
      </c>
      <c r="F2888" s="6" t="s">
        <v>18</v>
      </c>
      <c r="G2888" s="6" t="s">
        <v>5998</v>
      </c>
      <c r="H2888" s="6" t="s">
        <v>5999</v>
      </c>
      <c r="I2888" s="7">
        <v>4.1174162000000001</v>
      </c>
      <c r="J2888" s="8">
        <v>-73.625898100000001</v>
      </c>
    </row>
    <row r="2889" spans="1:10" x14ac:dyDescent="0.35">
      <c r="A2889" s="5" t="s">
        <v>10</v>
      </c>
      <c r="B2889" s="6">
        <v>205217</v>
      </c>
      <c r="C2889" s="6" t="s">
        <v>11</v>
      </c>
      <c r="D2889" s="6" t="s">
        <v>334</v>
      </c>
      <c r="E2889" s="6">
        <v>25754</v>
      </c>
      <c r="F2889" s="6" t="s">
        <v>18</v>
      </c>
      <c r="G2889" s="6" t="s">
        <v>6000</v>
      </c>
      <c r="H2889" s="6" t="s">
        <v>6001</v>
      </c>
      <c r="I2889" s="7">
        <v>4.5629875999999996</v>
      </c>
      <c r="J2889" s="8">
        <v>-74.236339399999906</v>
      </c>
    </row>
    <row r="2890" spans="1:10" x14ac:dyDescent="0.35">
      <c r="A2890" s="5" t="s">
        <v>10</v>
      </c>
      <c r="B2890" s="6">
        <v>236926</v>
      </c>
      <c r="C2890" s="6" t="s">
        <v>11</v>
      </c>
      <c r="D2890" s="6" t="s">
        <v>334</v>
      </c>
      <c r="E2890" s="6">
        <v>25754</v>
      </c>
      <c r="F2890" s="6" t="s">
        <v>18</v>
      </c>
      <c r="G2890" s="6" t="s">
        <v>6002</v>
      </c>
      <c r="H2890" s="6" t="s">
        <v>6003</v>
      </c>
      <c r="I2890" s="7">
        <v>4.5798997000000004</v>
      </c>
      <c r="J2890" s="8">
        <v>-74.206119999999999</v>
      </c>
    </row>
    <row r="2891" spans="1:10" x14ac:dyDescent="0.35">
      <c r="A2891" s="5" t="s">
        <v>10</v>
      </c>
      <c r="B2891" s="6">
        <v>221232</v>
      </c>
      <c r="C2891" s="6" t="s">
        <v>68</v>
      </c>
      <c r="D2891" s="6" t="s">
        <v>69</v>
      </c>
      <c r="E2891" s="6">
        <v>11001</v>
      </c>
      <c r="F2891" s="6" t="s">
        <v>18</v>
      </c>
      <c r="G2891" s="6" t="s">
        <v>6004</v>
      </c>
      <c r="H2891" s="6" t="s">
        <v>6005</v>
      </c>
      <c r="I2891" s="7">
        <v>4.5751872999999996</v>
      </c>
      <c r="J2891" s="8">
        <v>-74.124536800000001</v>
      </c>
    </row>
    <row r="2892" spans="1:10" x14ac:dyDescent="0.35">
      <c r="A2892" s="5" t="s">
        <v>10</v>
      </c>
      <c r="B2892" s="6">
        <v>220953</v>
      </c>
      <c r="C2892" s="6" t="s">
        <v>68</v>
      </c>
      <c r="D2892" s="6" t="s">
        <v>69</v>
      </c>
      <c r="E2892" s="6">
        <v>11001</v>
      </c>
      <c r="F2892" s="6" t="s">
        <v>18</v>
      </c>
      <c r="G2892" s="6" t="s">
        <v>6006</v>
      </c>
      <c r="H2892" s="6" t="s">
        <v>6007</v>
      </c>
      <c r="I2892" s="7">
        <v>4.5815596999999997</v>
      </c>
      <c r="J2892" s="8">
        <v>-74.071328199999996</v>
      </c>
    </row>
    <row r="2893" spans="1:10" x14ac:dyDescent="0.35">
      <c r="A2893" s="5" t="s">
        <v>10</v>
      </c>
      <c r="B2893" s="6">
        <v>226290</v>
      </c>
      <c r="C2893" s="6" t="s">
        <v>68</v>
      </c>
      <c r="D2893" s="6" t="s">
        <v>69</v>
      </c>
      <c r="E2893" s="6">
        <v>11001</v>
      </c>
      <c r="F2893" s="6" t="s">
        <v>13</v>
      </c>
      <c r="G2893" s="6" t="s">
        <v>3737</v>
      </c>
      <c r="H2893" s="6" t="s">
        <v>6008</v>
      </c>
      <c r="I2893" s="7">
        <v>4.7545180999999896</v>
      </c>
      <c r="J2893" s="8">
        <v>-74.044476199999906</v>
      </c>
    </row>
    <row r="2894" spans="1:10" x14ac:dyDescent="0.35">
      <c r="A2894" s="5" t="s">
        <v>10</v>
      </c>
      <c r="B2894" s="6">
        <v>226358</v>
      </c>
      <c r="C2894" s="6" t="s">
        <v>117</v>
      </c>
      <c r="D2894" s="6" t="s">
        <v>4397</v>
      </c>
      <c r="E2894" s="6">
        <v>76147</v>
      </c>
      <c r="F2894" s="6" t="s">
        <v>13</v>
      </c>
      <c r="G2894" s="6" t="s">
        <v>3737</v>
      </c>
      <c r="H2894" s="6" t="s">
        <v>6009</v>
      </c>
      <c r="I2894" s="7">
        <v>4.7957837000000003</v>
      </c>
      <c r="J2894" s="8">
        <v>-75.992730899999998</v>
      </c>
    </row>
    <row r="2895" spans="1:10" x14ac:dyDescent="0.35">
      <c r="A2895" s="5" t="s">
        <v>10</v>
      </c>
      <c r="B2895" s="6">
        <v>214130</v>
      </c>
      <c r="C2895" s="6" t="s">
        <v>551</v>
      </c>
      <c r="D2895" s="6" t="s">
        <v>3892</v>
      </c>
      <c r="E2895" s="6">
        <v>20550</v>
      </c>
      <c r="F2895" s="6" t="s">
        <v>18</v>
      </c>
      <c r="G2895" s="6" t="s">
        <v>6010</v>
      </c>
      <c r="H2895" s="6" t="s">
        <v>6011</v>
      </c>
      <c r="I2895" s="7">
        <v>8.6880309999999898</v>
      </c>
      <c r="J2895" s="8">
        <v>-73.666376999999997</v>
      </c>
    </row>
    <row r="2896" spans="1:10" x14ac:dyDescent="0.35">
      <c r="A2896" s="5" t="s">
        <v>10</v>
      </c>
      <c r="B2896" s="6">
        <v>229346</v>
      </c>
      <c r="C2896" s="6" t="s">
        <v>551</v>
      </c>
      <c r="D2896" s="6" t="s">
        <v>977</v>
      </c>
      <c r="E2896" s="6">
        <v>20011</v>
      </c>
      <c r="F2896" s="6" t="s">
        <v>18</v>
      </c>
      <c r="G2896" s="6" t="s">
        <v>6012</v>
      </c>
      <c r="H2896" s="6" t="s">
        <v>6013</v>
      </c>
      <c r="I2896" s="7">
        <v>8.3097458999999994</v>
      </c>
      <c r="J2896" s="8">
        <v>-73.614487100000005</v>
      </c>
    </row>
    <row r="2897" spans="1:10" x14ac:dyDescent="0.35">
      <c r="A2897" s="5" t="s">
        <v>10</v>
      </c>
      <c r="B2897" s="6">
        <v>219827</v>
      </c>
      <c r="C2897" s="6" t="s">
        <v>2130</v>
      </c>
      <c r="D2897" s="6" t="s">
        <v>2131</v>
      </c>
      <c r="E2897" s="6">
        <v>85001</v>
      </c>
      <c r="F2897" s="6" t="s">
        <v>18</v>
      </c>
      <c r="G2897" s="6" t="s">
        <v>6014</v>
      </c>
      <c r="H2897" s="6" t="s">
        <v>6015</v>
      </c>
      <c r="I2897" s="7">
        <v>5.3496294999999998</v>
      </c>
      <c r="J2897" s="8">
        <v>-72.399007699999999</v>
      </c>
    </row>
    <row r="2898" spans="1:10" x14ac:dyDescent="0.35">
      <c r="A2898" s="5" t="s">
        <v>10</v>
      </c>
      <c r="B2898" s="6">
        <v>241906</v>
      </c>
      <c r="C2898" s="6" t="s">
        <v>2130</v>
      </c>
      <c r="D2898" s="6" t="s">
        <v>4021</v>
      </c>
      <c r="E2898" s="6">
        <v>85225</v>
      </c>
      <c r="F2898" s="6" t="s">
        <v>18</v>
      </c>
      <c r="G2898" s="6" t="s">
        <v>6016</v>
      </c>
      <c r="H2898" s="6" t="s">
        <v>6017</v>
      </c>
      <c r="I2898" s="7">
        <v>5.6380970000000001</v>
      </c>
      <c r="J2898" s="8">
        <v>-72.195526999999998</v>
      </c>
    </row>
    <row r="2899" spans="1:10" x14ac:dyDescent="0.35">
      <c r="A2899" s="5" t="s">
        <v>10</v>
      </c>
      <c r="B2899" s="6">
        <v>241845</v>
      </c>
      <c r="C2899" s="6" t="s">
        <v>2130</v>
      </c>
      <c r="D2899" s="6" t="s">
        <v>2131</v>
      </c>
      <c r="E2899" s="6">
        <v>85001</v>
      </c>
      <c r="F2899" s="6" t="s">
        <v>18</v>
      </c>
      <c r="G2899" s="6" t="s">
        <v>6018</v>
      </c>
      <c r="H2899" s="6" t="s">
        <v>6019</v>
      </c>
      <c r="I2899" s="7">
        <v>5.348903</v>
      </c>
      <c r="J2899" s="8">
        <v>-72.400523000000007</v>
      </c>
    </row>
    <row r="2900" spans="1:10" x14ac:dyDescent="0.35">
      <c r="A2900" s="5" t="s">
        <v>10</v>
      </c>
      <c r="B2900" s="6">
        <v>245658</v>
      </c>
      <c r="C2900" s="6" t="s">
        <v>11</v>
      </c>
      <c r="D2900" s="6" t="s">
        <v>106</v>
      </c>
      <c r="E2900" s="6">
        <v>25843</v>
      </c>
      <c r="F2900" s="6" t="s">
        <v>18</v>
      </c>
      <c r="G2900" s="6" t="s">
        <v>6020</v>
      </c>
      <c r="H2900" s="6" t="s">
        <v>6021</v>
      </c>
      <c r="I2900" s="7">
        <v>5.3109441000000004</v>
      </c>
      <c r="J2900" s="8">
        <v>-73.806135800000007</v>
      </c>
    </row>
    <row r="2901" spans="1:10" x14ac:dyDescent="0.35">
      <c r="A2901" s="5" t="s">
        <v>10</v>
      </c>
      <c r="B2901" s="6">
        <v>226778</v>
      </c>
      <c r="C2901" s="6" t="s">
        <v>11</v>
      </c>
      <c r="D2901" s="6" t="s">
        <v>901</v>
      </c>
      <c r="E2901" s="6">
        <v>25307</v>
      </c>
      <c r="F2901" s="6" t="s">
        <v>18</v>
      </c>
      <c r="G2901" s="6" t="s">
        <v>6022</v>
      </c>
      <c r="H2901" s="6" t="s">
        <v>6023</v>
      </c>
      <c r="I2901" s="7">
        <v>4.2975459999999996</v>
      </c>
      <c r="J2901" s="8">
        <v>-74.803307799999999</v>
      </c>
    </row>
    <row r="2902" spans="1:10" x14ac:dyDescent="0.35">
      <c r="A2902" s="5" t="s">
        <v>10</v>
      </c>
      <c r="B2902" s="6">
        <v>231234</v>
      </c>
      <c r="C2902" s="6" t="s">
        <v>24</v>
      </c>
      <c r="D2902" s="6" t="s">
        <v>88</v>
      </c>
      <c r="E2902" s="6">
        <v>15001</v>
      </c>
      <c r="F2902" s="6" t="s">
        <v>18</v>
      </c>
      <c r="G2902" s="6" t="s">
        <v>6024</v>
      </c>
      <c r="H2902" s="6" t="s">
        <v>6025</v>
      </c>
      <c r="I2902" s="7">
        <v>5.5372003999999997</v>
      </c>
      <c r="J2902" s="8">
        <v>-73.360618399999893</v>
      </c>
    </row>
    <row r="2903" spans="1:10" x14ac:dyDescent="0.35">
      <c r="A2903" s="5" t="s">
        <v>10</v>
      </c>
      <c r="B2903" s="6">
        <v>236229</v>
      </c>
      <c r="C2903" s="6" t="s">
        <v>551</v>
      </c>
      <c r="D2903" s="6" t="s">
        <v>3868</v>
      </c>
      <c r="E2903" s="6">
        <v>20001</v>
      </c>
      <c r="F2903" s="6" t="s">
        <v>18</v>
      </c>
      <c r="G2903" s="6" t="s">
        <v>6026</v>
      </c>
      <c r="H2903" s="6" t="s">
        <v>6027</v>
      </c>
      <c r="I2903" s="7">
        <v>10.4803899</v>
      </c>
      <c r="J2903" s="8">
        <v>-73.2543826</v>
      </c>
    </row>
    <row r="2904" spans="1:10" x14ac:dyDescent="0.35">
      <c r="A2904" s="5" t="s">
        <v>10</v>
      </c>
      <c r="B2904" s="6">
        <v>188318</v>
      </c>
      <c r="C2904" s="6" t="s">
        <v>16</v>
      </c>
      <c r="D2904" s="6" t="s">
        <v>78</v>
      </c>
      <c r="E2904" s="6">
        <v>68001</v>
      </c>
      <c r="F2904" s="6" t="s">
        <v>18</v>
      </c>
      <c r="G2904" s="6" t="s">
        <v>186</v>
      </c>
      <c r="H2904" s="6" t="s">
        <v>6028</v>
      </c>
      <c r="I2904" s="7">
        <v>7.1086349000000002</v>
      </c>
      <c r="J2904" s="8">
        <v>-73.135182700000001</v>
      </c>
    </row>
    <row r="2905" spans="1:10" x14ac:dyDescent="0.35">
      <c r="A2905" s="5" t="s">
        <v>10</v>
      </c>
      <c r="B2905" s="6">
        <v>238309</v>
      </c>
      <c r="C2905" s="6" t="s">
        <v>68</v>
      </c>
      <c r="D2905" s="6" t="s">
        <v>69</v>
      </c>
      <c r="E2905" s="6">
        <v>11001</v>
      </c>
      <c r="F2905" s="6" t="s">
        <v>18</v>
      </c>
      <c r="G2905" s="6" t="s">
        <v>6029</v>
      </c>
      <c r="H2905" s="6" t="s">
        <v>6030</v>
      </c>
      <c r="I2905" s="7">
        <v>4.7492739999999998</v>
      </c>
      <c r="J2905" s="8">
        <v>-74.111214500000003</v>
      </c>
    </row>
    <row r="2906" spans="1:10" x14ac:dyDescent="0.35">
      <c r="A2906" s="5" t="s">
        <v>10</v>
      </c>
      <c r="B2906" s="6">
        <v>226228</v>
      </c>
      <c r="C2906" s="6" t="s">
        <v>117</v>
      </c>
      <c r="D2906" s="6" t="s">
        <v>1334</v>
      </c>
      <c r="E2906" s="6">
        <v>76001</v>
      </c>
      <c r="F2906" s="6" t="s">
        <v>13</v>
      </c>
      <c r="G2906" s="6" t="s">
        <v>3737</v>
      </c>
      <c r="H2906" s="6" t="s">
        <v>6031</v>
      </c>
      <c r="I2906" s="7">
        <v>3.4528797</v>
      </c>
      <c r="J2906" s="8">
        <v>-76.538524699999996</v>
      </c>
    </row>
    <row r="2907" spans="1:10" x14ac:dyDescent="0.35">
      <c r="A2907" s="5" t="s">
        <v>10</v>
      </c>
      <c r="B2907" s="6">
        <v>226268</v>
      </c>
      <c r="C2907" s="6" t="s">
        <v>117</v>
      </c>
      <c r="D2907" s="6" t="s">
        <v>1291</v>
      </c>
      <c r="E2907" s="6">
        <v>76834</v>
      </c>
      <c r="F2907" s="6" t="s">
        <v>13</v>
      </c>
      <c r="G2907" s="6" t="s">
        <v>3737</v>
      </c>
      <c r="H2907" s="6" t="s">
        <v>6032</v>
      </c>
      <c r="I2907" s="7">
        <v>4.0839156000000001</v>
      </c>
      <c r="J2907" s="8">
        <v>-76.194181899999904</v>
      </c>
    </row>
    <row r="2908" spans="1:10" x14ac:dyDescent="0.35">
      <c r="A2908" s="5" t="s">
        <v>10</v>
      </c>
      <c r="B2908" s="6">
        <v>179252</v>
      </c>
      <c r="C2908" s="6" t="s">
        <v>16</v>
      </c>
      <c r="D2908" s="6" t="s">
        <v>78</v>
      </c>
      <c r="E2908" s="6">
        <v>68001</v>
      </c>
      <c r="F2908" s="6" t="s">
        <v>18</v>
      </c>
      <c r="G2908" s="6" t="s">
        <v>6033</v>
      </c>
      <c r="H2908" s="6" t="s">
        <v>6034</v>
      </c>
      <c r="I2908" s="7">
        <v>7.0874997000000004</v>
      </c>
      <c r="J2908" s="8">
        <v>-73.105767799999995</v>
      </c>
    </row>
    <row r="2909" spans="1:10" x14ac:dyDescent="0.35">
      <c r="A2909" s="5" t="s">
        <v>10</v>
      </c>
      <c r="B2909" s="6">
        <v>213464</v>
      </c>
      <c r="C2909" s="6" t="s">
        <v>278</v>
      </c>
      <c r="D2909" s="6" t="s">
        <v>279</v>
      </c>
      <c r="E2909" s="6">
        <v>50001</v>
      </c>
      <c r="F2909" s="6" t="s">
        <v>18</v>
      </c>
      <c r="G2909" s="6" t="s">
        <v>6035</v>
      </c>
      <c r="H2909" s="6" t="s">
        <v>6036</v>
      </c>
      <c r="I2909" s="7">
        <v>4.1340785999999996</v>
      </c>
      <c r="J2909" s="8">
        <v>-73.591597399999998</v>
      </c>
    </row>
    <row r="2910" spans="1:10" x14ac:dyDescent="0.35">
      <c r="A2910" s="5" t="s">
        <v>10</v>
      </c>
      <c r="B2910" s="6">
        <v>148596</v>
      </c>
      <c r="C2910" s="6" t="s">
        <v>294</v>
      </c>
      <c r="D2910" s="6" t="s">
        <v>703</v>
      </c>
      <c r="E2910" s="6">
        <v>41001</v>
      </c>
      <c r="F2910" s="6" t="s">
        <v>18</v>
      </c>
      <c r="G2910" s="6" t="s">
        <v>4988</v>
      </c>
      <c r="H2910" s="6" t="s">
        <v>4989</v>
      </c>
      <c r="I2910" s="7">
        <v>2.9344836999999999</v>
      </c>
      <c r="J2910" s="8">
        <v>-75.280900099999997</v>
      </c>
    </row>
    <row r="2911" spans="1:10" x14ac:dyDescent="0.35">
      <c r="A2911" s="5" t="s">
        <v>10</v>
      </c>
      <c r="B2911" s="6">
        <v>230124</v>
      </c>
      <c r="C2911" s="6" t="s">
        <v>11</v>
      </c>
      <c r="D2911" s="6" t="s">
        <v>334</v>
      </c>
      <c r="E2911" s="6">
        <v>25754</v>
      </c>
      <c r="F2911" s="6" t="s">
        <v>18</v>
      </c>
      <c r="G2911" s="6" t="s">
        <v>6037</v>
      </c>
      <c r="H2911" s="6" t="s">
        <v>6038</v>
      </c>
      <c r="I2911" s="7">
        <v>4.5866648999999997</v>
      </c>
      <c r="J2911" s="8">
        <v>-74.188950500000004</v>
      </c>
    </row>
    <row r="2912" spans="1:10" x14ac:dyDescent="0.35">
      <c r="A2912" s="5" t="s">
        <v>10</v>
      </c>
      <c r="B2912" s="6">
        <v>209531</v>
      </c>
      <c r="C2912" s="6" t="s">
        <v>11</v>
      </c>
      <c r="D2912" s="6" t="s">
        <v>513</v>
      </c>
      <c r="E2912" s="6">
        <v>25286</v>
      </c>
      <c r="F2912" s="6" t="s">
        <v>18</v>
      </c>
      <c r="G2912" s="6" t="s">
        <v>6039</v>
      </c>
      <c r="H2912" s="6" t="s">
        <v>6040</v>
      </c>
      <c r="I2912" s="7">
        <v>4.7144462999999996</v>
      </c>
      <c r="J2912" s="8">
        <v>-74.214869399999998</v>
      </c>
    </row>
    <row r="2913" spans="1:10" x14ac:dyDescent="0.35">
      <c r="A2913" s="5" t="s">
        <v>10</v>
      </c>
      <c r="B2913" s="6">
        <v>240167</v>
      </c>
      <c r="C2913" s="6" t="s">
        <v>117</v>
      </c>
      <c r="D2913" s="6" t="s">
        <v>1334</v>
      </c>
      <c r="E2913" s="6">
        <v>76001</v>
      </c>
      <c r="F2913" s="6" t="s">
        <v>18</v>
      </c>
      <c r="G2913" s="6" t="s">
        <v>6041</v>
      </c>
      <c r="H2913" s="6" t="s">
        <v>6042</v>
      </c>
      <c r="I2913" s="7">
        <v>3.4213374999999999</v>
      </c>
      <c r="J2913" s="8">
        <v>-76.527330300000003</v>
      </c>
    </row>
    <row r="2914" spans="1:10" x14ac:dyDescent="0.35">
      <c r="A2914" s="5" t="s">
        <v>10</v>
      </c>
      <c r="B2914" s="6">
        <v>228097</v>
      </c>
      <c r="C2914" s="6" t="s">
        <v>11</v>
      </c>
      <c r="D2914" s="6" t="s">
        <v>334</v>
      </c>
      <c r="E2914" s="6">
        <v>25754</v>
      </c>
      <c r="F2914" s="6" t="s">
        <v>18</v>
      </c>
      <c r="G2914" s="6" t="s">
        <v>6043</v>
      </c>
      <c r="H2914" s="6" t="s">
        <v>6044</v>
      </c>
      <c r="I2914" s="7">
        <v>4.5783081999999897</v>
      </c>
      <c r="J2914" s="8">
        <v>-74.214156099999997</v>
      </c>
    </row>
    <row r="2915" spans="1:10" x14ac:dyDescent="0.35">
      <c r="A2915" s="5" t="s">
        <v>10</v>
      </c>
      <c r="B2915" s="6">
        <v>239633</v>
      </c>
      <c r="C2915" s="6" t="s">
        <v>28</v>
      </c>
      <c r="D2915" s="6" t="s">
        <v>29</v>
      </c>
      <c r="E2915" s="6">
        <v>54001</v>
      </c>
      <c r="F2915" s="6" t="s">
        <v>18</v>
      </c>
      <c r="G2915" s="6" t="s">
        <v>6045</v>
      </c>
      <c r="H2915" s="6" t="s">
        <v>6046</v>
      </c>
      <c r="I2915" s="7">
        <v>7.9313079999999996</v>
      </c>
      <c r="J2915" s="8">
        <v>-72.504530799999998</v>
      </c>
    </row>
    <row r="2916" spans="1:10" x14ac:dyDescent="0.35">
      <c r="A2916" s="5" t="s">
        <v>10</v>
      </c>
      <c r="B2916" s="6">
        <v>226271</v>
      </c>
      <c r="C2916" s="6" t="s">
        <v>117</v>
      </c>
      <c r="D2916" s="6" t="s">
        <v>4931</v>
      </c>
      <c r="E2916" s="6">
        <v>76892</v>
      </c>
      <c r="F2916" s="6" t="s">
        <v>13</v>
      </c>
      <c r="G2916" s="6" t="s">
        <v>3737</v>
      </c>
      <c r="H2916" s="6" t="s">
        <v>6047</v>
      </c>
      <c r="I2916" s="7">
        <v>3.4490807000000001</v>
      </c>
      <c r="J2916" s="8">
        <v>-76.536776799999998</v>
      </c>
    </row>
    <row r="2917" spans="1:10" x14ac:dyDescent="0.35">
      <c r="A2917" s="5" t="s">
        <v>10</v>
      </c>
      <c r="B2917" s="6">
        <v>226323</v>
      </c>
      <c r="C2917" s="6" t="s">
        <v>278</v>
      </c>
      <c r="D2917" s="6" t="s">
        <v>279</v>
      </c>
      <c r="E2917" s="6">
        <v>50001</v>
      </c>
      <c r="F2917" s="6" t="s">
        <v>13</v>
      </c>
      <c r="G2917" s="6" t="s">
        <v>3737</v>
      </c>
      <c r="H2917" s="6" t="s">
        <v>6048</v>
      </c>
      <c r="I2917" s="7">
        <v>4.1111681000000004</v>
      </c>
      <c r="J2917" s="8">
        <v>-73.631698799999995</v>
      </c>
    </row>
    <row r="2918" spans="1:10" x14ac:dyDescent="0.35">
      <c r="A2918" s="5" t="s">
        <v>10</v>
      </c>
      <c r="B2918" s="6">
        <v>174434</v>
      </c>
      <c r="C2918" s="6" t="s">
        <v>16</v>
      </c>
      <c r="D2918" s="6" t="s">
        <v>78</v>
      </c>
      <c r="E2918" s="6">
        <v>68001</v>
      </c>
      <c r="F2918" s="6" t="s">
        <v>18</v>
      </c>
      <c r="G2918" s="6" t="s">
        <v>6049</v>
      </c>
      <c r="H2918" s="6" t="s">
        <v>6050</v>
      </c>
      <c r="I2918" s="7">
        <v>7.1107629000000001</v>
      </c>
      <c r="J2918" s="8">
        <v>-73.132323</v>
      </c>
    </row>
    <row r="2919" spans="1:10" x14ac:dyDescent="0.35">
      <c r="A2919" s="5" t="s">
        <v>10</v>
      </c>
      <c r="B2919" s="6">
        <v>201320</v>
      </c>
      <c r="C2919" s="6" t="s">
        <v>16</v>
      </c>
      <c r="D2919" s="6" t="s">
        <v>78</v>
      </c>
      <c r="E2919" s="6">
        <v>68001</v>
      </c>
      <c r="F2919" s="6" t="s">
        <v>18</v>
      </c>
      <c r="G2919" s="6" t="s">
        <v>6051</v>
      </c>
      <c r="H2919" s="6" t="s">
        <v>6052</v>
      </c>
      <c r="I2919" s="7">
        <v>7.1242166999999998</v>
      </c>
      <c r="J2919" s="8">
        <v>-73.121180699999996</v>
      </c>
    </row>
    <row r="2920" spans="1:10" x14ac:dyDescent="0.35">
      <c r="A2920" s="5" t="s">
        <v>10</v>
      </c>
      <c r="B2920" s="6">
        <v>237232</v>
      </c>
      <c r="C2920" s="6" t="s">
        <v>294</v>
      </c>
      <c r="D2920" s="6" t="s">
        <v>5054</v>
      </c>
      <c r="E2920" s="6">
        <v>41615</v>
      </c>
      <c r="F2920" s="6" t="s">
        <v>18</v>
      </c>
      <c r="G2920" s="6" t="s">
        <v>6053</v>
      </c>
      <c r="H2920" s="6" t="s">
        <v>6054</v>
      </c>
      <c r="I2920" s="7">
        <v>2.7787636</v>
      </c>
      <c r="J2920" s="8">
        <v>-75.258872199999999</v>
      </c>
    </row>
    <row r="2921" spans="1:10" x14ac:dyDescent="0.35">
      <c r="A2921" s="5" t="s">
        <v>10</v>
      </c>
      <c r="B2921" s="6">
        <v>232974</v>
      </c>
      <c r="C2921" s="6" t="s">
        <v>294</v>
      </c>
      <c r="D2921" s="6" t="s">
        <v>3777</v>
      </c>
      <c r="E2921" s="6">
        <v>41132</v>
      </c>
      <c r="F2921" s="6" t="s">
        <v>18</v>
      </c>
      <c r="G2921" s="6" t="s">
        <v>6055</v>
      </c>
      <c r="H2921" s="6" t="s">
        <v>6056</v>
      </c>
      <c r="I2921" s="7">
        <v>2.6851131000000001</v>
      </c>
      <c r="J2921" s="8">
        <v>-75.326633999999999</v>
      </c>
    </row>
    <row r="2922" spans="1:10" x14ac:dyDescent="0.35">
      <c r="A2922" s="5" t="s">
        <v>10</v>
      </c>
      <c r="B2922" s="6">
        <v>205140</v>
      </c>
      <c r="C2922" s="6" t="s">
        <v>11</v>
      </c>
      <c r="D2922" s="6" t="s">
        <v>334</v>
      </c>
      <c r="E2922" s="6">
        <v>25754</v>
      </c>
      <c r="F2922" s="6" t="s">
        <v>18</v>
      </c>
      <c r="G2922" s="6" t="s">
        <v>6057</v>
      </c>
      <c r="H2922" s="6" t="s">
        <v>6058</v>
      </c>
      <c r="I2922" s="7">
        <v>4.5770333000000001</v>
      </c>
      <c r="J2922" s="8">
        <v>-74.196504699999906</v>
      </c>
    </row>
    <row r="2923" spans="1:10" x14ac:dyDescent="0.35">
      <c r="A2923" s="5" t="s">
        <v>10</v>
      </c>
      <c r="B2923" s="6">
        <v>237190</v>
      </c>
      <c r="C2923" s="6" t="s">
        <v>11</v>
      </c>
      <c r="D2923" s="6" t="s">
        <v>334</v>
      </c>
      <c r="E2923" s="6">
        <v>25754</v>
      </c>
      <c r="F2923" s="6" t="s">
        <v>18</v>
      </c>
      <c r="G2923" s="6" t="s">
        <v>6059</v>
      </c>
      <c r="H2923" s="6" t="s">
        <v>6060</v>
      </c>
      <c r="I2923" s="7">
        <v>4.5778170999999999</v>
      </c>
      <c r="J2923" s="8">
        <v>-74.246467999999993</v>
      </c>
    </row>
    <row r="2924" spans="1:10" x14ac:dyDescent="0.35">
      <c r="A2924" s="5" t="s">
        <v>10</v>
      </c>
      <c r="B2924" s="6">
        <v>239001</v>
      </c>
      <c r="C2924" s="6" t="s">
        <v>11</v>
      </c>
      <c r="D2924" s="6" t="s">
        <v>334</v>
      </c>
      <c r="E2924" s="6">
        <v>25754</v>
      </c>
      <c r="F2924" s="6" t="s">
        <v>18</v>
      </c>
      <c r="G2924" s="6" t="s">
        <v>6061</v>
      </c>
      <c r="H2924" s="6" t="s">
        <v>6062</v>
      </c>
      <c r="I2924" s="7">
        <v>4.5815878999999997</v>
      </c>
      <c r="J2924" s="8">
        <v>-74.217156200000005</v>
      </c>
    </row>
    <row r="2925" spans="1:10" x14ac:dyDescent="0.35">
      <c r="A2925" s="5" t="s">
        <v>10</v>
      </c>
      <c r="B2925" s="6">
        <v>231894</v>
      </c>
      <c r="C2925" s="6" t="s">
        <v>11</v>
      </c>
      <c r="D2925" s="6" t="s">
        <v>4706</v>
      </c>
      <c r="E2925" s="6">
        <v>25658</v>
      </c>
      <c r="F2925" s="6" t="s">
        <v>18</v>
      </c>
      <c r="G2925" s="6" t="s">
        <v>6063</v>
      </c>
      <c r="H2925" s="6" t="s">
        <v>6064</v>
      </c>
      <c r="I2925" s="7">
        <v>4.9746739</v>
      </c>
      <c r="J2925" s="8">
        <v>-74.289071100000001</v>
      </c>
    </row>
    <row r="2926" spans="1:10" x14ac:dyDescent="0.35">
      <c r="A2926" s="5" t="s">
        <v>10</v>
      </c>
      <c r="B2926" s="6">
        <v>232831</v>
      </c>
      <c r="C2926" s="6" t="s">
        <v>11</v>
      </c>
      <c r="D2926" s="6" t="s">
        <v>4944</v>
      </c>
      <c r="E2926" s="6">
        <v>25878</v>
      </c>
      <c r="F2926" s="6" t="s">
        <v>18</v>
      </c>
      <c r="G2926" s="6" t="s">
        <v>6065</v>
      </c>
      <c r="H2926" s="6" t="s">
        <v>6066</v>
      </c>
      <c r="I2926" s="7">
        <v>4.4373199999999997</v>
      </c>
      <c r="J2926" s="8">
        <v>-74.521820000000005</v>
      </c>
    </row>
    <row r="2927" spans="1:10" x14ac:dyDescent="0.35">
      <c r="A2927" s="5" t="s">
        <v>10</v>
      </c>
      <c r="B2927" s="6">
        <v>237559</v>
      </c>
      <c r="C2927" s="6" t="s">
        <v>11</v>
      </c>
      <c r="D2927" s="6" t="s">
        <v>6067</v>
      </c>
      <c r="E2927" s="6">
        <v>25288</v>
      </c>
      <c r="F2927" s="6" t="s">
        <v>18</v>
      </c>
      <c r="G2927" s="6" t="s">
        <v>6068</v>
      </c>
      <c r="H2927" s="6" t="s">
        <v>6069</v>
      </c>
      <c r="I2927" s="7">
        <v>5.4067417999999998</v>
      </c>
      <c r="J2927" s="8">
        <v>-73.765533399999995</v>
      </c>
    </row>
    <row r="2928" spans="1:10" x14ac:dyDescent="0.35">
      <c r="A2928" s="5" t="s">
        <v>10</v>
      </c>
      <c r="B2928" s="6">
        <v>216861</v>
      </c>
      <c r="C2928" s="6" t="s">
        <v>11</v>
      </c>
      <c r="D2928" s="6" t="s">
        <v>334</v>
      </c>
      <c r="E2928" s="6">
        <v>25754</v>
      </c>
      <c r="F2928" s="6" t="s">
        <v>18</v>
      </c>
      <c r="G2928" s="6" t="s">
        <v>6070</v>
      </c>
      <c r="H2928" s="6" t="s">
        <v>6071</v>
      </c>
      <c r="I2928" s="7">
        <v>4.5768578999999896</v>
      </c>
      <c r="J2928" s="8">
        <v>-74.237336200000001</v>
      </c>
    </row>
    <row r="2929" spans="1:10" x14ac:dyDescent="0.35">
      <c r="A2929" s="5" t="s">
        <v>10</v>
      </c>
      <c r="B2929" s="6">
        <v>226302</v>
      </c>
      <c r="C2929" s="6" t="s">
        <v>68</v>
      </c>
      <c r="D2929" s="6" t="s">
        <v>69</v>
      </c>
      <c r="E2929" s="6">
        <v>11001</v>
      </c>
      <c r="F2929" s="6" t="s">
        <v>13</v>
      </c>
      <c r="G2929" s="6" t="s">
        <v>3737</v>
      </c>
      <c r="H2929" s="6" t="s">
        <v>6072</v>
      </c>
      <c r="I2929" s="7">
        <v>4.6564063999999998</v>
      </c>
      <c r="J2929" s="8">
        <v>-74.054981499999997</v>
      </c>
    </row>
    <row r="2930" spans="1:10" x14ac:dyDescent="0.35">
      <c r="A2930" s="5" t="s">
        <v>10</v>
      </c>
      <c r="B2930" s="6">
        <v>235605</v>
      </c>
      <c r="C2930" s="6" t="s">
        <v>68</v>
      </c>
      <c r="D2930" s="6" t="s">
        <v>69</v>
      </c>
      <c r="E2930" s="6">
        <v>11001</v>
      </c>
      <c r="F2930" s="6" t="s">
        <v>18</v>
      </c>
      <c r="G2930" s="6" t="s">
        <v>6073</v>
      </c>
      <c r="H2930" s="6" t="s">
        <v>6074</v>
      </c>
      <c r="I2930" s="7">
        <v>9.1059640000000002</v>
      </c>
      <c r="J2930" s="8">
        <v>-75.401527000000002</v>
      </c>
    </row>
    <row r="2931" spans="1:10" x14ac:dyDescent="0.35">
      <c r="A2931" s="5" t="s">
        <v>10</v>
      </c>
      <c r="B2931" s="6">
        <v>203814</v>
      </c>
      <c r="C2931" s="6" t="s">
        <v>24</v>
      </c>
      <c r="D2931" s="6" t="s">
        <v>530</v>
      </c>
      <c r="E2931" s="6">
        <v>15516</v>
      </c>
      <c r="F2931" s="6" t="s">
        <v>18</v>
      </c>
      <c r="G2931" s="6" t="s">
        <v>5127</v>
      </c>
      <c r="H2931" s="6" t="s">
        <v>5128</v>
      </c>
      <c r="I2931" s="7">
        <v>5.7797700000000001</v>
      </c>
      <c r="J2931" s="8">
        <v>-73.114724999999893</v>
      </c>
    </row>
    <row r="2932" spans="1:10" x14ac:dyDescent="0.35">
      <c r="A2932" s="5" t="s">
        <v>10</v>
      </c>
      <c r="B2932" s="6">
        <v>239313</v>
      </c>
      <c r="C2932" s="6" t="s">
        <v>278</v>
      </c>
      <c r="D2932" s="6" t="s">
        <v>279</v>
      </c>
      <c r="E2932" s="6">
        <v>50001</v>
      </c>
      <c r="F2932" s="6" t="s">
        <v>18</v>
      </c>
      <c r="G2932" s="6" t="s">
        <v>6075</v>
      </c>
      <c r="H2932" s="6" t="s">
        <v>6076</v>
      </c>
      <c r="I2932" s="7">
        <v>4.1182449999999999</v>
      </c>
      <c r="J2932" s="8">
        <v>-73.628720999999999</v>
      </c>
    </row>
    <row r="2933" spans="1:10" x14ac:dyDescent="0.35">
      <c r="A2933" s="5" t="s">
        <v>10</v>
      </c>
      <c r="B2933" s="6">
        <v>246319</v>
      </c>
      <c r="C2933" s="6" t="s">
        <v>294</v>
      </c>
      <c r="D2933" s="6" t="s">
        <v>4257</v>
      </c>
      <c r="E2933" s="6">
        <v>41524</v>
      </c>
      <c r="F2933" s="6" t="s">
        <v>18</v>
      </c>
      <c r="G2933" s="6" t="s">
        <v>4258</v>
      </c>
      <c r="H2933" s="6" t="s">
        <v>6077</v>
      </c>
      <c r="I2933" s="7">
        <v>2.8862459999999999</v>
      </c>
      <c r="J2933" s="8">
        <v>-75.433419000000001</v>
      </c>
    </row>
    <row r="2934" spans="1:10" x14ac:dyDescent="0.35">
      <c r="A2934" s="5" t="s">
        <v>10</v>
      </c>
      <c r="B2934" s="6">
        <v>237014</v>
      </c>
      <c r="C2934" s="6" t="s">
        <v>11</v>
      </c>
      <c r="D2934" s="6" t="s">
        <v>4745</v>
      </c>
      <c r="E2934" s="6">
        <v>25328</v>
      </c>
      <c r="F2934" s="6" t="s">
        <v>18</v>
      </c>
      <c r="G2934" s="6" t="s">
        <v>6078</v>
      </c>
      <c r="H2934" s="6" t="s">
        <v>6079</v>
      </c>
      <c r="I2934" s="7">
        <v>5.0290872999999996</v>
      </c>
      <c r="J2934" s="8">
        <v>-74.888440099999997</v>
      </c>
    </row>
    <row r="2935" spans="1:10" x14ac:dyDescent="0.35">
      <c r="A2935" s="5" t="s">
        <v>10</v>
      </c>
      <c r="B2935" s="6">
        <v>201054</v>
      </c>
      <c r="C2935" s="6" t="s">
        <v>11</v>
      </c>
      <c r="D2935" s="6" t="s">
        <v>334</v>
      </c>
      <c r="E2935" s="6">
        <v>25754</v>
      </c>
      <c r="F2935" s="6" t="s">
        <v>18</v>
      </c>
      <c r="G2935" s="6" t="s">
        <v>6080</v>
      </c>
      <c r="H2935" s="6" t="s">
        <v>6081</v>
      </c>
      <c r="I2935" s="7">
        <v>4.5880916999999997</v>
      </c>
      <c r="J2935" s="8">
        <v>-74.221884299999999</v>
      </c>
    </row>
    <row r="2936" spans="1:10" x14ac:dyDescent="0.35">
      <c r="A2936" s="5" t="s">
        <v>10</v>
      </c>
      <c r="B2936" s="6">
        <v>244804</v>
      </c>
      <c r="C2936" s="6" t="s">
        <v>11</v>
      </c>
      <c r="D2936" s="6" t="s">
        <v>1547</v>
      </c>
      <c r="E2936" s="6">
        <v>25817</v>
      </c>
      <c r="F2936" s="6" t="s">
        <v>18</v>
      </c>
      <c r="G2936" s="6" t="s">
        <v>6082</v>
      </c>
      <c r="H2936" s="6" t="s">
        <v>6083</v>
      </c>
      <c r="I2936" s="7">
        <v>4.9627122999999997</v>
      </c>
      <c r="J2936" s="8">
        <v>-73.933597700000007</v>
      </c>
    </row>
    <row r="2937" spans="1:10" x14ac:dyDescent="0.35">
      <c r="A2937" s="5" t="s">
        <v>10</v>
      </c>
      <c r="B2937" s="6">
        <v>208061</v>
      </c>
      <c r="C2937" s="6" t="s">
        <v>190</v>
      </c>
      <c r="D2937" s="6" t="s">
        <v>6084</v>
      </c>
      <c r="E2937" s="6">
        <v>5154</v>
      </c>
      <c r="F2937" s="6" t="s">
        <v>18</v>
      </c>
      <c r="G2937" s="6" t="s">
        <v>6085</v>
      </c>
      <c r="H2937" s="6" t="s">
        <v>6086</v>
      </c>
      <c r="I2937" s="7">
        <v>7.9851912</v>
      </c>
      <c r="J2937" s="8">
        <v>-75.193402199999994</v>
      </c>
    </row>
    <row r="2938" spans="1:10" x14ac:dyDescent="0.35">
      <c r="A2938" s="5" t="s">
        <v>10</v>
      </c>
      <c r="B2938" s="6">
        <v>234572</v>
      </c>
      <c r="C2938" s="6" t="s">
        <v>117</v>
      </c>
      <c r="D2938" s="6" t="s">
        <v>1334</v>
      </c>
      <c r="E2938" s="6">
        <v>76001</v>
      </c>
      <c r="F2938" s="6" t="s">
        <v>18</v>
      </c>
      <c r="G2938" s="6" t="s">
        <v>6087</v>
      </c>
      <c r="H2938" s="6" t="s">
        <v>6088</v>
      </c>
      <c r="I2938" s="7">
        <v>3.3999703999999999</v>
      </c>
      <c r="J2938" s="8">
        <v>-76.505582799999999</v>
      </c>
    </row>
    <row r="2939" spans="1:10" x14ac:dyDescent="0.35">
      <c r="A2939" s="5" t="s">
        <v>10</v>
      </c>
      <c r="B2939" s="6">
        <v>191177</v>
      </c>
      <c r="C2939" s="6" t="s">
        <v>68</v>
      </c>
      <c r="D2939" s="6" t="s">
        <v>69</v>
      </c>
      <c r="E2939" s="6">
        <v>11001</v>
      </c>
      <c r="F2939" s="6" t="s">
        <v>18</v>
      </c>
      <c r="G2939" s="6" t="s">
        <v>186</v>
      </c>
      <c r="H2939" s="6" t="s">
        <v>6089</v>
      </c>
      <c r="I2939" s="7">
        <v>4.6217221999999998</v>
      </c>
      <c r="J2939" s="8">
        <v>-74.143582899999998</v>
      </c>
    </row>
    <row r="2940" spans="1:10" x14ac:dyDescent="0.35">
      <c r="A2940" s="5" t="s">
        <v>10</v>
      </c>
      <c r="B2940" s="6">
        <v>243637</v>
      </c>
      <c r="C2940" s="6" t="s">
        <v>68</v>
      </c>
      <c r="D2940" s="6" t="s">
        <v>69</v>
      </c>
      <c r="E2940" s="6">
        <v>11001</v>
      </c>
      <c r="F2940" s="6" t="s">
        <v>18</v>
      </c>
      <c r="G2940" s="6" t="s">
        <v>6090</v>
      </c>
      <c r="H2940" s="6" t="s">
        <v>6091</v>
      </c>
      <c r="I2940" s="7">
        <v>4.7520471000000004</v>
      </c>
      <c r="J2940" s="8">
        <v>-74.117022300000002</v>
      </c>
    </row>
    <row r="2941" spans="1:10" x14ac:dyDescent="0.35">
      <c r="A2941" s="5" t="s">
        <v>10</v>
      </c>
      <c r="B2941" s="6">
        <v>238158</v>
      </c>
      <c r="C2941" s="6" t="s">
        <v>11</v>
      </c>
      <c r="D2941" s="6" t="s">
        <v>101</v>
      </c>
      <c r="E2941" s="6">
        <v>25473</v>
      </c>
      <c r="F2941" s="6" t="s">
        <v>18</v>
      </c>
      <c r="G2941" s="6" t="s">
        <v>6092</v>
      </c>
      <c r="H2941" s="6" t="s">
        <v>6093</v>
      </c>
      <c r="I2941" s="7">
        <v>4.7151683999999996</v>
      </c>
      <c r="J2941" s="8">
        <v>-74.230187099999995</v>
      </c>
    </row>
    <row r="2942" spans="1:10" x14ac:dyDescent="0.35">
      <c r="A2942" s="5" t="s">
        <v>10</v>
      </c>
      <c r="B2942" s="6">
        <v>226394</v>
      </c>
      <c r="C2942" s="6" t="s">
        <v>190</v>
      </c>
      <c r="D2942" s="6" t="s">
        <v>191</v>
      </c>
      <c r="E2942" s="6">
        <v>5001</v>
      </c>
      <c r="F2942" s="6" t="s">
        <v>13</v>
      </c>
      <c r="G2942" s="6" t="s">
        <v>3737</v>
      </c>
      <c r="H2942" s="6" t="s">
        <v>6094</v>
      </c>
      <c r="I2942" s="7">
        <v>6.2466515999999999</v>
      </c>
      <c r="J2942" s="8">
        <v>-75.566702399999997</v>
      </c>
    </row>
    <row r="2943" spans="1:10" x14ac:dyDescent="0.35">
      <c r="A2943" s="5" t="s">
        <v>10</v>
      </c>
      <c r="B2943" s="6">
        <v>186442</v>
      </c>
      <c r="C2943" s="6" t="s">
        <v>16</v>
      </c>
      <c r="D2943" s="6" t="s">
        <v>510</v>
      </c>
      <c r="E2943" s="6">
        <v>68547</v>
      </c>
      <c r="F2943" s="6" t="s">
        <v>18</v>
      </c>
      <c r="G2943" s="6" t="s">
        <v>6095</v>
      </c>
      <c r="H2943" s="6" t="s">
        <v>6096</v>
      </c>
      <c r="I2943" s="7">
        <v>6.9915303</v>
      </c>
      <c r="J2943" s="8">
        <v>-73.053994199999906</v>
      </c>
    </row>
    <row r="2944" spans="1:10" x14ac:dyDescent="0.35">
      <c r="A2944" s="5" t="s">
        <v>10</v>
      </c>
      <c r="B2944" s="6">
        <v>138702</v>
      </c>
      <c r="C2944" s="6" t="s">
        <v>551</v>
      </c>
      <c r="D2944" s="6" t="s">
        <v>4274</v>
      </c>
      <c r="E2944" s="6">
        <v>20383</v>
      </c>
      <c r="F2944" s="6" t="s">
        <v>18</v>
      </c>
      <c r="G2944" s="6" t="s">
        <v>6097</v>
      </c>
      <c r="H2944" s="6" t="s">
        <v>6098</v>
      </c>
      <c r="I2944" s="7">
        <v>8.6180138999999993</v>
      </c>
      <c r="J2944" s="8">
        <v>-73.802277199999907</v>
      </c>
    </row>
    <row r="2945" spans="1:10" x14ac:dyDescent="0.35">
      <c r="A2945" s="5" t="s">
        <v>10</v>
      </c>
      <c r="B2945" s="6">
        <v>235515</v>
      </c>
      <c r="C2945" s="6" t="s">
        <v>294</v>
      </c>
      <c r="D2945" s="6" t="s">
        <v>4789</v>
      </c>
      <c r="E2945" s="6">
        <v>41548</v>
      </c>
      <c r="F2945" s="6" t="s">
        <v>18</v>
      </c>
      <c r="G2945" s="6" t="s">
        <v>6099</v>
      </c>
      <c r="H2945" s="6" t="s">
        <v>6100</v>
      </c>
      <c r="I2945" s="7">
        <v>2.2674232000000001</v>
      </c>
      <c r="J2945" s="8">
        <v>-75.806248800000006</v>
      </c>
    </row>
    <row r="2946" spans="1:10" x14ac:dyDescent="0.35">
      <c r="A2946" s="5" t="s">
        <v>10</v>
      </c>
      <c r="B2946" s="6">
        <v>237782</v>
      </c>
      <c r="C2946" s="6" t="s">
        <v>294</v>
      </c>
      <c r="D2946" s="6" t="s">
        <v>6101</v>
      </c>
      <c r="E2946" s="6">
        <v>41349</v>
      </c>
      <c r="F2946" s="6" t="s">
        <v>18</v>
      </c>
      <c r="G2946" s="6" t="s">
        <v>6102</v>
      </c>
      <c r="H2946" s="6" t="s">
        <v>6103</v>
      </c>
      <c r="I2946" s="7">
        <v>2.5831423999999998</v>
      </c>
      <c r="J2946" s="8">
        <v>-75.450813299999993</v>
      </c>
    </row>
    <row r="2947" spans="1:10" x14ac:dyDescent="0.35">
      <c r="A2947" s="5" t="s">
        <v>10</v>
      </c>
      <c r="B2947" s="6">
        <v>232266</v>
      </c>
      <c r="C2947" s="6" t="s">
        <v>11</v>
      </c>
      <c r="D2947" s="6" t="s">
        <v>1547</v>
      </c>
      <c r="E2947" s="6">
        <v>25817</v>
      </c>
      <c r="F2947" s="6" t="s">
        <v>18</v>
      </c>
      <c r="G2947" s="6" t="s">
        <v>6104</v>
      </c>
      <c r="H2947" s="6" t="s">
        <v>6105</v>
      </c>
      <c r="I2947" s="7">
        <v>4.8770157999999997</v>
      </c>
      <c r="J2947" s="8">
        <v>-74.040439599999999</v>
      </c>
    </row>
    <row r="2948" spans="1:10" x14ac:dyDescent="0.35">
      <c r="A2948" s="5" t="s">
        <v>10</v>
      </c>
      <c r="B2948" s="6">
        <v>174159</v>
      </c>
      <c r="C2948" s="6" t="s">
        <v>11</v>
      </c>
      <c r="D2948" s="6" t="s">
        <v>337</v>
      </c>
      <c r="E2948" s="6">
        <v>25290</v>
      </c>
      <c r="F2948" s="6" t="s">
        <v>18</v>
      </c>
      <c r="G2948" s="6" t="s">
        <v>6106</v>
      </c>
      <c r="H2948" s="6" t="s">
        <v>6107</v>
      </c>
      <c r="I2948" s="7">
        <v>4.8086186</v>
      </c>
      <c r="J2948" s="8">
        <v>-74.103076099999996</v>
      </c>
    </row>
    <row r="2949" spans="1:10" x14ac:dyDescent="0.35">
      <c r="A2949" s="5" t="s">
        <v>10</v>
      </c>
      <c r="B2949" s="6">
        <v>231750</v>
      </c>
      <c r="C2949" s="6" t="s">
        <v>11</v>
      </c>
      <c r="D2949" s="6" t="s">
        <v>337</v>
      </c>
      <c r="E2949" s="6">
        <v>25290</v>
      </c>
      <c r="F2949" s="6" t="s">
        <v>18</v>
      </c>
      <c r="G2949" s="6" t="s">
        <v>6108</v>
      </c>
      <c r="H2949" s="6" t="s">
        <v>6109</v>
      </c>
      <c r="I2949" s="7">
        <v>4.3291845000000002</v>
      </c>
      <c r="J2949" s="8">
        <v>-74.362522600000005</v>
      </c>
    </row>
    <row r="2950" spans="1:10" x14ac:dyDescent="0.35">
      <c r="A2950" s="5" t="s">
        <v>10</v>
      </c>
      <c r="B2950" s="6">
        <v>186953</v>
      </c>
      <c r="C2950" s="6" t="s">
        <v>11</v>
      </c>
      <c r="D2950" s="6" t="s">
        <v>334</v>
      </c>
      <c r="E2950" s="6">
        <v>25754</v>
      </c>
      <c r="F2950" s="6" t="s">
        <v>18</v>
      </c>
      <c r="G2950" s="6" t="s">
        <v>6110</v>
      </c>
      <c r="H2950" s="6" t="s">
        <v>6111</v>
      </c>
      <c r="I2950" s="7">
        <v>4.5904682000000001</v>
      </c>
      <c r="J2950" s="8">
        <v>-74.203991899999906</v>
      </c>
    </row>
    <row r="2951" spans="1:10" x14ac:dyDescent="0.35">
      <c r="A2951" s="5" t="s">
        <v>10</v>
      </c>
      <c r="B2951" s="6">
        <v>229385</v>
      </c>
      <c r="C2951" s="6" t="s">
        <v>11</v>
      </c>
      <c r="D2951" s="6" t="s">
        <v>334</v>
      </c>
      <c r="E2951" s="6">
        <v>25754</v>
      </c>
      <c r="F2951" s="6" t="s">
        <v>18</v>
      </c>
      <c r="G2951" s="6" t="s">
        <v>3993</v>
      </c>
      <c r="H2951" s="6" t="s">
        <v>3994</v>
      </c>
      <c r="I2951" s="7">
        <v>4.5738856999999999</v>
      </c>
      <c r="J2951" s="8">
        <v>-74.235405299999996</v>
      </c>
    </row>
    <row r="2952" spans="1:10" x14ac:dyDescent="0.35">
      <c r="A2952" s="5" t="s">
        <v>10</v>
      </c>
      <c r="B2952" s="6">
        <v>226300</v>
      </c>
      <c r="C2952" s="6" t="s">
        <v>68</v>
      </c>
      <c r="D2952" s="6" t="s">
        <v>69</v>
      </c>
      <c r="E2952" s="6">
        <v>11001</v>
      </c>
      <c r="F2952" s="6" t="s">
        <v>13</v>
      </c>
      <c r="G2952" s="6" t="s">
        <v>3737</v>
      </c>
      <c r="H2952" s="6" t="s">
        <v>6112</v>
      </c>
      <c r="I2952" s="7">
        <v>4.7232376</v>
      </c>
      <c r="J2952" s="8">
        <v>-74.114592000000002</v>
      </c>
    </row>
    <row r="2953" spans="1:10" x14ac:dyDescent="0.35">
      <c r="A2953" s="5" t="s">
        <v>10</v>
      </c>
      <c r="B2953" s="6">
        <v>226304</v>
      </c>
      <c r="C2953" s="6" t="s">
        <v>68</v>
      </c>
      <c r="D2953" s="6" t="s">
        <v>69</v>
      </c>
      <c r="E2953" s="6">
        <v>11001</v>
      </c>
      <c r="F2953" s="6" t="s">
        <v>13</v>
      </c>
      <c r="G2953" s="6" t="s">
        <v>3737</v>
      </c>
      <c r="H2953" s="6" t="s">
        <v>6113</v>
      </c>
      <c r="I2953" s="7">
        <v>4.5969376999999998</v>
      </c>
      <c r="J2953" s="8">
        <v>-74.169619600000004</v>
      </c>
    </row>
    <row r="2954" spans="1:10" x14ac:dyDescent="0.35">
      <c r="A2954" s="5" t="s">
        <v>10</v>
      </c>
      <c r="B2954" s="6">
        <v>204110</v>
      </c>
      <c r="C2954" s="6" t="s">
        <v>16</v>
      </c>
      <c r="D2954" s="6" t="s">
        <v>2825</v>
      </c>
      <c r="E2954" s="6">
        <v>68276</v>
      </c>
      <c r="F2954" s="6" t="s">
        <v>18</v>
      </c>
      <c r="G2954" s="6" t="s">
        <v>6114</v>
      </c>
      <c r="H2954" s="6" t="s">
        <v>6115</v>
      </c>
      <c r="I2954" s="7">
        <v>7.0808979000000001</v>
      </c>
      <c r="J2954" s="8">
        <v>-73.103241299999993</v>
      </c>
    </row>
    <row r="2955" spans="1:10" x14ac:dyDescent="0.35">
      <c r="A2955" s="5" t="s">
        <v>10</v>
      </c>
      <c r="B2955" s="6">
        <v>231575</v>
      </c>
      <c r="C2955" s="6" t="s">
        <v>16</v>
      </c>
      <c r="D2955" s="6" t="s">
        <v>78</v>
      </c>
      <c r="E2955" s="6">
        <v>68001</v>
      </c>
      <c r="F2955" s="6" t="s">
        <v>18</v>
      </c>
      <c r="G2955" s="6" t="s">
        <v>6116</v>
      </c>
      <c r="H2955" s="6" t="s">
        <v>6117</v>
      </c>
      <c r="I2955" s="7">
        <v>7.1288419999999997</v>
      </c>
      <c r="J2955" s="8">
        <v>-73.112694000000005</v>
      </c>
    </row>
    <row r="2956" spans="1:10" x14ac:dyDescent="0.35">
      <c r="A2956" s="5" t="s">
        <v>10</v>
      </c>
      <c r="B2956" s="6">
        <v>243299</v>
      </c>
      <c r="C2956" s="6" t="s">
        <v>551</v>
      </c>
      <c r="D2956" s="6" t="s">
        <v>5178</v>
      </c>
      <c r="E2956" s="6">
        <v>20045</v>
      </c>
      <c r="F2956" s="6" t="s">
        <v>18</v>
      </c>
      <c r="G2956" s="6" t="s">
        <v>6118</v>
      </c>
      <c r="H2956" s="6" t="s">
        <v>6119</v>
      </c>
      <c r="I2956" s="7">
        <v>9.7024887999999994</v>
      </c>
      <c r="J2956" s="8">
        <v>-73.280878700000002</v>
      </c>
    </row>
    <row r="2957" spans="1:10" x14ac:dyDescent="0.35">
      <c r="A2957" s="5" t="s">
        <v>10</v>
      </c>
      <c r="B2957" s="6">
        <v>239337</v>
      </c>
      <c r="C2957" s="6" t="s">
        <v>278</v>
      </c>
      <c r="D2957" s="6" t="s">
        <v>279</v>
      </c>
      <c r="E2957" s="6">
        <v>50001</v>
      </c>
      <c r="F2957" s="6" t="s">
        <v>18</v>
      </c>
      <c r="G2957" s="6" t="s">
        <v>6120</v>
      </c>
      <c r="H2957" s="6" t="s">
        <v>6121</v>
      </c>
      <c r="I2957" s="7">
        <v>4.1229151000000002</v>
      </c>
      <c r="J2957" s="8">
        <v>-73.622405799999996</v>
      </c>
    </row>
    <row r="2958" spans="1:10" x14ac:dyDescent="0.35">
      <c r="A2958" s="5" t="s">
        <v>10</v>
      </c>
      <c r="B2958" s="6">
        <v>206893</v>
      </c>
      <c r="C2958" s="6" t="s">
        <v>11</v>
      </c>
      <c r="D2958" s="6" t="s">
        <v>337</v>
      </c>
      <c r="E2958" s="6">
        <v>25290</v>
      </c>
      <c r="F2958" s="6" t="s">
        <v>18</v>
      </c>
      <c r="G2958" s="6" t="s">
        <v>6122</v>
      </c>
      <c r="H2958" s="6" t="s">
        <v>6123</v>
      </c>
      <c r="I2958" s="7">
        <v>4.3331719</v>
      </c>
      <c r="J2958" s="8">
        <v>-74.372397800000002</v>
      </c>
    </row>
    <row r="2959" spans="1:10" x14ac:dyDescent="0.35">
      <c r="A2959" s="5" t="s">
        <v>10</v>
      </c>
      <c r="B2959" s="6">
        <v>218800</v>
      </c>
      <c r="C2959" s="6" t="s">
        <v>11</v>
      </c>
      <c r="D2959" s="6" t="s">
        <v>6124</v>
      </c>
      <c r="E2959" s="6">
        <v>25377</v>
      </c>
      <c r="F2959" s="6" t="s">
        <v>18</v>
      </c>
      <c r="G2959" s="6" t="s">
        <v>6125</v>
      </c>
      <c r="H2959" s="6" t="s">
        <v>6126</v>
      </c>
      <c r="I2959" s="7">
        <v>4.7199920999999998</v>
      </c>
      <c r="J2959" s="8">
        <v>-73.968010899999996</v>
      </c>
    </row>
    <row r="2960" spans="1:10" x14ac:dyDescent="0.35">
      <c r="A2960" s="5" t="s">
        <v>10</v>
      </c>
      <c r="B2960" s="6">
        <v>247174</v>
      </c>
      <c r="C2960" s="6" t="s">
        <v>11</v>
      </c>
      <c r="D2960" s="6" t="s">
        <v>3054</v>
      </c>
      <c r="E2960" s="6">
        <v>25269</v>
      </c>
      <c r="F2960" s="6" t="s">
        <v>18</v>
      </c>
      <c r="G2960" s="6" t="s">
        <v>6127</v>
      </c>
      <c r="H2960" s="6" t="s">
        <v>6128</v>
      </c>
      <c r="I2960" s="7">
        <v>4.8022092000000001</v>
      </c>
      <c r="J2960" s="8">
        <v>-74.345337499999999</v>
      </c>
    </row>
    <row r="2961" spans="1:10" x14ac:dyDescent="0.35">
      <c r="A2961" s="5" t="s">
        <v>10</v>
      </c>
      <c r="B2961" s="6">
        <v>243203</v>
      </c>
      <c r="C2961" s="6" t="s">
        <v>11</v>
      </c>
      <c r="D2961" s="6" t="s">
        <v>1547</v>
      </c>
      <c r="E2961" s="6">
        <v>25817</v>
      </c>
      <c r="F2961" s="6" t="s">
        <v>18</v>
      </c>
      <c r="G2961" s="6" t="s">
        <v>6129</v>
      </c>
      <c r="H2961" s="6" t="s">
        <v>6130</v>
      </c>
      <c r="I2961" s="7">
        <v>4.9615733999999998</v>
      </c>
      <c r="J2961" s="8">
        <v>-73.917535099999995</v>
      </c>
    </row>
    <row r="2962" spans="1:10" x14ac:dyDescent="0.35">
      <c r="A2962" s="5" t="s">
        <v>10</v>
      </c>
      <c r="B2962" s="6">
        <v>240136</v>
      </c>
      <c r="C2962" s="6" t="s">
        <v>11</v>
      </c>
      <c r="D2962" s="6" t="s">
        <v>334</v>
      </c>
      <c r="E2962" s="6">
        <v>25754</v>
      </c>
      <c r="F2962" s="6" t="s">
        <v>18</v>
      </c>
      <c r="G2962" s="6" t="s">
        <v>6131</v>
      </c>
      <c r="H2962" s="6" t="s">
        <v>6132</v>
      </c>
      <c r="I2962" s="7">
        <v>4.5746010999999998</v>
      </c>
      <c r="J2962" s="8">
        <v>-74.212211999999994</v>
      </c>
    </row>
    <row r="2963" spans="1:10" x14ac:dyDescent="0.35">
      <c r="A2963" s="5" t="s">
        <v>10</v>
      </c>
      <c r="B2963" s="6">
        <v>225672</v>
      </c>
      <c r="C2963" s="6" t="s">
        <v>366</v>
      </c>
      <c r="D2963" s="6" t="s">
        <v>367</v>
      </c>
      <c r="E2963" s="6">
        <v>44430</v>
      </c>
      <c r="F2963" s="6" t="s">
        <v>18</v>
      </c>
      <c r="G2963" s="6" t="s">
        <v>6133</v>
      </c>
      <c r="H2963" s="6" t="s">
        <v>6134</v>
      </c>
      <c r="I2963" s="7">
        <v>11.380054299999999</v>
      </c>
      <c r="J2963" s="8">
        <v>-72.242246499999993</v>
      </c>
    </row>
    <row r="2964" spans="1:10" x14ac:dyDescent="0.35">
      <c r="A2964" s="5" t="s">
        <v>10</v>
      </c>
      <c r="B2964" s="6">
        <v>226331</v>
      </c>
      <c r="C2964" s="6" t="s">
        <v>302</v>
      </c>
      <c r="D2964" s="6" t="s">
        <v>359</v>
      </c>
      <c r="E2964" s="6">
        <v>8001</v>
      </c>
      <c r="F2964" s="6" t="s">
        <v>13</v>
      </c>
      <c r="G2964" s="6" t="s">
        <v>3737</v>
      </c>
      <c r="H2964" s="6" t="s">
        <v>6135</v>
      </c>
      <c r="I2964" s="7">
        <v>11.001075</v>
      </c>
      <c r="J2964" s="8">
        <v>-74.817076</v>
      </c>
    </row>
    <row r="2965" spans="1:10" x14ac:dyDescent="0.35">
      <c r="A2965" s="5" t="s">
        <v>10</v>
      </c>
      <c r="B2965" s="6">
        <v>243969</v>
      </c>
      <c r="C2965" s="6" t="s">
        <v>24</v>
      </c>
      <c r="D2965" s="6" t="s">
        <v>2199</v>
      </c>
      <c r="E2965" s="6">
        <v>15507</v>
      </c>
      <c r="F2965" s="6" t="s">
        <v>18</v>
      </c>
      <c r="G2965" s="6" t="s">
        <v>6136</v>
      </c>
      <c r="H2965" s="6" t="s">
        <v>6137</v>
      </c>
      <c r="I2965" s="7">
        <v>4.8073800000000002</v>
      </c>
      <c r="J2965" s="8">
        <v>-74.349148400000004</v>
      </c>
    </row>
    <row r="2966" spans="1:10" x14ac:dyDescent="0.35">
      <c r="A2966" s="5" t="s">
        <v>10</v>
      </c>
      <c r="B2966" s="6">
        <v>248471</v>
      </c>
      <c r="C2966" s="6" t="s">
        <v>278</v>
      </c>
      <c r="D2966" s="6" t="s">
        <v>279</v>
      </c>
      <c r="E2966" s="6">
        <v>50001</v>
      </c>
      <c r="F2966" s="6" t="s">
        <v>18</v>
      </c>
      <c r="G2966" s="6" t="s">
        <v>6138</v>
      </c>
      <c r="H2966" s="6" t="s">
        <v>6139</v>
      </c>
      <c r="I2966" s="7">
        <v>4.160647</v>
      </c>
      <c r="J2966" s="8">
        <v>-73.636904900000005</v>
      </c>
    </row>
    <row r="2967" spans="1:10" x14ac:dyDescent="0.35">
      <c r="A2967" s="5" t="s">
        <v>10</v>
      </c>
      <c r="B2967" s="6">
        <v>241956</v>
      </c>
      <c r="C2967" s="6" t="s">
        <v>278</v>
      </c>
      <c r="D2967" s="6" t="s">
        <v>4146</v>
      </c>
      <c r="E2967" s="6">
        <v>50606</v>
      </c>
      <c r="F2967" s="6" t="s">
        <v>18</v>
      </c>
      <c r="G2967" s="6" t="s">
        <v>6140</v>
      </c>
      <c r="H2967" s="6" t="s">
        <v>6141</v>
      </c>
      <c r="I2967" s="7">
        <v>4.2630819999999998</v>
      </c>
      <c r="J2967" s="8">
        <v>-73.562567000000001</v>
      </c>
    </row>
    <row r="2968" spans="1:10" x14ac:dyDescent="0.35">
      <c r="A2968" s="5" t="s">
        <v>10</v>
      </c>
      <c r="B2968" s="6">
        <v>241858</v>
      </c>
      <c r="C2968" s="6" t="s">
        <v>278</v>
      </c>
      <c r="D2968" s="6" t="s">
        <v>1331</v>
      </c>
      <c r="E2968" s="6">
        <v>50006</v>
      </c>
      <c r="F2968" s="6" t="s">
        <v>18</v>
      </c>
      <c r="G2968" s="6" t="s">
        <v>6142</v>
      </c>
      <c r="H2968" s="6" t="s">
        <v>4113</v>
      </c>
      <c r="I2968" s="7">
        <v>3.9864899999999999</v>
      </c>
      <c r="J2968" s="8">
        <v>-73.757900000000006</v>
      </c>
    </row>
    <row r="2969" spans="1:10" x14ac:dyDescent="0.35">
      <c r="A2969" s="5" t="s">
        <v>10</v>
      </c>
      <c r="B2969" s="6">
        <v>214067</v>
      </c>
      <c r="C2969" s="6" t="s">
        <v>294</v>
      </c>
      <c r="D2969" s="6" t="s">
        <v>703</v>
      </c>
      <c r="E2969" s="6">
        <v>41001</v>
      </c>
      <c r="F2969" s="6" t="s">
        <v>18</v>
      </c>
      <c r="G2969" s="6" t="s">
        <v>6143</v>
      </c>
      <c r="H2969" s="6" t="s">
        <v>6144</v>
      </c>
      <c r="I2969" s="7">
        <v>2.9069937000000001</v>
      </c>
      <c r="J2969" s="8">
        <v>-75.274598299999994</v>
      </c>
    </row>
    <row r="2970" spans="1:10" x14ac:dyDescent="0.35">
      <c r="A2970" s="5" t="s">
        <v>10</v>
      </c>
      <c r="B2970" s="6">
        <v>189664</v>
      </c>
      <c r="C2970" s="6" t="s">
        <v>294</v>
      </c>
      <c r="D2970" s="6" t="s">
        <v>703</v>
      </c>
      <c r="E2970" s="6">
        <v>41001</v>
      </c>
      <c r="F2970" s="6" t="s">
        <v>18</v>
      </c>
      <c r="G2970" s="6" t="s">
        <v>6145</v>
      </c>
      <c r="H2970" s="6" t="s">
        <v>6146</v>
      </c>
      <c r="I2970" s="7">
        <v>2.9137198999999998</v>
      </c>
      <c r="J2970" s="8">
        <v>-75.279563899999999</v>
      </c>
    </row>
    <row r="2971" spans="1:10" x14ac:dyDescent="0.35">
      <c r="A2971" s="5" t="s">
        <v>10</v>
      </c>
      <c r="B2971" s="6">
        <v>218821</v>
      </c>
      <c r="C2971" s="6" t="s">
        <v>11</v>
      </c>
      <c r="D2971" s="6" t="s">
        <v>334</v>
      </c>
      <c r="E2971" s="6">
        <v>25754</v>
      </c>
      <c r="F2971" s="6" t="s">
        <v>18</v>
      </c>
      <c r="G2971" s="6" t="s">
        <v>6147</v>
      </c>
      <c r="H2971" s="6" t="s">
        <v>6148</v>
      </c>
      <c r="I2971" s="7">
        <v>4.5791266999999998</v>
      </c>
      <c r="J2971" s="8">
        <v>-74.216894299999893</v>
      </c>
    </row>
    <row r="2972" spans="1:10" x14ac:dyDescent="0.35">
      <c r="A2972" s="5" t="s">
        <v>10</v>
      </c>
      <c r="B2972" s="6">
        <v>226662</v>
      </c>
      <c r="C2972" s="6" t="s">
        <v>11</v>
      </c>
      <c r="D2972" s="6" t="s">
        <v>221</v>
      </c>
      <c r="E2972" s="6">
        <v>25430</v>
      </c>
      <c r="F2972" s="6" t="s">
        <v>18</v>
      </c>
      <c r="G2972" s="6" t="s">
        <v>6149</v>
      </c>
      <c r="H2972" s="6" t="s">
        <v>6150</v>
      </c>
      <c r="I2972" s="7">
        <v>4.7335212000000002</v>
      </c>
      <c r="J2972" s="8">
        <v>-74.2783874</v>
      </c>
    </row>
    <row r="2973" spans="1:10" x14ac:dyDescent="0.35">
      <c r="A2973" s="5" t="s">
        <v>10</v>
      </c>
      <c r="B2973" s="6">
        <v>246439</v>
      </c>
      <c r="C2973" s="6" t="s">
        <v>11</v>
      </c>
      <c r="D2973" s="6" t="s">
        <v>334</v>
      </c>
      <c r="E2973" s="6">
        <v>25754</v>
      </c>
      <c r="F2973" s="6" t="s">
        <v>18</v>
      </c>
      <c r="G2973" s="6" t="s">
        <v>6151</v>
      </c>
      <c r="H2973" s="6" t="s">
        <v>6152</v>
      </c>
      <c r="I2973" s="7">
        <v>4.5703538999999997</v>
      </c>
      <c r="J2973" s="8">
        <v>-74.2375258</v>
      </c>
    </row>
    <row r="2974" spans="1:10" x14ac:dyDescent="0.35">
      <c r="A2974" s="5" t="s">
        <v>10</v>
      </c>
      <c r="B2974" s="6">
        <v>211420</v>
      </c>
      <c r="C2974" s="6" t="s">
        <v>117</v>
      </c>
      <c r="D2974" s="6" t="s">
        <v>3860</v>
      </c>
      <c r="E2974" s="6">
        <v>76130</v>
      </c>
      <c r="F2974" s="6" t="s">
        <v>18</v>
      </c>
      <c r="G2974" s="6" t="s">
        <v>6153</v>
      </c>
      <c r="H2974" s="6" t="s">
        <v>6154</v>
      </c>
      <c r="I2974" s="7">
        <v>3.4022806999999999</v>
      </c>
      <c r="J2974" s="8">
        <v>-76.417540299999999</v>
      </c>
    </row>
    <row r="2975" spans="1:10" x14ac:dyDescent="0.35">
      <c r="A2975" s="5" t="s">
        <v>10</v>
      </c>
      <c r="B2975" s="6">
        <v>234952</v>
      </c>
      <c r="C2975" s="6" t="s">
        <v>117</v>
      </c>
      <c r="D2975" s="6" t="s">
        <v>1334</v>
      </c>
      <c r="E2975" s="6">
        <v>76001</v>
      </c>
      <c r="F2975" s="6" t="s">
        <v>18</v>
      </c>
      <c r="G2975" s="6" t="s">
        <v>6155</v>
      </c>
      <c r="H2975" s="6" t="s">
        <v>6156</v>
      </c>
      <c r="I2975" s="7">
        <v>3.4532403</v>
      </c>
      <c r="J2975" s="8">
        <v>-76.547126399999996</v>
      </c>
    </row>
    <row r="2976" spans="1:10" x14ac:dyDescent="0.35">
      <c r="A2976" s="5" t="s">
        <v>10</v>
      </c>
      <c r="B2976" s="6">
        <v>237107</v>
      </c>
      <c r="C2976" s="6" t="s">
        <v>117</v>
      </c>
      <c r="D2976" s="6" t="s">
        <v>4637</v>
      </c>
      <c r="E2976" s="6">
        <v>76275</v>
      </c>
      <c r="F2976" s="6" t="s">
        <v>18</v>
      </c>
      <c r="G2976" s="6" t="s">
        <v>6157</v>
      </c>
      <c r="H2976" s="6" t="s">
        <v>6158</v>
      </c>
      <c r="I2976" s="7">
        <v>3.3196612000000001</v>
      </c>
      <c r="J2976" s="8">
        <v>-76.225271399999997</v>
      </c>
    </row>
    <row r="2977" spans="1:10" x14ac:dyDescent="0.35">
      <c r="A2977" s="5" t="s">
        <v>10</v>
      </c>
      <c r="B2977" s="6">
        <v>203666</v>
      </c>
      <c r="C2977" s="6" t="s">
        <v>11</v>
      </c>
      <c r="D2977" s="6" t="s">
        <v>334</v>
      </c>
      <c r="E2977" s="6">
        <v>25754</v>
      </c>
      <c r="F2977" s="6" t="s">
        <v>18</v>
      </c>
      <c r="G2977" s="6" t="s">
        <v>6159</v>
      </c>
      <c r="H2977" s="6" t="s">
        <v>6160</v>
      </c>
      <c r="I2977" s="7">
        <v>11.2423039</v>
      </c>
      <c r="J2977" s="8">
        <v>-74.210595499999997</v>
      </c>
    </row>
    <row r="2978" spans="1:10" x14ac:dyDescent="0.35">
      <c r="A2978" s="5" t="s">
        <v>10</v>
      </c>
      <c r="B2978" s="6">
        <v>155689</v>
      </c>
      <c r="C2978" s="6" t="s">
        <v>16</v>
      </c>
      <c r="D2978" s="6" t="s">
        <v>78</v>
      </c>
      <c r="E2978" s="6">
        <v>68001</v>
      </c>
      <c r="F2978" s="6" t="s">
        <v>18</v>
      </c>
      <c r="G2978" s="6" t="s">
        <v>6161</v>
      </c>
      <c r="H2978" s="6" t="s">
        <v>6162</v>
      </c>
      <c r="I2978" s="7">
        <v>7.0923189999999998</v>
      </c>
      <c r="J2978" s="8">
        <v>-73.101244800000003</v>
      </c>
    </row>
    <row r="2979" spans="1:10" x14ac:dyDescent="0.35">
      <c r="A2979" s="5" t="s">
        <v>10</v>
      </c>
      <c r="B2979" s="6">
        <v>237468</v>
      </c>
      <c r="C2979" s="6" t="s">
        <v>278</v>
      </c>
      <c r="D2979" s="6" t="s">
        <v>3913</v>
      </c>
      <c r="E2979" s="6">
        <v>50124</v>
      </c>
      <c r="F2979" s="6" t="s">
        <v>18</v>
      </c>
      <c r="G2979" s="6" t="s">
        <v>6163</v>
      </c>
      <c r="H2979" s="6" t="s">
        <v>6164</v>
      </c>
      <c r="I2979" s="7">
        <v>4.2873472000000001</v>
      </c>
      <c r="J2979" s="8">
        <v>-72.792764500000004</v>
      </c>
    </row>
    <row r="2980" spans="1:10" x14ac:dyDescent="0.35">
      <c r="A2980" s="5" t="s">
        <v>10</v>
      </c>
      <c r="B2980" s="6">
        <v>240053</v>
      </c>
      <c r="C2980" s="6" t="s">
        <v>294</v>
      </c>
      <c r="D2980" s="6" t="s">
        <v>5252</v>
      </c>
      <c r="E2980" s="6">
        <v>41807</v>
      </c>
      <c r="F2980" s="6" t="s">
        <v>18</v>
      </c>
      <c r="G2980" s="6" t="s">
        <v>6165</v>
      </c>
      <c r="H2980" s="6" t="s">
        <v>6166</v>
      </c>
      <c r="I2980" s="7">
        <v>1.9721427</v>
      </c>
      <c r="J2980" s="8">
        <v>-75.9325525</v>
      </c>
    </row>
    <row r="2981" spans="1:10" x14ac:dyDescent="0.35">
      <c r="A2981" s="5" t="s">
        <v>10</v>
      </c>
      <c r="B2981" s="6">
        <v>239818</v>
      </c>
      <c r="C2981" s="6" t="s">
        <v>11</v>
      </c>
      <c r="D2981" s="6" t="s">
        <v>513</v>
      </c>
      <c r="E2981" s="6">
        <v>25286</v>
      </c>
      <c r="F2981" s="6" t="s">
        <v>18</v>
      </c>
      <c r="G2981" s="6" t="s">
        <v>113</v>
      </c>
      <c r="H2981" s="6" t="s">
        <v>6167</v>
      </c>
      <c r="I2981" s="7">
        <v>4.7073894000000003</v>
      </c>
      <c r="J2981" s="8">
        <v>-74.1983149</v>
      </c>
    </row>
    <row r="2982" spans="1:10" x14ac:dyDescent="0.35">
      <c r="A2982" s="5" t="s">
        <v>10</v>
      </c>
      <c r="B2982" s="6">
        <v>186236</v>
      </c>
      <c r="C2982" s="6" t="s">
        <v>308</v>
      </c>
      <c r="D2982" s="6" t="s">
        <v>309</v>
      </c>
      <c r="E2982" s="6">
        <v>23001</v>
      </c>
      <c r="F2982" s="6" t="s">
        <v>18</v>
      </c>
      <c r="G2982" s="6" t="s">
        <v>6168</v>
      </c>
      <c r="H2982" s="6" t="s">
        <v>6169</v>
      </c>
      <c r="I2982" s="7">
        <v>8.7232585999999994</v>
      </c>
      <c r="J2982" s="8">
        <v>-75.876479099999997</v>
      </c>
    </row>
    <row r="2983" spans="1:10" x14ac:dyDescent="0.35">
      <c r="A2983" s="5" t="s">
        <v>10</v>
      </c>
      <c r="B2983" s="6">
        <v>232314</v>
      </c>
      <c r="C2983" s="6" t="s">
        <v>68</v>
      </c>
      <c r="D2983" s="6" t="s">
        <v>69</v>
      </c>
      <c r="E2983" s="6">
        <v>11001</v>
      </c>
      <c r="F2983" s="6" t="s">
        <v>18</v>
      </c>
      <c r="G2983" s="6" t="s">
        <v>6170</v>
      </c>
      <c r="H2983" s="6" t="s">
        <v>6171</v>
      </c>
      <c r="I2983" s="7">
        <v>4.6056084999999998</v>
      </c>
      <c r="J2983" s="8">
        <v>-74.090676299999998</v>
      </c>
    </row>
    <row r="2984" spans="1:10" x14ac:dyDescent="0.35">
      <c r="A2984" s="5" t="s">
        <v>10</v>
      </c>
      <c r="B2984" s="6">
        <v>117024</v>
      </c>
      <c r="C2984" s="6" t="s">
        <v>24</v>
      </c>
      <c r="D2984" s="6" t="s">
        <v>88</v>
      </c>
      <c r="E2984" s="6">
        <v>15001</v>
      </c>
      <c r="F2984" s="6" t="s">
        <v>18</v>
      </c>
      <c r="G2984" s="6" t="s">
        <v>6172</v>
      </c>
      <c r="H2984" s="6" t="s">
        <v>6173</v>
      </c>
      <c r="I2984" s="7">
        <v>5.5488097999999999</v>
      </c>
      <c r="J2984" s="8">
        <v>-73.366870199999994</v>
      </c>
    </row>
    <row r="2985" spans="1:10" x14ac:dyDescent="0.35">
      <c r="A2985" s="5" t="s">
        <v>10</v>
      </c>
      <c r="B2985" s="6">
        <v>156697</v>
      </c>
      <c r="C2985" s="6" t="s">
        <v>278</v>
      </c>
      <c r="D2985" s="6" t="s">
        <v>279</v>
      </c>
      <c r="E2985" s="6">
        <v>50001</v>
      </c>
      <c r="F2985" s="6" t="s">
        <v>18</v>
      </c>
      <c r="G2985" s="6" t="s">
        <v>6174</v>
      </c>
      <c r="H2985" s="6" t="s">
        <v>6175</v>
      </c>
      <c r="I2985" s="7">
        <v>4.1279136999999997</v>
      </c>
      <c r="J2985" s="8">
        <v>-73.627697499999996</v>
      </c>
    </row>
    <row r="2986" spans="1:10" x14ac:dyDescent="0.35">
      <c r="A2986" s="5" t="s">
        <v>10</v>
      </c>
      <c r="B2986" s="6">
        <v>162901</v>
      </c>
      <c r="C2986" s="6" t="s">
        <v>294</v>
      </c>
      <c r="D2986" s="6" t="s">
        <v>3557</v>
      </c>
      <c r="E2986" s="6">
        <v>41319</v>
      </c>
      <c r="F2986" s="6" t="s">
        <v>13</v>
      </c>
      <c r="G2986" s="6" t="s">
        <v>6176</v>
      </c>
      <c r="H2986" s="6" t="s">
        <v>6177</v>
      </c>
      <c r="I2986" s="7">
        <v>2.4405233000000002</v>
      </c>
      <c r="J2986" s="8">
        <v>-76.608055399999998</v>
      </c>
    </row>
    <row r="2987" spans="1:10" x14ac:dyDescent="0.35">
      <c r="A2987" s="5" t="s">
        <v>10</v>
      </c>
      <c r="B2987" s="6">
        <v>204241</v>
      </c>
      <c r="C2987" s="6" t="s">
        <v>294</v>
      </c>
      <c r="D2987" s="6" t="s">
        <v>703</v>
      </c>
      <c r="E2987" s="6">
        <v>41001</v>
      </c>
      <c r="F2987" s="6" t="s">
        <v>18</v>
      </c>
      <c r="G2987" s="6" t="s">
        <v>6178</v>
      </c>
      <c r="H2987" s="6" t="s">
        <v>6179</v>
      </c>
      <c r="I2987" s="7">
        <v>2.9312382000000001</v>
      </c>
      <c r="J2987" s="8">
        <v>-75.266576499999999</v>
      </c>
    </row>
    <row r="2988" spans="1:10" x14ac:dyDescent="0.35">
      <c r="A2988" s="5" t="s">
        <v>10</v>
      </c>
      <c r="B2988" s="6">
        <v>206119</v>
      </c>
      <c r="C2988" s="6" t="s">
        <v>117</v>
      </c>
      <c r="D2988" s="6" t="s">
        <v>5316</v>
      </c>
      <c r="E2988" s="6">
        <v>76109</v>
      </c>
      <c r="F2988" s="6" t="s">
        <v>18</v>
      </c>
      <c r="G2988" s="6" t="s">
        <v>6180</v>
      </c>
      <c r="H2988" s="6" t="s">
        <v>6181</v>
      </c>
      <c r="I2988" s="7">
        <v>3.8791707999999998</v>
      </c>
      <c r="J2988" s="8">
        <v>-77.067845399999996</v>
      </c>
    </row>
    <row r="2989" spans="1:10" x14ac:dyDescent="0.35">
      <c r="A2989" s="5" t="s">
        <v>10</v>
      </c>
      <c r="B2989" s="6">
        <v>230841</v>
      </c>
      <c r="C2989" s="6" t="s">
        <v>117</v>
      </c>
      <c r="D2989" s="6" t="s">
        <v>1334</v>
      </c>
      <c r="E2989" s="6">
        <v>76001</v>
      </c>
      <c r="F2989" s="6" t="s">
        <v>18</v>
      </c>
      <c r="G2989" s="6" t="s">
        <v>6182</v>
      </c>
      <c r="H2989" s="6" t="s">
        <v>6183</v>
      </c>
      <c r="I2989" s="7">
        <v>3.4671880000000002</v>
      </c>
      <c r="J2989" s="8">
        <v>-76.496825000000001</v>
      </c>
    </row>
    <row r="2990" spans="1:10" x14ac:dyDescent="0.35">
      <c r="A2990" s="5" t="s">
        <v>10</v>
      </c>
      <c r="B2990" s="6">
        <v>229812</v>
      </c>
      <c r="C2990" s="6" t="s">
        <v>68</v>
      </c>
      <c r="D2990" s="6" t="s">
        <v>69</v>
      </c>
      <c r="E2990" s="6">
        <v>11001</v>
      </c>
      <c r="F2990" s="6" t="s">
        <v>18</v>
      </c>
      <c r="G2990" s="6" t="s">
        <v>6184</v>
      </c>
      <c r="H2990" s="6" t="s">
        <v>6185</v>
      </c>
      <c r="I2990" s="7">
        <v>4.5817940000000004</v>
      </c>
      <c r="J2990" s="8">
        <v>-74.072547</v>
      </c>
    </row>
    <row r="2991" spans="1:10" x14ac:dyDescent="0.35">
      <c r="A2991" s="5" t="s">
        <v>10</v>
      </c>
      <c r="B2991" s="6">
        <v>217604</v>
      </c>
      <c r="C2991" s="6" t="s">
        <v>117</v>
      </c>
      <c r="D2991" s="6" t="s">
        <v>1334</v>
      </c>
      <c r="E2991" s="6">
        <v>76001</v>
      </c>
      <c r="F2991" s="6" t="s">
        <v>18</v>
      </c>
      <c r="G2991" s="6" t="s">
        <v>6186</v>
      </c>
      <c r="H2991" s="6" t="s">
        <v>6187</v>
      </c>
      <c r="I2991" s="7">
        <v>3.4080206</v>
      </c>
      <c r="J2991" s="8">
        <v>-76.515649199999999</v>
      </c>
    </row>
    <row r="2992" spans="1:10" x14ac:dyDescent="0.35">
      <c r="A2992" s="5" t="s">
        <v>10</v>
      </c>
      <c r="B2992" s="6">
        <v>231736</v>
      </c>
      <c r="C2992" s="6" t="s">
        <v>38</v>
      </c>
      <c r="D2992" s="6" t="s">
        <v>6188</v>
      </c>
      <c r="E2992" s="6">
        <v>19585</v>
      </c>
      <c r="F2992" s="6" t="s">
        <v>18</v>
      </c>
      <c r="G2992" s="6" t="s">
        <v>6189</v>
      </c>
      <c r="H2992" s="6" t="s">
        <v>6190</v>
      </c>
      <c r="I2992" s="7">
        <v>2.3806501999999998</v>
      </c>
      <c r="J2992" s="8">
        <v>-76.455585600000006</v>
      </c>
    </row>
    <row r="2993" spans="1:10" x14ac:dyDescent="0.35">
      <c r="A2993" s="5" t="s">
        <v>10</v>
      </c>
      <c r="B2993" s="6">
        <v>226354</v>
      </c>
      <c r="C2993" s="6" t="s">
        <v>190</v>
      </c>
      <c r="D2993" s="6" t="s">
        <v>62</v>
      </c>
      <c r="E2993" s="6">
        <v>5059</v>
      </c>
      <c r="F2993" s="6" t="s">
        <v>13</v>
      </c>
      <c r="G2993" s="6" t="s">
        <v>3737</v>
      </c>
      <c r="H2993" s="6" t="s">
        <v>6191</v>
      </c>
      <c r="I2993" s="7">
        <v>6.1563271999999998</v>
      </c>
      <c r="J2993" s="8">
        <v>-75.787626099999997</v>
      </c>
    </row>
    <row r="2994" spans="1:10" x14ac:dyDescent="0.35">
      <c r="A2994" s="5" t="s">
        <v>10</v>
      </c>
      <c r="B2994" s="6">
        <v>216877</v>
      </c>
      <c r="C2994" s="6" t="s">
        <v>551</v>
      </c>
      <c r="D2994" s="6" t="s">
        <v>6192</v>
      </c>
      <c r="E2994" s="6">
        <v>20443</v>
      </c>
      <c r="F2994" s="6" t="s">
        <v>18</v>
      </c>
      <c r="G2994" s="6" t="s">
        <v>6193</v>
      </c>
      <c r="H2994" s="6" t="s">
        <v>6194</v>
      </c>
      <c r="I2994" s="7">
        <v>10.3923673</v>
      </c>
      <c r="J2994" s="8">
        <v>-73.027083300000001</v>
      </c>
    </row>
    <row r="2995" spans="1:10" x14ac:dyDescent="0.35">
      <c r="A2995" s="5" t="s">
        <v>10</v>
      </c>
      <c r="B2995" s="6">
        <v>211218</v>
      </c>
      <c r="C2995" s="6" t="s">
        <v>11</v>
      </c>
      <c r="D2995" s="6" t="s">
        <v>3379</v>
      </c>
      <c r="E2995" s="6">
        <v>25407</v>
      </c>
      <c r="F2995" s="6" t="s">
        <v>18</v>
      </c>
      <c r="G2995" s="6" t="s">
        <v>6195</v>
      </c>
      <c r="H2995" s="6" t="s">
        <v>6196</v>
      </c>
      <c r="I2995" s="7">
        <v>5.3059764999999999</v>
      </c>
      <c r="J2995" s="8">
        <v>-73.711637699999997</v>
      </c>
    </row>
    <row r="2996" spans="1:10" x14ac:dyDescent="0.35">
      <c r="A2996" s="5" t="s">
        <v>10</v>
      </c>
      <c r="B2996" s="6">
        <v>246732</v>
      </c>
      <c r="C2996" s="6" t="s">
        <v>11</v>
      </c>
      <c r="D2996" s="6" t="s">
        <v>106</v>
      </c>
      <c r="E2996" s="6">
        <v>25843</v>
      </c>
      <c r="F2996" s="6" t="s">
        <v>18</v>
      </c>
      <c r="G2996" s="6" t="s">
        <v>6197</v>
      </c>
      <c r="H2996" s="6" t="s">
        <v>6198</v>
      </c>
      <c r="I2996" s="7">
        <v>5.3087172999999996</v>
      </c>
      <c r="J2996" s="8">
        <v>-73.816028200000005</v>
      </c>
    </row>
    <row r="2997" spans="1:10" x14ac:dyDescent="0.35">
      <c r="A2997" s="5" t="s">
        <v>10</v>
      </c>
      <c r="B2997" s="6">
        <v>229097</v>
      </c>
      <c r="C2997" s="6" t="s">
        <v>11</v>
      </c>
      <c r="D2997" s="6" t="s">
        <v>334</v>
      </c>
      <c r="E2997" s="6">
        <v>25754</v>
      </c>
      <c r="F2997" s="6" t="s">
        <v>18</v>
      </c>
      <c r="G2997" s="6" t="s">
        <v>6199</v>
      </c>
      <c r="H2997" s="6" t="s">
        <v>6200</v>
      </c>
      <c r="I2997" s="7">
        <v>4.5836166</v>
      </c>
      <c r="J2997" s="8">
        <v>-74.198430000000002</v>
      </c>
    </row>
    <row r="2998" spans="1:10" x14ac:dyDescent="0.35">
      <c r="A2998" s="5" t="s">
        <v>10</v>
      </c>
      <c r="B2998" s="6">
        <v>243072</v>
      </c>
      <c r="C2998" s="6" t="s">
        <v>11</v>
      </c>
      <c r="D2998" s="6" t="s">
        <v>407</v>
      </c>
      <c r="E2998" s="6">
        <v>25126</v>
      </c>
      <c r="F2998" s="6" t="s">
        <v>18</v>
      </c>
      <c r="G2998" s="6" t="s">
        <v>5010</v>
      </c>
      <c r="H2998" s="6" t="s">
        <v>6201</v>
      </c>
      <c r="I2998" s="7">
        <v>4.9173374000000001</v>
      </c>
      <c r="J2998" s="8">
        <v>-74.024564600000005</v>
      </c>
    </row>
    <row r="2999" spans="1:10" x14ac:dyDescent="0.35">
      <c r="A2999" s="5" t="s">
        <v>10</v>
      </c>
      <c r="B2999" s="6">
        <v>190721</v>
      </c>
      <c r="C2999" s="6" t="s">
        <v>11</v>
      </c>
      <c r="D2999" s="6" t="s">
        <v>4073</v>
      </c>
      <c r="E2999" s="6">
        <v>25740</v>
      </c>
      <c r="F2999" s="6" t="s">
        <v>18</v>
      </c>
      <c r="G2999" s="6" t="s">
        <v>6202</v>
      </c>
      <c r="H2999" s="6" t="s">
        <v>6203</v>
      </c>
      <c r="I2999" s="7">
        <v>4.4911960000000004</v>
      </c>
      <c r="J2999" s="8">
        <v>-74.259377099999995</v>
      </c>
    </row>
    <row r="3000" spans="1:10" x14ac:dyDescent="0.35">
      <c r="A3000" s="5" t="s">
        <v>10</v>
      </c>
      <c r="B3000" s="6">
        <v>233920</v>
      </c>
      <c r="C3000" s="6" t="s">
        <v>117</v>
      </c>
      <c r="D3000" s="6" t="s">
        <v>1334</v>
      </c>
      <c r="E3000" s="6">
        <v>76001</v>
      </c>
      <c r="F3000" s="6" t="s">
        <v>18</v>
      </c>
      <c r="G3000" s="6" t="s">
        <v>6204</v>
      </c>
      <c r="H3000" s="6" t="s">
        <v>6205</v>
      </c>
      <c r="I3000" s="7">
        <v>3.4368732</v>
      </c>
      <c r="J3000" s="8">
        <v>-76.478185999999994</v>
      </c>
    </row>
    <row r="3001" spans="1:10" x14ac:dyDescent="0.35">
      <c r="A3001" s="5" t="s">
        <v>10</v>
      </c>
      <c r="B3001" s="6">
        <v>211178</v>
      </c>
      <c r="C3001" s="6" t="s">
        <v>68</v>
      </c>
      <c r="D3001" s="6" t="s">
        <v>69</v>
      </c>
      <c r="E3001" s="6">
        <v>11001</v>
      </c>
      <c r="F3001" s="6" t="s">
        <v>18</v>
      </c>
      <c r="G3001" s="6" t="s">
        <v>6206</v>
      </c>
      <c r="H3001" s="6" t="s">
        <v>6207</v>
      </c>
      <c r="I3001" s="7">
        <v>4.6070696</v>
      </c>
      <c r="J3001" s="8">
        <v>-74.155019099999905</v>
      </c>
    </row>
    <row r="3002" spans="1:10" x14ac:dyDescent="0.35">
      <c r="A3002" s="5" t="s">
        <v>10</v>
      </c>
      <c r="B3002" s="6">
        <v>226253</v>
      </c>
      <c r="C3002" s="6" t="s">
        <v>117</v>
      </c>
      <c r="D3002" s="6" t="s">
        <v>1334</v>
      </c>
      <c r="E3002" s="6">
        <v>76001</v>
      </c>
      <c r="F3002" s="6" t="s">
        <v>13</v>
      </c>
      <c r="G3002" s="6" t="s">
        <v>3737</v>
      </c>
      <c r="H3002" s="6" t="s">
        <v>6208</v>
      </c>
      <c r="I3002" s="7">
        <v>3.4263267000000002</v>
      </c>
      <c r="J3002" s="8">
        <v>-76.528365199999996</v>
      </c>
    </row>
    <row r="3003" spans="1:10" x14ac:dyDescent="0.35">
      <c r="A3003" s="5" t="s">
        <v>10</v>
      </c>
      <c r="B3003" s="6">
        <v>208612</v>
      </c>
      <c r="C3003" s="6" t="s">
        <v>24</v>
      </c>
      <c r="D3003" s="6" t="s">
        <v>88</v>
      </c>
      <c r="E3003" s="6">
        <v>15001</v>
      </c>
      <c r="F3003" s="6" t="s">
        <v>18</v>
      </c>
      <c r="G3003" s="6" t="s">
        <v>6209</v>
      </c>
      <c r="H3003" s="6" t="s">
        <v>6210</v>
      </c>
      <c r="I3003" s="7">
        <v>5.5204263999999998</v>
      </c>
      <c r="J3003" s="8">
        <v>-73.3542068</v>
      </c>
    </row>
    <row r="3004" spans="1:10" x14ac:dyDescent="0.35">
      <c r="A3004" s="5" t="s">
        <v>10</v>
      </c>
      <c r="B3004" s="6">
        <v>241904</v>
      </c>
      <c r="C3004" s="6" t="s">
        <v>2130</v>
      </c>
      <c r="D3004" s="6" t="s">
        <v>2131</v>
      </c>
      <c r="E3004" s="6">
        <v>85001</v>
      </c>
      <c r="F3004" s="6" t="s">
        <v>18</v>
      </c>
      <c r="G3004" s="6" t="s">
        <v>6211</v>
      </c>
      <c r="H3004" s="6" t="s">
        <v>6212</v>
      </c>
      <c r="I3004" s="7">
        <v>5.3497849999999998</v>
      </c>
      <c r="J3004" s="8">
        <v>-72.401346399999994</v>
      </c>
    </row>
    <row r="3005" spans="1:10" x14ac:dyDescent="0.35">
      <c r="A3005" s="5" t="s">
        <v>10</v>
      </c>
      <c r="B3005" s="6">
        <v>182396</v>
      </c>
      <c r="C3005" s="6" t="s">
        <v>294</v>
      </c>
      <c r="D3005" s="6" t="s">
        <v>703</v>
      </c>
      <c r="E3005" s="6">
        <v>41001</v>
      </c>
      <c r="F3005" s="6" t="s">
        <v>18</v>
      </c>
      <c r="G3005" s="6" t="s">
        <v>6213</v>
      </c>
      <c r="H3005" s="6" t="s">
        <v>6214</v>
      </c>
      <c r="I3005" s="7">
        <v>2.9196544000000002</v>
      </c>
      <c r="J3005" s="8">
        <v>-75.286270000000002</v>
      </c>
    </row>
    <row r="3006" spans="1:10" x14ac:dyDescent="0.35">
      <c r="A3006" s="5" t="s">
        <v>10</v>
      </c>
      <c r="B3006" s="6">
        <v>204826</v>
      </c>
      <c r="C3006" s="6" t="s">
        <v>11</v>
      </c>
      <c r="D3006" s="6" t="s">
        <v>334</v>
      </c>
      <c r="E3006" s="6">
        <v>25754</v>
      </c>
      <c r="F3006" s="6" t="s">
        <v>18</v>
      </c>
      <c r="G3006" s="6" t="s">
        <v>6215</v>
      </c>
      <c r="H3006" s="6" t="s">
        <v>6216</v>
      </c>
      <c r="I3006" s="7">
        <v>4.5894377999999998</v>
      </c>
      <c r="J3006" s="8">
        <v>-74.193252999999999</v>
      </c>
    </row>
    <row r="3007" spans="1:10" x14ac:dyDescent="0.35">
      <c r="A3007" s="5" t="s">
        <v>10</v>
      </c>
      <c r="B3007" s="6">
        <v>226962</v>
      </c>
      <c r="C3007" s="6" t="s">
        <v>68</v>
      </c>
      <c r="D3007" s="6" t="s">
        <v>69</v>
      </c>
      <c r="E3007" s="6">
        <v>11001</v>
      </c>
      <c r="F3007" s="6" t="s">
        <v>18</v>
      </c>
      <c r="G3007" s="6" t="s">
        <v>6217</v>
      </c>
      <c r="H3007" s="6" t="s">
        <v>6218</v>
      </c>
      <c r="I3007" s="7">
        <v>4.5568033999999997</v>
      </c>
      <c r="J3007" s="8">
        <v>-74.119591499999999</v>
      </c>
    </row>
    <row r="3008" spans="1:10" x14ac:dyDescent="0.35">
      <c r="A3008" s="5" t="s">
        <v>10</v>
      </c>
      <c r="B3008" s="6">
        <v>212096</v>
      </c>
      <c r="C3008" s="6" t="s">
        <v>24</v>
      </c>
      <c r="D3008" s="6" t="s">
        <v>88</v>
      </c>
      <c r="E3008" s="6">
        <v>15001</v>
      </c>
      <c r="F3008" s="6" t="s">
        <v>18</v>
      </c>
      <c r="G3008" s="6" t="s">
        <v>6219</v>
      </c>
      <c r="H3008" s="6" t="s">
        <v>6220</v>
      </c>
      <c r="I3008" s="7">
        <v>5.5170357999999897</v>
      </c>
      <c r="J3008" s="8">
        <v>-73.370069000000001</v>
      </c>
    </row>
    <row r="3009" spans="1:10" x14ac:dyDescent="0.35">
      <c r="A3009" s="5" t="s">
        <v>10</v>
      </c>
      <c r="B3009" s="6">
        <v>198423</v>
      </c>
      <c r="C3009" s="6" t="s">
        <v>16</v>
      </c>
      <c r="D3009" s="6" t="s">
        <v>78</v>
      </c>
      <c r="E3009" s="6">
        <v>68001</v>
      </c>
      <c r="F3009" s="6" t="s">
        <v>18</v>
      </c>
      <c r="G3009" s="6" t="s">
        <v>6221</v>
      </c>
      <c r="H3009" s="6" t="s">
        <v>6222</v>
      </c>
      <c r="I3009" s="7">
        <v>7.1193489999999997</v>
      </c>
      <c r="J3009" s="8">
        <v>-73.122741599999998</v>
      </c>
    </row>
    <row r="3010" spans="1:10" x14ac:dyDescent="0.35">
      <c r="A3010" s="5" t="s">
        <v>10</v>
      </c>
      <c r="B3010" s="6">
        <v>208403</v>
      </c>
      <c r="C3010" s="6" t="s">
        <v>16</v>
      </c>
      <c r="D3010" s="6" t="s">
        <v>78</v>
      </c>
      <c r="E3010" s="6">
        <v>68001</v>
      </c>
      <c r="F3010" s="6" t="s">
        <v>18</v>
      </c>
      <c r="G3010" s="6" t="s">
        <v>6223</v>
      </c>
      <c r="H3010" s="6" t="s">
        <v>6224</v>
      </c>
      <c r="I3010" s="7">
        <v>7.1215913999999998</v>
      </c>
      <c r="J3010" s="8">
        <v>-73.118342999999996</v>
      </c>
    </row>
    <row r="3011" spans="1:10" x14ac:dyDescent="0.35">
      <c r="A3011" s="5" t="s">
        <v>10</v>
      </c>
      <c r="B3011" s="6">
        <v>222462</v>
      </c>
      <c r="C3011" s="6" t="s">
        <v>2130</v>
      </c>
      <c r="D3011" s="6" t="s">
        <v>2131</v>
      </c>
      <c r="E3011" s="6">
        <v>85001</v>
      </c>
      <c r="F3011" s="6" t="s">
        <v>18</v>
      </c>
      <c r="G3011" s="6" t="s">
        <v>6225</v>
      </c>
      <c r="H3011" s="6" t="s">
        <v>6226</v>
      </c>
      <c r="I3011" s="7">
        <v>5.3408369999999996</v>
      </c>
      <c r="J3011" s="8">
        <v>-72.398062099999905</v>
      </c>
    </row>
    <row r="3012" spans="1:10" x14ac:dyDescent="0.35">
      <c r="A3012" s="5" t="s">
        <v>10</v>
      </c>
      <c r="B3012" s="6">
        <v>219362</v>
      </c>
      <c r="C3012" s="6" t="s">
        <v>294</v>
      </c>
      <c r="D3012" s="6" t="s">
        <v>703</v>
      </c>
      <c r="E3012" s="6">
        <v>41001</v>
      </c>
      <c r="F3012" s="6" t="s">
        <v>18</v>
      </c>
      <c r="G3012" s="6" t="s">
        <v>6227</v>
      </c>
      <c r="H3012" s="6" t="s">
        <v>6228</v>
      </c>
      <c r="I3012" s="7">
        <v>2.9073186999999998</v>
      </c>
      <c r="J3012" s="8">
        <v>-75.275317700000002</v>
      </c>
    </row>
    <row r="3013" spans="1:10" x14ac:dyDescent="0.35">
      <c r="A3013" s="5" t="s">
        <v>10</v>
      </c>
      <c r="B3013" s="6">
        <v>235736</v>
      </c>
      <c r="C3013" s="6" t="s">
        <v>11</v>
      </c>
      <c r="D3013" s="6" t="s">
        <v>6229</v>
      </c>
      <c r="E3013" s="6">
        <v>25805</v>
      </c>
      <c r="F3013" s="6" t="s">
        <v>18</v>
      </c>
      <c r="G3013" s="6" t="s">
        <v>6230</v>
      </c>
      <c r="H3013" s="6" t="s">
        <v>6231</v>
      </c>
      <c r="I3013" s="7">
        <v>4.4744579</v>
      </c>
      <c r="J3013" s="8">
        <v>-74.4531858</v>
      </c>
    </row>
    <row r="3014" spans="1:10" x14ac:dyDescent="0.35">
      <c r="A3014" s="5" t="s">
        <v>10</v>
      </c>
      <c r="B3014" s="6">
        <v>221259</v>
      </c>
      <c r="C3014" s="6" t="s">
        <v>11</v>
      </c>
      <c r="D3014" s="6" t="s">
        <v>334</v>
      </c>
      <c r="E3014" s="6">
        <v>25754</v>
      </c>
      <c r="F3014" s="6" t="s">
        <v>18</v>
      </c>
      <c r="G3014" s="6" t="s">
        <v>6232</v>
      </c>
      <c r="H3014" s="6" t="s">
        <v>6233</v>
      </c>
      <c r="I3014" s="7">
        <v>4.5805283000000001</v>
      </c>
      <c r="J3014" s="8">
        <v>-74.206926299999907</v>
      </c>
    </row>
    <row r="3015" spans="1:10" x14ac:dyDescent="0.35">
      <c r="A3015" s="5" t="s">
        <v>10</v>
      </c>
      <c r="B3015" s="6">
        <v>245973</v>
      </c>
      <c r="C3015" s="6" t="s">
        <v>11</v>
      </c>
      <c r="D3015" s="6" t="s">
        <v>1633</v>
      </c>
      <c r="E3015" s="6">
        <v>25151</v>
      </c>
      <c r="F3015" s="6" t="s">
        <v>18</v>
      </c>
      <c r="G3015" s="6" t="s">
        <v>6234</v>
      </c>
      <c r="H3015" s="6" t="s">
        <v>6235</v>
      </c>
      <c r="I3015" s="7">
        <v>4.4043745000000003</v>
      </c>
      <c r="J3015" s="8">
        <v>-73.946615499999993</v>
      </c>
    </row>
    <row r="3016" spans="1:10" x14ac:dyDescent="0.35">
      <c r="A3016" s="5" t="s">
        <v>10</v>
      </c>
      <c r="B3016" s="6">
        <v>130378</v>
      </c>
      <c r="C3016" s="6" t="s">
        <v>11</v>
      </c>
      <c r="D3016" s="6" t="s">
        <v>12</v>
      </c>
      <c r="E3016" s="6">
        <v>25899</v>
      </c>
      <c r="F3016" s="6" t="s">
        <v>18</v>
      </c>
      <c r="G3016" s="6" t="s">
        <v>6236</v>
      </c>
      <c r="H3016" s="6" t="s">
        <v>6237</v>
      </c>
      <c r="I3016" s="7">
        <v>5.0306106000000002</v>
      </c>
      <c r="J3016" s="8">
        <v>-73.999125499999906</v>
      </c>
    </row>
    <row r="3017" spans="1:10" x14ac:dyDescent="0.35">
      <c r="A3017" s="5" t="s">
        <v>10</v>
      </c>
      <c r="B3017" s="6">
        <v>207886</v>
      </c>
      <c r="C3017" s="6" t="s">
        <v>11</v>
      </c>
      <c r="D3017" s="6" t="s">
        <v>334</v>
      </c>
      <c r="E3017" s="6">
        <v>25754</v>
      </c>
      <c r="F3017" s="6" t="s">
        <v>18</v>
      </c>
      <c r="G3017" s="6" t="s">
        <v>6238</v>
      </c>
      <c r="H3017" s="6" t="s">
        <v>6239</v>
      </c>
      <c r="I3017" s="7">
        <v>4.5703212999999998</v>
      </c>
      <c r="J3017" s="8">
        <v>-74.240559199999893</v>
      </c>
    </row>
    <row r="3018" spans="1:10" x14ac:dyDescent="0.35">
      <c r="A3018" s="5" t="s">
        <v>10</v>
      </c>
      <c r="B3018" s="6">
        <v>243071</v>
      </c>
      <c r="C3018" s="6" t="s">
        <v>11</v>
      </c>
      <c r="D3018" s="6" t="s">
        <v>494</v>
      </c>
      <c r="E3018" s="6">
        <v>25154</v>
      </c>
      <c r="F3018" s="6" t="s">
        <v>18</v>
      </c>
      <c r="G3018" s="6" t="s">
        <v>6240</v>
      </c>
      <c r="H3018" s="6" t="s">
        <v>6241</v>
      </c>
      <c r="I3018" s="7">
        <v>5.3488785999999999</v>
      </c>
      <c r="J3018" s="8">
        <v>-73.9014375</v>
      </c>
    </row>
    <row r="3019" spans="1:10" x14ac:dyDescent="0.35">
      <c r="A3019" s="5" t="s">
        <v>10</v>
      </c>
      <c r="B3019" s="6">
        <v>243110</v>
      </c>
      <c r="C3019" s="6" t="s">
        <v>11</v>
      </c>
      <c r="D3019" s="6" t="s">
        <v>680</v>
      </c>
      <c r="E3019" s="6">
        <v>25743</v>
      </c>
      <c r="F3019" s="6" t="s">
        <v>18</v>
      </c>
      <c r="G3019" s="6" t="s">
        <v>6242</v>
      </c>
      <c r="H3019" s="6" t="s">
        <v>6243</v>
      </c>
      <c r="I3019" s="7">
        <v>4.4035900000000003</v>
      </c>
      <c r="J3019" s="8">
        <v>-74.385739999999998</v>
      </c>
    </row>
    <row r="3020" spans="1:10" x14ac:dyDescent="0.35">
      <c r="A3020" s="5" t="s">
        <v>10</v>
      </c>
      <c r="B3020" s="6">
        <v>222360</v>
      </c>
      <c r="C3020" s="6" t="s">
        <v>68</v>
      </c>
      <c r="D3020" s="6" t="s">
        <v>69</v>
      </c>
      <c r="E3020" s="6">
        <v>11001</v>
      </c>
      <c r="F3020" s="6" t="s">
        <v>18</v>
      </c>
      <c r="G3020" s="6" t="s">
        <v>6244</v>
      </c>
      <c r="H3020" s="6" t="s">
        <v>6245</v>
      </c>
      <c r="I3020" s="7">
        <v>4.759557</v>
      </c>
      <c r="J3020" s="8">
        <v>-74.027254799999994</v>
      </c>
    </row>
    <row r="3021" spans="1:10" x14ac:dyDescent="0.35">
      <c r="A3021" s="5" t="s">
        <v>10</v>
      </c>
      <c r="B3021" s="6">
        <v>223261</v>
      </c>
      <c r="C3021" s="6" t="s">
        <v>68</v>
      </c>
      <c r="D3021" s="6" t="s">
        <v>69</v>
      </c>
      <c r="E3021" s="6">
        <v>11001</v>
      </c>
      <c r="F3021" s="6" t="s">
        <v>18</v>
      </c>
      <c r="G3021" s="6" t="s">
        <v>6246</v>
      </c>
      <c r="H3021" s="6" t="s">
        <v>6247</v>
      </c>
      <c r="I3021" s="7">
        <v>4.5845579999999897</v>
      </c>
      <c r="J3021" s="8">
        <v>-74.140711099999905</v>
      </c>
    </row>
    <row r="3022" spans="1:10" x14ac:dyDescent="0.35">
      <c r="A3022" s="5" t="s">
        <v>10</v>
      </c>
      <c r="B3022" s="6">
        <v>226289</v>
      </c>
      <c r="C3022" s="6" t="s">
        <v>68</v>
      </c>
      <c r="D3022" s="6" t="s">
        <v>69</v>
      </c>
      <c r="E3022" s="6">
        <v>11001</v>
      </c>
      <c r="F3022" s="6" t="s">
        <v>13</v>
      </c>
      <c r="G3022" s="6" t="s">
        <v>3737</v>
      </c>
      <c r="H3022" s="6" t="s">
        <v>6248</v>
      </c>
      <c r="I3022" s="7">
        <v>4.6499851999999997</v>
      </c>
      <c r="J3022" s="8">
        <v>-74.063573899999994</v>
      </c>
    </row>
    <row r="3023" spans="1:10" x14ac:dyDescent="0.35">
      <c r="A3023" s="5" t="s">
        <v>10</v>
      </c>
      <c r="B3023" s="6">
        <v>226333</v>
      </c>
      <c r="C3023" s="6" t="s">
        <v>302</v>
      </c>
      <c r="D3023" s="6" t="s">
        <v>359</v>
      </c>
      <c r="E3023" s="6">
        <v>8001</v>
      </c>
      <c r="F3023" s="6" t="s">
        <v>13</v>
      </c>
      <c r="G3023" s="6" t="s">
        <v>3737</v>
      </c>
      <c r="H3023" s="6" t="s">
        <v>6249</v>
      </c>
      <c r="I3023" s="7">
        <v>10.946895400000001</v>
      </c>
      <c r="J3023" s="8">
        <v>-74.784720999999905</v>
      </c>
    </row>
    <row r="3024" spans="1:10" x14ac:dyDescent="0.35">
      <c r="A3024" s="5" t="s">
        <v>10</v>
      </c>
      <c r="B3024" s="6">
        <v>226326</v>
      </c>
      <c r="C3024" s="6" t="s">
        <v>302</v>
      </c>
      <c r="D3024" s="6" t="s">
        <v>359</v>
      </c>
      <c r="E3024" s="6">
        <v>8001</v>
      </c>
      <c r="F3024" s="6" t="s">
        <v>13</v>
      </c>
      <c r="G3024" s="6" t="s">
        <v>3737</v>
      </c>
      <c r="H3024" s="6" t="s">
        <v>6250</v>
      </c>
      <c r="I3024" s="7">
        <v>10.9883209</v>
      </c>
      <c r="J3024" s="8">
        <v>-74.812489399999905</v>
      </c>
    </row>
    <row r="3025" spans="1:10" x14ac:dyDescent="0.35">
      <c r="A3025" s="5" t="s">
        <v>10</v>
      </c>
      <c r="B3025" s="6">
        <v>190064</v>
      </c>
      <c r="C3025" s="6" t="s">
        <v>16</v>
      </c>
      <c r="D3025" s="6" t="s">
        <v>78</v>
      </c>
      <c r="E3025" s="6">
        <v>68001</v>
      </c>
      <c r="F3025" s="6" t="s">
        <v>18</v>
      </c>
      <c r="G3025" s="6" t="s">
        <v>6251</v>
      </c>
      <c r="H3025" s="6" t="s">
        <v>6252</v>
      </c>
      <c r="I3025" s="7">
        <v>7.1148070999999904</v>
      </c>
      <c r="J3025" s="8">
        <v>-73.115281099999905</v>
      </c>
    </row>
    <row r="3026" spans="1:10" x14ac:dyDescent="0.35">
      <c r="A3026" s="5" t="s">
        <v>10</v>
      </c>
      <c r="B3026" s="6">
        <v>207403</v>
      </c>
      <c r="C3026" s="6" t="s">
        <v>16</v>
      </c>
      <c r="D3026" s="6" t="s">
        <v>2825</v>
      </c>
      <c r="E3026" s="6">
        <v>68276</v>
      </c>
      <c r="F3026" s="6" t="s">
        <v>18</v>
      </c>
      <c r="G3026" s="6" t="s">
        <v>6253</v>
      </c>
      <c r="H3026" s="6" t="s">
        <v>6254</v>
      </c>
      <c r="I3026" s="7">
        <v>7.0770307999999904</v>
      </c>
      <c r="J3026" s="8">
        <v>-73.091416799999905</v>
      </c>
    </row>
    <row r="3027" spans="1:10" x14ac:dyDescent="0.35">
      <c r="A3027" s="5" t="s">
        <v>10</v>
      </c>
      <c r="B3027" s="6">
        <v>206450</v>
      </c>
      <c r="C3027" s="6" t="s">
        <v>551</v>
      </c>
      <c r="D3027" s="6" t="s">
        <v>4403</v>
      </c>
      <c r="E3027" s="6">
        <v>20013</v>
      </c>
      <c r="F3027" s="6" t="s">
        <v>18</v>
      </c>
      <c r="G3027" s="6" t="s">
        <v>6255</v>
      </c>
      <c r="H3027" s="6" t="s">
        <v>6256</v>
      </c>
      <c r="I3027" s="7">
        <v>10.027809299999999</v>
      </c>
      <c r="J3027" s="8">
        <v>-73.229231599999906</v>
      </c>
    </row>
    <row r="3028" spans="1:10" x14ac:dyDescent="0.35">
      <c r="A3028" s="5" t="s">
        <v>10</v>
      </c>
      <c r="B3028" s="6">
        <v>217167</v>
      </c>
      <c r="C3028" s="6" t="s">
        <v>11</v>
      </c>
      <c r="D3028" s="6" t="s">
        <v>3104</v>
      </c>
      <c r="E3028" s="6">
        <v>25245</v>
      </c>
      <c r="F3028" s="6" t="s">
        <v>18</v>
      </c>
      <c r="G3028" s="6" t="s">
        <v>6257</v>
      </c>
      <c r="H3028" s="6" t="s">
        <v>6258</v>
      </c>
      <c r="I3028" s="7">
        <v>4.4923552999999998</v>
      </c>
      <c r="J3028" s="8">
        <v>-74.440226499999994</v>
      </c>
    </row>
    <row r="3029" spans="1:10" x14ac:dyDescent="0.35">
      <c r="A3029" s="5" t="s">
        <v>10</v>
      </c>
      <c r="B3029" s="6">
        <v>172047</v>
      </c>
      <c r="C3029" s="6" t="s">
        <v>11</v>
      </c>
      <c r="D3029" s="6" t="s">
        <v>3054</v>
      </c>
      <c r="E3029" s="6">
        <v>25269</v>
      </c>
      <c r="F3029" s="6" t="s">
        <v>18</v>
      </c>
      <c r="G3029" s="6" t="s">
        <v>4058</v>
      </c>
      <c r="H3029" s="6" t="s">
        <v>4059</v>
      </c>
      <c r="I3029" s="7">
        <v>4.5702634999999896</v>
      </c>
      <c r="J3029" s="8">
        <v>-74.094993099999996</v>
      </c>
    </row>
    <row r="3030" spans="1:10" x14ac:dyDescent="0.35">
      <c r="A3030" s="5" t="s">
        <v>10</v>
      </c>
      <c r="B3030" s="6">
        <v>235252</v>
      </c>
      <c r="C3030" s="6" t="s">
        <v>11</v>
      </c>
      <c r="D3030" s="6" t="s">
        <v>334</v>
      </c>
      <c r="E3030" s="6">
        <v>25754</v>
      </c>
      <c r="F3030" s="6" t="s">
        <v>18</v>
      </c>
      <c r="G3030" s="6" t="s">
        <v>6259</v>
      </c>
      <c r="H3030" s="6" t="s">
        <v>6260</v>
      </c>
      <c r="I3030" s="7">
        <v>4.5870946000000004</v>
      </c>
      <c r="J3030" s="8">
        <v>-74.206076499999995</v>
      </c>
    </row>
    <row r="3031" spans="1:10" x14ac:dyDescent="0.35">
      <c r="A3031" s="5" t="s">
        <v>10</v>
      </c>
      <c r="B3031" s="6">
        <v>226335</v>
      </c>
      <c r="C3031" s="6" t="s">
        <v>302</v>
      </c>
      <c r="D3031" s="6" t="s">
        <v>359</v>
      </c>
      <c r="E3031" s="6">
        <v>8001</v>
      </c>
      <c r="F3031" s="6" t="s">
        <v>13</v>
      </c>
      <c r="G3031" s="6" t="s">
        <v>3737</v>
      </c>
      <c r="H3031" s="6" t="s">
        <v>6261</v>
      </c>
      <c r="I3031" s="7">
        <v>10.9988984</v>
      </c>
      <c r="J3031" s="8">
        <v>-74.8016839</v>
      </c>
    </row>
    <row r="3032" spans="1:10" x14ac:dyDescent="0.35">
      <c r="A3032" s="5" t="s">
        <v>10</v>
      </c>
      <c r="B3032" s="6">
        <v>223698</v>
      </c>
      <c r="C3032" s="6" t="s">
        <v>278</v>
      </c>
      <c r="D3032" s="6" t="s">
        <v>279</v>
      </c>
      <c r="E3032" s="6">
        <v>50001</v>
      </c>
      <c r="F3032" s="6" t="s">
        <v>18</v>
      </c>
      <c r="G3032" s="6" t="s">
        <v>6262</v>
      </c>
      <c r="H3032" s="6" t="s">
        <v>6263</v>
      </c>
      <c r="I3032" s="7">
        <v>4.1491688</v>
      </c>
      <c r="J3032" s="8">
        <v>-73.628547499999996</v>
      </c>
    </row>
    <row r="3033" spans="1:10" x14ac:dyDescent="0.35">
      <c r="A3033" s="5" t="s">
        <v>10</v>
      </c>
      <c r="B3033" s="6">
        <v>237671</v>
      </c>
      <c r="C3033" s="6" t="s">
        <v>11</v>
      </c>
      <c r="D3033" s="6" t="s">
        <v>334</v>
      </c>
      <c r="E3033" s="6">
        <v>25754</v>
      </c>
      <c r="F3033" s="6" t="s">
        <v>18</v>
      </c>
      <c r="G3033" s="6" t="s">
        <v>6264</v>
      </c>
      <c r="H3033" s="6" t="s">
        <v>6265</v>
      </c>
      <c r="I3033" s="7">
        <v>4.5945876999999999</v>
      </c>
      <c r="J3033" s="8">
        <v>-74.192814900000002</v>
      </c>
    </row>
    <row r="3034" spans="1:10" x14ac:dyDescent="0.35">
      <c r="A3034" s="5" t="s">
        <v>10</v>
      </c>
      <c r="B3034" s="6">
        <v>247320</v>
      </c>
      <c r="C3034" s="6" t="s">
        <v>11</v>
      </c>
      <c r="D3034" s="6" t="s">
        <v>513</v>
      </c>
      <c r="E3034" s="6">
        <v>25286</v>
      </c>
      <c r="F3034" s="6" t="s">
        <v>18</v>
      </c>
      <c r="G3034" s="6" t="s">
        <v>6266</v>
      </c>
      <c r="H3034" s="6" t="s">
        <v>6267</v>
      </c>
      <c r="I3034" s="7">
        <v>4.7307294000000004</v>
      </c>
      <c r="J3034" s="8">
        <v>-74.261095400000002</v>
      </c>
    </row>
    <row r="3035" spans="1:10" x14ac:dyDescent="0.35">
      <c r="A3035" s="5" t="s">
        <v>10</v>
      </c>
      <c r="B3035" s="6">
        <v>181124</v>
      </c>
      <c r="C3035" s="6" t="s">
        <v>11</v>
      </c>
      <c r="D3035" s="6" t="s">
        <v>12</v>
      </c>
      <c r="E3035" s="6">
        <v>25899</v>
      </c>
      <c r="F3035" s="6" t="s">
        <v>18</v>
      </c>
      <c r="G3035" s="6" t="s">
        <v>6268</v>
      </c>
      <c r="H3035" s="6" t="s">
        <v>6269</v>
      </c>
      <c r="I3035" s="7">
        <v>5.0343505999999998</v>
      </c>
      <c r="J3035" s="8">
        <v>-73.959662199999997</v>
      </c>
    </row>
    <row r="3036" spans="1:10" x14ac:dyDescent="0.35">
      <c r="A3036" s="5" t="s">
        <v>10</v>
      </c>
      <c r="B3036" s="6">
        <v>224877</v>
      </c>
      <c r="C3036" s="6" t="s">
        <v>11</v>
      </c>
      <c r="D3036" s="6" t="s">
        <v>334</v>
      </c>
      <c r="E3036" s="6">
        <v>25754</v>
      </c>
      <c r="F3036" s="6" t="s">
        <v>18</v>
      </c>
      <c r="G3036" s="6" t="s">
        <v>6270</v>
      </c>
      <c r="H3036" s="6" t="s">
        <v>6271</v>
      </c>
      <c r="I3036" s="7">
        <v>4.5885467999999996</v>
      </c>
      <c r="J3036" s="8">
        <v>-74.224400199999906</v>
      </c>
    </row>
    <row r="3037" spans="1:10" x14ac:dyDescent="0.35">
      <c r="A3037" s="5" t="s">
        <v>10</v>
      </c>
      <c r="B3037" s="6">
        <v>235468</v>
      </c>
      <c r="C3037" s="6" t="s">
        <v>117</v>
      </c>
      <c r="D3037" s="6" t="s">
        <v>1334</v>
      </c>
      <c r="E3037" s="6">
        <v>76001</v>
      </c>
      <c r="F3037" s="6" t="s">
        <v>18</v>
      </c>
      <c r="G3037" s="6" t="s">
        <v>6272</v>
      </c>
      <c r="H3037" s="6" t="s">
        <v>6273</v>
      </c>
      <c r="I3037" s="7">
        <v>3.4061366</v>
      </c>
      <c r="J3037" s="8">
        <v>-76.537791299999995</v>
      </c>
    </row>
    <row r="3038" spans="1:10" x14ac:dyDescent="0.35">
      <c r="A3038" s="5" t="s">
        <v>10</v>
      </c>
      <c r="B3038" s="6">
        <v>219247</v>
      </c>
      <c r="C3038" s="6" t="s">
        <v>117</v>
      </c>
      <c r="D3038" s="6" t="s">
        <v>1334</v>
      </c>
      <c r="E3038" s="6">
        <v>76001</v>
      </c>
      <c r="F3038" s="6" t="s">
        <v>18</v>
      </c>
      <c r="G3038" s="6" t="s">
        <v>6274</v>
      </c>
      <c r="H3038" s="6" t="s">
        <v>6275</v>
      </c>
      <c r="I3038" s="7">
        <v>3.4419046</v>
      </c>
      <c r="J3038" s="8">
        <v>-76.510466999999906</v>
      </c>
    </row>
    <row r="3039" spans="1:10" x14ac:dyDescent="0.35">
      <c r="A3039" s="5" t="s">
        <v>10</v>
      </c>
      <c r="B3039" s="6">
        <v>228734</v>
      </c>
      <c r="C3039" s="6" t="s">
        <v>117</v>
      </c>
      <c r="D3039" s="6" t="s">
        <v>1334</v>
      </c>
      <c r="E3039" s="6">
        <v>76001</v>
      </c>
      <c r="F3039" s="6" t="s">
        <v>18</v>
      </c>
      <c r="G3039" s="6" t="s">
        <v>6276</v>
      </c>
      <c r="H3039" s="6" t="s">
        <v>6277</v>
      </c>
      <c r="I3039" s="7">
        <v>3.4572177000000002</v>
      </c>
      <c r="J3039" s="8">
        <v>-76.488106200000004</v>
      </c>
    </row>
    <row r="3040" spans="1:10" x14ac:dyDescent="0.35">
      <c r="A3040" s="5" t="s">
        <v>10</v>
      </c>
      <c r="B3040" s="6">
        <v>243347</v>
      </c>
      <c r="C3040" s="6" t="s">
        <v>68</v>
      </c>
      <c r="D3040" s="6" t="s">
        <v>69</v>
      </c>
      <c r="E3040" s="6">
        <v>11001</v>
      </c>
      <c r="F3040" s="6" t="s">
        <v>18</v>
      </c>
      <c r="G3040" s="6" t="s">
        <v>6278</v>
      </c>
      <c r="H3040" s="6" t="s">
        <v>6279</v>
      </c>
      <c r="I3040" s="7">
        <v>4.7360519999999999</v>
      </c>
      <c r="J3040" s="8">
        <v>-74.094771800000004</v>
      </c>
    </row>
    <row r="3041" spans="1:10" x14ac:dyDescent="0.35">
      <c r="A3041" s="5" t="s">
        <v>10</v>
      </c>
      <c r="B3041" s="6">
        <v>231114</v>
      </c>
      <c r="C3041" s="6" t="s">
        <v>68</v>
      </c>
      <c r="D3041" s="6" t="s">
        <v>69</v>
      </c>
      <c r="E3041" s="6">
        <v>11001</v>
      </c>
      <c r="F3041" s="6" t="s">
        <v>18</v>
      </c>
      <c r="G3041" s="6" t="s">
        <v>6280</v>
      </c>
      <c r="H3041" s="6" t="s">
        <v>6281</v>
      </c>
      <c r="I3041" s="7">
        <v>4.6359095000000003</v>
      </c>
      <c r="J3041" s="8">
        <v>-74.157172900000006</v>
      </c>
    </row>
    <row r="3042" spans="1:10" x14ac:dyDescent="0.35">
      <c r="A3042" s="5" t="s">
        <v>10</v>
      </c>
      <c r="B3042" s="6">
        <v>235225</v>
      </c>
      <c r="C3042" s="6" t="s">
        <v>2130</v>
      </c>
      <c r="D3042" s="6" t="s">
        <v>2131</v>
      </c>
      <c r="E3042" s="6">
        <v>85001</v>
      </c>
      <c r="F3042" s="6" t="s">
        <v>18</v>
      </c>
      <c r="G3042" s="6" t="s">
        <v>6282</v>
      </c>
      <c r="H3042" s="6" t="s">
        <v>6283</v>
      </c>
      <c r="I3042" s="7">
        <v>5.3413731999999996</v>
      </c>
      <c r="J3042" s="8">
        <v>-72.397033500000006</v>
      </c>
    </row>
    <row r="3043" spans="1:10" x14ac:dyDescent="0.35">
      <c r="A3043" s="5" t="s">
        <v>10</v>
      </c>
      <c r="B3043" s="6">
        <v>205840</v>
      </c>
      <c r="C3043" s="6" t="s">
        <v>24</v>
      </c>
      <c r="D3043" s="6" t="s">
        <v>85</v>
      </c>
      <c r="E3043" s="6">
        <v>15759</v>
      </c>
      <c r="F3043" s="6" t="s">
        <v>18</v>
      </c>
      <c r="G3043" s="6" t="s">
        <v>6284</v>
      </c>
      <c r="H3043" s="6" t="s">
        <v>6285</v>
      </c>
      <c r="I3043" s="7">
        <v>5.7084627000000001</v>
      </c>
      <c r="J3043" s="8">
        <v>-72.941401900000002</v>
      </c>
    </row>
    <row r="3044" spans="1:10" x14ac:dyDescent="0.35">
      <c r="A3044" s="5" t="s">
        <v>10</v>
      </c>
      <c r="B3044" s="6">
        <v>135832</v>
      </c>
      <c r="C3044" s="6" t="s">
        <v>278</v>
      </c>
      <c r="D3044" s="6" t="s">
        <v>4146</v>
      </c>
      <c r="E3044" s="6">
        <v>50606</v>
      </c>
      <c r="F3044" s="6" t="s">
        <v>18</v>
      </c>
      <c r="G3044" s="6" t="s">
        <v>6286</v>
      </c>
      <c r="H3044" s="6" t="s">
        <v>6287</v>
      </c>
      <c r="I3044" s="7">
        <v>4.2630819999999998</v>
      </c>
      <c r="J3044" s="8">
        <v>-73.562567000000001</v>
      </c>
    </row>
    <row r="3045" spans="1:10" x14ac:dyDescent="0.35">
      <c r="A3045" s="5" t="s">
        <v>10</v>
      </c>
      <c r="B3045" s="6">
        <v>240253</v>
      </c>
      <c r="C3045" s="6" t="s">
        <v>294</v>
      </c>
      <c r="D3045" s="6" t="s">
        <v>4257</v>
      </c>
      <c r="E3045" s="6">
        <v>41524</v>
      </c>
      <c r="F3045" s="6" t="s">
        <v>18</v>
      </c>
      <c r="G3045" s="6" t="s">
        <v>6288</v>
      </c>
      <c r="H3045" s="6" t="s">
        <v>6289</v>
      </c>
      <c r="I3045" s="7">
        <v>2.8899444999999999</v>
      </c>
      <c r="J3045" s="8">
        <v>-75.4351214</v>
      </c>
    </row>
    <row r="3046" spans="1:10" x14ac:dyDescent="0.35">
      <c r="A3046" s="5" t="s">
        <v>10</v>
      </c>
      <c r="B3046" s="6">
        <v>205250</v>
      </c>
      <c r="C3046" s="6" t="s">
        <v>11</v>
      </c>
      <c r="D3046" s="6" t="s">
        <v>3054</v>
      </c>
      <c r="E3046" s="6">
        <v>25269</v>
      </c>
      <c r="F3046" s="6" t="s">
        <v>18</v>
      </c>
      <c r="G3046" s="6" t="s">
        <v>6290</v>
      </c>
      <c r="H3046" s="6" t="s">
        <v>6291</v>
      </c>
      <c r="I3046" s="7">
        <v>4.7840173999999998</v>
      </c>
      <c r="J3046" s="8">
        <v>-74.335436700000002</v>
      </c>
    </row>
    <row r="3047" spans="1:10" x14ac:dyDescent="0.35">
      <c r="A3047" s="5" t="s">
        <v>10</v>
      </c>
      <c r="B3047" s="6">
        <v>183561</v>
      </c>
      <c r="C3047" s="6" t="s">
        <v>117</v>
      </c>
      <c r="D3047" s="6" t="s">
        <v>4931</v>
      </c>
      <c r="E3047" s="6">
        <v>76892</v>
      </c>
      <c r="F3047" s="6" t="s">
        <v>18</v>
      </c>
      <c r="G3047" s="6" t="s">
        <v>6292</v>
      </c>
      <c r="H3047" s="6" t="s">
        <v>6293</v>
      </c>
      <c r="I3047" s="7">
        <v>3.6835276000000001</v>
      </c>
      <c r="J3047" s="8">
        <v>-76.444052599999907</v>
      </c>
    </row>
    <row r="3048" spans="1:10" x14ac:dyDescent="0.35">
      <c r="A3048" s="5" t="s">
        <v>10</v>
      </c>
      <c r="B3048" s="6">
        <v>236612</v>
      </c>
      <c r="C3048" s="6" t="s">
        <v>457</v>
      </c>
      <c r="D3048" s="6" t="s">
        <v>1363</v>
      </c>
      <c r="E3048" s="6">
        <v>52215</v>
      </c>
      <c r="F3048" s="6" t="s">
        <v>18</v>
      </c>
      <c r="G3048" s="6" t="s">
        <v>6294</v>
      </c>
      <c r="H3048" s="6" t="s">
        <v>6295</v>
      </c>
      <c r="I3048" s="7">
        <v>0.85409550000000001</v>
      </c>
      <c r="J3048" s="8">
        <v>-77.518888099999998</v>
      </c>
    </row>
    <row r="3049" spans="1:10" x14ac:dyDescent="0.35">
      <c r="A3049" s="5" t="s">
        <v>10</v>
      </c>
      <c r="B3049" s="6">
        <v>221621</v>
      </c>
      <c r="C3049" s="6" t="s">
        <v>68</v>
      </c>
      <c r="D3049" s="6" t="s">
        <v>69</v>
      </c>
      <c r="E3049" s="6">
        <v>11001</v>
      </c>
      <c r="F3049" s="6" t="s">
        <v>18</v>
      </c>
      <c r="G3049" s="6" t="s">
        <v>6296</v>
      </c>
      <c r="H3049" s="6" t="s">
        <v>6297</v>
      </c>
      <c r="I3049" s="7">
        <v>4.5642752</v>
      </c>
      <c r="J3049" s="8">
        <v>-74.123724199999998</v>
      </c>
    </row>
    <row r="3050" spans="1:10" x14ac:dyDescent="0.35">
      <c r="A3050" s="5" t="s">
        <v>10</v>
      </c>
      <c r="B3050" s="6">
        <v>229572</v>
      </c>
      <c r="C3050" s="6" t="s">
        <v>308</v>
      </c>
      <c r="D3050" s="6" t="s">
        <v>309</v>
      </c>
      <c r="E3050" s="6">
        <v>23001</v>
      </c>
      <c r="F3050" s="6" t="s">
        <v>18</v>
      </c>
      <c r="G3050" s="6" t="s">
        <v>6298</v>
      </c>
      <c r="H3050" s="6" t="s">
        <v>6299</v>
      </c>
      <c r="I3050" s="7">
        <v>8.7585689999999996</v>
      </c>
      <c r="J3050" s="8">
        <v>-75.875022000000001</v>
      </c>
    </row>
    <row r="3051" spans="1:10" x14ac:dyDescent="0.35">
      <c r="A3051" s="5" t="s">
        <v>10</v>
      </c>
      <c r="B3051" s="6">
        <v>226267</v>
      </c>
      <c r="C3051" s="6" t="s">
        <v>38</v>
      </c>
      <c r="D3051" s="6" t="s">
        <v>6300</v>
      </c>
      <c r="E3051" s="6">
        <v>19698</v>
      </c>
      <c r="F3051" s="6" t="s">
        <v>13</v>
      </c>
      <c r="G3051" s="6" t="s">
        <v>3737</v>
      </c>
      <c r="H3051" s="6" t="s">
        <v>6301</v>
      </c>
      <c r="I3051" s="7">
        <v>3.0094620000000001</v>
      </c>
      <c r="J3051" s="8">
        <v>-76.483249899999905</v>
      </c>
    </row>
    <row r="3052" spans="1:10" x14ac:dyDescent="0.35">
      <c r="A3052" s="5" t="s">
        <v>10</v>
      </c>
      <c r="B3052" s="6">
        <v>226291</v>
      </c>
      <c r="C3052" s="6" t="s">
        <v>68</v>
      </c>
      <c r="D3052" s="6" t="s">
        <v>69</v>
      </c>
      <c r="E3052" s="6">
        <v>11001</v>
      </c>
      <c r="F3052" s="6" t="s">
        <v>13</v>
      </c>
      <c r="G3052" s="6" t="s">
        <v>3737</v>
      </c>
      <c r="H3052" s="6" t="s">
        <v>6302</v>
      </c>
      <c r="I3052" s="7">
        <v>4.6745032999999996</v>
      </c>
      <c r="J3052" s="8">
        <v>-74.144220300000001</v>
      </c>
    </row>
    <row r="3053" spans="1:10" x14ac:dyDescent="0.35">
      <c r="A3053" s="5" t="s">
        <v>10</v>
      </c>
      <c r="B3053" s="6">
        <v>242015</v>
      </c>
      <c r="C3053" s="6" t="s">
        <v>294</v>
      </c>
      <c r="D3053" s="6" t="s">
        <v>2887</v>
      </c>
      <c r="E3053" s="6">
        <v>41668</v>
      </c>
      <c r="F3053" s="6" t="s">
        <v>18</v>
      </c>
      <c r="G3053" s="6" t="s">
        <v>6303</v>
      </c>
      <c r="H3053" s="6" t="s">
        <v>6304</v>
      </c>
      <c r="I3053" s="7">
        <v>1.9287809</v>
      </c>
      <c r="J3053" s="8">
        <v>-76.214477900000006</v>
      </c>
    </row>
    <row r="3054" spans="1:10" x14ac:dyDescent="0.35">
      <c r="A3054" s="5" t="s">
        <v>10</v>
      </c>
      <c r="B3054" s="6">
        <v>243091</v>
      </c>
      <c r="C3054" s="6" t="s">
        <v>11</v>
      </c>
      <c r="D3054" s="6" t="s">
        <v>334</v>
      </c>
      <c r="E3054" s="6">
        <v>25754</v>
      </c>
      <c r="F3054" s="6" t="s">
        <v>18</v>
      </c>
      <c r="G3054" s="6" t="s">
        <v>6305</v>
      </c>
      <c r="H3054" s="6" t="s">
        <v>6306</v>
      </c>
      <c r="I3054" s="7">
        <v>4.5950468000000004</v>
      </c>
      <c r="J3054" s="8">
        <v>-74.195366300000003</v>
      </c>
    </row>
    <row r="3055" spans="1:10" x14ac:dyDescent="0.35">
      <c r="A3055" s="5" t="s">
        <v>10</v>
      </c>
      <c r="B3055" s="6">
        <v>211268</v>
      </c>
      <c r="C3055" s="6" t="s">
        <v>11</v>
      </c>
      <c r="D3055" s="6" t="s">
        <v>334</v>
      </c>
      <c r="E3055" s="6">
        <v>25754</v>
      </c>
      <c r="F3055" s="6" t="s">
        <v>18</v>
      </c>
      <c r="G3055" s="6" t="s">
        <v>6307</v>
      </c>
      <c r="H3055" s="6" t="s">
        <v>6308</v>
      </c>
      <c r="I3055" s="7">
        <v>4.5849362999999999</v>
      </c>
      <c r="J3055" s="8">
        <v>-74.212861899999993</v>
      </c>
    </row>
    <row r="3056" spans="1:10" x14ac:dyDescent="0.35">
      <c r="A3056" s="5" t="s">
        <v>10</v>
      </c>
      <c r="B3056" s="6">
        <v>212586</v>
      </c>
      <c r="C3056" s="6" t="s">
        <v>117</v>
      </c>
      <c r="D3056" s="6" t="s">
        <v>1334</v>
      </c>
      <c r="E3056" s="6">
        <v>76001</v>
      </c>
      <c r="F3056" s="6" t="s">
        <v>18</v>
      </c>
      <c r="G3056" s="6" t="s">
        <v>6309</v>
      </c>
      <c r="H3056" s="6" t="s">
        <v>6310</v>
      </c>
      <c r="I3056" s="7">
        <v>3.4087087999999999</v>
      </c>
      <c r="J3056" s="8">
        <v>-76.529408199999907</v>
      </c>
    </row>
    <row r="3057" spans="1:10" x14ac:dyDescent="0.35">
      <c r="A3057" s="5" t="s">
        <v>10</v>
      </c>
      <c r="B3057" s="6">
        <v>234217</v>
      </c>
      <c r="C3057" s="6" t="s">
        <v>11</v>
      </c>
      <c r="D3057" s="6" t="s">
        <v>1547</v>
      </c>
      <c r="E3057" s="6">
        <v>25817</v>
      </c>
      <c r="F3057" s="6" t="s">
        <v>18</v>
      </c>
      <c r="G3057" s="6" t="s">
        <v>6311</v>
      </c>
      <c r="H3057" s="6" t="s">
        <v>6312</v>
      </c>
      <c r="I3057" s="7">
        <v>4.9659373000000002</v>
      </c>
      <c r="J3057" s="8">
        <v>-73.913059899999993</v>
      </c>
    </row>
    <row r="3058" spans="1:10" x14ac:dyDescent="0.35">
      <c r="A3058" s="5" t="s">
        <v>10</v>
      </c>
      <c r="B3058" s="6">
        <v>239002</v>
      </c>
      <c r="C3058" s="6" t="s">
        <v>11</v>
      </c>
      <c r="D3058" s="6" t="s">
        <v>334</v>
      </c>
      <c r="E3058" s="6">
        <v>25754</v>
      </c>
      <c r="F3058" s="6" t="s">
        <v>2161</v>
      </c>
      <c r="G3058" s="6" t="s">
        <v>6313</v>
      </c>
      <c r="H3058" s="6" t="s">
        <v>6314</v>
      </c>
      <c r="I3058" s="7">
        <v>4.5823296999999998</v>
      </c>
      <c r="J3058" s="8">
        <v>-74.225265300000004</v>
      </c>
    </row>
    <row r="3059" spans="1:10" x14ac:dyDescent="0.35">
      <c r="A3059" s="5" t="s">
        <v>10</v>
      </c>
      <c r="B3059" s="6">
        <v>237419</v>
      </c>
      <c r="C3059" s="6" t="s">
        <v>68</v>
      </c>
      <c r="D3059" s="6" t="s">
        <v>69</v>
      </c>
      <c r="E3059" s="6">
        <v>11001</v>
      </c>
      <c r="F3059" s="6" t="s">
        <v>2161</v>
      </c>
      <c r="G3059" s="6" t="s">
        <v>6315</v>
      </c>
      <c r="H3059" s="6" t="s">
        <v>6316</v>
      </c>
      <c r="I3059" s="7">
        <v>4.7555829999999997</v>
      </c>
      <c r="J3059" s="8">
        <v>-74.096948299999994</v>
      </c>
    </row>
    <row r="3060" spans="1:10" x14ac:dyDescent="0.35">
      <c r="A3060" s="5" t="s">
        <v>10</v>
      </c>
      <c r="B3060" s="6">
        <v>204864</v>
      </c>
      <c r="C3060" s="6" t="s">
        <v>278</v>
      </c>
      <c r="D3060" s="6" t="s">
        <v>279</v>
      </c>
      <c r="E3060" s="6">
        <v>50001</v>
      </c>
      <c r="F3060" s="6" t="s">
        <v>18</v>
      </c>
      <c r="G3060" s="6" t="s">
        <v>6317</v>
      </c>
      <c r="H3060" s="6" t="s">
        <v>6318</v>
      </c>
      <c r="I3060" s="7">
        <v>4.1308189999999998</v>
      </c>
      <c r="J3060" s="8">
        <v>-73.639800600000001</v>
      </c>
    </row>
    <row r="3061" spans="1:10" x14ac:dyDescent="0.35">
      <c r="A3061" s="5" t="s">
        <v>10</v>
      </c>
      <c r="B3061" s="6">
        <v>244902</v>
      </c>
      <c r="C3061" s="6" t="s">
        <v>11</v>
      </c>
      <c r="D3061" s="6" t="s">
        <v>334</v>
      </c>
      <c r="E3061" s="6">
        <v>25754</v>
      </c>
      <c r="F3061" s="6" t="s">
        <v>18</v>
      </c>
      <c r="G3061" s="6" t="s">
        <v>6319</v>
      </c>
      <c r="H3061" s="6" t="s">
        <v>6320</v>
      </c>
      <c r="I3061" s="7">
        <v>4.5819894999999997</v>
      </c>
      <c r="J3061" s="8">
        <v>-74.2182751</v>
      </c>
    </row>
    <row r="3062" spans="1:10" x14ac:dyDescent="0.35">
      <c r="A3062" s="5" t="s">
        <v>10</v>
      </c>
      <c r="B3062" s="6">
        <v>203965</v>
      </c>
      <c r="C3062" s="6" t="s">
        <v>11</v>
      </c>
      <c r="D3062" s="6" t="s">
        <v>6321</v>
      </c>
      <c r="E3062" s="6">
        <v>25040</v>
      </c>
      <c r="F3062" s="6" t="s">
        <v>18</v>
      </c>
      <c r="G3062" s="6" t="s">
        <v>6322</v>
      </c>
      <c r="H3062" s="6" t="s">
        <v>6323</v>
      </c>
      <c r="I3062" s="7">
        <v>4.7645122999999998</v>
      </c>
      <c r="J3062" s="8">
        <v>-74.462795599999893</v>
      </c>
    </row>
    <row r="3063" spans="1:10" x14ac:dyDescent="0.35">
      <c r="A3063" s="5" t="s">
        <v>10</v>
      </c>
      <c r="B3063" s="6">
        <v>233042</v>
      </c>
      <c r="C3063" s="6" t="s">
        <v>11</v>
      </c>
      <c r="D3063" s="6" t="s">
        <v>221</v>
      </c>
      <c r="E3063" s="6">
        <v>25430</v>
      </c>
      <c r="F3063" s="6" t="s">
        <v>18</v>
      </c>
      <c r="G3063" s="6" t="s">
        <v>6324</v>
      </c>
      <c r="H3063" s="6" t="s">
        <v>6325</v>
      </c>
      <c r="I3063" s="7">
        <v>4.7408000000000001</v>
      </c>
      <c r="J3063" s="8">
        <v>-74.264189999999999</v>
      </c>
    </row>
    <row r="3064" spans="1:10" x14ac:dyDescent="0.35">
      <c r="A3064" s="5" t="s">
        <v>10</v>
      </c>
      <c r="B3064" s="6">
        <v>202087</v>
      </c>
      <c r="C3064" s="6" t="s">
        <v>11</v>
      </c>
      <c r="D3064" s="6" t="s">
        <v>334</v>
      </c>
      <c r="E3064" s="6">
        <v>25754</v>
      </c>
      <c r="F3064" s="6" t="s">
        <v>18</v>
      </c>
      <c r="G3064" s="6" t="s">
        <v>6326</v>
      </c>
      <c r="H3064" s="6" t="s">
        <v>6327</v>
      </c>
      <c r="I3064" s="7">
        <v>4.5847151999999998</v>
      </c>
      <c r="J3064" s="8">
        <v>-74.224930200000003</v>
      </c>
    </row>
    <row r="3065" spans="1:10" x14ac:dyDescent="0.35">
      <c r="A3065" s="5" t="s">
        <v>10</v>
      </c>
      <c r="B3065" s="6">
        <v>228877</v>
      </c>
      <c r="C3065" s="6" t="s">
        <v>11</v>
      </c>
      <c r="D3065" s="6" t="s">
        <v>334</v>
      </c>
      <c r="E3065" s="6">
        <v>25754</v>
      </c>
      <c r="F3065" s="6" t="s">
        <v>18</v>
      </c>
      <c r="G3065" s="6" t="s">
        <v>6328</v>
      </c>
      <c r="H3065" s="6" t="s">
        <v>6329</v>
      </c>
      <c r="I3065" s="7">
        <v>4.5802268000000002</v>
      </c>
      <c r="J3065" s="8">
        <v>-74.212322099999994</v>
      </c>
    </row>
    <row r="3066" spans="1:10" x14ac:dyDescent="0.35">
      <c r="A3066" s="5" t="s">
        <v>10</v>
      </c>
      <c r="B3066" s="6">
        <v>240137</v>
      </c>
      <c r="C3066" s="6" t="s">
        <v>68</v>
      </c>
      <c r="D3066" s="6" t="s">
        <v>69</v>
      </c>
      <c r="E3066" s="6">
        <v>11001</v>
      </c>
      <c r="F3066" s="6" t="s">
        <v>18</v>
      </c>
      <c r="G3066" s="6" t="s">
        <v>6330</v>
      </c>
      <c r="H3066" s="6" t="s">
        <v>6331</v>
      </c>
      <c r="I3066" s="7">
        <v>4.7492532000000001</v>
      </c>
      <c r="J3066" s="8">
        <v>-74.054563599999994</v>
      </c>
    </row>
    <row r="3067" spans="1:10" x14ac:dyDescent="0.35">
      <c r="A3067" s="5" t="s">
        <v>10</v>
      </c>
      <c r="B3067" s="6">
        <v>237348</v>
      </c>
      <c r="C3067" s="6" t="s">
        <v>68</v>
      </c>
      <c r="D3067" s="6" t="s">
        <v>69</v>
      </c>
      <c r="E3067" s="6">
        <v>11001</v>
      </c>
      <c r="F3067" s="6" t="s">
        <v>2161</v>
      </c>
      <c r="G3067" s="6" t="s">
        <v>6332</v>
      </c>
      <c r="H3067" s="6" t="s">
        <v>6333</v>
      </c>
      <c r="I3067" s="7">
        <v>4.7527149</v>
      </c>
      <c r="J3067" s="8">
        <v>-74.091584800000007</v>
      </c>
    </row>
    <row r="3068" spans="1:10" x14ac:dyDescent="0.35">
      <c r="A3068" s="5" t="s">
        <v>10</v>
      </c>
      <c r="B3068" s="6">
        <v>237421</v>
      </c>
      <c r="C3068" s="6" t="s">
        <v>68</v>
      </c>
      <c r="D3068" s="6" t="s">
        <v>69</v>
      </c>
      <c r="E3068" s="6">
        <v>11001</v>
      </c>
      <c r="F3068" s="6" t="s">
        <v>2161</v>
      </c>
      <c r="G3068" s="6" t="s">
        <v>6334</v>
      </c>
      <c r="H3068" s="6" t="s">
        <v>6335</v>
      </c>
      <c r="I3068" s="7">
        <v>4.7497293000000003</v>
      </c>
      <c r="J3068" s="8">
        <v>-74.091803400000003</v>
      </c>
    </row>
    <row r="3069" spans="1:10" x14ac:dyDescent="0.35">
      <c r="A3069" s="5" t="s">
        <v>10</v>
      </c>
      <c r="B3069" s="6">
        <v>189262</v>
      </c>
      <c r="C3069" s="6" t="s">
        <v>16</v>
      </c>
      <c r="D3069" s="6" t="s">
        <v>78</v>
      </c>
      <c r="E3069" s="6">
        <v>68001</v>
      </c>
      <c r="F3069" s="6" t="s">
        <v>18</v>
      </c>
      <c r="G3069" s="6" t="s">
        <v>6336</v>
      </c>
      <c r="H3069" s="6" t="s">
        <v>6337</v>
      </c>
      <c r="I3069" s="7">
        <v>7.0985569999999996</v>
      </c>
      <c r="J3069" s="8">
        <v>-73.130832699999999</v>
      </c>
    </row>
    <row r="3070" spans="1:10" x14ac:dyDescent="0.35">
      <c r="A3070" s="5" t="s">
        <v>10</v>
      </c>
      <c r="B3070" s="6">
        <v>231775</v>
      </c>
      <c r="C3070" s="6" t="s">
        <v>278</v>
      </c>
      <c r="D3070" s="6" t="s">
        <v>279</v>
      </c>
      <c r="E3070" s="6">
        <v>50001</v>
      </c>
      <c r="F3070" s="6" t="s">
        <v>18</v>
      </c>
      <c r="G3070" s="6" t="s">
        <v>6338</v>
      </c>
      <c r="H3070" s="6" t="s">
        <v>6339</v>
      </c>
      <c r="I3070" s="7">
        <v>4.0708023999999998</v>
      </c>
      <c r="J3070" s="8">
        <v>-73.669521500000002</v>
      </c>
    </row>
    <row r="3071" spans="1:10" x14ac:dyDescent="0.35">
      <c r="A3071" s="5" t="s">
        <v>10</v>
      </c>
      <c r="B3071" s="6">
        <v>237590</v>
      </c>
      <c r="C3071" s="6" t="s">
        <v>294</v>
      </c>
      <c r="D3071" s="6" t="s">
        <v>1107</v>
      </c>
      <c r="E3071" s="6">
        <v>41006</v>
      </c>
      <c r="F3071" s="6" t="s">
        <v>18</v>
      </c>
      <c r="G3071" s="6" t="s">
        <v>6340</v>
      </c>
      <c r="H3071" s="6" t="s">
        <v>6341</v>
      </c>
      <c r="I3071" s="7">
        <v>1.8043819999999999</v>
      </c>
      <c r="J3071" s="8">
        <v>-75.889289500000004</v>
      </c>
    </row>
    <row r="3072" spans="1:10" x14ac:dyDescent="0.35">
      <c r="A3072" s="5" t="s">
        <v>10</v>
      </c>
      <c r="B3072" s="6">
        <v>236812</v>
      </c>
      <c r="C3072" s="6" t="s">
        <v>294</v>
      </c>
      <c r="D3072" s="6" t="s">
        <v>703</v>
      </c>
      <c r="E3072" s="6">
        <v>41001</v>
      </c>
      <c r="F3072" s="6" t="s">
        <v>18</v>
      </c>
      <c r="G3072" s="6" t="s">
        <v>6342</v>
      </c>
      <c r="H3072" s="6" t="s">
        <v>6343</v>
      </c>
      <c r="I3072" s="7">
        <v>2.9053608</v>
      </c>
      <c r="J3072" s="8">
        <v>-75.265514199999998</v>
      </c>
    </row>
    <row r="3073" spans="1:10" x14ac:dyDescent="0.35">
      <c r="A3073" s="5" t="s">
        <v>10</v>
      </c>
      <c r="B3073" s="6">
        <v>216044</v>
      </c>
      <c r="C3073" s="6" t="s">
        <v>11</v>
      </c>
      <c r="D3073" s="6" t="s">
        <v>337</v>
      </c>
      <c r="E3073" s="6">
        <v>25290</v>
      </c>
      <c r="F3073" s="6" t="s">
        <v>18</v>
      </c>
      <c r="G3073" s="6" t="s">
        <v>6344</v>
      </c>
      <c r="H3073" s="6" t="s">
        <v>6345</v>
      </c>
      <c r="I3073" s="7">
        <v>4.3449939999999998</v>
      </c>
      <c r="J3073" s="8">
        <v>-74.376733999999999</v>
      </c>
    </row>
    <row r="3074" spans="1:10" x14ac:dyDescent="0.35">
      <c r="A3074" s="5" t="s">
        <v>10</v>
      </c>
      <c r="B3074" s="6">
        <v>235062</v>
      </c>
      <c r="C3074" s="6" t="s">
        <v>11</v>
      </c>
      <c r="D3074" s="6" t="s">
        <v>6346</v>
      </c>
      <c r="E3074" s="6">
        <v>25530</v>
      </c>
      <c r="F3074" s="6" t="s">
        <v>18</v>
      </c>
      <c r="G3074" s="6" t="s">
        <v>6347</v>
      </c>
      <c r="H3074" s="6" t="s">
        <v>6348</v>
      </c>
      <c r="I3074" s="7">
        <v>4.3746916999999996</v>
      </c>
      <c r="J3074" s="8">
        <v>-73.2120879</v>
      </c>
    </row>
    <row r="3075" spans="1:10" x14ac:dyDescent="0.35">
      <c r="A3075" s="5" t="s">
        <v>10</v>
      </c>
      <c r="B3075" s="6">
        <v>237941</v>
      </c>
      <c r="C3075" s="6" t="s">
        <v>117</v>
      </c>
      <c r="D3075" s="6" t="s">
        <v>1334</v>
      </c>
      <c r="E3075" s="6">
        <v>76001</v>
      </c>
      <c r="F3075" s="6" t="s">
        <v>18</v>
      </c>
      <c r="G3075" s="6" t="s">
        <v>6349</v>
      </c>
      <c r="H3075" s="6" t="s">
        <v>6350</v>
      </c>
      <c r="I3075" s="7">
        <v>3.4519795000000002</v>
      </c>
      <c r="J3075" s="8">
        <v>-76.492025799999993</v>
      </c>
    </row>
    <row r="3076" spans="1:10" x14ac:dyDescent="0.35">
      <c r="A3076" s="5" t="s">
        <v>10</v>
      </c>
      <c r="B3076" s="6">
        <v>206182</v>
      </c>
      <c r="C3076" s="6" t="s">
        <v>278</v>
      </c>
      <c r="D3076" s="6" t="s">
        <v>279</v>
      </c>
      <c r="E3076" s="6">
        <v>50001</v>
      </c>
      <c r="F3076" s="6" t="s">
        <v>18</v>
      </c>
      <c r="G3076" s="6" t="s">
        <v>6351</v>
      </c>
      <c r="H3076" s="6" t="s">
        <v>6352</v>
      </c>
      <c r="I3076" s="7">
        <v>10.981066200000001</v>
      </c>
      <c r="J3076" s="8">
        <v>-74.779056499999996</v>
      </c>
    </row>
    <row r="3077" spans="1:10" x14ac:dyDescent="0.35">
      <c r="A3077" s="5" t="s">
        <v>10</v>
      </c>
      <c r="B3077" s="6">
        <v>207356</v>
      </c>
      <c r="C3077" s="6" t="s">
        <v>294</v>
      </c>
      <c r="D3077" s="6" t="s">
        <v>543</v>
      </c>
      <c r="E3077" s="6">
        <v>41396</v>
      </c>
      <c r="F3077" s="6" t="s">
        <v>18</v>
      </c>
      <c r="G3077" s="6" t="s">
        <v>6353</v>
      </c>
      <c r="H3077" s="6" t="s">
        <v>6354</v>
      </c>
      <c r="I3077" s="7">
        <v>2.3811344000000001</v>
      </c>
      <c r="J3077" s="8">
        <v>-75.889412199999995</v>
      </c>
    </row>
    <row r="3078" spans="1:10" x14ac:dyDescent="0.35">
      <c r="A3078" s="5" t="s">
        <v>10</v>
      </c>
      <c r="B3078" s="6">
        <v>238338</v>
      </c>
      <c r="C3078" s="6" t="s">
        <v>11</v>
      </c>
      <c r="D3078" s="6" t="s">
        <v>334</v>
      </c>
      <c r="E3078" s="6">
        <v>25754</v>
      </c>
      <c r="F3078" s="6" t="s">
        <v>18</v>
      </c>
      <c r="G3078" s="6" t="s">
        <v>6355</v>
      </c>
      <c r="H3078" s="6" t="s">
        <v>6356</v>
      </c>
      <c r="I3078" s="7">
        <v>4.5874186999999997</v>
      </c>
      <c r="J3078" s="8">
        <v>-74.198236800000004</v>
      </c>
    </row>
    <row r="3079" spans="1:10" x14ac:dyDescent="0.35">
      <c r="A3079" s="5" t="s">
        <v>10</v>
      </c>
      <c r="B3079" s="6">
        <v>233995</v>
      </c>
      <c r="C3079" s="6" t="s">
        <v>24</v>
      </c>
      <c r="D3079" s="6" t="s">
        <v>88</v>
      </c>
      <c r="E3079" s="6">
        <v>15001</v>
      </c>
      <c r="F3079" s="6" t="s">
        <v>18</v>
      </c>
      <c r="G3079" s="6" t="s">
        <v>6357</v>
      </c>
      <c r="H3079" s="6" t="s">
        <v>6358</v>
      </c>
      <c r="I3079" s="7">
        <v>5.5346855000000001</v>
      </c>
      <c r="J3079" s="8">
        <v>-73.3614429</v>
      </c>
    </row>
    <row r="3080" spans="1:10" x14ac:dyDescent="0.35">
      <c r="A3080" s="5" t="s">
        <v>10</v>
      </c>
      <c r="B3080" s="6">
        <v>236840</v>
      </c>
      <c r="C3080" s="6" t="s">
        <v>24</v>
      </c>
      <c r="D3080" s="6" t="s">
        <v>137</v>
      </c>
      <c r="E3080" s="6">
        <v>15238</v>
      </c>
      <c r="F3080" s="6" t="s">
        <v>18</v>
      </c>
      <c r="G3080" s="6" t="s">
        <v>195</v>
      </c>
      <c r="H3080" s="6" t="s">
        <v>6359</v>
      </c>
      <c r="I3080" s="7">
        <v>5.7959052</v>
      </c>
      <c r="J3080" s="8">
        <v>-72.997843200000005</v>
      </c>
    </row>
    <row r="3081" spans="1:10" x14ac:dyDescent="0.35">
      <c r="A3081" s="5" t="s">
        <v>10</v>
      </c>
      <c r="B3081" s="6">
        <v>229427</v>
      </c>
      <c r="C3081" s="6" t="s">
        <v>24</v>
      </c>
      <c r="D3081" s="6" t="s">
        <v>137</v>
      </c>
      <c r="E3081" s="6">
        <v>15238</v>
      </c>
      <c r="F3081" s="6" t="s">
        <v>18</v>
      </c>
      <c r="G3081" s="6" t="s">
        <v>2430</v>
      </c>
      <c r="H3081" s="6" t="s">
        <v>6360</v>
      </c>
      <c r="I3081" s="7">
        <v>5.8423736000000002</v>
      </c>
      <c r="J3081" s="8">
        <v>-73.035555400000007</v>
      </c>
    </row>
    <row r="3082" spans="1:10" x14ac:dyDescent="0.35">
      <c r="A3082" s="5" t="s">
        <v>10</v>
      </c>
      <c r="B3082" s="6">
        <v>207083</v>
      </c>
      <c r="C3082" s="6" t="s">
        <v>16</v>
      </c>
      <c r="D3082" s="6" t="s">
        <v>2825</v>
      </c>
      <c r="E3082" s="6">
        <v>68276</v>
      </c>
      <c r="F3082" s="6" t="s">
        <v>18</v>
      </c>
      <c r="G3082" s="6" t="s">
        <v>6361</v>
      </c>
      <c r="H3082" s="6" t="s">
        <v>6362</v>
      </c>
      <c r="I3082" s="7">
        <v>7.0882408999999997</v>
      </c>
      <c r="J3082" s="8">
        <v>-73.095407699999996</v>
      </c>
    </row>
    <row r="3083" spans="1:10" x14ac:dyDescent="0.35">
      <c r="A3083" s="5" t="s">
        <v>10</v>
      </c>
      <c r="B3083" s="6">
        <v>229404</v>
      </c>
      <c r="C3083" s="6" t="s">
        <v>16</v>
      </c>
      <c r="D3083" s="6" t="s">
        <v>78</v>
      </c>
      <c r="E3083" s="6">
        <v>68001</v>
      </c>
      <c r="F3083" s="6" t="s">
        <v>18</v>
      </c>
      <c r="G3083" s="6" t="s">
        <v>6363</v>
      </c>
      <c r="H3083" s="6" t="s">
        <v>6364</v>
      </c>
      <c r="I3083" s="7">
        <v>7.1254274000000004</v>
      </c>
      <c r="J3083" s="8">
        <v>-73.108883300000002</v>
      </c>
    </row>
    <row r="3084" spans="1:10" x14ac:dyDescent="0.35">
      <c r="A3084" s="5" t="s">
        <v>10</v>
      </c>
      <c r="B3084" s="6">
        <v>237694</v>
      </c>
      <c r="C3084" s="6" t="s">
        <v>294</v>
      </c>
      <c r="D3084" s="6" t="s">
        <v>4244</v>
      </c>
      <c r="E3084" s="6">
        <v>41298</v>
      </c>
      <c r="F3084" s="6" t="s">
        <v>18</v>
      </c>
      <c r="G3084" s="6" t="s">
        <v>6365</v>
      </c>
      <c r="H3084" s="6" t="s">
        <v>6366</v>
      </c>
      <c r="I3084" s="7">
        <v>2.1947581999999999</v>
      </c>
      <c r="J3084" s="8">
        <v>-75.631270099999995</v>
      </c>
    </row>
    <row r="3085" spans="1:10" x14ac:dyDescent="0.35">
      <c r="A3085" s="5" t="s">
        <v>10</v>
      </c>
      <c r="B3085" s="6">
        <v>235255</v>
      </c>
      <c r="C3085" s="6" t="s">
        <v>11</v>
      </c>
      <c r="D3085" s="6" t="s">
        <v>3054</v>
      </c>
      <c r="E3085" s="6">
        <v>25269</v>
      </c>
      <c r="F3085" s="6" t="s">
        <v>18</v>
      </c>
      <c r="G3085" s="6" t="s">
        <v>6367</v>
      </c>
      <c r="H3085" s="6" t="s">
        <v>6368</v>
      </c>
      <c r="I3085" s="7">
        <v>4.8181883000000001</v>
      </c>
      <c r="J3085" s="8">
        <v>-74.3530844</v>
      </c>
    </row>
    <row r="3086" spans="1:10" x14ac:dyDescent="0.35">
      <c r="A3086" s="5" t="s">
        <v>10</v>
      </c>
      <c r="B3086" s="6">
        <v>246846</v>
      </c>
      <c r="C3086" s="6" t="s">
        <v>11</v>
      </c>
      <c r="D3086" s="6" t="s">
        <v>5492</v>
      </c>
      <c r="E3086" s="6">
        <v>25019</v>
      </c>
      <c r="F3086" s="6" t="s">
        <v>18</v>
      </c>
      <c r="G3086" s="6" t="s">
        <v>6369</v>
      </c>
      <c r="H3086" s="6" t="s">
        <v>6370</v>
      </c>
      <c r="I3086" s="7">
        <v>4.8781431</v>
      </c>
      <c r="J3086" s="8">
        <v>-74.438238900000002</v>
      </c>
    </row>
    <row r="3087" spans="1:10" x14ac:dyDescent="0.35">
      <c r="A3087" s="5" t="s">
        <v>10</v>
      </c>
      <c r="B3087" s="6">
        <v>235184</v>
      </c>
      <c r="C3087" s="6" t="s">
        <v>117</v>
      </c>
      <c r="D3087" s="6" t="s">
        <v>1334</v>
      </c>
      <c r="E3087" s="6">
        <v>76001</v>
      </c>
      <c r="F3087" s="6" t="s">
        <v>18</v>
      </c>
      <c r="G3087" s="6" t="s">
        <v>6371</v>
      </c>
      <c r="H3087" s="6" t="s">
        <v>6372</v>
      </c>
      <c r="I3087" s="7">
        <v>3.4878304</v>
      </c>
      <c r="J3087" s="8">
        <v>-76.500898199999995</v>
      </c>
    </row>
    <row r="3088" spans="1:10" x14ac:dyDescent="0.35">
      <c r="A3088" s="5" t="s">
        <v>10</v>
      </c>
      <c r="B3088" s="6">
        <v>225111</v>
      </c>
      <c r="C3088" s="6" t="s">
        <v>28</v>
      </c>
      <c r="D3088" s="6" t="s">
        <v>29</v>
      </c>
      <c r="E3088" s="6">
        <v>54001</v>
      </c>
      <c r="F3088" s="6" t="s">
        <v>18</v>
      </c>
      <c r="G3088" s="6" t="s">
        <v>6373</v>
      </c>
      <c r="H3088" s="6" t="s">
        <v>6374</v>
      </c>
      <c r="I3088" s="7">
        <v>7.8909623</v>
      </c>
      <c r="J3088" s="8">
        <v>-72.4999854</v>
      </c>
    </row>
    <row r="3089" spans="1:10" x14ac:dyDescent="0.35">
      <c r="A3089" s="5" t="s">
        <v>10</v>
      </c>
      <c r="B3089" s="6">
        <v>226309</v>
      </c>
      <c r="C3089" s="6" t="s">
        <v>16</v>
      </c>
      <c r="D3089" s="6" t="s">
        <v>78</v>
      </c>
      <c r="E3089" s="6">
        <v>68001</v>
      </c>
      <c r="F3089" s="6" t="s">
        <v>13</v>
      </c>
      <c r="G3089" s="6" t="s">
        <v>3737</v>
      </c>
      <c r="H3089" s="6" t="s">
        <v>6375</v>
      </c>
      <c r="I3089" s="7">
        <v>7.0781714999999998</v>
      </c>
      <c r="J3089" s="8">
        <v>-73.099848699999995</v>
      </c>
    </row>
    <row r="3090" spans="1:10" x14ac:dyDescent="0.35">
      <c r="A3090" s="5" t="s">
        <v>10</v>
      </c>
      <c r="B3090" s="6">
        <v>226273</v>
      </c>
      <c r="C3090" s="6" t="s">
        <v>68</v>
      </c>
      <c r="D3090" s="6" t="s">
        <v>69</v>
      </c>
      <c r="E3090" s="6">
        <v>11001</v>
      </c>
      <c r="F3090" s="6" t="s">
        <v>13</v>
      </c>
      <c r="G3090" s="6" t="s">
        <v>3737</v>
      </c>
      <c r="H3090" s="6" t="s">
        <v>6376</v>
      </c>
      <c r="I3090" s="7">
        <v>4.5966943000000002</v>
      </c>
      <c r="J3090" s="8">
        <v>-74.182096399999907</v>
      </c>
    </row>
    <row r="3091" spans="1:10" x14ac:dyDescent="0.35">
      <c r="A3091" s="5" t="s">
        <v>10</v>
      </c>
      <c r="B3091" s="6">
        <v>226319</v>
      </c>
      <c r="C3091" s="6" t="s">
        <v>11</v>
      </c>
      <c r="D3091" s="6" t="s">
        <v>901</v>
      </c>
      <c r="E3091" s="6">
        <v>25307</v>
      </c>
      <c r="F3091" s="6" t="s">
        <v>13</v>
      </c>
      <c r="G3091" s="6" t="s">
        <v>3737</v>
      </c>
      <c r="H3091" s="6" t="s">
        <v>6377</v>
      </c>
      <c r="I3091" s="7">
        <v>4.2943916999999896</v>
      </c>
      <c r="J3091" s="8">
        <v>-74.806449899999905</v>
      </c>
    </row>
    <row r="3092" spans="1:10" x14ac:dyDescent="0.35">
      <c r="A3092" s="5" t="s">
        <v>10</v>
      </c>
      <c r="B3092" s="6">
        <v>215376</v>
      </c>
      <c r="C3092" s="6" t="s">
        <v>24</v>
      </c>
      <c r="D3092" s="6" t="s">
        <v>88</v>
      </c>
      <c r="E3092" s="6">
        <v>15001</v>
      </c>
      <c r="F3092" s="6" t="s">
        <v>18</v>
      </c>
      <c r="G3092" s="6" t="s">
        <v>6378</v>
      </c>
      <c r="H3092" s="6" t="s">
        <v>6379</v>
      </c>
      <c r="I3092" s="7">
        <v>5.5401118999999897</v>
      </c>
      <c r="J3092" s="8">
        <v>-73.363111699999905</v>
      </c>
    </row>
    <row r="3093" spans="1:10" x14ac:dyDescent="0.35">
      <c r="A3093" s="5" t="s">
        <v>10</v>
      </c>
      <c r="B3093" s="6">
        <v>231238</v>
      </c>
      <c r="C3093" s="6" t="s">
        <v>24</v>
      </c>
      <c r="D3093" s="6" t="s">
        <v>25</v>
      </c>
      <c r="E3093" s="6">
        <v>15322</v>
      </c>
      <c r="F3093" s="6" t="s">
        <v>18</v>
      </c>
      <c r="G3093" s="6" t="s">
        <v>6380</v>
      </c>
      <c r="H3093" s="6" t="s">
        <v>6381</v>
      </c>
      <c r="I3093" s="7">
        <v>5.0037921000000001</v>
      </c>
      <c r="J3093" s="8">
        <v>-73.473700800000003</v>
      </c>
    </row>
    <row r="3094" spans="1:10" x14ac:dyDescent="0.35">
      <c r="A3094" s="5" t="s">
        <v>10</v>
      </c>
      <c r="B3094" s="6">
        <v>230063</v>
      </c>
      <c r="C3094" s="6" t="s">
        <v>551</v>
      </c>
      <c r="D3094" s="6" t="s">
        <v>3868</v>
      </c>
      <c r="E3094" s="6">
        <v>20001</v>
      </c>
      <c r="F3094" s="6" t="s">
        <v>18</v>
      </c>
      <c r="G3094" s="6" t="s">
        <v>6382</v>
      </c>
      <c r="H3094" s="6" t="s">
        <v>6383</v>
      </c>
      <c r="I3094" s="7">
        <v>10.4742449</v>
      </c>
      <c r="J3094" s="8">
        <v>-73.243633500000001</v>
      </c>
    </row>
    <row r="3095" spans="1:10" x14ac:dyDescent="0.35">
      <c r="A3095" s="5" t="s">
        <v>10</v>
      </c>
      <c r="B3095" s="6">
        <v>188891</v>
      </c>
      <c r="C3095" s="6" t="s">
        <v>294</v>
      </c>
      <c r="D3095" s="6" t="s">
        <v>703</v>
      </c>
      <c r="E3095" s="6">
        <v>41001</v>
      </c>
      <c r="F3095" s="6" t="s">
        <v>18</v>
      </c>
      <c r="G3095" s="6" t="s">
        <v>6384</v>
      </c>
      <c r="H3095" s="6" t="s">
        <v>6385</v>
      </c>
      <c r="I3095" s="7">
        <v>2.9259205000000001</v>
      </c>
      <c r="J3095" s="8">
        <v>-75.287368599999994</v>
      </c>
    </row>
    <row r="3096" spans="1:10" x14ac:dyDescent="0.35">
      <c r="A3096" s="5" t="s">
        <v>10</v>
      </c>
      <c r="B3096" s="6">
        <v>239180</v>
      </c>
      <c r="C3096" s="6" t="s">
        <v>3788</v>
      </c>
      <c r="D3096" s="6" t="s">
        <v>6386</v>
      </c>
      <c r="E3096" s="6">
        <v>18029</v>
      </c>
      <c r="F3096" s="6" t="s">
        <v>18</v>
      </c>
      <c r="G3096" s="6" t="s">
        <v>6387</v>
      </c>
      <c r="H3096" s="6" t="s">
        <v>6388</v>
      </c>
      <c r="I3096" s="7">
        <v>1.3282871000000001</v>
      </c>
      <c r="J3096" s="8">
        <v>-75.879913400000007</v>
      </c>
    </row>
    <row r="3097" spans="1:10" x14ac:dyDescent="0.35">
      <c r="A3097" s="5" t="s">
        <v>10</v>
      </c>
      <c r="B3097" s="6">
        <v>216219</v>
      </c>
      <c r="C3097" s="6" t="s">
        <v>11</v>
      </c>
      <c r="D3097" s="6" t="s">
        <v>334</v>
      </c>
      <c r="E3097" s="6">
        <v>25754</v>
      </c>
      <c r="F3097" s="6" t="s">
        <v>18</v>
      </c>
      <c r="G3097" s="6" t="s">
        <v>6389</v>
      </c>
      <c r="H3097" s="6" t="s">
        <v>6390</v>
      </c>
      <c r="I3097" s="7">
        <v>4.5753843999999999</v>
      </c>
      <c r="J3097" s="8">
        <v>-74.213168699999997</v>
      </c>
    </row>
    <row r="3098" spans="1:10" x14ac:dyDescent="0.35">
      <c r="A3098" s="5" t="s">
        <v>10</v>
      </c>
      <c r="B3098" s="6">
        <v>226610</v>
      </c>
      <c r="C3098" s="6" t="s">
        <v>11</v>
      </c>
      <c r="D3098" s="6" t="s">
        <v>337</v>
      </c>
      <c r="E3098" s="6">
        <v>25290</v>
      </c>
      <c r="F3098" s="6" t="s">
        <v>18</v>
      </c>
      <c r="G3098" s="6" t="s">
        <v>6391</v>
      </c>
      <c r="H3098" s="6" t="s">
        <v>6392</v>
      </c>
      <c r="I3098" s="7">
        <v>4.3312917000000004</v>
      </c>
      <c r="J3098" s="8">
        <v>-74.390963200000002</v>
      </c>
    </row>
    <row r="3099" spans="1:10" x14ac:dyDescent="0.35">
      <c r="A3099" s="5" t="s">
        <v>10</v>
      </c>
      <c r="B3099" s="6">
        <v>245759</v>
      </c>
      <c r="C3099" s="6" t="s">
        <v>68</v>
      </c>
      <c r="D3099" s="6" t="s">
        <v>69</v>
      </c>
      <c r="E3099" s="6">
        <v>11001</v>
      </c>
      <c r="F3099" s="6" t="s">
        <v>18</v>
      </c>
      <c r="G3099" s="6" t="s">
        <v>6393</v>
      </c>
      <c r="H3099" s="6" t="s">
        <v>6394</v>
      </c>
      <c r="I3099" s="7">
        <v>4.6036349999999997</v>
      </c>
      <c r="J3099" s="8">
        <v>-74.110174400000005</v>
      </c>
    </row>
    <row r="3100" spans="1:10" x14ac:dyDescent="0.35">
      <c r="A3100" s="5" t="s">
        <v>10</v>
      </c>
      <c r="B3100" s="6">
        <v>234168</v>
      </c>
      <c r="C3100" s="6" t="s">
        <v>68</v>
      </c>
      <c r="D3100" s="6" t="s">
        <v>69</v>
      </c>
      <c r="E3100" s="6">
        <v>11001</v>
      </c>
      <c r="F3100" s="6" t="s">
        <v>18</v>
      </c>
      <c r="G3100" s="6" t="s">
        <v>6395</v>
      </c>
      <c r="H3100" s="6" t="s">
        <v>6396</v>
      </c>
      <c r="I3100" s="7">
        <v>4.5708679999999999</v>
      </c>
      <c r="J3100" s="8">
        <v>-74.297332999999995</v>
      </c>
    </row>
    <row r="3101" spans="1:10" x14ac:dyDescent="0.35">
      <c r="A3101" s="5" t="s">
        <v>10</v>
      </c>
      <c r="B3101" s="6">
        <v>183519</v>
      </c>
      <c r="C3101" s="6" t="s">
        <v>16</v>
      </c>
      <c r="D3101" s="6" t="s">
        <v>78</v>
      </c>
      <c r="E3101" s="6">
        <v>68001</v>
      </c>
      <c r="F3101" s="6" t="s">
        <v>18</v>
      </c>
      <c r="G3101" s="6" t="s">
        <v>6397</v>
      </c>
      <c r="H3101" s="6" t="s">
        <v>6398</v>
      </c>
      <c r="I3101" s="7">
        <v>7.0922954999999996</v>
      </c>
      <c r="J3101" s="8">
        <v>-73.097156900000002</v>
      </c>
    </row>
    <row r="3102" spans="1:10" x14ac:dyDescent="0.35">
      <c r="A3102" s="5" t="s">
        <v>10</v>
      </c>
      <c r="B3102" s="6">
        <v>206998</v>
      </c>
      <c r="C3102" s="6" t="s">
        <v>551</v>
      </c>
      <c r="D3102" s="6" t="s">
        <v>1529</v>
      </c>
      <c r="E3102" s="6">
        <v>20400</v>
      </c>
      <c r="F3102" s="6" t="s">
        <v>18</v>
      </c>
      <c r="G3102" s="6" t="s">
        <v>6399</v>
      </c>
      <c r="H3102" s="6" t="s">
        <v>6400</v>
      </c>
      <c r="I3102" s="7">
        <v>9.5624418000000002</v>
      </c>
      <c r="J3102" s="8">
        <v>-73.329817899999995</v>
      </c>
    </row>
    <row r="3103" spans="1:10" x14ac:dyDescent="0.35">
      <c r="A3103" s="5" t="s">
        <v>10</v>
      </c>
      <c r="B3103" s="6">
        <v>216650</v>
      </c>
      <c r="C3103" s="6" t="s">
        <v>278</v>
      </c>
      <c r="D3103" s="6" t="s">
        <v>1331</v>
      </c>
      <c r="E3103" s="6">
        <v>50006</v>
      </c>
      <c r="F3103" s="6" t="s">
        <v>18</v>
      </c>
      <c r="G3103" s="6" t="s">
        <v>6401</v>
      </c>
      <c r="H3103" s="6" t="s">
        <v>6402</v>
      </c>
      <c r="I3103" s="7">
        <v>3.9958868999999999</v>
      </c>
      <c r="J3103" s="8">
        <v>-73.758657299999996</v>
      </c>
    </row>
    <row r="3104" spans="1:10" x14ac:dyDescent="0.35">
      <c r="A3104" s="5" t="s">
        <v>10</v>
      </c>
      <c r="B3104" s="6">
        <v>238551</v>
      </c>
      <c r="C3104" s="6" t="s">
        <v>278</v>
      </c>
      <c r="D3104" s="6" t="s">
        <v>3651</v>
      </c>
      <c r="E3104" s="6">
        <v>50313</v>
      </c>
      <c r="F3104" s="6" t="s">
        <v>18</v>
      </c>
      <c r="G3104" s="6" t="s">
        <v>6403</v>
      </c>
      <c r="H3104" s="6" t="s">
        <v>6404</v>
      </c>
      <c r="I3104" s="7">
        <v>3.5415740000000002</v>
      </c>
      <c r="J3104" s="8">
        <v>-73.709418600000006</v>
      </c>
    </row>
    <row r="3105" spans="1:10" x14ac:dyDescent="0.35">
      <c r="A3105" s="5" t="s">
        <v>10</v>
      </c>
      <c r="B3105" s="6">
        <v>240255</v>
      </c>
      <c r="C3105" s="6" t="s">
        <v>11</v>
      </c>
      <c r="D3105" s="6" t="s">
        <v>6124</v>
      </c>
      <c r="E3105" s="6">
        <v>25377</v>
      </c>
      <c r="F3105" s="6" t="s">
        <v>18</v>
      </c>
      <c r="G3105" s="6" t="s">
        <v>6405</v>
      </c>
      <c r="H3105" s="6" t="s">
        <v>6406</v>
      </c>
      <c r="I3105" s="7">
        <v>4.7192572000000004</v>
      </c>
      <c r="J3105" s="8">
        <v>-73.969007500000004</v>
      </c>
    </row>
    <row r="3106" spans="1:10" x14ac:dyDescent="0.35">
      <c r="A3106" s="5" t="s">
        <v>10</v>
      </c>
      <c r="B3106" s="6">
        <v>238693</v>
      </c>
      <c r="C3106" s="6" t="s">
        <v>117</v>
      </c>
      <c r="D3106" s="6" t="s">
        <v>992</v>
      </c>
      <c r="E3106" s="6">
        <v>76736</v>
      </c>
      <c r="F3106" s="6" t="s">
        <v>18</v>
      </c>
      <c r="G3106" s="6" t="s">
        <v>6407</v>
      </c>
      <c r="H3106" s="6" t="s">
        <v>6408</v>
      </c>
      <c r="I3106" s="7">
        <v>4.2655918000000002</v>
      </c>
      <c r="J3106" s="8">
        <v>-75.933653000000007</v>
      </c>
    </row>
    <row r="3107" spans="1:10" x14ac:dyDescent="0.35">
      <c r="A3107" s="5" t="s">
        <v>10</v>
      </c>
      <c r="B3107" s="6">
        <v>230530</v>
      </c>
      <c r="C3107" s="6" t="s">
        <v>68</v>
      </c>
      <c r="D3107" s="6" t="s">
        <v>69</v>
      </c>
      <c r="E3107" s="6">
        <v>11001</v>
      </c>
      <c r="F3107" s="6" t="s">
        <v>18</v>
      </c>
      <c r="G3107" s="6" t="s">
        <v>6409</v>
      </c>
      <c r="H3107" s="6" t="s">
        <v>6410</v>
      </c>
      <c r="I3107" s="7">
        <v>4.5365549999999999</v>
      </c>
      <c r="J3107" s="8">
        <v>-74.088548000000003</v>
      </c>
    </row>
    <row r="3108" spans="1:10" x14ac:dyDescent="0.35">
      <c r="A3108" s="5" t="s">
        <v>10</v>
      </c>
      <c r="B3108" s="6">
        <v>230615</v>
      </c>
      <c r="C3108" s="6" t="s">
        <v>68</v>
      </c>
      <c r="D3108" s="6" t="s">
        <v>69</v>
      </c>
      <c r="E3108" s="6">
        <v>11001</v>
      </c>
      <c r="F3108" s="6" t="s">
        <v>18</v>
      </c>
      <c r="G3108" s="6" t="s">
        <v>6411</v>
      </c>
      <c r="H3108" s="6" t="s">
        <v>6412</v>
      </c>
      <c r="I3108" s="7">
        <v>4.6308932</v>
      </c>
      <c r="J3108" s="8">
        <v>-74.203699099999994</v>
      </c>
    </row>
    <row r="3109" spans="1:10" x14ac:dyDescent="0.35">
      <c r="A3109" s="5" t="s">
        <v>10</v>
      </c>
      <c r="B3109" s="6">
        <v>235055</v>
      </c>
      <c r="C3109" s="6" t="s">
        <v>68</v>
      </c>
      <c r="D3109" s="6" t="s">
        <v>69</v>
      </c>
      <c r="E3109" s="6">
        <v>11001</v>
      </c>
      <c r="F3109" s="6" t="s">
        <v>18</v>
      </c>
      <c r="G3109" s="6" t="s">
        <v>6413</v>
      </c>
      <c r="H3109" s="6" t="s">
        <v>6414</v>
      </c>
      <c r="I3109" s="7">
        <v>4.7119083000000002</v>
      </c>
      <c r="J3109" s="8">
        <v>-74.144061600000001</v>
      </c>
    </row>
    <row r="3110" spans="1:10" x14ac:dyDescent="0.35">
      <c r="A3110" s="5" t="s">
        <v>10</v>
      </c>
      <c r="B3110" s="6">
        <v>226288</v>
      </c>
      <c r="C3110" s="6" t="s">
        <v>68</v>
      </c>
      <c r="D3110" s="6" t="s">
        <v>69</v>
      </c>
      <c r="E3110" s="6">
        <v>11001</v>
      </c>
      <c r="F3110" s="6" t="s">
        <v>13</v>
      </c>
      <c r="G3110" s="6" t="s">
        <v>3737</v>
      </c>
      <c r="H3110" s="6" t="s">
        <v>6415</v>
      </c>
      <c r="I3110" s="7">
        <v>4.5984072999999999</v>
      </c>
      <c r="J3110" s="8">
        <v>-74.1278255</v>
      </c>
    </row>
    <row r="3111" spans="1:10" x14ac:dyDescent="0.35">
      <c r="A3111" s="5" t="s">
        <v>10</v>
      </c>
      <c r="B3111" s="6">
        <v>201067</v>
      </c>
      <c r="C3111" s="6" t="s">
        <v>24</v>
      </c>
      <c r="D3111" s="6" t="s">
        <v>1028</v>
      </c>
      <c r="E3111" s="6">
        <v>15299</v>
      </c>
      <c r="F3111" s="6" t="s">
        <v>18</v>
      </c>
      <c r="G3111" s="6" t="s">
        <v>6416</v>
      </c>
      <c r="H3111" s="6" t="s">
        <v>6417</v>
      </c>
      <c r="I3111" s="7">
        <v>5.0911917999999998</v>
      </c>
      <c r="J3111" s="8">
        <v>-73.362965500000001</v>
      </c>
    </row>
    <row r="3112" spans="1:10" x14ac:dyDescent="0.35">
      <c r="A3112" s="5" t="s">
        <v>10</v>
      </c>
      <c r="B3112" s="6">
        <v>167950</v>
      </c>
      <c r="C3112" s="6" t="s">
        <v>278</v>
      </c>
      <c r="D3112" s="6" t="s">
        <v>279</v>
      </c>
      <c r="E3112" s="6">
        <v>50001</v>
      </c>
      <c r="F3112" s="6" t="s">
        <v>18</v>
      </c>
      <c r="G3112" s="6" t="s">
        <v>6418</v>
      </c>
      <c r="H3112" s="6" t="s">
        <v>6419</v>
      </c>
      <c r="I3112" s="7">
        <v>4.1352693999999897</v>
      </c>
      <c r="J3112" s="8">
        <v>-73.624484499999994</v>
      </c>
    </row>
    <row r="3113" spans="1:10" x14ac:dyDescent="0.35">
      <c r="A3113" s="5" t="s">
        <v>10</v>
      </c>
      <c r="B3113" s="6">
        <v>208217</v>
      </c>
      <c r="C3113" s="6" t="s">
        <v>11</v>
      </c>
      <c r="D3113" s="6" t="s">
        <v>221</v>
      </c>
      <c r="E3113" s="6">
        <v>25430</v>
      </c>
      <c r="F3113" s="6" t="s">
        <v>18</v>
      </c>
      <c r="G3113" s="6" t="s">
        <v>6420</v>
      </c>
      <c r="H3113" s="6" t="s">
        <v>6421</v>
      </c>
      <c r="I3113" s="7">
        <v>4.7316649000000002</v>
      </c>
      <c r="J3113" s="8">
        <v>-74.251434799999998</v>
      </c>
    </row>
    <row r="3114" spans="1:10" x14ac:dyDescent="0.35">
      <c r="A3114" s="5" t="s">
        <v>10</v>
      </c>
      <c r="B3114" s="6">
        <v>210636</v>
      </c>
      <c r="C3114" s="6" t="s">
        <v>11</v>
      </c>
      <c r="D3114" s="6" t="s">
        <v>12</v>
      </c>
      <c r="E3114" s="6">
        <v>25899</v>
      </c>
      <c r="F3114" s="6" t="s">
        <v>18</v>
      </c>
      <c r="G3114" s="6" t="s">
        <v>6422</v>
      </c>
      <c r="H3114" s="6" t="s">
        <v>6423</v>
      </c>
      <c r="I3114" s="7">
        <v>5.0166300000000001</v>
      </c>
      <c r="J3114" s="8">
        <v>-73.966659999999905</v>
      </c>
    </row>
    <row r="3115" spans="1:10" x14ac:dyDescent="0.35">
      <c r="A3115" s="5" t="s">
        <v>10</v>
      </c>
      <c r="B3115" s="6">
        <v>175975</v>
      </c>
      <c r="C3115" s="6" t="s">
        <v>190</v>
      </c>
      <c r="D3115" s="6" t="s">
        <v>5480</v>
      </c>
      <c r="E3115" s="6">
        <v>5495</v>
      </c>
      <c r="F3115" s="6" t="s">
        <v>18</v>
      </c>
      <c r="G3115" s="6" t="s">
        <v>5481</v>
      </c>
      <c r="H3115" s="6" t="s">
        <v>6424</v>
      </c>
      <c r="I3115" s="7">
        <v>10.4242981</v>
      </c>
      <c r="J3115" s="8">
        <v>-75.550232399999999</v>
      </c>
    </row>
    <row r="3116" spans="1:10" x14ac:dyDescent="0.35">
      <c r="A3116" s="5" t="s">
        <v>10</v>
      </c>
      <c r="B3116" s="6">
        <v>210308</v>
      </c>
      <c r="C3116" s="6" t="s">
        <v>68</v>
      </c>
      <c r="D3116" s="6" t="s">
        <v>69</v>
      </c>
      <c r="E3116" s="6">
        <v>11001</v>
      </c>
      <c r="F3116" s="6" t="s">
        <v>18</v>
      </c>
      <c r="G3116" s="6" t="s">
        <v>6425</v>
      </c>
      <c r="H3116" s="6" t="s">
        <v>6426</v>
      </c>
      <c r="I3116" s="7">
        <v>4.578214</v>
      </c>
      <c r="J3116" s="8">
        <v>-74.155559299999993</v>
      </c>
    </row>
    <row r="3117" spans="1:10" x14ac:dyDescent="0.35">
      <c r="A3117" s="5" t="s">
        <v>10</v>
      </c>
      <c r="B3117" s="6">
        <v>230740</v>
      </c>
      <c r="C3117" s="6" t="s">
        <v>68</v>
      </c>
      <c r="D3117" s="6" t="s">
        <v>69</v>
      </c>
      <c r="E3117" s="6">
        <v>11001</v>
      </c>
      <c r="F3117" s="6" t="s">
        <v>18</v>
      </c>
      <c r="G3117" s="6" t="s">
        <v>6427</v>
      </c>
      <c r="H3117" s="6" t="s">
        <v>6428</v>
      </c>
      <c r="I3117" s="7">
        <v>4.5660983000000002</v>
      </c>
      <c r="J3117" s="8">
        <v>-74.169055200000003</v>
      </c>
    </row>
    <row r="3118" spans="1:10" x14ac:dyDescent="0.35">
      <c r="A3118" s="5" t="s">
        <v>10</v>
      </c>
      <c r="B3118" s="6">
        <v>239793</v>
      </c>
      <c r="C3118" s="6" t="s">
        <v>24</v>
      </c>
      <c r="D3118" s="6" t="s">
        <v>317</v>
      </c>
      <c r="E3118" s="6">
        <v>15176</v>
      </c>
      <c r="F3118" s="6" t="s">
        <v>18</v>
      </c>
      <c r="G3118" s="6" t="s">
        <v>6429</v>
      </c>
      <c r="H3118" s="6" t="s">
        <v>6430</v>
      </c>
      <c r="I3118" s="7">
        <v>5.6228426000000002</v>
      </c>
      <c r="J3118" s="8">
        <v>-73.8100776</v>
      </c>
    </row>
    <row r="3119" spans="1:10" x14ac:dyDescent="0.35">
      <c r="A3119" s="5" t="s">
        <v>10</v>
      </c>
      <c r="B3119" s="6">
        <v>186128</v>
      </c>
      <c r="C3119" s="6" t="s">
        <v>294</v>
      </c>
      <c r="D3119" s="6" t="s">
        <v>703</v>
      </c>
      <c r="E3119" s="6">
        <v>41001</v>
      </c>
      <c r="F3119" s="6" t="s">
        <v>18</v>
      </c>
      <c r="G3119" s="6" t="s">
        <v>6431</v>
      </c>
      <c r="H3119" s="6" t="s">
        <v>6432</v>
      </c>
      <c r="I3119" s="7">
        <v>2.9565855999999999</v>
      </c>
      <c r="J3119" s="8">
        <v>-75.282550099999995</v>
      </c>
    </row>
    <row r="3120" spans="1:10" x14ac:dyDescent="0.35">
      <c r="A3120" s="5" t="s">
        <v>10</v>
      </c>
      <c r="B3120" s="6">
        <v>232459</v>
      </c>
      <c r="C3120" s="6" t="s">
        <v>11</v>
      </c>
      <c r="D3120" s="6" t="s">
        <v>513</v>
      </c>
      <c r="E3120" s="6">
        <v>25286</v>
      </c>
      <c r="F3120" s="6" t="s">
        <v>18</v>
      </c>
      <c r="G3120" s="6" t="s">
        <v>6433</v>
      </c>
      <c r="H3120" s="6" t="s">
        <v>6434</v>
      </c>
      <c r="I3120" s="7">
        <v>4.7080634999999997</v>
      </c>
      <c r="J3120" s="8">
        <v>-74.206131600000006</v>
      </c>
    </row>
    <row r="3121" spans="1:10" x14ac:dyDescent="0.35">
      <c r="A3121" s="5" t="s">
        <v>10</v>
      </c>
      <c r="B3121" s="6">
        <v>216445</v>
      </c>
      <c r="C3121" s="6" t="s">
        <v>11</v>
      </c>
      <c r="D3121" s="6" t="s">
        <v>5372</v>
      </c>
      <c r="E3121" s="6">
        <v>25317</v>
      </c>
      <c r="F3121" s="6" t="s">
        <v>18</v>
      </c>
      <c r="G3121" s="6" t="s">
        <v>6435</v>
      </c>
      <c r="H3121" s="6" t="s">
        <v>6436</v>
      </c>
      <c r="I3121" s="7">
        <v>5.3836749999999904</v>
      </c>
      <c r="J3121" s="8">
        <v>-73.686938999999995</v>
      </c>
    </row>
    <row r="3122" spans="1:10" x14ac:dyDescent="0.35">
      <c r="A3122" s="5" t="s">
        <v>10</v>
      </c>
      <c r="B3122" s="6">
        <v>225826</v>
      </c>
      <c r="C3122" s="6" t="s">
        <v>11</v>
      </c>
      <c r="D3122" s="6" t="s">
        <v>334</v>
      </c>
      <c r="E3122" s="6">
        <v>25754</v>
      </c>
      <c r="F3122" s="6" t="s">
        <v>18</v>
      </c>
      <c r="G3122" s="6" t="s">
        <v>6437</v>
      </c>
      <c r="H3122" s="6" t="s">
        <v>6438</v>
      </c>
      <c r="I3122" s="7">
        <v>4.5705080000000002</v>
      </c>
      <c r="J3122" s="8">
        <v>-74.242898999999994</v>
      </c>
    </row>
    <row r="3123" spans="1:10" x14ac:dyDescent="0.35">
      <c r="A3123" s="5" t="s">
        <v>10</v>
      </c>
      <c r="B3123" s="6">
        <v>213468</v>
      </c>
      <c r="C3123" s="6" t="s">
        <v>11</v>
      </c>
      <c r="D3123" s="6" t="s">
        <v>407</v>
      </c>
      <c r="E3123" s="6">
        <v>25126</v>
      </c>
      <c r="F3123" s="6" t="s">
        <v>18</v>
      </c>
      <c r="G3123" s="6" t="s">
        <v>6439</v>
      </c>
      <c r="H3123" s="6" t="s">
        <v>6440</v>
      </c>
      <c r="I3123" s="7">
        <v>4.3398320999999997</v>
      </c>
      <c r="J3123" s="8">
        <v>-74.358380799999907</v>
      </c>
    </row>
    <row r="3124" spans="1:10" x14ac:dyDescent="0.35">
      <c r="A3124" s="5" t="s">
        <v>10</v>
      </c>
      <c r="B3124" s="6">
        <v>235835</v>
      </c>
      <c r="C3124" s="6" t="s">
        <v>11</v>
      </c>
      <c r="D3124" s="6" t="s">
        <v>3519</v>
      </c>
      <c r="E3124" s="6">
        <v>25736</v>
      </c>
      <c r="F3124" s="6" t="s">
        <v>18</v>
      </c>
      <c r="G3124" s="6" t="s">
        <v>6441</v>
      </c>
      <c r="H3124" s="6" t="s">
        <v>6442</v>
      </c>
      <c r="I3124" s="7">
        <v>5.0438299000000004</v>
      </c>
      <c r="J3124" s="8">
        <v>-73.797232199999996</v>
      </c>
    </row>
    <row r="3125" spans="1:10" x14ac:dyDescent="0.35">
      <c r="A3125" s="5" t="s">
        <v>10</v>
      </c>
      <c r="B3125" s="6">
        <v>211104</v>
      </c>
      <c r="C3125" s="6" t="s">
        <v>117</v>
      </c>
      <c r="D3125" s="6" t="s">
        <v>1334</v>
      </c>
      <c r="E3125" s="6">
        <v>76001</v>
      </c>
      <c r="F3125" s="6" t="s">
        <v>18</v>
      </c>
      <c r="G3125" s="6" t="s">
        <v>6443</v>
      </c>
      <c r="H3125" s="6" t="s">
        <v>6444</v>
      </c>
      <c r="I3125" s="7">
        <v>3.3793158999999999</v>
      </c>
      <c r="J3125" s="8">
        <v>-76.545210499999996</v>
      </c>
    </row>
    <row r="3126" spans="1:10" x14ac:dyDescent="0.35">
      <c r="A3126" s="5" t="s">
        <v>10</v>
      </c>
      <c r="B3126" s="6">
        <v>182472</v>
      </c>
      <c r="C3126" s="6" t="s">
        <v>11</v>
      </c>
      <c r="D3126" s="6" t="s">
        <v>334</v>
      </c>
      <c r="E3126" s="6">
        <v>25754</v>
      </c>
      <c r="F3126" s="6" t="s">
        <v>18</v>
      </c>
      <c r="G3126" s="6" t="s">
        <v>6445</v>
      </c>
      <c r="H3126" s="6" t="s">
        <v>6446</v>
      </c>
      <c r="I3126" s="7">
        <v>4.5953729999999897</v>
      </c>
      <c r="J3126" s="8">
        <v>-74.188635599999998</v>
      </c>
    </row>
    <row r="3127" spans="1:10" x14ac:dyDescent="0.35">
      <c r="A3127" s="5" t="s">
        <v>10</v>
      </c>
      <c r="B3127" s="6">
        <v>245678</v>
      </c>
      <c r="C3127" s="6" t="s">
        <v>68</v>
      </c>
      <c r="D3127" s="6" t="s">
        <v>69</v>
      </c>
      <c r="E3127" s="6">
        <v>11001</v>
      </c>
      <c r="F3127" s="6" t="s">
        <v>18</v>
      </c>
      <c r="G3127" s="6" t="s">
        <v>6447</v>
      </c>
      <c r="H3127" s="6" t="s">
        <v>6448</v>
      </c>
      <c r="I3127" s="7">
        <v>4.7109886000000003</v>
      </c>
      <c r="J3127" s="8">
        <v>-74.072091999999998</v>
      </c>
    </row>
    <row r="3128" spans="1:10" x14ac:dyDescent="0.35">
      <c r="A3128" s="5" t="s">
        <v>10</v>
      </c>
      <c r="B3128" s="6">
        <v>237956</v>
      </c>
      <c r="C3128" s="6" t="s">
        <v>68</v>
      </c>
      <c r="D3128" s="6" t="s">
        <v>69</v>
      </c>
      <c r="E3128" s="6">
        <v>11001</v>
      </c>
      <c r="F3128" s="6" t="s">
        <v>2161</v>
      </c>
      <c r="G3128" s="6" t="s">
        <v>6449</v>
      </c>
      <c r="H3128" s="6" t="s">
        <v>6450</v>
      </c>
      <c r="I3128" s="7">
        <v>4.6090816999999999</v>
      </c>
      <c r="J3128" s="8">
        <v>-74.191546500000001</v>
      </c>
    </row>
    <row r="3129" spans="1:10" x14ac:dyDescent="0.35">
      <c r="A3129" s="5" t="s">
        <v>10</v>
      </c>
      <c r="B3129" s="6">
        <v>235607</v>
      </c>
      <c r="C3129" s="6" t="s">
        <v>24</v>
      </c>
      <c r="D3129" s="6" t="s">
        <v>88</v>
      </c>
      <c r="E3129" s="6">
        <v>15001</v>
      </c>
      <c r="F3129" s="6" t="s">
        <v>18</v>
      </c>
      <c r="G3129" s="6" t="s">
        <v>6451</v>
      </c>
      <c r="H3129" s="6" t="s">
        <v>6452</v>
      </c>
      <c r="I3129" s="7">
        <v>5.5314499000000001</v>
      </c>
      <c r="J3129" s="8">
        <v>-73.368426700000001</v>
      </c>
    </row>
    <row r="3130" spans="1:10" x14ac:dyDescent="0.35">
      <c r="A3130" s="5" t="s">
        <v>10</v>
      </c>
      <c r="B3130" s="6">
        <v>242020</v>
      </c>
      <c r="C3130" s="6" t="s">
        <v>294</v>
      </c>
      <c r="D3130" s="6" t="s">
        <v>295</v>
      </c>
      <c r="E3130" s="6">
        <v>41359</v>
      </c>
      <c r="F3130" s="6" t="s">
        <v>18</v>
      </c>
      <c r="G3130" s="6" t="s">
        <v>6453</v>
      </c>
      <c r="H3130" s="6" t="s">
        <v>6454</v>
      </c>
      <c r="I3130" s="7">
        <v>1.8501194999999999</v>
      </c>
      <c r="J3130" s="8">
        <v>-76.046453400000004</v>
      </c>
    </row>
    <row r="3131" spans="1:10" x14ac:dyDescent="0.35">
      <c r="A3131" s="5" t="s">
        <v>10</v>
      </c>
      <c r="B3131" s="6">
        <v>243484</v>
      </c>
      <c r="C3131" s="6" t="s">
        <v>11</v>
      </c>
      <c r="D3131" s="6" t="s">
        <v>334</v>
      </c>
      <c r="E3131" s="6">
        <v>25754</v>
      </c>
      <c r="F3131" s="6" t="s">
        <v>18</v>
      </c>
      <c r="G3131" s="6" t="s">
        <v>6455</v>
      </c>
      <c r="H3131" s="6" t="s">
        <v>6456</v>
      </c>
      <c r="I3131" s="7">
        <v>4.5731925999999996</v>
      </c>
      <c r="J3131" s="8">
        <v>-74.238608799999994</v>
      </c>
    </row>
    <row r="3132" spans="1:10" x14ac:dyDescent="0.35">
      <c r="A3132" s="5" t="s">
        <v>10</v>
      </c>
      <c r="B3132" s="6">
        <v>230148</v>
      </c>
      <c r="C3132" s="6" t="s">
        <v>11</v>
      </c>
      <c r="D3132" s="6" t="s">
        <v>3054</v>
      </c>
      <c r="E3132" s="6">
        <v>25269</v>
      </c>
      <c r="F3132" s="6" t="s">
        <v>18</v>
      </c>
      <c r="G3132" s="6" t="s">
        <v>6457</v>
      </c>
      <c r="H3132" s="6" t="s">
        <v>6458</v>
      </c>
      <c r="I3132" s="7">
        <v>4.8224868000000001</v>
      </c>
      <c r="J3132" s="8">
        <v>-74.351159999999993</v>
      </c>
    </row>
    <row r="3133" spans="1:10" x14ac:dyDescent="0.35">
      <c r="A3133" s="5" t="s">
        <v>10</v>
      </c>
      <c r="B3133" s="6">
        <v>210718</v>
      </c>
      <c r="C3133" s="6" t="s">
        <v>68</v>
      </c>
      <c r="D3133" s="6" t="s">
        <v>69</v>
      </c>
      <c r="E3133" s="6">
        <v>11001</v>
      </c>
      <c r="F3133" s="6" t="s">
        <v>18</v>
      </c>
      <c r="G3133" s="6" t="s">
        <v>6459</v>
      </c>
      <c r="H3133" s="6" t="s">
        <v>6460</v>
      </c>
      <c r="I3133" s="7">
        <v>4.5837649999999996</v>
      </c>
      <c r="J3133" s="8">
        <v>-74.103739300000001</v>
      </c>
    </row>
    <row r="3134" spans="1:10" x14ac:dyDescent="0.35">
      <c r="A3134" s="5" t="s">
        <v>10</v>
      </c>
      <c r="B3134" s="6">
        <v>226381</v>
      </c>
      <c r="C3134" s="6" t="s">
        <v>190</v>
      </c>
      <c r="D3134" s="6" t="s">
        <v>4063</v>
      </c>
      <c r="E3134" s="6">
        <v>5088</v>
      </c>
      <c r="F3134" s="6" t="s">
        <v>13</v>
      </c>
      <c r="G3134" s="6" t="s">
        <v>3737</v>
      </c>
      <c r="H3134" s="6" t="s">
        <v>6461</v>
      </c>
      <c r="I3134" s="7">
        <v>6.2491214999999896</v>
      </c>
      <c r="J3134" s="8">
        <v>-75.572057700000002</v>
      </c>
    </row>
    <row r="3135" spans="1:10" x14ac:dyDescent="0.35">
      <c r="A3135" s="5" t="s">
        <v>10</v>
      </c>
      <c r="B3135" s="6">
        <v>222980</v>
      </c>
      <c r="C3135" s="6" t="s">
        <v>24</v>
      </c>
      <c r="D3135" s="6" t="s">
        <v>137</v>
      </c>
      <c r="E3135" s="6">
        <v>15238</v>
      </c>
      <c r="F3135" s="6" t="s">
        <v>18</v>
      </c>
      <c r="G3135" s="6" t="s">
        <v>6462</v>
      </c>
      <c r="H3135" s="6" t="s">
        <v>6463</v>
      </c>
      <c r="I3135" s="7">
        <v>5.8335321999999996</v>
      </c>
      <c r="J3135" s="8">
        <v>-73.027659499999999</v>
      </c>
    </row>
    <row r="3136" spans="1:10" x14ac:dyDescent="0.35">
      <c r="A3136" s="5" t="s">
        <v>10</v>
      </c>
      <c r="B3136" s="6">
        <v>230094</v>
      </c>
      <c r="C3136" s="6" t="s">
        <v>16</v>
      </c>
      <c r="D3136" s="6" t="s">
        <v>78</v>
      </c>
      <c r="E3136" s="6">
        <v>68001</v>
      </c>
      <c r="F3136" s="6" t="s">
        <v>18</v>
      </c>
      <c r="G3136" s="6" t="s">
        <v>6464</v>
      </c>
      <c r="H3136" s="6" t="s">
        <v>6465</v>
      </c>
      <c r="I3136" s="7">
        <v>7.1301487999999997</v>
      </c>
      <c r="J3136" s="8">
        <v>-73.121861300000006</v>
      </c>
    </row>
    <row r="3137" spans="1:10" x14ac:dyDescent="0.35">
      <c r="A3137" s="5" t="s">
        <v>10</v>
      </c>
      <c r="B3137" s="6">
        <v>169717</v>
      </c>
      <c r="C3137" s="6" t="s">
        <v>551</v>
      </c>
      <c r="D3137" s="6" t="s">
        <v>3868</v>
      </c>
      <c r="E3137" s="6">
        <v>20001</v>
      </c>
      <c r="F3137" s="6" t="s">
        <v>18</v>
      </c>
      <c r="G3137" s="6" t="s">
        <v>6466</v>
      </c>
      <c r="H3137" s="6" t="s">
        <v>6467</v>
      </c>
      <c r="I3137" s="7">
        <v>10.4769299</v>
      </c>
      <c r="J3137" s="8">
        <v>-73.253745100000003</v>
      </c>
    </row>
    <row r="3138" spans="1:10" x14ac:dyDescent="0.35">
      <c r="A3138" s="5" t="s">
        <v>10</v>
      </c>
      <c r="B3138" s="6">
        <v>210192</v>
      </c>
      <c r="C3138" s="6" t="s">
        <v>2130</v>
      </c>
      <c r="D3138" s="6" t="s">
        <v>4021</v>
      </c>
      <c r="E3138" s="6">
        <v>85225</v>
      </c>
      <c r="F3138" s="6" t="s">
        <v>18</v>
      </c>
      <c r="G3138" s="6" t="s">
        <v>6468</v>
      </c>
      <c r="H3138" s="6" t="s">
        <v>6469</v>
      </c>
      <c r="I3138" s="7">
        <v>5.6380970000000001</v>
      </c>
      <c r="J3138" s="8">
        <v>-72.195526999999998</v>
      </c>
    </row>
    <row r="3139" spans="1:10" x14ac:dyDescent="0.35">
      <c r="A3139" s="5" t="s">
        <v>10</v>
      </c>
      <c r="B3139" s="6">
        <v>237251</v>
      </c>
      <c r="C3139" s="6" t="s">
        <v>2130</v>
      </c>
      <c r="D3139" s="6" t="s">
        <v>4241</v>
      </c>
      <c r="E3139" s="6">
        <v>85430</v>
      </c>
      <c r="F3139" s="6" t="s">
        <v>18</v>
      </c>
      <c r="G3139" s="6" t="s">
        <v>6470</v>
      </c>
      <c r="H3139" s="6" t="s">
        <v>6471</v>
      </c>
      <c r="I3139" s="7">
        <v>5.4042132000000001</v>
      </c>
      <c r="J3139" s="8">
        <v>-71.659455699999995</v>
      </c>
    </row>
    <row r="3140" spans="1:10" x14ac:dyDescent="0.35">
      <c r="A3140" s="5" t="s">
        <v>10</v>
      </c>
      <c r="B3140" s="6">
        <v>241898</v>
      </c>
      <c r="C3140" s="6" t="s">
        <v>278</v>
      </c>
      <c r="D3140" s="6" t="s">
        <v>2421</v>
      </c>
      <c r="E3140" s="6">
        <v>50573</v>
      </c>
      <c r="F3140" s="6" t="s">
        <v>18</v>
      </c>
      <c r="G3140" s="6" t="s">
        <v>6472</v>
      </c>
      <c r="H3140" s="6" t="s">
        <v>6473</v>
      </c>
      <c r="I3140" s="7">
        <v>4.0913539999999999</v>
      </c>
      <c r="J3140" s="8">
        <v>-72.955917999999997</v>
      </c>
    </row>
    <row r="3141" spans="1:10" x14ac:dyDescent="0.35">
      <c r="A3141" s="5" t="s">
        <v>10</v>
      </c>
      <c r="B3141" s="6">
        <v>240256</v>
      </c>
      <c r="C3141" s="6" t="s">
        <v>11</v>
      </c>
      <c r="D3141" s="6" t="s">
        <v>6124</v>
      </c>
      <c r="E3141" s="6">
        <v>25377</v>
      </c>
      <c r="F3141" s="6" t="s">
        <v>18</v>
      </c>
      <c r="G3141" s="6" t="s">
        <v>6474</v>
      </c>
      <c r="H3141" s="6" t="s">
        <v>6475</v>
      </c>
      <c r="I3141" s="7">
        <v>4.7180115999999996</v>
      </c>
      <c r="J3141" s="8">
        <v>-73.969183000000001</v>
      </c>
    </row>
    <row r="3142" spans="1:10" x14ac:dyDescent="0.35">
      <c r="A3142" s="5" t="s">
        <v>10</v>
      </c>
      <c r="B3142" s="6">
        <v>225726</v>
      </c>
      <c r="C3142" s="6" t="s">
        <v>28</v>
      </c>
      <c r="D3142" s="6" t="s">
        <v>91</v>
      </c>
      <c r="E3142" s="6">
        <v>54874</v>
      </c>
      <c r="F3142" s="6" t="s">
        <v>18</v>
      </c>
      <c r="G3142" s="6" t="s">
        <v>6476</v>
      </c>
      <c r="H3142" s="6" t="s">
        <v>6477</v>
      </c>
      <c r="I3142" s="7">
        <v>7.8184978000000003</v>
      </c>
      <c r="J3142" s="8">
        <v>-72.475575000000006</v>
      </c>
    </row>
    <row r="3143" spans="1:10" x14ac:dyDescent="0.35">
      <c r="A3143" s="5" t="s">
        <v>10</v>
      </c>
      <c r="B3143" s="6">
        <v>245544</v>
      </c>
      <c r="C3143" s="6" t="s">
        <v>117</v>
      </c>
      <c r="D3143" s="6" t="s">
        <v>1334</v>
      </c>
      <c r="E3143" s="6">
        <v>76001</v>
      </c>
      <c r="F3143" s="6" t="s">
        <v>18</v>
      </c>
      <c r="G3143" s="6" t="s">
        <v>6478</v>
      </c>
      <c r="H3143" s="6" t="s">
        <v>6479</v>
      </c>
      <c r="I3143" s="7">
        <v>3.4254503000000001</v>
      </c>
      <c r="J3143" s="8">
        <v>-76.527091400000003</v>
      </c>
    </row>
    <row r="3144" spans="1:10" x14ac:dyDescent="0.35">
      <c r="A3144" s="5" t="s">
        <v>10</v>
      </c>
      <c r="B3144" s="6">
        <v>229380</v>
      </c>
      <c r="C3144" s="6" t="s">
        <v>11</v>
      </c>
      <c r="D3144" s="6" t="s">
        <v>334</v>
      </c>
      <c r="E3144" s="6">
        <v>25754</v>
      </c>
      <c r="F3144" s="6" t="s">
        <v>18</v>
      </c>
      <c r="G3144" s="6" t="s">
        <v>6480</v>
      </c>
      <c r="H3144" s="6" t="s">
        <v>6481</v>
      </c>
      <c r="I3144" s="7">
        <v>4.5808955999999998</v>
      </c>
      <c r="J3144" s="8">
        <v>-74.211071599999997</v>
      </c>
    </row>
    <row r="3145" spans="1:10" x14ac:dyDescent="0.35">
      <c r="A3145" s="5" t="s">
        <v>10</v>
      </c>
      <c r="B3145" s="6">
        <v>226306</v>
      </c>
      <c r="C3145" s="6" t="s">
        <v>68</v>
      </c>
      <c r="D3145" s="6" t="s">
        <v>69</v>
      </c>
      <c r="E3145" s="6">
        <v>11001</v>
      </c>
      <c r="F3145" s="6" t="s">
        <v>13</v>
      </c>
      <c r="G3145" s="6" t="s">
        <v>3737</v>
      </c>
      <c r="H3145" s="6" t="s">
        <v>6482</v>
      </c>
      <c r="I3145" s="7">
        <v>4.6321567999999997</v>
      </c>
      <c r="J3145" s="8">
        <v>-74.115623799999995</v>
      </c>
    </row>
    <row r="3146" spans="1:10" x14ac:dyDescent="0.35">
      <c r="A3146" s="5" t="s">
        <v>10</v>
      </c>
      <c r="B3146" s="6">
        <v>239630</v>
      </c>
      <c r="C3146" s="6" t="s">
        <v>2130</v>
      </c>
      <c r="D3146" s="6" t="s">
        <v>2131</v>
      </c>
      <c r="E3146" s="6">
        <v>85001</v>
      </c>
      <c r="F3146" s="6" t="s">
        <v>18</v>
      </c>
      <c r="G3146" s="6" t="s">
        <v>6483</v>
      </c>
      <c r="H3146" s="6" t="s">
        <v>6484</v>
      </c>
      <c r="I3146" s="7">
        <v>5.3458804999999998</v>
      </c>
      <c r="J3146" s="8">
        <v>-72.3980569</v>
      </c>
    </row>
    <row r="3147" spans="1:10" x14ac:dyDescent="0.35">
      <c r="A3147" s="5" t="s">
        <v>10</v>
      </c>
      <c r="B3147" s="6">
        <v>203509</v>
      </c>
      <c r="C3147" s="6" t="s">
        <v>294</v>
      </c>
      <c r="D3147" s="6" t="s">
        <v>703</v>
      </c>
      <c r="E3147" s="6">
        <v>41001</v>
      </c>
      <c r="F3147" s="6" t="s">
        <v>18</v>
      </c>
      <c r="G3147" s="6" t="s">
        <v>6485</v>
      </c>
      <c r="H3147" s="6" t="s">
        <v>6486</v>
      </c>
      <c r="I3147" s="7">
        <v>2.9401769</v>
      </c>
      <c r="J3147" s="8">
        <v>-75.261959099999999</v>
      </c>
    </row>
    <row r="3148" spans="1:10" x14ac:dyDescent="0.35">
      <c r="A3148" s="5" t="s">
        <v>10</v>
      </c>
      <c r="B3148" s="6">
        <v>239826</v>
      </c>
      <c r="C3148" s="6" t="s">
        <v>11</v>
      </c>
      <c r="D3148" s="6" t="s">
        <v>334</v>
      </c>
      <c r="E3148" s="6">
        <v>25754</v>
      </c>
      <c r="F3148" s="6" t="s">
        <v>18</v>
      </c>
      <c r="G3148" s="6" t="s">
        <v>6487</v>
      </c>
      <c r="H3148" s="6" t="s">
        <v>6488</v>
      </c>
      <c r="I3148" s="7">
        <v>4.5802100000000001</v>
      </c>
      <c r="J3148" s="8">
        <v>-74.191999300000006</v>
      </c>
    </row>
    <row r="3149" spans="1:10" x14ac:dyDescent="0.35">
      <c r="A3149" s="5" t="s">
        <v>10</v>
      </c>
      <c r="B3149" s="6">
        <v>237651</v>
      </c>
      <c r="C3149" s="6" t="s">
        <v>11</v>
      </c>
      <c r="D3149" s="6" t="s">
        <v>901</v>
      </c>
      <c r="E3149" s="6">
        <v>25307</v>
      </c>
      <c r="F3149" s="6" t="s">
        <v>18</v>
      </c>
      <c r="G3149" s="6" t="s">
        <v>6489</v>
      </c>
      <c r="H3149" s="6" t="s">
        <v>6490</v>
      </c>
      <c r="I3149" s="7">
        <v>4.3129486999999997</v>
      </c>
      <c r="J3149" s="8">
        <v>-74.792000200000004</v>
      </c>
    </row>
    <row r="3150" spans="1:10" x14ac:dyDescent="0.35">
      <c r="A3150" s="5" t="s">
        <v>10</v>
      </c>
      <c r="B3150" s="6">
        <v>230091</v>
      </c>
      <c r="C3150" s="6" t="s">
        <v>11</v>
      </c>
      <c r="D3150" s="6" t="s">
        <v>334</v>
      </c>
      <c r="E3150" s="6">
        <v>25754</v>
      </c>
      <c r="F3150" s="6" t="s">
        <v>18</v>
      </c>
      <c r="G3150" s="6" t="s">
        <v>6491</v>
      </c>
      <c r="H3150" s="6" t="s">
        <v>6492</v>
      </c>
      <c r="I3150" s="7">
        <v>4.5778993999999997</v>
      </c>
      <c r="J3150" s="8">
        <v>-74.196189500000003</v>
      </c>
    </row>
    <row r="3151" spans="1:10" x14ac:dyDescent="0.35">
      <c r="A3151" s="5" t="s">
        <v>10</v>
      </c>
      <c r="B3151" s="6">
        <v>226279</v>
      </c>
      <c r="C3151" s="6" t="s">
        <v>68</v>
      </c>
      <c r="D3151" s="6" t="s">
        <v>69</v>
      </c>
      <c r="E3151" s="6">
        <v>11001</v>
      </c>
      <c r="F3151" s="6" t="s">
        <v>13</v>
      </c>
      <c r="G3151" s="6" t="s">
        <v>3737</v>
      </c>
      <c r="H3151" s="6" t="s">
        <v>6493</v>
      </c>
      <c r="I3151" s="7">
        <v>4.6473879999999896</v>
      </c>
      <c r="J3151" s="8">
        <v>-74.101698999999996</v>
      </c>
    </row>
    <row r="3152" spans="1:10" x14ac:dyDescent="0.35">
      <c r="A3152" s="5" t="s">
        <v>10</v>
      </c>
      <c r="B3152" s="6">
        <v>237959</v>
      </c>
      <c r="C3152" s="6" t="s">
        <v>11</v>
      </c>
      <c r="D3152" s="6" t="s">
        <v>159</v>
      </c>
      <c r="E3152" s="6">
        <v>25175</v>
      </c>
      <c r="F3152" s="6" t="s">
        <v>2161</v>
      </c>
      <c r="G3152" s="6" t="s">
        <v>6494</v>
      </c>
      <c r="H3152" s="6" t="s">
        <v>6495</v>
      </c>
      <c r="I3152" s="7">
        <v>4.8563422000000003</v>
      </c>
      <c r="J3152" s="8">
        <v>-74.061527400000003</v>
      </c>
    </row>
    <row r="3153" spans="1:10" x14ac:dyDescent="0.35">
      <c r="A3153" s="5" t="s">
        <v>10</v>
      </c>
      <c r="B3153" s="6">
        <v>202155</v>
      </c>
      <c r="C3153" s="6" t="s">
        <v>278</v>
      </c>
      <c r="D3153" s="6" t="s">
        <v>279</v>
      </c>
      <c r="E3153" s="6">
        <v>50001</v>
      </c>
      <c r="F3153" s="6" t="s">
        <v>18</v>
      </c>
      <c r="G3153" s="6" t="s">
        <v>6496</v>
      </c>
      <c r="H3153" s="6" t="s">
        <v>6497</v>
      </c>
      <c r="I3153" s="7">
        <v>4.2056231000000004</v>
      </c>
      <c r="J3153" s="8">
        <v>-73.590309099999999</v>
      </c>
    </row>
    <row r="3154" spans="1:10" x14ac:dyDescent="0.35">
      <c r="A3154" s="5" t="s">
        <v>10</v>
      </c>
      <c r="B3154" s="6">
        <v>233404</v>
      </c>
      <c r="C3154" s="6" t="s">
        <v>2130</v>
      </c>
      <c r="D3154" s="6" t="s">
        <v>6498</v>
      </c>
      <c r="E3154" s="6">
        <v>85139</v>
      </c>
      <c r="F3154" s="6" t="s">
        <v>18</v>
      </c>
      <c r="G3154" s="6" t="s">
        <v>6499</v>
      </c>
      <c r="H3154" s="6" t="s">
        <v>6500</v>
      </c>
      <c r="I3154" s="7">
        <v>4.8170200000000003</v>
      </c>
      <c r="J3154" s="8">
        <v>-72.282709999999994</v>
      </c>
    </row>
    <row r="3155" spans="1:10" x14ac:dyDescent="0.35">
      <c r="A3155" s="5" t="s">
        <v>10</v>
      </c>
      <c r="B3155" s="6">
        <v>224399</v>
      </c>
      <c r="C3155" s="6" t="s">
        <v>3788</v>
      </c>
      <c r="D3155" s="6" t="s">
        <v>3789</v>
      </c>
      <c r="E3155" s="6">
        <v>18592</v>
      </c>
      <c r="F3155" s="6" t="s">
        <v>18</v>
      </c>
      <c r="G3155" s="6" t="s">
        <v>6501</v>
      </c>
      <c r="H3155" s="6" t="s">
        <v>6502</v>
      </c>
      <c r="I3155" s="7">
        <v>1.909918</v>
      </c>
      <c r="J3155" s="8">
        <v>-75.157235</v>
      </c>
    </row>
    <row r="3156" spans="1:10" x14ac:dyDescent="0.35">
      <c r="A3156" s="5" t="s">
        <v>10</v>
      </c>
      <c r="B3156" s="6">
        <v>201673</v>
      </c>
      <c r="C3156" s="6" t="s">
        <v>294</v>
      </c>
      <c r="D3156" s="6" t="s">
        <v>703</v>
      </c>
      <c r="E3156" s="6">
        <v>41001</v>
      </c>
      <c r="F3156" s="6" t="s">
        <v>18</v>
      </c>
      <c r="G3156" s="6" t="s">
        <v>6503</v>
      </c>
      <c r="H3156" s="6" t="s">
        <v>6504</v>
      </c>
      <c r="I3156" s="7">
        <v>2.9526824</v>
      </c>
      <c r="J3156" s="8">
        <v>-75.298094599999999</v>
      </c>
    </row>
    <row r="3157" spans="1:10" x14ac:dyDescent="0.35">
      <c r="A3157" s="5" t="s">
        <v>10</v>
      </c>
      <c r="B3157" s="6">
        <v>201078</v>
      </c>
      <c r="C3157" s="6" t="s">
        <v>11</v>
      </c>
      <c r="D3157" s="6" t="s">
        <v>857</v>
      </c>
      <c r="E3157" s="6">
        <v>25758</v>
      </c>
      <c r="F3157" s="6" t="s">
        <v>18</v>
      </c>
      <c r="G3157" s="6" t="s">
        <v>6505</v>
      </c>
      <c r="H3157" s="6" t="s">
        <v>6506</v>
      </c>
      <c r="I3157" s="7">
        <v>4.9083198000000001</v>
      </c>
      <c r="J3157" s="8">
        <v>-73.940648699999997</v>
      </c>
    </row>
    <row r="3158" spans="1:10" x14ac:dyDescent="0.35">
      <c r="A3158" s="5" t="s">
        <v>10</v>
      </c>
      <c r="B3158" s="6">
        <v>205014</v>
      </c>
      <c r="C3158" s="6" t="s">
        <v>11</v>
      </c>
      <c r="D3158" s="6" t="s">
        <v>12</v>
      </c>
      <c r="E3158" s="6">
        <v>25899</v>
      </c>
      <c r="F3158" s="6" t="s">
        <v>18</v>
      </c>
      <c r="G3158" s="6" t="s">
        <v>6507</v>
      </c>
      <c r="H3158" s="6" t="s">
        <v>6508</v>
      </c>
      <c r="I3158" s="7">
        <v>5.0332919999999897</v>
      </c>
      <c r="J3158" s="8">
        <v>-73.993642100000002</v>
      </c>
    </row>
    <row r="3159" spans="1:10" x14ac:dyDescent="0.35">
      <c r="A3159" s="5" t="s">
        <v>10</v>
      </c>
      <c r="B3159" s="6">
        <v>235176</v>
      </c>
      <c r="C3159" s="6" t="s">
        <v>11</v>
      </c>
      <c r="D3159" s="6" t="s">
        <v>3054</v>
      </c>
      <c r="E3159" s="6">
        <v>25269</v>
      </c>
      <c r="F3159" s="6" t="s">
        <v>18</v>
      </c>
      <c r="G3159" s="6" t="s">
        <v>6509</v>
      </c>
      <c r="H3159" s="6" t="s">
        <v>6510</v>
      </c>
      <c r="I3159" s="7">
        <v>4.809984</v>
      </c>
      <c r="J3159" s="8">
        <v>-74.354009000000005</v>
      </c>
    </row>
    <row r="3160" spans="1:10" x14ac:dyDescent="0.35">
      <c r="A3160" s="5" t="s">
        <v>10</v>
      </c>
      <c r="B3160" s="6">
        <v>238213</v>
      </c>
      <c r="C3160" s="6" t="s">
        <v>11</v>
      </c>
      <c r="D3160" s="6" t="s">
        <v>5475</v>
      </c>
      <c r="E3160" s="6">
        <v>25053</v>
      </c>
      <c r="F3160" s="6" t="s">
        <v>18</v>
      </c>
      <c r="G3160" s="6" t="s">
        <v>6511</v>
      </c>
      <c r="H3160" s="6" t="s">
        <v>6512</v>
      </c>
      <c r="I3160" s="7">
        <v>4.2726674999999998</v>
      </c>
      <c r="J3160" s="8">
        <v>-74.415841</v>
      </c>
    </row>
    <row r="3161" spans="1:10" x14ac:dyDescent="0.35">
      <c r="A3161" s="5" t="s">
        <v>10</v>
      </c>
      <c r="B3161" s="6">
        <v>235464</v>
      </c>
      <c r="C3161" s="6" t="s">
        <v>117</v>
      </c>
      <c r="D3161" s="6" t="s">
        <v>1334</v>
      </c>
      <c r="E3161" s="6">
        <v>76001</v>
      </c>
      <c r="F3161" s="6" t="s">
        <v>18</v>
      </c>
      <c r="G3161" s="6" t="s">
        <v>6513</v>
      </c>
      <c r="H3161" s="6" t="s">
        <v>6514</v>
      </c>
      <c r="I3161" s="7">
        <v>3.3893154999999999</v>
      </c>
      <c r="J3161" s="8">
        <v>-76.557336300000003</v>
      </c>
    </row>
    <row r="3162" spans="1:10" x14ac:dyDescent="0.35">
      <c r="A3162" s="5" t="s">
        <v>10</v>
      </c>
      <c r="B3162" s="6">
        <v>234179</v>
      </c>
      <c r="C3162" s="6" t="s">
        <v>68</v>
      </c>
      <c r="D3162" s="6" t="s">
        <v>69</v>
      </c>
      <c r="E3162" s="6">
        <v>11001</v>
      </c>
      <c r="F3162" s="6" t="s">
        <v>18</v>
      </c>
      <c r="G3162" s="6" t="s">
        <v>6515</v>
      </c>
      <c r="H3162" s="6" t="s">
        <v>6516</v>
      </c>
      <c r="I3162" s="7">
        <v>4.5708679999999999</v>
      </c>
      <c r="J3162" s="8">
        <v>-74.297332999999995</v>
      </c>
    </row>
    <row r="3163" spans="1:10" x14ac:dyDescent="0.35">
      <c r="A3163" s="5" t="s">
        <v>10</v>
      </c>
      <c r="B3163" s="6">
        <v>226263</v>
      </c>
      <c r="C3163" s="6" t="s">
        <v>457</v>
      </c>
      <c r="D3163" s="6" t="s">
        <v>4400</v>
      </c>
      <c r="E3163" s="6">
        <v>52001</v>
      </c>
      <c r="F3163" s="6" t="s">
        <v>13</v>
      </c>
      <c r="G3163" s="6" t="s">
        <v>3737</v>
      </c>
      <c r="H3163" s="6" t="s">
        <v>6517</v>
      </c>
      <c r="I3163" s="7">
        <v>1.2269623000000001</v>
      </c>
      <c r="J3163" s="8">
        <v>-77.272331600000001</v>
      </c>
    </row>
    <row r="3164" spans="1:10" x14ac:dyDescent="0.35">
      <c r="A3164" s="5" t="s">
        <v>10</v>
      </c>
      <c r="B3164" s="6">
        <v>229725</v>
      </c>
      <c r="C3164" s="6" t="s">
        <v>16</v>
      </c>
      <c r="D3164" s="6" t="s">
        <v>78</v>
      </c>
      <c r="E3164" s="6">
        <v>68001</v>
      </c>
      <c r="F3164" s="6" t="s">
        <v>18</v>
      </c>
      <c r="G3164" s="6" t="s">
        <v>6518</v>
      </c>
      <c r="H3164" s="6" t="s">
        <v>6519</v>
      </c>
      <c r="I3164" s="7">
        <v>7.1183123000000004</v>
      </c>
      <c r="J3164" s="8">
        <v>-73.113884600000006</v>
      </c>
    </row>
    <row r="3165" spans="1:10" x14ac:dyDescent="0.35">
      <c r="A3165" s="5" t="s">
        <v>10</v>
      </c>
      <c r="B3165" s="6">
        <v>243259</v>
      </c>
      <c r="C3165" s="6" t="s">
        <v>551</v>
      </c>
      <c r="D3165" s="6" t="s">
        <v>3868</v>
      </c>
      <c r="E3165" s="6">
        <v>20001</v>
      </c>
      <c r="F3165" s="6" t="s">
        <v>18</v>
      </c>
      <c r="G3165" s="6" t="s">
        <v>6520</v>
      </c>
      <c r="H3165" s="6" t="s">
        <v>6521</v>
      </c>
      <c r="I3165" s="7">
        <v>10.4829601</v>
      </c>
      <c r="J3165" s="8">
        <v>-73.2624493</v>
      </c>
    </row>
    <row r="3166" spans="1:10" x14ac:dyDescent="0.35">
      <c r="A3166" s="5" t="s">
        <v>10</v>
      </c>
      <c r="B3166" s="6">
        <v>233105</v>
      </c>
      <c r="C3166" s="6" t="s">
        <v>294</v>
      </c>
      <c r="D3166" s="6" t="s">
        <v>4257</v>
      </c>
      <c r="E3166" s="6">
        <v>41524</v>
      </c>
      <c r="F3166" s="6" t="s">
        <v>18</v>
      </c>
      <c r="G3166" s="6" t="s">
        <v>6522</v>
      </c>
      <c r="H3166" s="6" t="s">
        <v>6523</v>
      </c>
      <c r="I3166" s="7">
        <v>2.8865634999999998</v>
      </c>
      <c r="J3166" s="8">
        <v>-75.433151199999998</v>
      </c>
    </row>
    <row r="3167" spans="1:10" x14ac:dyDescent="0.35">
      <c r="A3167" s="5" t="s">
        <v>10</v>
      </c>
      <c r="B3167" s="6">
        <v>205022</v>
      </c>
      <c r="C3167" s="6" t="s">
        <v>11</v>
      </c>
      <c r="D3167" s="6" t="s">
        <v>3054</v>
      </c>
      <c r="E3167" s="6">
        <v>25269</v>
      </c>
      <c r="F3167" s="6" t="s">
        <v>18</v>
      </c>
      <c r="G3167" s="6" t="s">
        <v>6524</v>
      </c>
      <c r="H3167" s="6" t="s">
        <v>6525</v>
      </c>
      <c r="I3167" s="7">
        <v>4.8227557000000001</v>
      </c>
      <c r="J3167" s="8">
        <v>-74.347662799999995</v>
      </c>
    </row>
    <row r="3168" spans="1:10" x14ac:dyDescent="0.35">
      <c r="A3168" s="5" t="s">
        <v>10</v>
      </c>
      <c r="B3168" s="6">
        <v>202920</v>
      </c>
      <c r="C3168" s="6" t="s">
        <v>11</v>
      </c>
      <c r="D3168" s="6" t="s">
        <v>334</v>
      </c>
      <c r="E3168" s="6">
        <v>25754</v>
      </c>
      <c r="F3168" s="6" t="s">
        <v>18</v>
      </c>
      <c r="G3168" s="6" t="s">
        <v>6526</v>
      </c>
      <c r="H3168" s="6" t="s">
        <v>6527</v>
      </c>
      <c r="I3168" s="7">
        <v>4.5847717000000001</v>
      </c>
      <c r="J3168" s="8">
        <v>-74.187378100000004</v>
      </c>
    </row>
    <row r="3169" spans="1:10" x14ac:dyDescent="0.35">
      <c r="A3169" s="5" t="s">
        <v>10</v>
      </c>
      <c r="B3169" s="6">
        <v>214358</v>
      </c>
      <c r="C3169" s="6" t="s">
        <v>11</v>
      </c>
      <c r="D3169" s="6" t="s">
        <v>337</v>
      </c>
      <c r="E3169" s="6">
        <v>25290</v>
      </c>
      <c r="F3169" s="6" t="s">
        <v>18</v>
      </c>
      <c r="G3169" s="6" t="s">
        <v>6528</v>
      </c>
      <c r="H3169" s="6" t="s">
        <v>6529</v>
      </c>
      <c r="I3169" s="7">
        <v>4.3475384999999998</v>
      </c>
      <c r="J3169" s="8">
        <v>-74.365451199999995</v>
      </c>
    </row>
    <row r="3170" spans="1:10" x14ac:dyDescent="0.35">
      <c r="A3170" s="5" t="s">
        <v>10</v>
      </c>
      <c r="B3170" s="6">
        <v>214472</v>
      </c>
      <c r="C3170" s="6" t="s">
        <v>117</v>
      </c>
      <c r="D3170" s="6" t="s">
        <v>3963</v>
      </c>
      <c r="E3170" s="6">
        <v>76377</v>
      </c>
      <c r="F3170" s="6" t="s">
        <v>18</v>
      </c>
      <c r="G3170" s="6" t="s">
        <v>6530</v>
      </c>
      <c r="H3170" s="6" t="s">
        <v>6531</v>
      </c>
      <c r="I3170" s="7">
        <v>3.6504186000000001</v>
      </c>
      <c r="J3170" s="8">
        <v>-76.569660600000006</v>
      </c>
    </row>
    <row r="3171" spans="1:10" x14ac:dyDescent="0.35">
      <c r="A3171" s="5" t="s">
        <v>10</v>
      </c>
      <c r="B3171" s="6">
        <v>219763</v>
      </c>
      <c r="C3171" s="6" t="s">
        <v>68</v>
      </c>
      <c r="D3171" s="6" t="s">
        <v>69</v>
      </c>
      <c r="E3171" s="6">
        <v>11001</v>
      </c>
      <c r="F3171" s="6" t="s">
        <v>18</v>
      </c>
      <c r="G3171" s="6" t="s">
        <v>6532</v>
      </c>
      <c r="H3171" s="6" t="s">
        <v>6533</v>
      </c>
      <c r="I3171" s="7">
        <v>4.6374076000000004</v>
      </c>
      <c r="J3171" s="8">
        <v>-74.184137300000003</v>
      </c>
    </row>
    <row r="3172" spans="1:10" x14ac:dyDescent="0.35">
      <c r="A3172" s="5" t="s">
        <v>10</v>
      </c>
      <c r="B3172" s="6">
        <v>226404</v>
      </c>
      <c r="C3172" s="6" t="s">
        <v>190</v>
      </c>
      <c r="D3172" s="6" t="s">
        <v>2202</v>
      </c>
      <c r="E3172" s="6">
        <v>5615</v>
      </c>
      <c r="F3172" s="6" t="s">
        <v>13</v>
      </c>
      <c r="G3172" s="6" t="s">
        <v>3737</v>
      </c>
      <c r="H3172" s="6" t="s">
        <v>6534</v>
      </c>
      <c r="I3172" s="7">
        <v>6.1532355000000001</v>
      </c>
      <c r="J3172" s="8">
        <v>-75.3742929</v>
      </c>
    </row>
    <row r="3173" spans="1:10" x14ac:dyDescent="0.35">
      <c r="A3173" s="5" t="s">
        <v>10</v>
      </c>
      <c r="B3173" s="6">
        <v>246182</v>
      </c>
      <c r="C3173" s="6" t="s">
        <v>16</v>
      </c>
      <c r="D3173" s="6" t="s">
        <v>78</v>
      </c>
      <c r="E3173" s="6">
        <v>68001</v>
      </c>
      <c r="F3173" s="6" t="s">
        <v>18</v>
      </c>
      <c r="G3173" s="6" t="s">
        <v>6535</v>
      </c>
      <c r="H3173" s="6" t="s">
        <v>6536</v>
      </c>
      <c r="I3173" s="7">
        <v>7.1050671999999997</v>
      </c>
      <c r="J3173" s="8">
        <v>-73.114744599999995</v>
      </c>
    </row>
    <row r="3174" spans="1:10" x14ac:dyDescent="0.35">
      <c r="A3174" s="5" t="s">
        <v>10</v>
      </c>
      <c r="B3174" s="6">
        <v>243262</v>
      </c>
      <c r="C3174" s="6" t="s">
        <v>551</v>
      </c>
      <c r="D3174" s="6" t="s">
        <v>4403</v>
      </c>
      <c r="E3174" s="6">
        <v>20013</v>
      </c>
      <c r="F3174" s="6" t="s">
        <v>18</v>
      </c>
      <c r="G3174" s="6" t="s">
        <v>6537</v>
      </c>
      <c r="H3174" s="6" t="s">
        <v>6538</v>
      </c>
      <c r="I3174" s="7">
        <v>10.031851400000001</v>
      </c>
      <c r="J3174" s="8">
        <v>-73.235553800000005</v>
      </c>
    </row>
    <row r="3175" spans="1:10" x14ac:dyDescent="0.35">
      <c r="A3175" s="5" t="s">
        <v>10</v>
      </c>
      <c r="B3175" s="6">
        <v>224075</v>
      </c>
      <c r="C3175" s="6" t="s">
        <v>551</v>
      </c>
      <c r="D3175" s="6" t="s">
        <v>552</v>
      </c>
      <c r="E3175" s="6">
        <v>20250</v>
      </c>
      <c r="F3175" s="6" t="s">
        <v>18</v>
      </c>
      <c r="G3175" s="6" t="s">
        <v>6539</v>
      </c>
      <c r="H3175" s="6" t="s">
        <v>6540</v>
      </c>
      <c r="I3175" s="7">
        <v>9.6576114000000004</v>
      </c>
      <c r="J3175" s="8">
        <v>-73.749019200000006</v>
      </c>
    </row>
    <row r="3176" spans="1:10" x14ac:dyDescent="0.35">
      <c r="A3176" s="5" t="s">
        <v>10</v>
      </c>
      <c r="B3176" s="6">
        <v>142286</v>
      </c>
      <c r="C3176" s="6" t="s">
        <v>3325</v>
      </c>
      <c r="D3176" s="6" t="s">
        <v>5991</v>
      </c>
      <c r="E3176" s="6">
        <v>95001</v>
      </c>
      <c r="F3176" s="6" t="s">
        <v>18</v>
      </c>
      <c r="G3176" s="6" t="s">
        <v>6541</v>
      </c>
      <c r="H3176" s="6" t="s">
        <v>6542</v>
      </c>
      <c r="I3176" s="7">
        <v>2.5677606000000002</v>
      </c>
      <c r="J3176" s="8">
        <v>-72.639653499999994</v>
      </c>
    </row>
    <row r="3177" spans="1:10" x14ac:dyDescent="0.35">
      <c r="A3177" s="5" t="s">
        <v>10</v>
      </c>
      <c r="B3177" s="6">
        <v>243204</v>
      </c>
      <c r="C3177" s="6" t="s">
        <v>11</v>
      </c>
      <c r="D3177" s="6" t="s">
        <v>2313</v>
      </c>
      <c r="E3177" s="6">
        <v>25785</v>
      </c>
      <c r="F3177" s="6" t="s">
        <v>18</v>
      </c>
      <c r="G3177" s="6" t="s">
        <v>6543</v>
      </c>
      <c r="H3177" s="6" t="s">
        <v>6544</v>
      </c>
      <c r="I3177" s="7">
        <v>4.9176598</v>
      </c>
      <c r="J3177" s="8">
        <v>-74.095984999999999</v>
      </c>
    </row>
    <row r="3178" spans="1:10" x14ac:dyDescent="0.35">
      <c r="A3178" s="5" t="s">
        <v>10</v>
      </c>
      <c r="B3178" s="6">
        <v>182408</v>
      </c>
      <c r="C3178" s="6" t="s">
        <v>11</v>
      </c>
      <c r="D3178" s="6" t="s">
        <v>334</v>
      </c>
      <c r="E3178" s="6">
        <v>25754</v>
      </c>
      <c r="F3178" s="6" t="s">
        <v>18</v>
      </c>
      <c r="G3178" s="6" t="s">
        <v>6545</v>
      </c>
      <c r="H3178" s="6" t="s">
        <v>6546</v>
      </c>
      <c r="I3178" s="7">
        <v>4.5809436999999997</v>
      </c>
      <c r="J3178" s="8">
        <v>-74.199140099999994</v>
      </c>
    </row>
    <row r="3179" spans="1:10" x14ac:dyDescent="0.35">
      <c r="A3179" s="5" t="s">
        <v>10</v>
      </c>
      <c r="B3179" s="6">
        <v>191167</v>
      </c>
      <c r="C3179" s="6" t="s">
        <v>68</v>
      </c>
      <c r="D3179" s="6" t="s">
        <v>69</v>
      </c>
      <c r="E3179" s="6">
        <v>11001</v>
      </c>
      <c r="F3179" s="6" t="s">
        <v>18</v>
      </c>
      <c r="G3179" s="6" t="s">
        <v>6547</v>
      </c>
      <c r="H3179" s="6" t="s">
        <v>6548</v>
      </c>
      <c r="I3179" s="7">
        <v>4.6447247999999997</v>
      </c>
      <c r="J3179" s="8">
        <v>-74.148482899999905</v>
      </c>
    </row>
    <row r="3180" spans="1:10" x14ac:dyDescent="0.35">
      <c r="A3180" s="5" t="s">
        <v>10</v>
      </c>
      <c r="B3180" s="6">
        <v>249523</v>
      </c>
      <c r="C3180" s="6" t="s">
        <v>68</v>
      </c>
      <c r="D3180" s="6" t="s">
        <v>69</v>
      </c>
      <c r="E3180" s="6">
        <v>11001</v>
      </c>
      <c r="F3180" s="6" t="s">
        <v>18</v>
      </c>
      <c r="G3180" s="6" t="s">
        <v>6549</v>
      </c>
      <c r="H3180" s="6" t="s">
        <v>6550</v>
      </c>
      <c r="I3180" s="7">
        <v>4.5677703999999997</v>
      </c>
      <c r="J3180" s="8">
        <v>-74.086941799999906</v>
      </c>
    </row>
    <row r="3181" spans="1:10" x14ac:dyDescent="0.35">
      <c r="A3181" s="5" t="s">
        <v>10</v>
      </c>
      <c r="B3181" s="6">
        <v>234692</v>
      </c>
      <c r="C3181" s="6" t="s">
        <v>68</v>
      </c>
      <c r="D3181" s="6" t="s">
        <v>69</v>
      </c>
      <c r="E3181" s="6">
        <v>11001</v>
      </c>
      <c r="F3181" s="6" t="s">
        <v>18</v>
      </c>
      <c r="G3181" s="6" t="s">
        <v>6551</v>
      </c>
      <c r="H3181" s="6" t="s">
        <v>6552</v>
      </c>
      <c r="I3181" s="7">
        <v>4.6772308999999996</v>
      </c>
      <c r="J3181" s="8">
        <v>-74.103545299999993</v>
      </c>
    </row>
    <row r="3182" spans="1:10" x14ac:dyDescent="0.35">
      <c r="A3182" s="5" t="s">
        <v>10</v>
      </c>
      <c r="B3182" s="6">
        <v>218217</v>
      </c>
      <c r="C3182" s="6" t="s">
        <v>11</v>
      </c>
      <c r="D3182" s="6" t="s">
        <v>334</v>
      </c>
      <c r="E3182" s="6">
        <v>25754</v>
      </c>
      <c r="F3182" s="6" t="s">
        <v>18</v>
      </c>
      <c r="G3182" s="6" t="s">
        <v>6553</v>
      </c>
      <c r="H3182" s="6" t="s">
        <v>6554</v>
      </c>
      <c r="I3182" s="7">
        <v>4.5799906999999997</v>
      </c>
      <c r="J3182" s="8">
        <v>-74.220675</v>
      </c>
    </row>
    <row r="3183" spans="1:10" x14ac:dyDescent="0.35">
      <c r="A3183" s="5" t="s">
        <v>10</v>
      </c>
      <c r="B3183" s="6">
        <v>238532</v>
      </c>
      <c r="C3183" s="6" t="s">
        <v>190</v>
      </c>
      <c r="D3183" s="6" t="s">
        <v>6555</v>
      </c>
      <c r="E3183" s="6">
        <v>5308</v>
      </c>
      <c r="F3183" s="6" t="s">
        <v>18</v>
      </c>
      <c r="G3183" s="6" t="s">
        <v>6556</v>
      </c>
      <c r="H3183" s="6" t="s">
        <v>6557</v>
      </c>
      <c r="I3183" s="7">
        <v>6.3779655000000002</v>
      </c>
      <c r="J3183" s="8">
        <v>-75.445112800000004</v>
      </c>
    </row>
    <row r="3184" spans="1:10" x14ac:dyDescent="0.35">
      <c r="A3184" s="5" t="s">
        <v>10</v>
      </c>
      <c r="B3184" s="6">
        <v>226284</v>
      </c>
      <c r="C3184" s="6" t="s">
        <v>68</v>
      </c>
      <c r="D3184" s="6" t="s">
        <v>69</v>
      </c>
      <c r="E3184" s="6">
        <v>11001</v>
      </c>
      <c r="F3184" s="6" t="s">
        <v>13</v>
      </c>
      <c r="G3184" s="6" t="s">
        <v>3737</v>
      </c>
      <c r="H3184" s="6" t="s">
        <v>6558</v>
      </c>
      <c r="I3184" s="7">
        <v>4.6413126999999896</v>
      </c>
      <c r="J3184" s="8">
        <v>-74.155732700000002</v>
      </c>
    </row>
    <row r="3185" spans="1:10" x14ac:dyDescent="0.35">
      <c r="A3185" s="5" t="s">
        <v>10</v>
      </c>
      <c r="B3185" s="6">
        <v>132215</v>
      </c>
      <c r="C3185" s="6" t="s">
        <v>24</v>
      </c>
      <c r="D3185" s="6" t="s">
        <v>25</v>
      </c>
      <c r="E3185" s="6">
        <v>15322</v>
      </c>
      <c r="F3185" s="6" t="s">
        <v>18</v>
      </c>
      <c r="G3185" s="6" t="s">
        <v>6559</v>
      </c>
      <c r="H3185" s="6" t="s">
        <v>6560</v>
      </c>
      <c r="I3185" s="7">
        <v>5.0063849999999999</v>
      </c>
      <c r="J3185" s="8">
        <v>-73.471423000000001</v>
      </c>
    </row>
    <row r="3186" spans="1:10" x14ac:dyDescent="0.35">
      <c r="A3186" s="5" t="s">
        <v>10</v>
      </c>
      <c r="B3186" s="6">
        <v>197070</v>
      </c>
      <c r="C3186" s="6" t="s">
        <v>16</v>
      </c>
      <c r="D3186" s="6" t="s">
        <v>78</v>
      </c>
      <c r="E3186" s="6">
        <v>68001</v>
      </c>
      <c r="F3186" s="6" t="s">
        <v>18</v>
      </c>
      <c r="G3186" s="6" t="s">
        <v>6561</v>
      </c>
      <c r="H3186" s="6" t="s">
        <v>6562</v>
      </c>
      <c r="I3186" s="7">
        <v>7.0833192999999897</v>
      </c>
      <c r="J3186" s="8">
        <v>-73.100334099999998</v>
      </c>
    </row>
    <row r="3187" spans="1:10" x14ac:dyDescent="0.35">
      <c r="A3187" s="5" t="s">
        <v>10</v>
      </c>
      <c r="B3187" s="6">
        <v>199516</v>
      </c>
      <c r="C3187" s="6" t="s">
        <v>2130</v>
      </c>
      <c r="D3187" s="6" t="s">
        <v>4241</v>
      </c>
      <c r="E3187" s="6">
        <v>85430</v>
      </c>
      <c r="F3187" s="6" t="s">
        <v>18</v>
      </c>
      <c r="G3187" s="6" t="s">
        <v>6563</v>
      </c>
      <c r="H3187" s="6" t="s">
        <v>6564</v>
      </c>
      <c r="I3187" s="7">
        <v>2.4396566000000002</v>
      </c>
      <c r="J3187" s="8">
        <v>-76.604710099999906</v>
      </c>
    </row>
    <row r="3188" spans="1:10" x14ac:dyDescent="0.35">
      <c r="A3188" s="5" t="s">
        <v>10</v>
      </c>
      <c r="B3188" s="6">
        <v>170765</v>
      </c>
      <c r="C3188" s="6" t="s">
        <v>294</v>
      </c>
      <c r="D3188" s="6" t="s">
        <v>703</v>
      </c>
      <c r="E3188" s="6">
        <v>41001</v>
      </c>
      <c r="F3188" s="6" t="s">
        <v>18</v>
      </c>
      <c r="G3188" s="6" t="s">
        <v>6565</v>
      </c>
      <c r="H3188" s="6" t="s">
        <v>6566</v>
      </c>
      <c r="I3188" s="7">
        <v>2.9204914999999998</v>
      </c>
      <c r="J3188" s="8">
        <v>-75.269883300000004</v>
      </c>
    </row>
    <row r="3189" spans="1:10" x14ac:dyDescent="0.35">
      <c r="A3189" s="5" t="s">
        <v>10</v>
      </c>
      <c r="B3189" s="6">
        <v>240347</v>
      </c>
      <c r="C3189" s="6" t="s">
        <v>11</v>
      </c>
      <c r="D3189" s="6" t="s">
        <v>513</v>
      </c>
      <c r="E3189" s="6">
        <v>25286</v>
      </c>
      <c r="F3189" s="6" t="s">
        <v>18</v>
      </c>
      <c r="G3189" s="6" t="s">
        <v>6567</v>
      </c>
      <c r="H3189" s="6" t="s">
        <v>6568</v>
      </c>
      <c r="I3189" s="7">
        <v>4.7145568000000004</v>
      </c>
      <c r="J3189" s="8">
        <v>-74.204350899999994</v>
      </c>
    </row>
    <row r="3190" spans="1:10" x14ac:dyDescent="0.35">
      <c r="A3190" s="5" t="s">
        <v>10</v>
      </c>
      <c r="B3190" s="6">
        <v>245843</v>
      </c>
      <c r="C3190" s="6" t="s">
        <v>6569</v>
      </c>
      <c r="D3190" s="6" t="s">
        <v>6570</v>
      </c>
      <c r="E3190" s="6">
        <v>91405</v>
      </c>
      <c r="F3190" s="6" t="s">
        <v>18</v>
      </c>
      <c r="G3190" s="6" t="s">
        <v>6571</v>
      </c>
      <c r="H3190" s="6" t="s">
        <v>6572</v>
      </c>
      <c r="I3190" s="7">
        <v>11.5384151</v>
      </c>
      <c r="J3190" s="8">
        <v>-72.916783800000005</v>
      </c>
    </row>
    <row r="3191" spans="1:10" x14ac:dyDescent="0.35">
      <c r="A3191" s="5" t="s">
        <v>10</v>
      </c>
      <c r="B3191" s="6">
        <v>233188</v>
      </c>
      <c r="C3191" s="6" t="s">
        <v>11</v>
      </c>
      <c r="D3191" s="6" t="s">
        <v>101</v>
      </c>
      <c r="E3191" s="6">
        <v>25473</v>
      </c>
      <c r="F3191" s="6" t="s">
        <v>18</v>
      </c>
      <c r="G3191" s="6" t="s">
        <v>6573</v>
      </c>
      <c r="H3191" s="6" t="s">
        <v>6574</v>
      </c>
      <c r="I3191" s="7">
        <v>4.7152599999999998</v>
      </c>
      <c r="J3191" s="8">
        <v>-74.226129999999998</v>
      </c>
    </row>
    <row r="3192" spans="1:10" x14ac:dyDescent="0.35">
      <c r="A3192" s="5" t="s">
        <v>10</v>
      </c>
      <c r="B3192" s="6">
        <v>234136</v>
      </c>
      <c r="C3192" s="6" t="s">
        <v>11</v>
      </c>
      <c r="D3192" s="6" t="s">
        <v>334</v>
      </c>
      <c r="E3192" s="6">
        <v>25754</v>
      </c>
      <c r="F3192" s="6" t="s">
        <v>18</v>
      </c>
      <c r="G3192" s="6" t="s">
        <v>6575</v>
      </c>
      <c r="H3192" s="6" t="s">
        <v>6576</v>
      </c>
      <c r="I3192" s="7">
        <v>4.5827226999999997</v>
      </c>
      <c r="J3192" s="8">
        <v>-74.211746500000004</v>
      </c>
    </row>
    <row r="3193" spans="1:10" x14ac:dyDescent="0.35">
      <c r="A3193" s="5" t="s">
        <v>10</v>
      </c>
      <c r="B3193" s="6">
        <v>233104</v>
      </c>
      <c r="C3193" s="6" t="s">
        <v>117</v>
      </c>
      <c r="D3193" s="6" t="s">
        <v>1334</v>
      </c>
      <c r="E3193" s="6">
        <v>76001</v>
      </c>
      <c r="F3193" s="6" t="s">
        <v>18</v>
      </c>
      <c r="G3193" s="6" t="s">
        <v>6577</v>
      </c>
      <c r="H3193" s="6" t="s">
        <v>6578</v>
      </c>
      <c r="I3193" s="7">
        <v>3.4380899999999999</v>
      </c>
      <c r="J3193" s="8">
        <v>-76.501000000000005</v>
      </c>
    </row>
    <row r="3194" spans="1:10" x14ac:dyDescent="0.35">
      <c r="A3194" s="5" t="s">
        <v>10</v>
      </c>
      <c r="B3194" s="6">
        <v>245427</v>
      </c>
      <c r="C3194" s="6" t="s">
        <v>11</v>
      </c>
      <c r="D3194" s="6" t="s">
        <v>334</v>
      </c>
      <c r="E3194" s="6">
        <v>25754</v>
      </c>
      <c r="F3194" s="6" t="s">
        <v>18</v>
      </c>
      <c r="G3194" s="6" t="s">
        <v>6579</v>
      </c>
      <c r="H3194" s="6" t="s">
        <v>6580</v>
      </c>
      <c r="I3194" s="7">
        <v>4.5848335999999996</v>
      </c>
      <c r="J3194" s="8">
        <v>-74.209798800000002</v>
      </c>
    </row>
    <row r="3195" spans="1:10" x14ac:dyDescent="0.35">
      <c r="A3195" s="5" t="s">
        <v>10</v>
      </c>
      <c r="B3195" s="6">
        <v>231221</v>
      </c>
      <c r="C3195" s="6" t="s">
        <v>68</v>
      </c>
      <c r="D3195" s="6" t="s">
        <v>69</v>
      </c>
      <c r="E3195" s="6">
        <v>11001</v>
      </c>
      <c r="F3195" s="6" t="s">
        <v>18</v>
      </c>
      <c r="G3195" s="6" t="s">
        <v>6581</v>
      </c>
      <c r="H3195" s="6" t="s">
        <v>6582</v>
      </c>
      <c r="I3195" s="7">
        <v>4.5824565000000002</v>
      </c>
      <c r="J3195" s="8">
        <v>-74.078843699999993</v>
      </c>
    </row>
    <row r="3196" spans="1:10" x14ac:dyDescent="0.35">
      <c r="A3196" s="5" t="s">
        <v>10</v>
      </c>
      <c r="B3196" s="6">
        <v>226242</v>
      </c>
      <c r="C3196" s="6" t="s">
        <v>117</v>
      </c>
      <c r="D3196" s="6" t="s">
        <v>1334</v>
      </c>
      <c r="E3196" s="6">
        <v>76001</v>
      </c>
      <c r="F3196" s="6" t="s">
        <v>13</v>
      </c>
      <c r="G3196" s="6" t="s">
        <v>3737</v>
      </c>
      <c r="H3196" s="6" t="s">
        <v>6583</v>
      </c>
      <c r="I3196" s="7">
        <v>3.3755185000000001</v>
      </c>
      <c r="J3196" s="8">
        <v>-76.546768499999999</v>
      </c>
    </row>
    <row r="3197" spans="1:10" x14ac:dyDescent="0.35">
      <c r="A3197" s="5" t="s">
        <v>10</v>
      </c>
      <c r="B3197" s="6">
        <v>226320</v>
      </c>
      <c r="C3197" s="6" t="s">
        <v>294</v>
      </c>
      <c r="D3197" s="6" t="s">
        <v>703</v>
      </c>
      <c r="E3197" s="6">
        <v>41001</v>
      </c>
      <c r="F3197" s="6" t="s">
        <v>13</v>
      </c>
      <c r="G3197" s="6" t="s">
        <v>3737</v>
      </c>
      <c r="H3197" s="6" t="s">
        <v>6584</v>
      </c>
      <c r="I3197" s="7">
        <v>2.9344836999999999</v>
      </c>
      <c r="J3197" s="8">
        <v>-75.280900099999997</v>
      </c>
    </row>
    <row r="3198" spans="1:10" x14ac:dyDescent="0.35">
      <c r="A3198" s="5" t="s">
        <v>10</v>
      </c>
      <c r="B3198" s="6">
        <v>215130</v>
      </c>
      <c r="C3198" s="6" t="s">
        <v>24</v>
      </c>
      <c r="D3198" s="6" t="s">
        <v>88</v>
      </c>
      <c r="E3198" s="6">
        <v>15001</v>
      </c>
      <c r="F3198" s="6" t="s">
        <v>18</v>
      </c>
      <c r="G3198" s="6" t="s">
        <v>6585</v>
      </c>
      <c r="H3198" s="6" t="s">
        <v>6586</v>
      </c>
      <c r="I3198" s="7">
        <v>5.5357466000000004</v>
      </c>
      <c r="J3198" s="8">
        <v>-73.360162399999993</v>
      </c>
    </row>
    <row r="3199" spans="1:10" x14ac:dyDescent="0.35">
      <c r="A3199" s="5" t="s">
        <v>10</v>
      </c>
      <c r="B3199" s="6">
        <v>212198</v>
      </c>
      <c r="C3199" s="6" t="s">
        <v>24</v>
      </c>
      <c r="D3199" s="6" t="s">
        <v>88</v>
      </c>
      <c r="E3199" s="6">
        <v>15001</v>
      </c>
      <c r="F3199" s="6" t="s">
        <v>18</v>
      </c>
      <c r="G3199" s="6" t="s">
        <v>6587</v>
      </c>
      <c r="H3199" s="6" t="s">
        <v>6588</v>
      </c>
      <c r="I3199" s="7">
        <v>5.5453690999999896</v>
      </c>
      <c r="J3199" s="8">
        <v>-73.362964699999907</v>
      </c>
    </row>
    <row r="3200" spans="1:10" x14ac:dyDescent="0.35">
      <c r="A3200" s="5" t="s">
        <v>10</v>
      </c>
      <c r="B3200" s="6">
        <v>241862</v>
      </c>
      <c r="C3200" s="6" t="s">
        <v>278</v>
      </c>
      <c r="D3200" s="6" t="s">
        <v>3873</v>
      </c>
      <c r="E3200" s="6">
        <v>50568</v>
      </c>
      <c r="F3200" s="6" t="s">
        <v>18</v>
      </c>
      <c r="G3200" s="6" t="s">
        <v>6589</v>
      </c>
      <c r="H3200" s="6" t="s">
        <v>6590</v>
      </c>
      <c r="I3200" s="7">
        <v>4.3123762000000001</v>
      </c>
      <c r="J3200" s="8">
        <v>-72.082682199999994</v>
      </c>
    </row>
    <row r="3201" spans="1:10" x14ac:dyDescent="0.35">
      <c r="A3201" s="5" t="s">
        <v>10</v>
      </c>
      <c r="B3201" s="6">
        <v>241945</v>
      </c>
      <c r="C3201" s="6" t="s">
        <v>278</v>
      </c>
      <c r="D3201" s="6" t="s">
        <v>279</v>
      </c>
      <c r="E3201" s="6">
        <v>50001</v>
      </c>
      <c r="F3201" s="6" t="s">
        <v>18</v>
      </c>
      <c r="G3201" s="6" t="s">
        <v>6591</v>
      </c>
      <c r="H3201" s="6" t="s">
        <v>6592</v>
      </c>
      <c r="I3201" s="7">
        <v>4.0981759000000002</v>
      </c>
      <c r="J3201" s="8">
        <v>-73.650529000000006</v>
      </c>
    </row>
    <row r="3202" spans="1:10" x14ac:dyDescent="0.35">
      <c r="A3202" s="5" t="s">
        <v>10</v>
      </c>
      <c r="B3202" s="6">
        <v>248708</v>
      </c>
      <c r="C3202" s="6" t="s">
        <v>294</v>
      </c>
      <c r="D3202" s="6" t="s">
        <v>703</v>
      </c>
      <c r="E3202" s="6">
        <v>41001</v>
      </c>
      <c r="F3202" s="6" t="s">
        <v>18</v>
      </c>
      <c r="G3202" s="6" t="s">
        <v>6593</v>
      </c>
      <c r="H3202" s="6" t="s">
        <v>6594</v>
      </c>
      <c r="I3202" s="7">
        <v>2.9189959999999999</v>
      </c>
      <c r="J3202" s="8">
        <v>-75.2663321</v>
      </c>
    </row>
    <row r="3203" spans="1:10" x14ac:dyDescent="0.35">
      <c r="A3203" s="5" t="s">
        <v>10</v>
      </c>
      <c r="B3203" s="6">
        <v>243164</v>
      </c>
      <c r="C3203" s="6" t="s">
        <v>11</v>
      </c>
      <c r="D3203" s="6" t="s">
        <v>407</v>
      </c>
      <c r="E3203" s="6">
        <v>25126</v>
      </c>
      <c r="F3203" s="6" t="s">
        <v>18</v>
      </c>
      <c r="G3203" s="6" t="s">
        <v>6595</v>
      </c>
      <c r="H3203" s="6" t="s">
        <v>6596</v>
      </c>
      <c r="I3203" s="7">
        <v>4.9163775000000003</v>
      </c>
      <c r="J3203" s="8">
        <v>-74.0268035</v>
      </c>
    </row>
    <row r="3204" spans="1:10" x14ac:dyDescent="0.35">
      <c r="A3204" s="5" t="s">
        <v>10</v>
      </c>
      <c r="B3204" s="6">
        <v>237018</v>
      </c>
      <c r="C3204" s="6" t="s">
        <v>117</v>
      </c>
      <c r="D3204" s="6" t="s">
        <v>1334</v>
      </c>
      <c r="E3204" s="6">
        <v>76001</v>
      </c>
      <c r="F3204" s="6" t="s">
        <v>18</v>
      </c>
      <c r="G3204" s="6" t="s">
        <v>6597</v>
      </c>
      <c r="H3204" s="6" t="s">
        <v>6598</v>
      </c>
      <c r="I3204" s="7">
        <v>3.4290322999999998</v>
      </c>
      <c r="J3204" s="8">
        <v>-76.4667484</v>
      </c>
    </row>
    <row r="3205" spans="1:10" x14ac:dyDescent="0.35">
      <c r="A3205" s="5" t="s">
        <v>10</v>
      </c>
      <c r="B3205" s="6">
        <v>231117</v>
      </c>
      <c r="C3205" s="6" t="s">
        <v>68</v>
      </c>
      <c r="D3205" s="6" t="s">
        <v>69</v>
      </c>
      <c r="E3205" s="6">
        <v>11001</v>
      </c>
      <c r="F3205" s="6" t="s">
        <v>18</v>
      </c>
      <c r="G3205" s="6" t="s">
        <v>6599</v>
      </c>
      <c r="H3205" s="6" t="s">
        <v>6600</v>
      </c>
      <c r="I3205" s="7">
        <v>4.7306217000000004</v>
      </c>
      <c r="J3205" s="8">
        <v>-74.090973899999995</v>
      </c>
    </row>
    <row r="3206" spans="1:10" x14ac:dyDescent="0.35">
      <c r="A3206" s="5" t="s">
        <v>10</v>
      </c>
      <c r="B3206" s="6">
        <v>203814</v>
      </c>
      <c r="C3206" s="6" t="s">
        <v>24</v>
      </c>
      <c r="D3206" s="6" t="s">
        <v>530</v>
      </c>
      <c r="E3206" s="6">
        <v>15516</v>
      </c>
      <c r="F3206" s="6" t="s">
        <v>18</v>
      </c>
      <c r="G3206" s="6" t="s">
        <v>5127</v>
      </c>
      <c r="H3206" s="6" t="s">
        <v>5128</v>
      </c>
      <c r="I3206" s="7">
        <v>5.7797700000000001</v>
      </c>
      <c r="J3206" s="8">
        <v>-73.114724999999893</v>
      </c>
    </row>
    <row r="3207" spans="1:10" x14ac:dyDescent="0.35">
      <c r="A3207" s="5" t="s">
        <v>10</v>
      </c>
      <c r="B3207" s="6">
        <v>213852</v>
      </c>
      <c r="C3207" s="6" t="s">
        <v>16</v>
      </c>
      <c r="D3207" s="6" t="s">
        <v>78</v>
      </c>
      <c r="E3207" s="6">
        <v>68001</v>
      </c>
      <c r="F3207" s="6" t="s">
        <v>18</v>
      </c>
      <c r="G3207" s="6" t="s">
        <v>6601</v>
      </c>
      <c r="H3207" s="6" t="s">
        <v>6602</v>
      </c>
      <c r="I3207" s="7">
        <v>7.1265945999999998</v>
      </c>
      <c r="J3207" s="8">
        <v>-73.108039199999993</v>
      </c>
    </row>
    <row r="3208" spans="1:10" x14ac:dyDescent="0.35">
      <c r="A3208" s="5" t="s">
        <v>10</v>
      </c>
      <c r="B3208" s="6">
        <v>241920</v>
      </c>
      <c r="C3208" s="6" t="s">
        <v>278</v>
      </c>
      <c r="D3208" s="6" t="s">
        <v>1331</v>
      </c>
      <c r="E3208" s="6">
        <v>50006</v>
      </c>
      <c r="F3208" s="6" t="s">
        <v>18</v>
      </c>
      <c r="G3208" s="6" t="s">
        <v>6603</v>
      </c>
      <c r="H3208" s="6" t="s">
        <v>6604</v>
      </c>
      <c r="I3208" s="7">
        <v>3.9947970000000002</v>
      </c>
      <c r="J3208" s="8">
        <v>-73.756543399999998</v>
      </c>
    </row>
    <row r="3209" spans="1:10" x14ac:dyDescent="0.35">
      <c r="A3209" s="5" t="s">
        <v>10</v>
      </c>
      <c r="B3209" s="6">
        <v>205806</v>
      </c>
      <c r="C3209" s="6" t="s">
        <v>294</v>
      </c>
      <c r="D3209" s="6" t="s">
        <v>4257</v>
      </c>
      <c r="E3209" s="6">
        <v>41524</v>
      </c>
      <c r="F3209" s="6" t="s">
        <v>18</v>
      </c>
      <c r="G3209" s="6" t="s">
        <v>6605</v>
      </c>
      <c r="H3209" s="6" t="s">
        <v>6606</v>
      </c>
      <c r="I3209" s="7">
        <v>2.8923382000000002</v>
      </c>
      <c r="J3209" s="8">
        <v>-75.438140599999997</v>
      </c>
    </row>
    <row r="3210" spans="1:10" x14ac:dyDescent="0.35">
      <c r="A3210" s="5" t="s">
        <v>10</v>
      </c>
      <c r="B3210" s="6">
        <v>238929</v>
      </c>
      <c r="C3210" s="6" t="s">
        <v>294</v>
      </c>
      <c r="D3210" s="6" t="s">
        <v>703</v>
      </c>
      <c r="E3210" s="6">
        <v>41001</v>
      </c>
      <c r="F3210" s="6" t="s">
        <v>18</v>
      </c>
      <c r="G3210" s="6" t="s">
        <v>6607</v>
      </c>
      <c r="H3210" s="6" t="s">
        <v>6608</v>
      </c>
      <c r="I3210" s="7">
        <v>2.945265</v>
      </c>
      <c r="J3210" s="8">
        <v>-75.253707800000001</v>
      </c>
    </row>
    <row r="3211" spans="1:10" x14ac:dyDescent="0.35">
      <c r="A3211" s="5" t="s">
        <v>10</v>
      </c>
      <c r="B3211" s="6">
        <v>217018</v>
      </c>
      <c r="C3211" s="6" t="s">
        <v>294</v>
      </c>
      <c r="D3211" s="6" t="s">
        <v>703</v>
      </c>
      <c r="E3211" s="6">
        <v>41001</v>
      </c>
      <c r="F3211" s="6" t="s">
        <v>18</v>
      </c>
      <c r="G3211" s="6" t="s">
        <v>6609</v>
      </c>
      <c r="H3211" s="6" t="s">
        <v>6610</v>
      </c>
      <c r="I3211" s="7">
        <v>2.9429009000000002</v>
      </c>
      <c r="J3211" s="8">
        <v>-75.3053977</v>
      </c>
    </row>
    <row r="3212" spans="1:10" x14ac:dyDescent="0.35">
      <c r="A3212" s="5" t="s">
        <v>10</v>
      </c>
      <c r="B3212" s="6">
        <v>228710</v>
      </c>
      <c r="C3212" s="6" t="s">
        <v>294</v>
      </c>
      <c r="D3212" s="6" t="s">
        <v>703</v>
      </c>
      <c r="E3212" s="6">
        <v>41001</v>
      </c>
      <c r="F3212" s="6" t="s">
        <v>18</v>
      </c>
      <c r="G3212" s="6" t="s">
        <v>6611</v>
      </c>
      <c r="H3212" s="6" t="s">
        <v>6612</v>
      </c>
      <c r="I3212" s="7">
        <v>2.9569024000000002</v>
      </c>
      <c r="J3212" s="8">
        <v>-75.296380099999993</v>
      </c>
    </row>
    <row r="3213" spans="1:10" x14ac:dyDescent="0.35">
      <c r="A3213" s="5" t="s">
        <v>10</v>
      </c>
      <c r="B3213" s="6">
        <v>239106</v>
      </c>
      <c r="C3213" s="6" t="s">
        <v>294</v>
      </c>
      <c r="D3213" s="6" t="s">
        <v>4634</v>
      </c>
      <c r="E3213" s="6">
        <v>41020</v>
      </c>
      <c r="F3213" s="6" t="s">
        <v>18</v>
      </c>
      <c r="G3213" s="6" t="s">
        <v>6613</v>
      </c>
      <c r="H3213" s="6" t="s">
        <v>6614</v>
      </c>
      <c r="I3213" s="7">
        <v>2.5232860000000001</v>
      </c>
      <c r="J3213" s="8">
        <v>-75.315622899999994</v>
      </c>
    </row>
    <row r="3214" spans="1:10" x14ac:dyDescent="0.35">
      <c r="A3214" s="5" t="s">
        <v>10</v>
      </c>
      <c r="B3214" s="6">
        <v>224258</v>
      </c>
      <c r="C3214" s="6" t="s">
        <v>68</v>
      </c>
      <c r="D3214" s="6" t="s">
        <v>69</v>
      </c>
      <c r="E3214" s="6">
        <v>11001</v>
      </c>
      <c r="F3214" s="6" t="s">
        <v>18</v>
      </c>
      <c r="G3214" s="6" t="s">
        <v>6615</v>
      </c>
      <c r="H3214" s="6" t="s">
        <v>6616</v>
      </c>
      <c r="I3214" s="7">
        <v>4.6120236999999999</v>
      </c>
      <c r="J3214" s="8">
        <v>-74.211111399999993</v>
      </c>
    </row>
    <row r="3215" spans="1:10" x14ac:dyDescent="0.35">
      <c r="A3215" s="5" t="s">
        <v>10</v>
      </c>
      <c r="B3215" s="6">
        <v>245375</v>
      </c>
      <c r="C3215" s="6" t="s">
        <v>11</v>
      </c>
      <c r="D3215" s="6" t="s">
        <v>12</v>
      </c>
      <c r="E3215" s="6">
        <v>25899</v>
      </c>
      <c r="F3215" s="6" t="s">
        <v>18</v>
      </c>
      <c r="G3215" s="6" t="s">
        <v>6617</v>
      </c>
      <c r="H3215" s="6" t="s">
        <v>6618</v>
      </c>
      <c r="I3215" s="7">
        <v>5.0305434</v>
      </c>
      <c r="J3215" s="8">
        <v>-74.007916600000001</v>
      </c>
    </row>
    <row r="3216" spans="1:10" x14ac:dyDescent="0.35">
      <c r="A3216" s="5" t="s">
        <v>10</v>
      </c>
      <c r="B3216" s="6">
        <v>233341</v>
      </c>
      <c r="C3216" s="6" t="s">
        <v>11</v>
      </c>
      <c r="D3216" s="6" t="s">
        <v>6321</v>
      </c>
      <c r="E3216" s="6">
        <v>25040</v>
      </c>
      <c r="F3216" s="6" t="s">
        <v>18</v>
      </c>
      <c r="G3216" s="6" t="s">
        <v>6619</v>
      </c>
      <c r="H3216" s="6" t="s">
        <v>6620</v>
      </c>
      <c r="I3216" s="7">
        <v>4.7616100000000001</v>
      </c>
      <c r="J3216" s="8">
        <v>-74.464579999999998</v>
      </c>
    </row>
    <row r="3217" spans="1:10" x14ac:dyDescent="0.35">
      <c r="A3217" s="5" t="s">
        <v>10</v>
      </c>
      <c r="B3217" s="6">
        <v>236193</v>
      </c>
      <c r="C3217" s="6" t="s">
        <v>11</v>
      </c>
      <c r="D3217" s="6" t="s">
        <v>6321</v>
      </c>
      <c r="E3217" s="6">
        <v>25040</v>
      </c>
      <c r="F3217" s="6" t="s">
        <v>18</v>
      </c>
      <c r="G3217" s="6" t="s">
        <v>6621</v>
      </c>
      <c r="H3217" s="6" t="s">
        <v>6622</v>
      </c>
      <c r="I3217" s="7">
        <v>4.5495595</v>
      </c>
      <c r="J3217" s="8">
        <v>-74.537969099999998</v>
      </c>
    </row>
    <row r="3218" spans="1:10" x14ac:dyDescent="0.35">
      <c r="A3218" s="5" t="s">
        <v>10</v>
      </c>
      <c r="B3218" s="6">
        <v>243136</v>
      </c>
      <c r="C3218" s="6" t="s">
        <v>38</v>
      </c>
      <c r="D3218" s="6" t="s">
        <v>431</v>
      </c>
      <c r="E3218" s="6">
        <v>19397</v>
      </c>
      <c r="F3218" s="6" t="s">
        <v>18</v>
      </c>
      <c r="G3218" s="6" t="s">
        <v>4847</v>
      </c>
      <c r="H3218" s="6" t="s">
        <v>6623</v>
      </c>
      <c r="I3218" s="7">
        <v>4.5955330999999999</v>
      </c>
      <c r="J3218" s="8">
        <v>-74.072340699999998</v>
      </c>
    </row>
    <row r="3219" spans="1:10" x14ac:dyDescent="0.35">
      <c r="A3219" s="5" t="s">
        <v>10</v>
      </c>
      <c r="B3219" s="6">
        <v>226311</v>
      </c>
      <c r="C3219" s="6" t="s">
        <v>11</v>
      </c>
      <c r="D3219" s="6" t="s">
        <v>159</v>
      </c>
      <c r="E3219" s="6">
        <v>25175</v>
      </c>
      <c r="F3219" s="6" t="s">
        <v>13</v>
      </c>
      <c r="G3219" s="6" t="s">
        <v>3737</v>
      </c>
      <c r="H3219" s="6" t="s">
        <v>6624</v>
      </c>
      <c r="I3219" s="7">
        <v>4.8628444000000002</v>
      </c>
      <c r="J3219" s="8">
        <v>-74.0533322</v>
      </c>
    </row>
    <row r="3220" spans="1:10" x14ac:dyDescent="0.35">
      <c r="A3220" s="5" t="s">
        <v>10</v>
      </c>
      <c r="B3220" s="6">
        <v>226245</v>
      </c>
      <c r="C3220" s="6" t="s">
        <v>117</v>
      </c>
      <c r="D3220" s="6" t="s">
        <v>1334</v>
      </c>
      <c r="E3220" s="6">
        <v>76001</v>
      </c>
      <c r="F3220" s="6" t="s">
        <v>13</v>
      </c>
      <c r="G3220" s="6" t="s">
        <v>3737</v>
      </c>
      <c r="H3220" s="6" t="s">
        <v>6625</v>
      </c>
      <c r="I3220" s="7">
        <v>3.3713801000000001</v>
      </c>
      <c r="J3220" s="8">
        <v>-76.527484599999994</v>
      </c>
    </row>
    <row r="3221" spans="1:10" x14ac:dyDescent="0.35">
      <c r="A3221" s="5" t="s">
        <v>10</v>
      </c>
      <c r="B3221" s="6">
        <v>226257</v>
      </c>
      <c r="C3221" s="6" t="s">
        <v>117</v>
      </c>
      <c r="D3221" s="6" t="s">
        <v>1334</v>
      </c>
      <c r="E3221" s="6">
        <v>76001</v>
      </c>
      <c r="F3221" s="6" t="s">
        <v>13</v>
      </c>
      <c r="G3221" s="6" t="s">
        <v>3737</v>
      </c>
      <c r="H3221" s="6" t="s">
        <v>6626</v>
      </c>
      <c r="I3221" s="7">
        <v>3.4510977999999999</v>
      </c>
      <c r="J3221" s="8">
        <v>-76.541005200000001</v>
      </c>
    </row>
    <row r="3222" spans="1:10" x14ac:dyDescent="0.35">
      <c r="A3222" s="5" t="s">
        <v>10</v>
      </c>
      <c r="B3222" s="6">
        <v>226292</v>
      </c>
      <c r="C3222" s="6" t="s">
        <v>68</v>
      </c>
      <c r="D3222" s="6" t="s">
        <v>69</v>
      </c>
      <c r="E3222" s="6">
        <v>11001</v>
      </c>
      <c r="F3222" s="6" t="s">
        <v>13</v>
      </c>
      <c r="G3222" s="6" t="s">
        <v>3737</v>
      </c>
      <c r="H3222" s="6" t="s">
        <v>6627</v>
      </c>
      <c r="I3222" s="7">
        <v>4.6429533999999997</v>
      </c>
      <c r="J3222" s="8">
        <v>-74.074057600000003</v>
      </c>
    </row>
    <row r="3223" spans="1:10" x14ac:dyDescent="0.35">
      <c r="A3223" s="5" t="s">
        <v>10</v>
      </c>
      <c r="B3223" s="6">
        <v>238359</v>
      </c>
      <c r="C3223" s="6" t="s">
        <v>11</v>
      </c>
      <c r="D3223" s="6" t="s">
        <v>221</v>
      </c>
      <c r="E3223" s="6">
        <v>25430</v>
      </c>
      <c r="F3223" s="6" t="s">
        <v>18</v>
      </c>
      <c r="G3223" s="6" t="s">
        <v>6628</v>
      </c>
      <c r="H3223" s="6" t="s">
        <v>6629</v>
      </c>
      <c r="I3223" s="7">
        <v>4.7341481999999999</v>
      </c>
      <c r="J3223" s="8">
        <v>-74.259227699999997</v>
      </c>
    </row>
    <row r="3224" spans="1:10" x14ac:dyDescent="0.35">
      <c r="A3224" s="5" t="s">
        <v>10</v>
      </c>
      <c r="B3224" s="6">
        <v>224009</v>
      </c>
      <c r="C3224" s="6" t="s">
        <v>24</v>
      </c>
      <c r="D3224" s="6" t="s">
        <v>137</v>
      </c>
      <c r="E3224" s="6">
        <v>15238</v>
      </c>
      <c r="F3224" s="6" t="s">
        <v>18</v>
      </c>
      <c r="G3224" s="6" t="s">
        <v>6630</v>
      </c>
      <c r="H3224" s="6" t="s">
        <v>6631</v>
      </c>
      <c r="I3224" s="7">
        <v>5.8317742999999904</v>
      </c>
      <c r="J3224" s="8">
        <v>-73.034730799999906</v>
      </c>
    </row>
    <row r="3225" spans="1:10" x14ac:dyDescent="0.35">
      <c r="A3225" s="5" t="s">
        <v>10</v>
      </c>
      <c r="B3225" s="6">
        <v>203248</v>
      </c>
      <c r="C3225" s="6" t="s">
        <v>11</v>
      </c>
      <c r="D3225" s="6" t="s">
        <v>334</v>
      </c>
      <c r="E3225" s="6">
        <v>25754</v>
      </c>
      <c r="F3225" s="6" t="s">
        <v>18</v>
      </c>
      <c r="G3225" s="6" t="s">
        <v>6632</v>
      </c>
      <c r="H3225" s="6" t="s">
        <v>6633</v>
      </c>
      <c r="I3225" s="7">
        <v>4.5805178999999896</v>
      </c>
      <c r="J3225" s="8">
        <v>-74.202105000000003</v>
      </c>
    </row>
    <row r="3226" spans="1:10" x14ac:dyDescent="0.35">
      <c r="A3226" s="5" t="s">
        <v>10</v>
      </c>
      <c r="B3226" s="6">
        <v>237016</v>
      </c>
      <c r="C3226" s="6" t="s">
        <v>117</v>
      </c>
      <c r="D3226" s="6" t="s">
        <v>1334</v>
      </c>
      <c r="E3226" s="6">
        <v>76001</v>
      </c>
      <c r="F3226" s="6" t="s">
        <v>18</v>
      </c>
      <c r="G3226" s="6" t="s">
        <v>6634</v>
      </c>
      <c r="H3226" s="6" t="s">
        <v>6635</v>
      </c>
      <c r="I3226" s="7">
        <v>3.4201421999999999</v>
      </c>
      <c r="J3226" s="8">
        <v>-76.506526800000003</v>
      </c>
    </row>
    <row r="3227" spans="1:10" x14ac:dyDescent="0.35">
      <c r="A3227" s="5" t="s">
        <v>10</v>
      </c>
      <c r="B3227" s="6">
        <v>234684</v>
      </c>
      <c r="C3227" s="6" t="s">
        <v>117</v>
      </c>
      <c r="D3227" s="6" t="s">
        <v>3686</v>
      </c>
      <c r="E3227" s="6">
        <v>76111</v>
      </c>
      <c r="F3227" s="6" t="s">
        <v>18</v>
      </c>
      <c r="G3227" s="6" t="s">
        <v>6636</v>
      </c>
      <c r="H3227" s="6" t="s">
        <v>6637</v>
      </c>
      <c r="I3227" s="7">
        <v>3.917306</v>
      </c>
      <c r="J3227" s="8">
        <v>-76.296730600000004</v>
      </c>
    </row>
    <row r="3228" spans="1:10" x14ac:dyDescent="0.35">
      <c r="A3228" s="5" t="s">
        <v>10</v>
      </c>
      <c r="B3228" s="6">
        <v>185425</v>
      </c>
      <c r="C3228" s="6" t="s">
        <v>302</v>
      </c>
      <c r="D3228" s="6" t="s">
        <v>359</v>
      </c>
      <c r="E3228" s="6">
        <v>8001</v>
      </c>
      <c r="F3228" s="6" t="s">
        <v>18</v>
      </c>
      <c r="G3228" s="6" t="s">
        <v>6638</v>
      </c>
      <c r="H3228" s="6" t="s">
        <v>6639</v>
      </c>
      <c r="I3228" s="7">
        <v>10.9455987</v>
      </c>
      <c r="J3228" s="8">
        <v>-74.788940799999907</v>
      </c>
    </row>
    <row r="3229" spans="1:10" x14ac:dyDescent="0.35">
      <c r="A3229" s="5" t="s">
        <v>10</v>
      </c>
      <c r="B3229" s="6">
        <v>232306</v>
      </c>
      <c r="C3229" s="6" t="s">
        <v>68</v>
      </c>
      <c r="D3229" s="6" t="s">
        <v>69</v>
      </c>
      <c r="E3229" s="6">
        <v>11001</v>
      </c>
      <c r="F3229" s="6" t="s">
        <v>18</v>
      </c>
      <c r="G3229" s="6" t="s">
        <v>6640</v>
      </c>
      <c r="H3229" s="6" t="s">
        <v>6641</v>
      </c>
      <c r="I3229" s="7">
        <v>4.7479060999999998</v>
      </c>
      <c r="J3229" s="8">
        <v>-74.1144891</v>
      </c>
    </row>
    <row r="3230" spans="1:10" x14ac:dyDescent="0.35">
      <c r="A3230" s="5" t="s">
        <v>10</v>
      </c>
      <c r="B3230" s="6">
        <v>245992</v>
      </c>
      <c r="C3230" s="6" t="s">
        <v>68</v>
      </c>
      <c r="D3230" s="6" t="s">
        <v>69</v>
      </c>
      <c r="E3230" s="6">
        <v>11001</v>
      </c>
      <c r="F3230" s="6" t="s">
        <v>18</v>
      </c>
      <c r="G3230" s="6" t="s">
        <v>6642</v>
      </c>
      <c r="H3230" s="6" t="s">
        <v>6643</v>
      </c>
      <c r="I3230" s="7">
        <v>4.5763782859454096</v>
      </c>
      <c r="J3230" s="8">
        <v>-74.1252242456939</v>
      </c>
    </row>
    <row r="3231" spans="1:10" x14ac:dyDescent="0.35">
      <c r="A3231" s="5" t="s">
        <v>10</v>
      </c>
      <c r="B3231" s="6">
        <v>213635</v>
      </c>
      <c r="C3231" s="6" t="s">
        <v>11</v>
      </c>
      <c r="D3231" s="6" t="s">
        <v>334</v>
      </c>
      <c r="E3231" s="6">
        <v>25754</v>
      </c>
      <c r="F3231" s="6" t="s">
        <v>18</v>
      </c>
      <c r="G3231" s="6" t="s">
        <v>6644</v>
      </c>
      <c r="H3231" s="6" t="s">
        <v>6645</v>
      </c>
      <c r="I3231" s="7">
        <v>4.5826121000000004</v>
      </c>
      <c r="J3231" s="8">
        <v>-74.224193099999994</v>
      </c>
    </row>
    <row r="3232" spans="1:10" x14ac:dyDescent="0.35">
      <c r="A3232" s="5" t="s">
        <v>10</v>
      </c>
      <c r="B3232" s="6">
        <v>229744</v>
      </c>
      <c r="C3232" s="6" t="s">
        <v>16</v>
      </c>
      <c r="D3232" s="6" t="s">
        <v>78</v>
      </c>
      <c r="E3232" s="6">
        <v>68001</v>
      </c>
      <c r="F3232" s="6" t="s">
        <v>18</v>
      </c>
      <c r="G3232" s="6" t="s">
        <v>6646</v>
      </c>
      <c r="H3232" s="6" t="s">
        <v>6647</v>
      </c>
      <c r="I3232" s="7">
        <v>7.1140606000000002</v>
      </c>
      <c r="J3232" s="8">
        <v>-73.110035400000001</v>
      </c>
    </row>
    <row r="3233" spans="1:10" x14ac:dyDescent="0.35">
      <c r="A3233" s="5" t="s">
        <v>10</v>
      </c>
      <c r="B3233" s="6">
        <v>201549</v>
      </c>
      <c r="C3233" s="6" t="s">
        <v>294</v>
      </c>
      <c r="D3233" s="6" t="s">
        <v>703</v>
      </c>
      <c r="E3233" s="6">
        <v>41001</v>
      </c>
      <c r="F3233" s="6" t="s">
        <v>18</v>
      </c>
      <c r="G3233" s="6" t="s">
        <v>6648</v>
      </c>
      <c r="H3233" s="6" t="s">
        <v>6649</v>
      </c>
      <c r="I3233" s="7">
        <v>2.9344836999999999</v>
      </c>
      <c r="J3233" s="8">
        <v>-75.280900099999997</v>
      </c>
    </row>
    <row r="3234" spans="1:10" x14ac:dyDescent="0.35">
      <c r="A3234" s="5" t="s">
        <v>10</v>
      </c>
      <c r="B3234" s="6">
        <v>238689</v>
      </c>
      <c r="C3234" s="6" t="s">
        <v>11</v>
      </c>
      <c r="D3234" s="6" t="s">
        <v>156</v>
      </c>
      <c r="E3234" s="6">
        <v>25815</v>
      </c>
      <c r="F3234" s="6" t="s">
        <v>18</v>
      </c>
      <c r="G3234" s="6" t="s">
        <v>6650</v>
      </c>
      <c r="H3234" s="6" t="s">
        <v>6651</v>
      </c>
      <c r="I3234" s="7">
        <v>4.4603729999999997</v>
      </c>
      <c r="J3234" s="8">
        <v>-74.663464000000005</v>
      </c>
    </row>
    <row r="3235" spans="1:10" x14ac:dyDescent="0.35">
      <c r="A3235" s="5" t="s">
        <v>10</v>
      </c>
      <c r="B3235" s="6">
        <v>206636</v>
      </c>
      <c r="C3235" s="6" t="s">
        <v>11</v>
      </c>
      <c r="D3235" s="6" t="s">
        <v>337</v>
      </c>
      <c r="E3235" s="6">
        <v>25290</v>
      </c>
      <c r="F3235" s="6" t="s">
        <v>18</v>
      </c>
      <c r="G3235" s="6" t="s">
        <v>6652</v>
      </c>
      <c r="H3235" s="6" t="s">
        <v>6653</v>
      </c>
      <c r="I3235" s="7">
        <v>4.3280193000000002</v>
      </c>
      <c r="J3235" s="8">
        <v>-74.399127300000004</v>
      </c>
    </row>
    <row r="3236" spans="1:10" x14ac:dyDescent="0.35">
      <c r="A3236" s="5" t="s">
        <v>10</v>
      </c>
      <c r="B3236" s="6">
        <v>220513</v>
      </c>
      <c r="C3236" s="6" t="s">
        <v>117</v>
      </c>
      <c r="D3236" s="6" t="s">
        <v>3860</v>
      </c>
      <c r="E3236" s="6">
        <v>76130</v>
      </c>
      <c r="F3236" s="6" t="s">
        <v>18</v>
      </c>
      <c r="G3236" s="6" t="s">
        <v>6654</v>
      </c>
      <c r="H3236" s="6" t="s">
        <v>6655</v>
      </c>
      <c r="I3236" s="7">
        <v>3.4228554</v>
      </c>
      <c r="J3236" s="8">
        <v>-76.492040000000003</v>
      </c>
    </row>
    <row r="3237" spans="1:10" x14ac:dyDescent="0.35">
      <c r="A3237" s="5" t="s">
        <v>10</v>
      </c>
      <c r="B3237" s="6">
        <v>226789</v>
      </c>
      <c r="C3237" s="6" t="s">
        <v>68</v>
      </c>
      <c r="D3237" s="6" t="s">
        <v>69</v>
      </c>
      <c r="E3237" s="6">
        <v>11001</v>
      </c>
      <c r="F3237" s="6" t="s">
        <v>18</v>
      </c>
      <c r="G3237" s="6" t="s">
        <v>6656</v>
      </c>
      <c r="H3237" s="6" t="s">
        <v>6657</v>
      </c>
      <c r="I3237" s="7">
        <v>4.5670288000000001</v>
      </c>
      <c r="J3237" s="8">
        <v>-74.131336500000003</v>
      </c>
    </row>
    <row r="3238" spans="1:10" x14ac:dyDescent="0.35">
      <c r="A3238" s="5" t="s">
        <v>10</v>
      </c>
      <c r="B3238" s="6">
        <v>226252</v>
      </c>
      <c r="C3238" s="6" t="s">
        <v>117</v>
      </c>
      <c r="D3238" s="6" t="s">
        <v>1334</v>
      </c>
      <c r="E3238" s="6">
        <v>76001</v>
      </c>
      <c r="F3238" s="6" t="s">
        <v>13</v>
      </c>
      <c r="G3238" s="6" t="s">
        <v>3737</v>
      </c>
      <c r="H3238" s="6" t="s">
        <v>6658</v>
      </c>
      <c r="I3238" s="7">
        <v>3.4263267000000002</v>
      </c>
      <c r="J3238" s="8">
        <v>-76.528365199999996</v>
      </c>
    </row>
    <row r="3239" spans="1:10" x14ac:dyDescent="0.35">
      <c r="A3239" s="5" t="s">
        <v>10</v>
      </c>
      <c r="B3239" s="6">
        <v>239217</v>
      </c>
      <c r="C3239" s="6" t="s">
        <v>68</v>
      </c>
      <c r="D3239" s="6" t="s">
        <v>69</v>
      </c>
      <c r="E3239" s="6">
        <v>11001</v>
      </c>
      <c r="F3239" s="6" t="s">
        <v>2161</v>
      </c>
      <c r="G3239" s="6" t="s">
        <v>6659</v>
      </c>
      <c r="H3239" s="6" t="s">
        <v>6660</v>
      </c>
      <c r="I3239" s="7">
        <v>4.6042114999999999</v>
      </c>
      <c r="J3239" s="8">
        <v>-74.065744100000003</v>
      </c>
    </row>
    <row r="3240" spans="1:10" x14ac:dyDescent="0.35">
      <c r="A3240" s="5" t="s">
        <v>10</v>
      </c>
      <c r="B3240" s="6">
        <v>235177</v>
      </c>
      <c r="C3240" s="6" t="s">
        <v>16</v>
      </c>
      <c r="D3240" s="6" t="s">
        <v>1401</v>
      </c>
      <c r="E3240" s="6">
        <v>68307</v>
      </c>
      <c r="F3240" s="6" t="s">
        <v>18</v>
      </c>
      <c r="G3240" s="6" t="s">
        <v>6661</v>
      </c>
      <c r="H3240" s="6" t="s">
        <v>6662</v>
      </c>
      <c r="I3240" s="7">
        <v>7.0498707999999999</v>
      </c>
      <c r="J3240" s="8">
        <v>-73.168351999999999</v>
      </c>
    </row>
    <row r="3241" spans="1:10" x14ac:dyDescent="0.35">
      <c r="A3241" s="5" t="s">
        <v>10</v>
      </c>
      <c r="B3241" s="6">
        <v>240210</v>
      </c>
      <c r="C3241" s="6" t="s">
        <v>16</v>
      </c>
      <c r="D3241" s="6" t="s">
        <v>78</v>
      </c>
      <c r="E3241" s="6">
        <v>68001</v>
      </c>
      <c r="F3241" s="6" t="s">
        <v>18</v>
      </c>
      <c r="G3241" s="6" t="s">
        <v>6663</v>
      </c>
      <c r="H3241" s="6" t="s">
        <v>6664</v>
      </c>
      <c r="I3241" s="7">
        <v>7.1193489999999997</v>
      </c>
      <c r="J3241" s="8">
        <v>-73.122741599999998</v>
      </c>
    </row>
    <row r="3242" spans="1:10" x14ac:dyDescent="0.35">
      <c r="A3242" s="5" t="s">
        <v>10</v>
      </c>
      <c r="B3242" s="6">
        <v>141535</v>
      </c>
      <c r="C3242" s="6" t="s">
        <v>551</v>
      </c>
      <c r="D3242" s="6" t="s">
        <v>977</v>
      </c>
      <c r="E3242" s="6">
        <v>20011</v>
      </c>
      <c r="F3242" s="6" t="s">
        <v>18</v>
      </c>
      <c r="G3242" s="6" t="s">
        <v>6665</v>
      </c>
      <c r="H3242" s="6" t="s">
        <v>6666</v>
      </c>
      <c r="I3242" s="7">
        <v>8.3097458999999994</v>
      </c>
      <c r="J3242" s="8">
        <v>-73.614487099999906</v>
      </c>
    </row>
    <row r="3243" spans="1:10" x14ac:dyDescent="0.35">
      <c r="A3243" s="5" t="s">
        <v>10</v>
      </c>
      <c r="B3243" s="6">
        <v>247491</v>
      </c>
      <c r="C3243" s="6" t="s">
        <v>11</v>
      </c>
      <c r="D3243" s="6" t="s">
        <v>6667</v>
      </c>
      <c r="E3243" s="6">
        <v>25295</v>
      </c>
      <c r="F3243" s="6" t="s">
        <v>18</v>
      </c>
      <c r="G3243" s="6" t="s">
        <v>6668</v>
      </c>
      <c r="H3243" s="6" t="s">
        <v>6669</v>
      </c>
      <c r="I3243" s="7">
        <v>4.5827828000000004</v>
      </c>
      <c r="J3243" s="8">
        <v>-74.211776999999998</v>
      </c>
    </row>
    <row r="3244" spans="1:10" x14ac:dyDescent="0.35">
      <c r="A3244" s="5" t="s">
        <v>10</v>
      </c>
      <c r="B3244" s="6">
        <v>228275</v>
      </c>
      <c r="C3244" s="6" t="s">
        <v>11</v>
      </c>
      <c r="D3244" s="6" t="s">
        <v>334</v>
      </c>
      <c r="E3244" s="6">
        <v>25754</v>
      </c>
      <c r="F3244" s="6" t="s">
        <v>18</v>
      </c>
      <c r="G3244" s="6" t="s">
        <v>6670</v>
      </c>
      <c r="H3244" s="6" t="s">
        <v>6671</v>
      </c>
      <c r="I3244" s="7">
        <v>4.5923004999999897</v>
      </c>
      <c r="J3244" s="8">
        <v>-74.199103800000003</v>
      </c>
    </row>
    <row r="3245" spans="1:10" x14ac:dyDescent="0.35">
      <c r="A3245" s="5" t="s">
        <v>10</v>
      </c>
      <c r="B3245" s="6">
        <v>245394</v>
      </c>
      <c r="C3245" s="6" t="s">
        <v>68</v>
      </c>
      <c r="D3245" s="6" t="s">
        <v>69</v>
      </c>
      <c r="E3245" s="6">
        <v>11001</v>
      </c>
      <c r="F3245" s="6" t="s">
        <v>18</v>
      </c>
      <c r="G3245" s="6" t="s">
        <v>6672</v>
      </c>
      <c r="H3245" s="6" t="s">
        <v>6673</v>
      </c>
      <c r="I3245" s="7">
        <v>4.5207198999999996</v>
      </c>
      <c r="J3245" s="8">
        <v>-74.087822900000006</v>
      </c>
    </row>
    <row r="3246" spans="1:10" x14ac:dyDescent="0.35">
      <c r="A3246" s="5" t="s">
        <v>10</v>
      </c>
      <c r="B3246" s="6">
        <v>238007</v>
      </c>
      <c r="C3246" s="6" t="s">
        <v>68</v>
      </c>
      <c r="D3246" s="6" t="s">
        <v>69</v>
      </c>
      <c r="E3246" s="6">
        <v>11001</v>
      </c>
      <c r="F3246" s="6" t="s">
        <v>18</v>
      </c>
      <c r="G3246" s="6" t="s">
        <v>6674</v>
      </c>
      <c r="H3246" s="6" t="s">
        <v>6675</v>
      </c>
      <c r="I3246" s="7">
        <v>4.5496596</v>
      </c>
      <c r="J3246" s="8">
        <v>-74.108795200000003</v>
      </c>
    </row>
    <row r="3247" spans="1:10" x14ac:dyDescent="0.35">
      <c r="A3247" s="5" t="s">
        <v>10</v>
      </c>
      <c r="B3247" s="6">
        <v>238454</v>
      </c>
      <c r="C3247" s="6" t="s">
        <v>278</v>
      </c>
      <c r="D3247" s="6" t="s">
        <v>279</v>
      </c>
      <c r="E3247" s="6">
        <v>50001</v>
      </c>
      <c r="F3247" s="6" t="s">
        <v>18</v>
      </c>
      <c r="G3247" s="6" t="s">
        <v>6676</v>
      </c>
      <c r="H3247" s="6" t="s">
        <v>6677</v>
      </c>
      <c r="I3247" s="7">
        <v>4.1356260000000002</v>
      </c>
      <c r="J3247" s="8">
        <v>-73.618296900000004</v>
      </c>
    </row>
    <row r="3248" spans="1:10" x14ac:dyDescent="0.35">
      <c r="A3248" s="5" t="s">
        <v>10</v>
      </c>
      <c r="B3248" s="6">
        <v>237830</v>
      </c>
      <c r="C3248" s="6" t="s">
        <v>294</v>
      </c>
      <c r="D3248" s="6" t="s">
        <v>447</v>
      </c>
      <c r="E3248" s="6">
        <v>41551</v>
      </c>
      <c r="F3248" s="6" t="s">
        <v>18</v>
      </c>
      <c r="G3248" s="6" t="s">
        <v>6678</v>
      </c>
      <c r="H3248" s="6" t="s">
        <v>6679</v>
      </c>
      <c r="I3248" s="7">
        <v>1.8563308999999999</v>
      </c>
      <c r="J3248" s="8">
        <v>-76.046161100000006</v>
      </c>
    </row>
    <row r="3249" spans="1:10" x14ac:dyDescent="0.35">
      <c r="A3249" s="5" t="s">
        <v>10</v>
      </c>
      <c r="B3249" s="6">
        <v>236238</v>
      </c>
      <c r="C3249" s="6" t="s">
        <v>11</v>
      </c>
      <c r="D3249" s="6" t="s">
        <v>407</v>
      </c>
      <c r="E3249" s="6">
        <v>25126</v>
      </c>
      <c r="F3249" s="6" t="s">
        <v>18</v>
      </c>
      <c r="G3249" s="6" t="s">
        <v>6680</v>
      </c>
      <c r="H3249" s="6" t="s">
        <v>6681</v>
      </c>
      <c r="I3249" s="7">
        <v>4.9181694</v>
      </c>
      <c r="J3249" s="8">
        <v>-74.015672199999997</v>
      </c>
    </row>
    <row r="3250" spans="1:10" x14ac:dyDescent="0.35">
      <c r="A3250" s="5" t="s">
        <v>10</v>
      </c>
      <c r="B3250" s="6">
        <v>129777</v>
      </c>
      <c r="C3250" s="6" t="s">
        <v>11</v>
      </c>
      <c r="D3250" s="6" t="s">
        <v>5209</v>
      </c>
      <c r="E3250" s="6">
        <v>25297</v>
      </c>
      <c r="F3250" s="6" t="s">
        <v>18</v>
      </c>
      <c r="G3250" s="6" t="s">
        <v>6682</v>
      </c>
      <c r="H3250" s="6" t="s">
        <v>6683</v>
      </c>
      <c r="I3250" s="7">
        <v>4.8757446</v>
      </c>
      <c r="J3250" s="8">
        <v>-73.630072900000002</v>
      </c>
    </row>
    <row r="3251" spans="1:10" x14ac:dyDescent="0.35">
      <c r="A3251" s="5" t="s">
        <v>10</v>
      </c>
      <c r="B3251" s="6">
        <v>229549</v>
      </c>
      <c r="C3251" s="6" t="s">
        <v>117</v>
      </c>
      <c r="D3251" s="6" t="s">
        <v>1334</v>
      </c>
      <c r="E3251" s="6">
        <v>76001</v>
      </c>
      <c r="F3251" s="6" t="s">
        <v>18</v>
      </c>
      <c r="G3251" s="6" t="s">
        <v>6684</v>
      </c>
      <c r="H3251" s="6" t="s">
        <v>6685</v>
      </c>
      <c r="I3251" s="7">
        <v>3.4806382999999999</v>
      </c>
      <c r="J3251" s="8">
        <v>-76.498305900000005</v>
      </c>
    </row>
    <row r="3252" spans="1:10" x14ac:dyDescent="0.35">
      <c r="A3252" s="5" t="s">
        <v>10</v>
      </c>
      <c r="B3252" s="6">
        <v>232316</v>
      </c>
      <c r="C3252" s="6" t="s">
        <v>68</v>
      </c>
      <c r="D3252" s="6" t="s">
        <v>69</v>
      </c>
      <c r="E3252" s="6">
        <v>11001</v>
      </c>
      <c r="F3252" s="6" t="s">
        <v>18</v>
      </c>
      <c r="G3252" s="6" t="s">
        <v>6686</v>
      </c>
      <c r="H3252" s="6" t="s">
        <v>6687</v>
      </c>
      <c r="I3252" s="7">
        <v>4.655608</v>
      </c>
      <c r="J3252" s="8">
        <v>-74.136362000000005</v>
      </c>
    </row>
    <row r="3253" spans="1:10" x14ac:dyDescent="0.35">
      <c r="A3253" s="5" t="s">
        <v>10</v>
      </c>
      <c r="B3253" s="6">
        <v>219355</v>
      </c>
      <c r="C3253" s="6" t="s">
        <v>68</v>
      </c>
      <c r="D3253" s="6" t="s">
        <v>69</v>
      </c>
      <c r="E3253" s="6">
        <v>11001</v>
      </c>
      <c r="F3253" s="6" t="s">
        <v>18</v>
      </c>
      <c r="G3253" s="6" t="s">
        <v>6688</v>
      </c>
      <c r="H3253" s="6" t="s">
        <v>6689</v>
      </c>
      <c r="I3253" s="7">
        <v>4.6004353999999896</v>
      </c>
      <c r="J3253" s="8">
        <v>-74.081570399999904</v>
      </c>
    </row>
    <row r="3254" spans="1:10" x14ac:dyDescent="0.35">
      <c r="A3254" s="5" t="s">
        <v>10</v>
      </c>
      <c r="B3254" s="6">
        <v>233332</v>
      </c>
      <c r="C3254" s="6" t="s">
        <v>68</v>
      </c>
      <c r="D3254" s="6" t="s">
        <v>69</v>
      </c>
      <c r="E3254" s="6">
        <v>11001</v>
      </c>
      <c r="F3254" s="6" t="s">
        <v>18</v>
      </c>
      <c r="G3254" s="6" t="s">
        <v>6690</v>
      </c>
      <c r="H3254" s="6" t="s">
        <v>6691</v>
      </c>
      <c r="I3254" s="7">
        <v>4.7354200000000004</v>
      </c>
      <c r="J3254" s="8">
        <v>-74.097080000000005</v>
      </c>
    </row>
    <row r="3255" spans="1:10" x14ac:dyDescent="0.35">
      <c r="A3255" s="5" t="s">
        <v>10</v>
      </c>
      <c r="B3255" s="6">
        <v>237833</v>
      </c>
      <c r="C3255" s="6" t="s">
        <v>68</v>
      </c>
      <c r="D3255" s="6" t="s">
        <v>69</v>
      </c>
      <c r="E3255" s="6">
        <v>11001</v>
      </c>
      <c r="F3255" s="6" t="s">
        <v>18</v>
      </c>
      <c r="G3255" s="6" t="s">
        <v>6692</v>
      </c>
      <c r="H3255" s="6" t="s">
        <v>6693</v>
      </c>
      <c r="I3255" s="7">
        <v>4.5899532000000001</v>
      </c>
      <c r="J3255" s="8">
        <v>-74.076757999999998</v>
      </c>
    </row>
    <row r="3256" spans="1:10" x14ac:dyDescent="0.35">
      <c r="A3256" s="5" t="s">
        <v>10</v>
      </c>
      <c r="B3256" s="6">
        <v>234834</v>
      </c>
      <c r="C3256" s="6" t="s">
        <v>68</v>
      </c>
      <c r="D3256" s="6" t="s">
        <v>69</v>
      </c>
      <c r="E3256" s="6">
        <v>11001</v>
      </c>
      <c r="F3256" s="6" t="s">
        <v>18</v>
      </c>
      <c r="G3256" s="6" t="s">
        <v>6694</v>
      </c>
      <c r="H3256" s="6" t="s">
        <v>6695</v>
      </c>
      <c r="I3256" s="7">
        <v>4.5126018999999999</v>
      </c>
      <c r="J3256" s="8">
        <v>-74.114506399999996</v>
      </c>
    </row>
    <row r="3257" spans="1:10" x14ac:dyDescent="0.35">
      <c r="A3257" s="5" t="s">
        <v>10</v>
      </c>
      <c r="B3257" s="6">
        <v>226340</v>
      </c>
      <c r="C3257" s="6" t="s">
        <v>109</v>
      </c>
      <c r="D3257" s="6" t="s">
        <v>227</v>
      </c>
      <c r="E3257" s="6">
        <v>13001</v>
      </c>
      <c r="F3257" s="6" t="s">
        <v>13</v>
      </c>
      <c r="G3257" s="6" t="s">
        <v>3737</v>
      </c>
      <c r="H3257" s="6" t="s">
        <v>6696</v>
      </c>
      <c r="I3257" s="7">
        <v>10.393227700000001</v>
      </c>
      <c r="J3257" s="8">
        <v>-75.483231099999998</v>
      </c>
    </row>
    <row r="3258" spans="1:10" x14ac:dyDescent="0.35">
      <c r="A3258" s="5" t="s">
        <v>10</v>
      </c>
      <c r="B3258" s="6">
        <v>198608</v>
      </c>
      <c r="C3258" s="6" t="s">
        <v>278</v>
      </c>
      <c r="D3258" s="6" t="s">
        <v>279</v>
      </c>
      <c r="E3258" s="6">
        <v>50001</v>
      </c>
      <c r="F3258" s="6" t="s">
        <v>18</v>
      </c>
      <c r="G3258" s="6" t="s">
        <v>6697</v>
      </c>
      <c r="H3258" s="6" t="s">
        <v>6698</v>
      </c>
      <c r="I3258" s="7">
        <v>4.1519366999999896</v>
      </c>
      <c r="J3258" s="8">
        <v>-73.601761600000003</v>
      </c>
    </row>
    <row r="3259" spans="1:10" x14ac:dyDescent="0.35">
      <c r="A3259" s="5" t="s">
        <v>10</v>
      </c>
      <c r="B3259" s="6">
        <v>203669</v>
      </c>
      <c r="C3259" s="6" t="s">
        <v>294</v>
      </c>
      <c r="D3259" s="6" t="s">
        <v>447</v>
      </c>
      <c r="E3259" s="6">
        <v>41551</v>
      </c>
      <c r="F3259" s="6" t="s">
        <v>18</v>
      </c>
      <c r="G3259" s="6" t="s">
        <v>6699</v>
      </c>
      <c r="H3259" s="6" t="s">
        <v>6700</v>
      </c>
      <c r="I3259" s="7">
        <v>1.8427156</v>
      </c>
      <c r="J3259" s="8">
        <v>-76.0456042</v>
      </c>
    </row>
    <row r="3260" spans="1:10" x14ac:dyDescent="0.35">
      <c r="A3260" s="5" t="s">
        <v>10</v>
      </c>
      <c r="B3260" s="6">
        <v>245354</v>
      </c>
      <c r="C3260" s="6" t="s">
        <v>11</v>
      </c>
      <c r="D3260" s="6" t="s">
        <v>221</v>
      </c>
      <c r="E3260" s="6">
        <v>25430</v>
      </c>
      <c r="F3260" s="6" t="s">
        <v>18</v>
      </c>
      <c r="G3260" s="6" t="s">
        <v>855</v>
      </c>
      <c r="H3260" s="6" t="s">
        <v>6701</v>
      </c>
      <c r="I3260" s="7">
        <v>4.7520518000000003</v>
      </c>
      <c r="J3260" s="8">
        <v>-74.086008000000007</v>
      </c>
    </row>
    <row r="3261" spans="1:10" x14ac:dyDescent="0.35">
      <c r="A3261" s="5" t="s">
        <v>10</v>
      </c>
      <c r="B3261" s="6">
        <v>222390</v>
      </c>
      <c r="C3261" s="6" t="s">
        <v>11</v>
      </c>
      <c r="D3261" s="6" t="s">
        <v>4661</v>
      </c>
      <c r="E3261" s="6">
        <v>25662</v>
      </c>
      <c r="F3261" s="6" t="s">
        <v>18</v>
      </c>
      <c r="G3261" s="6" t="s">
        <v>6702</v>
      </c>
      <c r="H3261" s="6" t="s">
        <v>6703</v>
      </c>
      <c r="I3261" s="7">
        <v>4.8468909999999896</v>
      </c>
      <c r="J3261" s="8">
        <v>-74.622303000000002</v>
      </c>
    </row>
    <row r="3262" spans="1:10" x14ac:dyDescent="0.35">
      <c r="A3262" s="5" t="s">
        <v>10</v>
      </c>
      <c r="B3262" s="6">
        <v>227725</v>
      </c>
      <c r="C3262" s="6" t="s">
        <v>11</v>
      </c>
      <c r="D3262" s="6" t="s">
        <v>334</v>
      </c>
      <c r="E3262" s="6">
        <v>25754</v>
      </c>
      <c r="F3262" s="6" t="s">
        <v>18</v>
      </c>
      <c r="G3262" s="6" t="s">
        <v>6704</v>
      </c>
      <c r="H3262" s="6" t="s">
        <v>6705</v>
      </c>
      <c r="I3262" s="7">
        <v>4.5843527000000002</v>
      </c>
      <c r="J3262" s="8">
        <v>-74.185887699999995</v>
      </c>
    </row>
    <row r="3263" spans="1:10" x14ac:dyDescent="0.35">
      <c r="A3263" s="5" t="s">
        <v>10</v>
      </c>
      <c r="B3263" s="6">
        <v>223191</v>
      </c>
      <c r="C3263" s="6" t="s">
        <v>11</v>
      </c>
      <c r="D3263" s="6" t="s">
        <v>221</v>
      </c>
      <c r="E3263" s="6">
        <v>25430</v>
      </c>
      <c r="F3263" s="6" t="s">
        <v>18</v>
      </c>
      <c r="G3263" s="6" t="s">
        <v>6706</v>
      </c>
      <c r="H3263" s="6" t="s">
        <v>6707</v>
      </c>
      <c r="I3263" s="7">
        <v>4.7335374999999997</v>
      </c>
      <c r="J3263" s="8">
        <v>-74.262411499999999</v>
      </c>
    </row>
    <row r="3264" spans="1:10" x14ac:dyDescent="0.35">
      <c r="A3264" s="5" t="s">
        <v>10</v>
      </c>
      <c r="B3264" s="6">
        <v>226293</v>
      </c>
      <c r="C3264" s="6" t="s">
        <v>68</v>
      </c>
      <c r="D3264" s="6" t="s">
        <v>69</v>
      </c>
      <c r="E3264" s="6">
        <v>11001</v>
      </c>
      <c r="F3264" s="6" t="s">
        <v>13</v>
      </c>
      <c r="G3264" s="6" t="s">
        <v>3737</v>
      </c>
      <c r="H3264" s="6" t="s">
        <v>6708</v>
      </c>
      <c r="I3264" s="7">
        <v>4.7688644</v>
      </c>
      <c r="J3264" s="8">
        <v>-74.043840900000006</v>
      </c>
    </row>
    <row r="3265" spans="1:10" x14ac:dyDescent="0.35">
      <c r="A3265" s="5" t="s">
        <v>10</v>
      </c>
      <c r="B3265" s="6">
        <v>217478</v>
      </c>
      <c r="C3265" s="6" t="s">
        <v>551</v>
      </c>
      <c r="D3265" s="6" t="s">
        <v>3868</v>
      </c>
      <c r="E3265" s="6">
        <v>20001</v>
      </c>
      <c r="F3265" s="6" t="s">
        <v>18</v>
      </c>
      <c r="G3265" s="6" t="s">
        <v>6709</v>
      </c>
      <c r="H3265" s="6" t="s">
        <v>6710</v>
      </c>
      <c r="I3265" s="7">
        <v>10.472773800000001</v>
      </c>
      <c r="J3265" s="8">
        <v>-73.246245799999997</v>
      </c>
    </row>
    <row r="3266" spans="1:10" x14ac:dyDescent="0.35">
      <c r="A3266" s="5" t="s">
        <v>10</v>
      </c>
      <c r="B3266" s="6">
        <v>234611</v>
      </c>
      <c r="C3266" s="6" t="s">
        <v>278</v>
      </c>
      <c r="D3266" s="6" t="s">
        <v>279</v>
      </c>
      <c r="E3266" s="6">
        <v>50001</v>
      </c>
      <c r="F3266" s="6" t="s">
        <v>18</v>
      </c>
      <c r="G3266" s="6" t="s">
        <v>6711</v>
      </c>
      <c r="H3266" s="6" t="s">
        <v>6712</v>
      </c>
      <c r="I3266" s="7">
        <v>4.1599525000000002</v>
      </c>
      <c r="J3266" s="8">
        <v>-73.654290500000002</v>
      </c>
    </row>
    <row r="3267" spans="1:10" x14ac:dyDescent="0.35">
      <c r="A3267" s="5" t="s">
        <v>10</v>
      </c>
      <c r="B3267" s="6">
        <v>209959</v>
      </c>
      <c r="C3267" s="6" t="s">
        <v>278</v>
      </c>
      <c r="D3267" s="6" t="s">
        <v>279</v>
      </c>
      <c r="E3267" s="6">
        <v>50001</v>
      </c>
      <c r="F3267" s="6" t="s">
        <v>18</v>
      </c>
      <c r="G3267" s="6" t="s">
        <v>6713</v>
      </c>
      <c r="H3267" s="6" t="s">
        <v>6714</v>
      </c>
      <c r="I3267" s="7">
        <v>4.1348777999999999</v>
      </c>
      <c r="J3267" s="8">
        <v>-73.629172499999996</v>
      </c>
    </row>
    <row r="3268" spans="1:10" x14ac:dyDescent="0.35">
      <c r="A3268" s="5" t="s">
        <v>10</v>
      </c>
      <c r="B3268" s="6">
        <v>167401</v>
      </c>
      <c r="C3268" s="6" t="s">
        <v>11</v>
      </c>
      <c r="D3268" s="6" t="s">
        <v>901</v>
      </c>
      <c r="E3268" s="6">
        <v>25307</v>
      </c>
      <c r="F3268" s="6" t="s">
        <v>18</v>
      </c>
      <c r="G3268" s="6" t="s">
        <v>6715</v>
      </c>
      <c r="H3268" s="6" t="s">
        <v>6716</v>
      </c>
      <c r="I3268" s="7">
        <v>4.3045958999999998</v>
      </c>
      <c r="J3268" s="8">
        <v>-74.803141400000001</v>
      </c>
    </row>
    <row r="3269" spans="1:10" x14ac:dyDescent="0.35">
      <c r="A3269" s="5" t="s">
        <v>10</v>
      </c>
      <c r="B3269" s="6">
        <v>247566</v>
      </c>
      <c r="C3269" s="6" t="s">
        <v>11</v>
      </c>
      <c r="D3269" s="6" t="s">
        <v>736</v>
      </c>
      <c r="E3269" s="6">
        <v>25281</v>
      </c>
      <c r="F3269" s="6" t="s">
        <v>18</v>
      </c>
      <c r="G3269" s="6" t="s">
        <v>6717</v>
      </c>
      <c r="H3269" s="6" t="s">
        <v>6718</v>
      </c>
      <c r="I3269" s="7">
        <v>4.3386237999999997</v>
      </c>
      <c r="J3269" s="8">
        <v>-73.9392043</v>
      </c>
    </row>
    <row r="3270" spans="1:10" x14ac:dyDescent="0.35">
      <c r="A3270" s="5" t="s">
        <v>10</v>
      </c>
      <c r="B3270" s="6">
        <v>236035</v>
      </c>
      <c r="C3270" s="6" t="s">
        <v>68</v>
      </c>
      <c r="D3270" s="6" t="s">
        <v>69</v>
      </c>
      <c r="E3270" s="6">
        <v>11001</v>
      </c>
      <c r="F3270" s="6" t="s">
        <v>18</v>
      </c>
      <c r="G3270" s="6" t="s">
        <v>3842</v>
      </c>
      <c r="H3270" s="6" t="s">
        <v>6719</v>
      </c>
      <c r="I3270" s="7">
        <v>4.6248642999999996</v>
      </c>
      <c r="J3270" s="8">
        <v>-74.147520200000002</v>
      </c>
    </row>
    <row r="3271" spans="1:10" x14ac:dyDescent="0.35">
      <c r="A3271" s="5" t="s">
        <v>10</v>
      </c>
      <c r="B3271" s="6">
        <v>182415</v>
      </c>
      <c r="C3271" s="6" t="s">
        <v>11</v>
      </c>
      <c r="D3271" s="6" t="s">
        <v>334</v>
      </c>
      <c r="E3271" s="6">
        <v>25754</v>
      </c>
      <c r="F3271" s="6" t="s">
        <v>18</v>
      </c>
      <c r="G3271" s="6" t="s">
        <v>6720</v>
      </c>
      <c r="H3271" s="6" t="s">
        <v>6721</v>
      </c>
      <c r="I3271" s="7">
        <v>4.5969721999999997</v>
      </c>
      <c r="J3271" s="8">
        <v>-74.198700700000003</v>
      </c>
    </row>
    <row r="3272" spans="1:10" x14ac:dyDescent="0.35">
      <c r="A3272" s="5" t="s">
        <v>10</v>
      </c>
      <c r="B3272" s="6">
        <v>239202</v>
      </c>
      <c r="C3272" s="6" t="s">
        <v>68</v>
      </c>
      <c r="D3272" s="6" t="s">
        <v>69</v>
      </c>
      <c r="E3272" s="6">
        <v>11001</v>
      </c>
      <c r="F3272" s="6" t="s">
        <v>18</v>
      </c>
      <c r="G3272" s="6" t="s">
        <v>6722</v>
      </c>
      <c r="H3272" s="6" t="s">
        <v>6723</v>
      </c>
      <c r="I3272" s="7">
        <v>4.5567506</v>
      </c>
      <c r="J3272" s="8">
        <v>-74.110022400000005</v>
      </c>
    </row>
    <row r="3273" spans="1:10" x14ac:dyDescent="0.35">
      <c r="A3273" s="5" t="s">
        <v>10</v>
      </c>
      <c r="B3273" s="6">
        <v>226278</v>
      </c>
      <c r="C3273" s="6" t="s">
        <v>68</v>
      </c>
      <c r="D3273" s="6" t="s">
        <v>69</v>
      </c>
      <c r="E3273" s="6">
        <v>11001</v>
      </c>
      <c r="F3273" s="6" t="s">
        <v>13</v>
      </c>
      <c r="G3273" s="6" t="s">
        <v>3737</v>
      </c>
      <c r="H3273" s="6" t="s">
        <v>6724</v>
      </c>
      <c r="I3273" s="7">
        <v>4.6827081000000002</v>
      </c>
      <c r="J3273" s="8">
        <v>-74.048666900000001</v>
      </c>
    </row>
    <row r="3274" spans="1:10" x14ac:dyDescent="0.35">
      <c r="A3274" s="5" t="s">
        <v>10</v>
      </c>
      <c r="B3274" s="6">
        <v>114244</v>
      </c>
      <c r="C3274" s="6" t="s">
        <v>24</v>
      </c>
      <c r="D3274" s="6" t="s">
        <v>985</v>
      </c>
      <c r="E3274" s="6">
        <v>15224</v>
      </c>
      <c r="F3274" s="6" t="s">
        <v>18</v>
      </c>
      <c r="G3274" s="6" t="s">
        <v>6725</v>
      </c>
      <c r="H3274" s="6" t="s">
        <v>6726</v>
      </c>
      <c r="I3274" s="7">
        <v>5.5432959999999998</v>
      </c>
      <c r="J3274" s="8">
        <v>-73.454841999999999</v>
      </c>
    </row>
    <row r="3275" spans="1:10" x14ac:dyDescent="0.35">
      <c r="A3275" s="5" t="s">
        <v>10</v>
      </c>
      <c r="B3275" s="6">
        <v>202598</v>
      </c>
      <c r="C3275" s="6" t="s">
        <v>24</v>
      </c>
      <c r="D3275" s="6" t="s">
        <v>3043</v>
      </c>
      <c r="E3275" s="6">
        <v>15790</v>
      </c>
      <c r="F3275" s="6" t="s">
        <v>18</v>
      </c>
      <c r="G3275" s="6" t="s">
        <v>6727</v>
      </c>
      <c r="H3275" s="6" t="s">
        <v>6728</v>
      </c>
      <c r="I3275" s="7">
        <v>5.9093960000000001</v>
      </c>
      <c r="J3275" s="8">
        <v>-72.780810000000002</v>
      </c>
    </row>
    <row r="3276" spans="1:10" x14ac:dyDescent="0.35">
      <c r="A3276" s="5" t="s">
        <v>10</v>
      </c>
      <c r="B3276" s="6">
        <v>206413</v>
      </c>
      <c r="C3276" s="6" t="s">
        <v>24</v>
      </c>
      <c r="D3276" s="6" t="s">
        <v>137</v>
      </c>
      <c r="E3276" s="6">
        <v>15238</v>
      </c>
      <c r="F3276" s="6" t="s">
        <v>18</v>
      </c>
      <c r="G3276" s="6" t="s">
        <v>6729</v>
      </c>
      <c r="H3276" s="6" t="s">
        <v>6730</v>
      </c>
      <c r="I3276" s="7">
        <v>5.8289540999999998</v>
      </c>
      <c r="J3276" s="8">
        <v>-73.032133099999996</v>
      </c>
    </row>
    <row r="3277" spans="1:10" x14ac:dyDescent="0.35">
      <c r="A3277" s="5" t="s">
        <v>10</v>
      </c>
      <c r="B3277" s="6">
        <v>208754</v>
      </c>
      <c r="C3277" s="6" t="s">
        <v>24</v>
      </c>
      <c r="D3277" s="6" t="s">
        <v>88</v>
      </c>
      <c r="E3277" s="6">
        <v>15001</v>
      </c>
      <c r="F3277" s="6" t="s">
        <v>18</v>
      </c>
      <c r="G3277" s="6" t="s">
        <v>6731</v>
      </c>
      <c r="H3277" s="6" t="s">
        <v>6732</v>
      </c>
      <c r="I3277" s="7">
        <v>5.5256594999999997</v>
      </c>
      <c r="J3277" s="8">
        <v>-73.364915499999995</v>
      </c>
    </row>
    <row r="3278" spans="1:10" x14ac:dyDescent="0.35">
      <c r="A3278" s="5" t="s">
        <v>10</v>
      </c>
      <c r="B3278" s="6">
        <v>244913</v>
      </c>
      <c r="C3278" s="6" t="s">
        <v>16</v>
      </c>
      <c r="D3278" s="6" t="s">
        <v>78</v>
      </c>
      <c r="E3278" s="6">
        <v>68001</v>
      </c>
      <c r="F3278" s="6" t="s">
        <v>18</v>
      </c>
      <c r="G3278" s="6" t="s">
        <v>6733</v>
      </c>
      <c r="H3278" s="6" t="s">
        <v>6734</v>
      </c>
      <c r="I3278" s="7">
        <v>7.1231936999999999</v>
      </c>
      <c r="J3278" s="8">
        <v>-73.132908200000003</v>
      </c>
    </row>
    <row r="3279" spans="1:10" x14ac:dyDescent="0.35">
      <c r="A3279" s="5" t="s">
        <v>10</v>
      </c>
      <c r="B3279" s="6">
        <v>206640</v>
      </c>
      <c r="C3279" s="6" t="s">
        <v>16</v>
      </c>
      <c r="D3279" s="6" t="s">
        <v>510</v>
      </c>
      <c r="E3279" s="6">
        <v>68547</v>
      </c>
      <c r="F3279" s="6" t="s">
        <v>18</v>
      </c>
      <c r="G3279" s="6" t="s">
        <v>6735</v>
      </c>
      <c r="H3279" s="6" t="s">
        <v>6736</v>
      </c>
      <c r="I3279" s="7">
        <v>6.9769245</v>
      </c>
      <c r="J3279" s="8">
        <v>-73.053343999999996</v>
      </c>
    </row>
    <row r="3280" spans="1:10" x14ac:dyDescent="0.35">
      <c r="A3280" s="5" t="s">
        <v>10</v>
      </c>
      <c r="B3280" s="6">
        <v>201812</v>
      </c>
      <c r="C3280" s="6" t="s">
        <v>2130</v>
      </c>
      <c r="D3280" s="6" t="s">
        <v>4241</v>
      </c>
      <c r="E3280" s="6">
        <v>85430</v>
      </c>
      <c r="F3280" s="6" t="s">
        <v>18</v>
      </c>
      <c r="G3280" s="6" t="s">
        <v>6737</v>
      </c>
      <c r="H3280" s="6" t="s">
        <v>6738</v>
      </c>
      <c r="I3280" s="7">
        <v>5.4077975</v>
      </c>
      <c r="J3280" s="8">
        <v>-71.661367200000001</v>
      </c>
    </row>
    <row r="3281" spans="1:10" x14ac:dyDescent="0.35">
      <c r="A3281" s="5" t="s">
        <v>10</v>
      </c>
      <c r="B3281" s="6">
        <v>232031</v>
      </c>
      <c r="C3281" s="6" t="s">
        <v>11</v>
      </c>
      <c r="D3281" s="6" t="s">
        <v>4073</v>
      </c>
      <c r="E3281" s="6">
        <v>25740</v>
      </c>
      <c r="F3281" s="6" t="s">
        <v>18</v>
      </c>
      <c r="G3281" s="6" t="s">
        <v>6739</v>
      </c>
      <c r="H3281" s="6" t="s">
        <v>6740</v>
      </c>
      <c r="I3281" s="7">
        <v>4.4956722999999998</v>
      </c>
      <c r="J3281" s="8">
        <v>-74.258991300000005</v>
      </c>
    </row>
    <row r="3282" spans="1:10" x14ac:dyDescent="0.35">
      <c r="A3282" s="5" t="s">
        <v>10</v>
      </c>
      <c r="B3282" s="6">
        <v>235720</v>
      </c>
      <c r="C3282" s="6" t="s">
        <v>11</v>
      </c>
      <c r="D3282" s="6" t="s">
        <v>513</v>
      </c>
      <c r="E3282" s="6">
        <v>25286</v>
      </c>
      <c r="F3282" s="6" t="s">
        <v>18</v>
      </c>
      <c r="G3282" s="6" t="s">
        <v>6741</v>
      </c>
      <c r="H3282" s="6" t="s">
        <v>6742</v>
      </c>
      <c r="I3282" s="7">
        <v>4.7061625999999999</v>
      </c>
      <c r="J3282" s="8">
        <v>-74.200392100000002</v>
      </c>
    </row>
    <row r="3283" spans="1:10" x14ac:dyDescent="0.35">
      <c r="A3283" s="5" t="s">
        <v>10</v>
      </c>
      <c r="B3283" s="6">
        <v>245136</v>
      </c>
      <c r="C3283" s="6" t="s">
        <v>11</v>
      </c>
      <c r="D3283" s="6" t="s">
        <v>101</v>
      </c>
      <c r="E3283" s="6">
        <v>25473</v>
      </c>
      <c r="F3283" s="6" t="s">
        <v>18</v>
      </c>
      <c r="G3283" s="6" t="s">
        <v>6743</v>
      </c>
      <c r="H3283" s="6" t="s">
        <v>6744</v>
      </c>
      <c r="I3283" s="7">
        <v>4.6933610999999997</v>
      </c>
      <c r="J3283" s="8">
        <v>-74.181205199999994</v>
      </c>
    </row>
    <row r="3284" spans="1:10" x14ac:dyDescent="0.35">
      <c r="A3284" s="5" t="s">
        <v>10</v>
      </c>
      <c r="B3284" s="6">
        <v>236670</v>
      </c>
      <c r="C3284" s="6" t="s">
        <v>11</v>
      </c>
      <c r="D3284" s="6" t="s">
        <v>4073</v>
      </c>
      <c r="E3284" s="6">
        <v>25740</v>
      </c>
      <c r="F3284" s="6" t="s">
        <v>18</v>
      </c>
      <c r="G3284" s="6" t="s">
        <v>6745</v>
      </c>
      <c r="H3284" s="6" t="s">
        <v>6746</v>
      </c>
      <c r="I3284" s="7">
        <v>4.5298999999999996</v>
      </c>
      <c r="J3284" s="8">
        <v>-74.237038999999996</v>
      </c>
    </row>
    <row r="3285" spans="1:10" x14ac:dyDescent="0.35">
      <c r="A3285" s="5" t="s">
        <v>10</v>
      </c>
      <c r="B3285" s="6">
        <v>185101</v>
      </c>
      <c r="C3285" s="6" t="s">
        <v>11</v>
      </c>
      <c r="D3285" s="6" t="s">
        <v>334</v>
      </c>
      <c r="E3285" s="6">
        <v>25754</v>
      </c>
      <c r="F3285" s="6" t="s">
        <v>18</v>
      </c>
      <c r="G3285" s="6" t="s">
        <v>6747</v>
      </c>
      <c r="H3285" s="6" t="s">
        <v>6748</v>
      </c>
      <c r="I3285" s="7">
        <v>4.5699367000000004</v>
      </c>
      <c r="J3285" s="8">
        <v>-74.235697299999998</v>
      </c>
    </row>
    <row r="3286" spans="1:10" x14ac:dyDescent="0.35">
      <c r="A3286" s="5" t="s">
        <v>10</v>
      </c>
      <c r="B3286" s="6">
        <v>226322</v>
      </c>
      <c r="C3286" s="6" t="s">
        <v>278</v>
      </c>
      <c r="D3286" s="6" t="s">
        <v>279</v>
      </c>
      <c r="E3286" s="6">
        <v>50001</v>
      </c>
      <c r="F3286" s="6" t="s">
        <v>13</v>
      </c>
      <c r="G3286" s="6" t="s">
        <v>3737</v>
      </c>
      <c r="H3286" s="6" t="s">
        <v>6749</v>
      </c>
      <c r="I3286" s="7">
        <v>4.1264278000000001</v>
      </c>
      <c r="J3286" s="8">
        <v>-73.637020100000001</v>
      </c>
    </row>
    <row r="3287" spans="1:10" x14ac:dyDescent="0.35">
      <c r="A3287" s="5" t="s">
        <v>10</v>
      </c>
      <c r="B3287" s="6">
        <v>226258</v>
      </c>
      <c r="C3287" s="6" t="s">
        <v>457</v>
      </c>
      <c r="D3287" s="6" t="s">
        <v>1086</v>
      </c>
      <c r="E3287" s="6">
        <v>52356</v>
      </c>
      <c r="F3287" s="6" t="s">
        <v>13</v>
      </c>
      <c r="G3287" s="6" t="s">
        <v>3737</v>
      </c>
      <c r="H3287" s="6" t="s">
        <v>6750</v>
      </c>
      <c r="I3287" s="7">
        <v>0.82677529999999999</v>
      </c>
      <c r="J3287" s="8">
        <v>-77.638944299999906</v>
      </c>
    </row>
    <row r="3288" spans="1:10" x14ac:dyDescent="0.35">
      <c r="A3288" s="5" t="s">
        <v>10</v>
      </c>
      <c r="B3288" s="6">
        <v>228099</v>
      </c>
      <c r="C3288" s="6" t="s">
        <v>117</v>
      </c>
      <c r="D3288" s="6" t="s">
        <v>1334</v>
      </c>
      <c r="E3288" s="6">
        <v>76001</v>
      </c>
      <c r="F3288" s="6" t="s">
        <v>13</v>
      </c>
      <c r="G3288" s="6" t="s">
        <v>6751</v>
      </c>
      <c r="H3288" s="6" t="s">
        <v>6752</v>
      </c>
      <c r="I3288" s="7">
        <v>3.4348654000000001</v>
      </c>
      <c r="J3288" s="8">
        <v>-76.543358999999995</v>
      </c>
    </row>
    <row r="3289" spans="1:10" x14ac:dyDescent="0.35">
      <c r="A3289" s="5" t="s">
        <v>10</v>
      </c>
      <c r="B3289" s="6">
        <v>228113</v>
      </c>
      <c r="C3289" s="6" t="s">
        <v>68</v>
      </c>
      <c r="D3289" s="6" t="s">
        <v>69</v>
      </c>
      <c r="E3289" s="6">
        <v>11001</v>
      </c>
      <c r="F3289" s="6" t="s">
        <v>18</v>
      </c>
      <c r="G3289" s="6" t="s">
        <v>6753</v>
      </c>
      <c r="H3289" s="6" t="s">
        <v>6754</v>
      </c>
      <c r="I3289" s="7">
        <v>4.5814132000000001</v>
      </c>
      <c r="J3289" s="8">
        <v>-74.141381699999997</v>
      </c>
    </row>
    <row r="3290" spans="1:10" x14ac:dyDescent="0.35">
      <c r="A3290" s="5" t="s">
        <v>10</v>
      </c>
      <c r="B3290" s="6">
        <v>236679</v>
      </c>
      <c r="C3290" s="6" t="s">
        <v>24</v>
      </c>
      <c r="D3290" s="6" t="s">
        <v>137</v>
      </c>
      <c r="E3290" s="6">
        <v>15238</v>
      </c>
      <c r="F3290" s="6" t="s">
        <v>18</v>
      </c>
      <c r="G3290" s="6" t="s">
        <v>4691</v>
      </c>
      <c r="H3290" s="6" t="s">
        <v>6755</v>
      </c>
      <c r="I3290" s="7">
        <v>5.8268950999999998</v>
      </c>
      <c r="J3290" s="8">
        <v>-73.032927299999997</v>
      </c>
    </row>
    <row r="3291" spans="1:10" x14ac:dyDescent="0.35">
      <c r="A3291" s="5" t="s">
        <v>10</v>
      </c>
      <c r="B3291" s="6">
        <v>188920</v>
      </c>
      <c r="C3291" s="6" t="s">
        <v>294</v>
      </c>
      <c r="D3291" s="6" t="s">
        <v>4634</v>
      </c>
      <c r="E3291" s="6">
        <v>41020</v>
      </c>
      <c r="F3291" s="6" t="s">
        <v>18</v>
      </c>
      <c r="G3291" s="6" t="s">
        <v>6756</v>
      </c>
      <c r="H3291" s="6" t="s">
        <v>6757</v>
      </c>
      <c r="I3291" s="7">
        <v>2.5242035999999999</v>
      </c>
      <c r="J3291" s="8">
        <v>-75.315812899999997</v>
      </c>
    </row>
    <row r="3292" spans="1:10" x14ac:dyDescent="0.35">
      <c r="A3292" s="5" t="s">
        <v>10</v>
      </c>
      <c r="B3292" s="6">
        <v>223449</v>
      </c>
      <c r="C3292" s="6" t="s">
        <v>11</v>
      </c>
      <c r="D3292" s="6" t="s">
        <v>334</v>
      </c>
      <c r="E3292" s="6">
        <v>25754</v>
      </c>
      <c r="F3292" s="6" t="s">
        <v>18</v>
      </c>
      <c r="G3292" s="6" t="s">
        <v>113</v>
      </c>
      <c r="H3292" s="6" t="s">
        <v>6758</v>
      </c>
      <c r="I3292" s="7">
        <v>4.5751308999999996</v>
      </c>
      <c r="J3292" s="8">
        <v>-74.225423800000002</v>
      </c>
    </row>
    <row r="3293" spans="1:10" x14ac:dyDescent="0.35">
      <c r="A3293" s="5" t="s">
        <v>10</v>
      </c>
      <c r="B3293" s="6">
        <v>234472</v>
      </c>
      <c r="C3293" s="6" t="s">
        <v>11</v>
      </c>
      <c r="D3293" s="6" t="s">
        <v>334</v>
      </c>
      <c r="E3293" s="6">
        <v>25754</v>
      </c>
      <c r="F3293" s="6" t="s">
        <v>18</v>
      </c>
      <c r="G3293" s="6" t="s">
        <v>6759</v>
      </c>
      <c r="H3293" s="6" t="s">
        <v>6760</v>
      </c>
      <c r="I3293" s="7">
        <v>4.5801509999999999</v>
      </c>
      <c r="J3293" s="8">
        <v>-74.192069200000006</v>
      </c>
    </row>
    <row r="3294" spans="1:10" x14ac:dyDescent="0.35">
      <c r="A3294" s="5" t="s">
        <v>10</v>
      </c>
      <c r="B3294" s="6">
        <v>244438</v>
      </c>
      <c r="C3294" s="6" t="s">
        <v>11</v>
      </c>
      <c r="D3294" s="6" t="s">
        <v>334</v>
      </c>
      <c r="E3294" s="6">
        <v>25754</v>
      </c>
      <c r="F3294" s="6" t="s">
        <v>18</v>
      </c>
      <c r="G3294" s="6" t="s">
        <v>6761</v>
      </c>
      <c r="H3294" s="6" t="s">
        <v>6762</v>
      </c>
      <c r="I3294" s="7">
        <v>4.5722607000000002</v>
      </c>
      <c r="J3294" s="8">
        <v>-74.246459700000003</v>
      </c>
    </row>
    <row r="3295" spans="1:10" x14ac:dyDescent="0.35">
      <c r="A3295" s="5" t="s">
        <v>10</v>
      </c>
      <c r="B3295" s="6">
        <v>231631</v>
      </c>
      <c r="C3295" s="6" t="s">
        <v>117</v>
      </c>
      <c r="D3295" s="6" t="s">
        <v>1334</v>
      </c>
      <c r="E3295" s="6">
        <v>76001</v>
      </c>
      <c r="F3295" s="6" t="s">
        <v>18</v>
      </c>
      <c r="G3295" s="6" t="s">
        <v>6763</v>
      </c>
      <c r="H3295" s="6" t="s">
        <v>6764</v>
      </c>
      <c r="I3295" s="7">
        <v>3.4066640000000001</v>
      </c>
      <c r="J3295" s="8">
        <v>-76.539321099999995</v>
      </c>
    </row>
    <row r="3296" spans="1:10" x14ac:dyDescent="0.35">
      <c r="A3296" s="5" t="s">
        <v>10</v>
      </c>
      <c r="B3296" s="6">
        <v>237035</v>
      </c>
      <c r="C3296" s="6" t="s">
        <v>68</v>
      </c>
      <c r="D3296" s="6" t="s">
        <v>69</v>
      </c>
      <c r="E3296" s="6">
        <v>11001</v>
      </c>
      <c r="F3296" s="6" t="s">
        <v>18</v>
      </c>
      <c r="G3296" s="6" t="s">
        <v>6765</v>
      </c>
      <c r="H3296" s="6" t="s">
        <v>6766</v>
      </c>
      <c r="I3296" s="7">
        <v>4.5490453999999998</v>
      </c>
      <c r="J3296" s="8">
        <v>-74.099952000000002</v>
      </c>
    </row>
    <row r="3297" spans="1:10" x14ac:dyDescent="0.35">
      <c r="A3297" s="5" t="s">
        <v>10</v>
      </c>
      <c r="B3297" s="6">
        <v>226362</v>
      </c>
      <c r="C3297" s="6" t="s">
        <v>55</v>
      </c>
      <c r="D3297" s="6" t="s">
        <v>56</v>
      </c>
      <c r="E3297" s="6">
        <v>73001</v>
      </c>
      <c r="F3297" s="6" t="s">
        <v>13</v>
      </c>
      <c r="G3297" s="6" t="s">
        <v>3737</v>
      </c>
      <c r="H3297" s="6" t="s">
        <v>6767</v>
      </c>
      <c r="I3297" s="7">
        <v>4.4380508000000001</v>
      </c>
      <c r="J3297" s="8">
        <v>-75.201095799999905</v>
      </c>
    </row>
    <row r="3298" spans="1:10" x14ac:dyDescent="0.35">
      <c r="A3298" s="5" t="s">
        <v>10</v>
      </c>
      <c r="B3298" s="6">
        <v>246559</v>
      </c>
      <c r="C3298" s="6" t="s">
        <v>278</v>
      </c>
      <c r="D3298" s="6" t="s">
        <v>2336</v>
      </c>
      <c r="E3298" s="6">
        <v>50226</v>
      </c>
      <c r="F3298" s="6" t="s">
        <v>18</v>
      </c>
      <c r="G3298" s="6" t="s">
        <v>6768</v>
      </c>
      <c r="H3298" s="6" t="s">
        <v>4846</v>
      </c>
      <c r="I3298" s="7">
        <v>4.2727088000000002</v>
      </c>
      <c r="J3298" s="8">
        <v>-73.487556900000001</v>
      </c>
    </row>
    <row r="3299" spans="1:10" x14ac:dyDescent="0.35">
      <c r="A3299" s="5" t="s">
        <v>10</v>
      </c>
      <c r="B3299" s="6">
        <v>188943</v>
      </c>
      <c r="C3299" s="6" t="s">
        <v>294</v>
      </c>
      <c r="D3299" s="6" t="s">
        <v>703</v>
      </c>
      <c r="E3299" s="6">
        <v>41001</v>
      </c>
      <c r="F3299" s="6" t="s">
        <v>18</v>
      </c>
      <c r="G3299" s="6" t="s">
        <v>6769</v>
      </c>
      <c r="H3299" s="6" t="s">
        <v>6770</v>
      </c>
      <c r="I3299" s="7">
        <v>2.9229466</v>
      </c>
      <c r="J3299" s="8">
        <v>-75.274498499999893</v>
      </c>
    </row>
    <row r="3300" spans="1:10" x14ac:dyDescent="0.35">
      <c r="A3300" s="5" t="s">
        <v>10</v>
      </c>
      <c r="B3300" s="6">
        <v>243537</v>
      </c>
      <c r="C3300" s="6" t="s">
        <v>3788</v>
      </c>
      <c r="D3300" s="6" t="s">
        <v>6771</v>
      </c>
      <c r="E3300" s="6">
        <v>18753</v>
      </c>
      <c r="F3300" s="6" t="s">
        <v>18</v>
      </c>
      <c r="G3300" s="6" t="s">
        <v>6772</v>
      </c>
      <c r="H3300" s="6" t="s">
        <v>6773</v>
      </c>
      <c r="I3300" s="7">
        <v>2.1140588999999999</v>
      </c>
      <c r="J3300" s="8">
        <v>-74.773219699999999</v>
      </c>
    </row>
    <row r="3301" spans="1:10" x14ac:dyDescent="0.35">
      <c r="A3301" s="5" t="s">
        <v>10</v>
      </c>
      <c r="B3301" s="6">
        <v>228564</v>
      </c>
      <c r="C3301" s="6" t="s">
        <v>11</v>
      </c>
      <c r="D3301" s="6" t="s">
        <v>334</v>
      </c>
      <c r="E3301" s="6">
        <v>25754</v>
      </c>
      <c r="F3301" s="6" t="s">
        <v>18</v>
      </c>
      <c r="G3301" s="6" t="s">
        <v>6774</v>
      </c>
      <c r="H3301" s="6" t="s">
        <v>6775</v>
      </c>
      <c r="I3301" s="7">
        <v>4.5772094999999897</v>
      </c>
      <c r="J3301" s="8">
        <v>-74.210179299999993</v>
      </c>
    </row>
    <row r="3302" spans="1:10" x14ac:dyDescent="0.35">
      <c r="A3302" s="5" t="s">
        <v>10</v>
      </c>
      <c r="B3302" s="6">
        <v>210100</v>
      </c>
      <c r="C3302" s="6" t="s">
        <v>11</v>
      </c>
      <c r="D3302" s="6" t="s">
        <v>334</v>
      </c>
      <c r="E3302" s="6">
        <v>25754</v>
      </c>
      <c r="F3302" s="6" t="s">
        <v>18</v>
      </c>
      <c r="G3302" s="6" t="s">
        <v>6776</v>
      </c>
      <c r="H3302" s="6" t="s">
        <v>6777</v>
      </c>
      <c r="I3302" s="7">
        <v>4.5884679999999998</v>
      </c>
      <c r="J3302" s="8">
        <v>-74.2031779</v>
      </c>
    </row>
    <row r="3303" spans="1:10" x14ac:dyDescent="0.35">
      <c r="A3303" s="5" t="s">
        <v>10</v>
      </c>
      <c r="B3303" s="6">
        <v>225846</v>
      </c>
      <c r="C3303" s="6" t="s">
        <v>11</v>
      </c>
      <c r="D3303" s="6" t="s">
        <v>334</v>
      </c>
      <c r="E3303" s="6">
        <v>25754</v>
      </c>
      <c r="F3303" s="6" t="s">
        <v>18</v>
      </c>
      <c r="G3303" s="6" t="s">
        <v>6778</v>
      </c>
      <c r="H3303" s="6" t="s">
        <v>6779</v>
      </c>
      <c r="I3303" s="7">
        <v>4.5806180999999997</v>
      </c>
      <c r="J3303" s="8">
        <v>-74.216225800000004</v>
      </c>
    </row>
    <row r="3304" spans="1:10" x14ac:dyDescent="0.35">
      <c r="A3304" s="5" t="s">
        <v>10</v>
      </c>
      <c r="B3304" s="6">
        <v>223861</v>
      </c>
      <c r="C3304" s="6" t="s">
        <v>117</v>
      </c>
      <c r="D3304" s="6" t="s">
        <v>6780</v>
      </c>
      <c r="E3304" s="6">
        <v>76318</v>
      </c>
      <c r="F3304" s="6" t="s">
        <v>18</v>
      </c>
      <c r="G3304" s="6" t="s">
        <v>6781</v>
      </c>
      <c r="H3304" s="6" t="s">
        <v>6782</v>
      </c>
      <c r="I3304" s="7">
        <v>3.7634837000000001</v>
      </c>
      <c r="J3304" s="8">
        <v>-76.325891299999995</v>
      </c>
    </row>
    <row r="3305" spans="1:10" x14ac:dyDescent="0.35">
      <c r="A3305" s="5" t="s">
        <v>10</v>
      </c>
      <c r="B3305" s="6">
        <v>238271</v>
      </c>
      <c r="C3305" s="6" t="s">
        <v>117</v>
      </c>
      <c r="D3305" s="6" t="s">
        <v>1334</v>
      </c>
      <c r="E3305" s="6">
        <v>76001</v>
      </c>
      <c r="F3305" s="6" t="s">
        <v>18</v>
      </c>
      <c r="G3305" s="6" t="s">
        <v>6783</v>
      </c>
      <c r="H3305" s="6" t="s">
        <v>6784</v>
      </c>
      <c r="I3305" s="7">
        <v>3.4703024999999998</v>
      </c>
      <c r="J3305" s="8">
        <v>-76.482436699999994</v>
      </c>
    </row>
    <row r="3306" spans="1:10" x14ac:dyDescent="0.35">
      <c r="A3306" s="5" t="s">
        <v>10</v>
      </c>
      <c r="B3306" s="6">
        <v>210313</v>
      </c>
      <c r="C3306" s="6" t="s">
        <v>68</v>
      </c>
      <c r="D3306" s="6" t="s">
        <v>69</v>
      </c>
      <c r="E3306" s="6">
        <v>11001</v>
      </c>
      <c r="F3306" s="6" t="s">
        <v>18</v>
      </c>
      <c r="G3306" s="6" t="s">
        <v>6785</v>
      </c>
      <c r="H3306" s="6" t="s">
        <v>6786</v>
      </c>
      <c r="I3306" s="7">
        <v>4.5947548999999999</v>
      </c>
      <c r="J3306" s="8">
        <v>-74.175664099999906</v>
      </c>
    </row>
    <row r="3307" spans="1:10" x14ac:dyDescent="0.35">
      <c r="A3307" s="5" t="s">
        <v>10</v>
      </c>
      <c r="B3307" s="6">
        <v>236768</v>
      </c>
      <c r="C3307" s="6" t="s">
        <v>68</v>
      </c>
      <c r="D3307" s="6" t="s">
        <v>69</v>
      </c>
      <c r="E3307" s="6">
        <v>11001</v>
      </c>
      <c r="F3307" s="6" t="s">
        <v>18</v>
      </c>
      <c r="G3307" s="6" t="s">
        <v>6787</v>
      </c>
      <c r="H3307" s="6" t="s">
        <v>6788</v>
      </c>
      <c r="I3307" s="7">
        <v>4.7644570000000002</v>
      </c>
      <c r="J3307" s="8">
        <v>-74.034849600000001</v>
      </c>
    </row>
    <row r="3308" spans="1:10" x14ac:dyDescent="0.35">
      <c r="A3308" s="5" t="s">
        <v>10</v>
      </c>
      <c r="B3308" s="6">
        <v>233259</v>
      </c>
      <c r="C3308" s="6" t="s">
        <v>16</v>
      </c>
      <c r="D3308" s="6" t="s">
        <v>510</v>
      </c>
      <c r="E3308" s="6">
        <v>68547</v>
      </c>
      <c r="F3308" s="6" t="s">
        <v>18</v>
      </c>
      <c r="G3308" s="6" t="s">
        <v>6789</v>
      </c>
      <c r="H3308" s="6" t="s">
        <v>6790</v>
      </c>
      <c r="I3308" s="7">
        <v>6.98935</v>
      </c>
      <c r="J3308" s="8">
        <v>-73.046850000000006</v>
      </c>
    </row>
    <row r="3309" spans="1:10" x14ac:dyDescent="0.35">
      <c r="A3309" s="5" t="s">
        <v>10</v>
      </c>
      <c r="B3309" s="6">
        <v>227052</v>
      </c>
      <c r="C3309" s="6" t="s">
        <v>551</v>
      </c>
      <c r="D3309" s="6" t="s">
        <v>768</v>
      </c>
      <c r="E3309" s="6">
        <v>20621</v>
      </c>
      <c r="F3309" s="6" t="s">
        <v>18</v>
      </c>
      <c r="G3309" s="6" t="s">
        <v>6791</v>
      </c>
      <c r="H3309" s="6" t="s">
        <v>6792</v>
      </c>
      <c r="I3309" s="7">
        <v>10.380432000000001</v>
      </c>
      <c r="J3309" s="8">
        <v>-73.174047899999906</v>
      </c>
    </row>
    <row r="3310" spans="1:10" x14ac:dyDescent="0.35">
      <c r="A3310" s="5" t="s">
        <v>10</v>
      </c>
      <c r="B3310" s="6">
        <v>230343</v>
      </c>
      <c r="C3310" s="6" t="s">
        <v>294</v>
      </c>
      <c r="D3310" s="6" t="s">
        <v>4244</v>
      </c>
      <c r="E3310" s="6">
        <v>41298</v>
      </c>
      <c r="F3310" s="6" t="s">
        <v>18</v>
      </c>
      <c r="G3310" s="6" t="s">
        <v>6793</v>
      </c>
      <c r="H3310" s="6" t="s">
        <v>6794</v>
      </c>
      <c r="I3310" s="7">
        <v>2.1948165999999998</v>
      </c>
      <c r="J3310" s="8">
        <v>-75.6303245</v>
      </c>
    </row>
    <row r="3311" spans="1:10" x14ac:dyDescent="0.35">
      <c r="A3311" s="5" t="s">
        <v>10</v>
      </c>
      <c r="B3311" s="6">
        <v>244939</v>
      </c>
      <c r="C3311" s="6" t="s">
        <v>11</v>
      </c>
      <c r="D3311" s="6" t="s">
        <v>5475</v>
      </c>
      <c r="E3311" s="6">
        <v>25053</v>
      </c>
      <c r="F3311" s="6" t="s">
        <v>18</v>
      </c>
      <c r="G3311" s="6" t="s">
        <v>6795</v>
      </c>
      <c r="H3311" s="6" t="s">
        <v>6796</v>
      </c>
      <c r="I3311" s="7">
        <v>4.2724761000000004</v>
      </c>
      <c r="J3311" s="8">
        <v>-74.415724299999994</v>
      </c>
    </row>
    <row r="3312" spans="1:10" x14ac:dyDescent="0.35">
      <c r="A3312" s="5" t="s">
        <v>10</v>
      </c>
      <c r="B3312" s="6">
        <v>244051</v>
      </c>
      <c r="C3312" s="6" t="s">
        <v>11</v>
      </c>
      <c r="D3312" s="6" t="s">
        <v>513</v>
      </c>
      <c r="E3312" s="6">
        <v>25286</v>
      </c>
      <c r="F3312" s="6" t="s">
        <v>18</v>
      </c>
      <c r="G3312" s="6" t="s">
        <v>6797</v>
      </c>
      <c r="H3312" s="6" t="s">
        <v>6798</v>
      </c>
      <c r="I3312" s="7">
        <v>4.7030824999999998</v>
      </c>
      <c r="J3312" s="8">
        <v>-74.210985300000004</v>
      </c>
    </row>
    <row r="3313" spans="1:10" x14ac:dyDescent="0.35">
      <c r="A3313" s="5" t="s">
        <v>10</v>
      </c>
      <c r="B3313" s="6">
        <v>204215</v>
      </c>
      <c r="C3313" s="6" t="s">
        <v>11</v>
      </c>
      <c r="D3313" s="6" t="s">
        <v>901</v>
      </c>
      <c r="E3313" s="6">
        <v>25307</v>
      </c>
      <c r="F3313" s="6" t="s">
        <v>18</v>
      </c>
      <c r="G3313" s="6" t="s">
        <v>6799</v>
      </c>
      <c r="H3313" s="6" t="s">
        <v>5305</v>
      </c>
      <c r="I3313" s="7">
        <v>4.326854</v>
      </c>
      <c r="J3313" s="8">
        <v>-74.803518999999994</v>
      </c>
    </row>
    <row r="3314" spans="1:10" x14ac:dyDescent="0.35">
      <c r="A3314" s="5" t="s">
        <v>10</v>
      </c>
      <c r="B3314" s="6">
        <v>210229</v>
      </c>
      <c r="C3314" s="6" t="s">
        <v>11</v>
      </c>
      <c r="D3314" s="6" t="s">
        <v>6067</v>
      </c>
      <c r="E3314" s="6">
        <v>25288</v>
      </c>
      <c r="F3314" s="6" t="s">
        <v>18</v>
      </c>
      <c r="G3314" s="6" t="s">
        <v>6800</v>
      </c>
      <c r="H3314" s="6" t="s">
        <v>6801</v>
      </c>
      <c r="I3314" s="7">
        <v>4.8061843</v>
      </c>
      <c r="J3314" s="8">
        <v>-74.352207899999996</v>
      </c>
    </row>
    <row r="3315" spans="1:10" x14ac:dyDescent="0.35">
      <c r="A3315" s="5" t="s">
        <v>10</v>
      </c>
      <c r="B3315" s="6">
        <v>235562</v>
      </c>
      <c r="C3315" s="6" t="s">
        <v>117</v>
      </c>
      <c r="D3315" s="6" t="s">
        <v>1334</v>
      </c>
      <c r="E3315" s="6">
        <v>76001</v>
      </c>
      <c r="F3315" s="6" t="s">
        <v>18</v>
      </c>
      <c r="G3315" s="6" t="s">
        <v>6802</v>
      </c>
      <c r="H3315" s="6" t="s">
        <v>6803</v>
      </c>
      <c r="I3315" s="7">
        <v>3.3839684000000001</v>
      </c>
      <c r="J3315" s="8">
        <v>-76.526650500000002</v>
      </c>
    </row>
    <row r="3316" spans="1:10" x14ac:dyDescent="0.35">
      <c r="A3316" s="5" t="s">
        <v>10</v>
      </c>
      <c r="B3316" s="6">
        <v>201487</v>
      </c>
      <c r="C3316" s="6" t="s">
        <v>117</v>
      </c>
      <c r="D3316" s="6" t="s">
        <v>3963</v>
      </c>
      <c r="E3316" s="6">
        <v>76377</v>
      </c>
      <c r="F3316" s="6" t="s">
        <v>18</v>
      </c>
      <c r="G3316" s="6" t="s">
        <v>6804</v>
      </c>
      <c r="H3316" s="6" t="s">
        <v>6805</v>
      </c>
      <c r="I3316" s="7">
        <v>3.9046441999999999</v>
      </c>
      <c r="J3316" s="8">
        <v>-75.929199699999998</v>
      </c>
    </row>
    <row r="3317" spans="1:10" x14ac:dyDescent="0.35">
      <c r="A3317" s="5" t="s">
        <v>10</v>
      </c>
      <c r="B3317" s="6">
        <v>228744</v>
      </c>
      <c r="C3317" s="6" t="s">
        <v>68</v>
      </c>
      <c r="D3317" s="6" t="s">
        <v>69</v>
      </c>
      <c r="E3317" s="6">
        <v>11001</v>
      </c>
      <c r="F3317" s="6" t="s">
        <v>18</v>
      </c>
      <c r="G3317" s="6" t="s">
        <v>6806</v>
      </c>
      <c r="H3317" s="6" t="s">
        <v>6807</v>
      </c>
      <c r="I3317" s="7">
        <v>4.7322186000000004</v>
      </c>
      <c r="J3317" s="8">
        <v>-74.103277500000004</v>
      </c>
    </row>
    <row r="3318" spans="1:10" x14ac:dyDescent="0.35">
      <c r="A3318" s="5" t="s">
        <v>10</v>
      </c>
      <c r="B3318" s="6">
        <v>224971</v>
      </c>
      <c r="C3318" s="6" t="s">
        <v>68</v>
      </c>
      <c r="D3318" s="6" t="s">
        <v>69</v>
      </c>
      <c r="E3318" s="6">
        <v>11001</v>
      </c>
      <c r="F3318" s="6" t="s">
        <v>18</v>
      </c>
      <c r="G3318" s="6" t="s">
        <v>6808</v>
      </c>
      <c r="H3318" s="6" t="s">
        <v>6809</v>
      </c>
      <c r="I3318" s="7">
        <v>4.7281955</v>
      </c>
      <c r="J3318" s="8">
        <v>-74.093073599999997</v>
      </c>
    </row>
    <row r="3319" spans="1:10" x14ac:dyDescent="0.35">
      <c r="A3319" s="5" t="s">
        <v>10</v>
      </c>
      <c r="B3319" s="6">
        <v>166407</v>
      </c>
      <c r="C3319" s="6" t="s">
        <v>24</v>
      </c>
      <c r="D3319" s="6" t="s">
        <v>621</v>
      </c>
      <c r="E3319" s="6">
        <v>15646</v>
      </c>
      <c r="F3319" s="6" t="s">
        <v>18</v>
      </c>
      <c r="G3319" s="6" t="s">
        <v>6810</v>
      </c>
      <c r="H3319" s="6" t="s">
        <v>6811</v>
      </c>
      <c r="I3319" s="7">
        <v>5.4923419999999998</v>
      </c>
      <c r="J3319" s="8">
        <v>-73.486159000000001</v>
      </c>
    </row>
    <row r="3320" spans="1:10" x14ac:dyDescent="0.35">
      <c r="A3320" s="5" t="s">
        <v>10</v>
      </c>
      <c r="B3320" s="6">
        <v>220832</v>
      </c>
      <c r="C3320" s="6" t="s">
        <v>2130</v>
      </c>
      <c r="D3320" s="6" t="s">
        <v>5723</v>
      </c>
      <c r="E3320" s="6">
        <v>85250</v>
      </c>
      <c r="F3320" s="6" t="s">
        <v>18</v>
      </c>
      <c r="G3320" s="6" t="s">
        <v>6812</v>
      </c>
      <c r="H3320" s="6" t="s">
        <v>6813</v>
      </c>
      <c r="I3320" s="7">
        <v>5.8806390000000004</v>
      </c>
      <c r="J3320" s="8">
        <v>-71.892911999999995</v>
      </c>
    </row>
    <row r="3321" spans="1:10" x14ac:dyDescent="0.35">
      <c r="A3321" s="5" t="s">
        <v>10</v>
      </c>
      <c r="B3321" s="6">
        <v>249573</v>
      </c>
      <c r="C3321" s="6" t="s">
        <v>294</v>
      </c>
      <c r="D3321" s="6" t="s">
        <v>3557</v>
      </c>
      <c r="E3321" s="6">
        <v>41319</v>
      </c>
      <c r="F3321" s="6" t="s">
        <v>18</v>
      </c>
      <c r="G3321" s="6" t="s">
        <v>3392</v>
      </c>
      <c r="H3321" s="6" t="s">
        <v>6814</v>
      </c>
      <c r="I3321" s="7">
        <v>2.0238276000000002</v>
      </c>
      <c r="J3321" s="8">
        <v>-75.757130099999998</v>
      </c>
    </row>
    <row r="3322" spans="1:10" x14ac:dyDescent="0.35">
      <c r="A3322" s="5" t="s">
        <v>10</v>
      </c>
      <c r="B3322" s="6">
        <v>221376</v>
      </c>
      <c r="C3322" s="6" t="s">
        <v>11</v>
      </c>
      <c r="D3322" s="6" t="s">
        <v>407</v>
      </c>
      <c r="E3322" s="6">
        <v>25126</v>
      </c>
      <c r="F3322" s="6" t="s">
        <v>18</v>
      </c>
      <c r="G3322" s="6" t="s">
        <v>6815</v>
      </c>
      <c r="H3322" s="6" t="s">
        <v>6816</v>
      </c>
      <c r="I3322" s="7">
        <v>4.9293640999999999</v>
      </c>
      <c r="J3322" s="8">
        <v>-74.022042400000004</v>
      </c>
    </row>
    <row r="3323" spans="1:10" x14ac:dyDescent="0.35">
      <c r="A3323" s="5" t="s">
        <v>10</v>
      </c>
      <c r="B3323" s="6">
        <v>208491</v>
      </c>
      <c r="C3323" s="6" t="s">
        <v>11</v>
      </c>
      <c r="D3323" s="6" t="s">
        <v>221</v>
      </c>
      <c r="E3323" s="6">
        <v>25430</v>
      </c>
      <c r="F3323" s="6" t="s">
        <v>18</v>
      </c>
      <c r="G3323" s="6" t="s">
        <v>6817</v>
      </c>
      <c r="H3323" s="6" t="s">
        <v>6818</v>
      </c>
      <c r="I3323" s="7">
        <v>4.7305619999999999</v>
      </c>
      <c r="J3323" s="8">
        <v>-74.279697999999996</v>
      </c>
    </row>
    <row r="3324" spans="1:10" x14ac:dyDescent="0.35">
      <c r="A3324" s="5" t="s">
        <v>10</v>
      </c>
      <c r="B3324" s="6">
        <v>211713</v>
      </c>
      <c r="C3324" s="6" t="s">
        <v>117</v>
      </c>
      <c r="D3324" s="6" t="s">
        <v>3963</v>
      </c>
      <c r="E3324" s="6">
        <v>76377</v>
      </c>
      <c r="F3324" s="6" t="s">
        <v>18</v>
      </c>
      <c r="G3324" s="6" t="s">
        <v>6819</v>
      </c>
      <c r="H3324" s="6" t="s">
        <v>6820</v>
      </c>
      <c r="I3324" s="7">
        <v>3.3843730999999999</v>
      </c>
      <c r="J3324" s="8">
        <v>-76.530194699999996</v>
      </c>
    </row>
    <row r="3325" spans="1:10" x14ac:dyDescent="0.35">
      <c r="A3325" s="5" t="s">
        <v>10</v>
      </c>
      <c r="B3325" s="6">
        <v>231737</v>
      </c>
      <c r="C3325" s="6" t="s">
        <v>117</v>
      </c>
      <c r="D3325" s="6" t="s">
        <v>1334</v>
      </c>
      <c r="E3325" s="6">
        <v>76001</v>
      </c>
      <c r="F3325" s="6" t="s">
        <v>18</v>
      </c>
      <c r="G3325" s="6" t="s">
        <v>6821</v>
      </c>
      <c r="H3325" s="6" t="s">
        <v>6822</v>
      </c>
      <c r="I3325" s="7">
        <v>3.4691347000000001</v>
      </c>
      <c r="J3325" s="8">
        <v>-76.492703500000005</v>
      </c>
    </row>
    <row r="3326" spans="1:10" x14ac:dyDescent="0.35">
      <c r="A3326" s="5" t="s">
        <v>10</v>
      </c>
      <c r="B3326" s="6">
        <v>186075</v>
      </c>
      <c r="C3326" s="6" t="s">
        <v>68</v>
      </c>
      <c r="D3326" s="6" t="s">
        <v>69</v>
      </c>
      <c r="E3326" s="6">
        <v>11001</v>
      </c>
      <c r="F3326" s="6" t="s">
        <v>18</v>
      </c>
      <c r="G3326" s="6" t="s">
        <v>6823</v>
      </c>
      <c r="H3326" s="6" t="s">
        <v>6824</v>
      </c>
      <c r="I3326" s="7">
        <v>4.6360165000000002</v>
      </c>
      <c r="J3326" s="8">
        <v>-74.1788636</v>
      </c>
    </row>
    <row r="3327" spans="1:10" x14ac:dyDescent="0.35">
      <c r="A3327" s="5" t="s">
        <v>10</v>
      </c>
      <c r="B3327" s="6">
        <v>225238</v>
      </c>
      <c r="C3327" s="6" t="s">
        <v>68</v>
      </c>
      <c r="D3327" s="6" t="s">
        <v>69</v>
      </c>
      <c r="E3327" s="6">
        <v>11001</v>
      </c>
      <c r="F3327" s="6" t="s">
        <v>18</v>
      </c>
      <c r="G3327" s="6" t="s">
        <v>6825</v>
      </c>
      <c r="H3327" s="6" t="s">
        <v>6826</v>
      </c>
      <c r="I3327" s="7">
        <v>4.7421445000000002</v>
      </c>
      <c r="J3327" s="8">
        <v>-74.124417899999997</v>
      </c>
    </row>
    <row r="3328" spans="1:10" x14ac:dyDescent="0.35">
      <c r="A3328" s="5" t="s">
        <v>10</v>
      </c>
      <c r="B3328" s="6">
        <v>246035</v>
      </c>
      <c r="C3328" s="6" t="s">
        <v>68</v>
      </c>
      <c r="D3328" s="6" t="s">
        <v>69</v>
      </c>
      <c r="E3328" s="6">
        <v>11001</v>
      </c>
      <c r="F3328" s="6" t="s">
        <v>18</v>
      </c>
      <c r="G3328" s="6" t="s">
        <v>6827</v>
      </c>
      <c r="H3328" s="6" t="s">
        <v>6828</v>
      </c>
      <c r="I3328" s="7">
        <v>4.5882778000000002</v>
      </c>
      <c r="J3328" s="8">
        <v>-74.136976300000001</v>
      </c>
    </row>
    <row r="3329" spans="1:10" x14ac:dyDescent="0.35">
      <c r="A3329" s="5" t="s">
        <v>10</v>
      </c>
      <c r="B3329" s="6">
        <v>226401</v>
      </c>
      <c r="C3329" s="6" t="s">
        <v>190</v>
      </c>
      <c r="D3329" s="6" t="s">
        <v>191</v>
      </c>
      <c r="E3329" s="6">
        <v>5001</v>
      </c>
      <c r="F3329" s="6" t="s">
        <v>13</v>
      </c>
      <c r="G3329" s="6" t="s">
        <v>3737</v>
      </c>
      <c r="H3329" s="6" t="s">
        <v>6829</v>
      </c>
      <c r="I3329" s="7">
        <v>6.2387269999999999</v>
      </c>
      <c r="J3329" s="8">
        <v>-75.548195100000001</v>
      </c>
    </row>
    <row r="3330" spans="1:10" x14ac:dyDescent="0.35">
      <c r="A3330" s="5" t="s">
        <v>10</v>
      </c>
      <c r="B3330" s="6">
        <v>226324</v>
      </c>
      <c r="C3330" s="6" t="s">
        <v>302</v>
      </c>
      <c r="D3330" s="6" t="s">
        <v>359</v>
      </c>
      <c r="E3330" s="6">
        <v>8001</v>
      </c>
      <c r="F3330" s="6" t="s">
        <v>13</v>
      </c>
      <c r="G3330" s="6" t="s">
        <v>3737</v>
      </c>
      <c r="H3330" s="6" t="s">
        <v>6830</v>
      </c>
      <c r="I3330" s="7">
        <v>10.989723</v>
      </c>
      <c r="J3330" s="8">
        <v>-74.789496799999995</v>
      </c>
    </row>
    <row r="3331" spans="1:10" x14ac:dyDescent="0.35">
      <c r="A3331" s="5" t="s">
        <v>10</v>
      </c>
      <c r="B3331" s="6">
        <v>235547</v>
      </c>
      <c r="C3331" s="6" t="s">
        <v>16</v>
      </c>
      <c r="D3331" s="6" t="s">
        <v>78</v>
      </c>
      <c r="E3331" s="6">
        <v>68001</v>
      </c>
      <c r="F3331" s="6" t="s">
        <v>18</v>
      </c>
      <c r="G3331" s="6" t="s">
        <v>6831</v>
      </c>
      <c r="H3331" s="6" t="s">
        <v>6832</v>
      </c>
      <c r="I3331" s="7">
        <v>7.1128558999999996</v>
      </c>
      <c r="J3331" s="8">
        <v>-73.117799300000001</v>
      </c>
    </row>
    <row r="3332" spans="1:10" x14ac:dyDescent="0.35">
      <c r="A3332" s="5" t="s">
        <v>10</v>
      </c>
      <c r="B3332" s="6">
        <v>224000</v>
      </c>
      <c r="C3332" s="6" t="s">
        <v>278</v>
      </c>
      <c r="D3332" s="6" t="s">
        <v>279</v>
      </c>
      <c r="E3332" s="6">
        <v>50001</v>
      </c>
      <c r="F3332" s="6" t="s">
        <v>18</v>
      </c>
      <c r="G3332" s="6" t="s">
        <v>1940</v>
      </c>
      <c r="H3332" s="6" t="s">
        <v>6833</v>
      </c>
      <c r="I3332" s="7">
        <v>4.1176693000000002</v>
      </c>
      <c r="J3332" s="8">
        <v>-73.627658600000004</v>
      </c>
    </row>
    <row r="3333" spans="1:10" x14ac:dyDescent="0.35">
      <c r="A3333" s="5" t="s">
        <v>10</v>
      </c>
      <c r="B3333" s="6">
        <v>214786</v>
      </c>
      <c r="C3333" s="6" t="s">
        <v>294</v>
      </c>
      <c r="D3333" s="6" t="s">
        <v>703</v>
      </c>
      <c r="E3333" s="6">
        <v>41001</v>
      </c>
      <c r="F3333" s="6" t="s">
        <v>18</v>
      </c>
      <c r="G3333" s="6" t="s">
        <v>6834</v>
      </c>
      <c r="H3333" s="6" t="s">
        <v>6835</v>
      </c>
      <c r="I3333" s="7">
        <v>9.0547487999999898</v>
      </c>
      <c r="J3333" s="8">
        <v>-73.958514800000003</v>
      </c>
    </row>
    <row r="3334" spans="1:10" x14ac:dyDescent="0.35">
      <c r="A3334" s="5" t="s">
        <v>10</v>
      </c>
      <c r="B3334" s="6">
        <v>226558</v>
      </c>
      <c r="C3334" s="6" t="s">
        <v>294</v>
      </c>
      <c r="D3334" s="6" t="s">
        <v>703</v>
      </c>
      <c r="E3334" s="6">
        <v>41001</v>
      </c>
      <c r="F3334" s="6" t="s">
        <v>18</v>
      </c>
      <c r="G3334" s="6" t="s">
        <v>6648</v>
      </c>
      <c r="H3334" s="6" t="s">
        <v>6836</v>
      </c>
      <c r="I3334" s="7">
        <v>2.9269568000000001</v>
      </c>
      <c r="J3334" s="8">
        <v>-75.280943499999907</v>
      </c>
    </row>
    <row r="3335" spans="1:10" x14ac:dyDescent="0.35">
      <c r="A3335" s="5" t="s">
        <v>10</v>
      </c>
      <c r="B3335" s="6">
        <v>244071</v>
      </c>
      <c r="C3335" s="6" t="s">
        <v>294</v>
      </c>
      <c r="D3335" s="6" t="s">
        <v>447</v>
      </c>
      <c r="E3335" s="6">
        <v>41551</v>
      </c>
      <c r="F3335" s="6" t="s">
        <v>18</v>
      </c>
      <c r="G3335" s="6" t="s">
        <v>6837</v>
      </c>
      <c r="H3335" s="6" t="s">
        <v>6838</v>
      </c>
      <c r="I3335" s="7">
        <v>1.8563308999999999</v>
      </c>
      <c r="J3335" s="8">
        <v>-76.046161100000006</v>
      </c>
    </row>
    <row r="3336" spans="1:10" x14ac:dyDescent="0.35">
      <c r="A3336" s="5" t="s">
        <v>10</v>
      </c>
      <c r="B3336" s="6">
        <v>236342</v>
      </c>
      <c r="C3336" s="6" t="s">
        <v>11</v>
      </c>
      <c r="D3336" s="6" t="s">
        <v>3054</v>
      </c>
      <c r="E3336" s="6">
        <v>25269</v>
      </c>
      <c r="F3336" s="6" t="s">
        <v>18</v>
      </c>
      <c r="G3336" s="6" t="s">
        <v>6839</v>
      </c>
      <c r="H3336" s="6" t="s">
        <v>6840</v>
      </c>
      <c r="I3336" s="7">
        <v>4.8071451999999999</v>
      </c>
      <c r="J3336" s="8">
        <v>-74.344650099999996</v>
      </c>
    </row>
    <row r="3337" spans="1:10" x14ac:dyDescent="0.35">
      <c r="A3337" s="5" t="s">
        <v>10</v>
      </c>
      <c r="B3337" s="6">
        <v>244907</v>
      </c>
      <c r="C3337" s="6" t="s">
        <v>11</v>
      </c>
      <c r="D3337" s="6" t="s">
        <v>4124</v>
      </c>
      <c r="E3337" s="6">
        <v>25293</v>
      </c>
      <c r="F3337" s="6" t="s">
        <v>18</v>
      </c>
      <c r="G3337" s="6" t="s">
        <v>6841</v>
      </c>
      <c r="H3337" s="6" t="s">
        <v>6842</v>
      </c>
      <c r="I3337" s="7">
        <v>4.6916377000000002</v>
      </c>
      <c r="J3337" s="8">
        <v>-73.520045699999997</v>
      </c>
    </row>
    <row r="3338" spans="1:10" x14ac:dyDescent="0.35">
      <c r="A3338" s="5" t="s">
        <v>10</v>
      </c>
      <c r="B3338" s="6">
        <v>226259</v>
      </c>
      <c r="C3338" s="6" t="s">
        <v>117</v>
      </c>
      <c r="D3338" s="6" t="s">
        <v>3402</v>
      </c>
      <c r="E3338" s="6">
        <v>76364</v>
      </c>
      <c r="F3338" s="6" t="s">
        <v>13</v>
      </c>
      <c r="G3338" s="6" t="s">
        <v>3737</v>
      </c>
      <c r="H3338" s="6" t="s">
        <v>6843</v>
      </c>
      <c r="I3338" s="7">
        <v>3.2640159999999998</v>
      </c>
      <c r="J3338" s="8">
        <v>-76.539820899999995</v>
      </c>
    </row>
    <row r="3339" spans="1:10" x14ac:dyDescent="0.35">
      <c r="A3339" s="5" t="s">
        <v>10</v>
      </c>
      <c r="B3339" s="6">
        <v>226298</v>
      </c>
      <c r="C3339" s="6" t="s">
        <v>68</v>
      </c>
      <c r="D3339" s="6" t="s">
        <v>69</v>
      </c>
      <c r="E3339" s="6">
        <v>11001</v>
      </c>
      <c r="F3339" s="6" t="s">
        <v>13</v>
      </c>
      <c r="G3339" s="6" t="s">
        <v>3737</v>
      </c>
      <c r="H3339" s="6" t="s">
        <v>6844</v>
      </c>
      <c r="I3339" s="7">
        <v>4.6990105999999896</v>
      </c>
      <c r="J3339" s="8">
        <v>-74.054086299999994</v>
      </c>
    </row>
    <row r="3340" spans="1:10" x14ac:dyDescent="0.35">
      <c r="A3340" s="5" t="s">
        <v>10</v>
      </c>
      <c r="B3340" s="6">
        <v>232372</v>
      </c>
      <c r="C3340" s="6" t="s">
        <v>117</v>
      </c>
      <c r="D3340" s="6" t="s">
        <v>1334</v>
      </c>
      <c r="E3340" s="6">
        <v>76001</v>
      </c>
      <c r="F3340" s="6" t="s">
        <v>13</v>
      </c>
      <c r="G3340" s="6" t="s">
        <v>6845</v>
      </c>
      <c r="H3340" s="6" t="s">
        <v>6846</v>
      </c>
      <c r="I3340" s="7">
        <v>3.3732926999999999</v>
      </c>
      <c r="J3340" s="8">
        <v>-76.539074499999998</v>
      </c>
    </row>
    <row r="3341" spans="1:10" x14ac:dyDescent="0.35">
      <c r="A3341" s="5" t="s">
        <v>10</v>
      </c>
      <c r="B3341" s="6">
        <v>240215</v>
      </c>
      <c r="C3341" s="6" t="s">
        <v>16</v>
      </c>
      <c r="D3341" s="6" t="s">
        <v>2825</v>
      </c>
      <c r="E3341" s="6">
        <v>68276</v>
      </c>
      <c r="F3341" s="6" t="s">
        <v>18</v>
      </c>
      <c r="G3341" s="6" t="s">
        <v>6847</v>
      </c>
      <c r="H3341" s="6" t="s">
        <v>6848</v>
      </c>
      <c r="I3341" s="7">
        <v>7.0911843000000001</v>
      </c>
      <c r="J3341" s="8">
        <v>-73.106554399999993</v>
      </c>
    </row>
    <row r="3342" spans="1:10" x14ac:dyDescent="0.35">
      <c r="A3342" s="5" t="s">
        <v>10</v>
      </c>
      <c r="B3342" s="6">
        <v>246135</v>
      </c>
      <c r="C3342" s="6" t="s">
        <v>16</v>
      </c>
      <c r="D3342" s="6" t="s">
        <v>78</v>
      </c>
      <c r="E3342" s="6">
        <v>68001</v>
      </c>
      <c r="F3342" s="6" t="s">
        <v>18</v>
      </c>
      <c r="G3342" s="6" t="s">
        <v>6849</v>
      </c>
      <c r="H3342" s="6" t="s">
        <v>6850</v>
      </c>
      <c r="I3342" s="7">
        <v>7.1193489999999997</v>
      </c>
      <c r="J3342" s="8">
        <v>-73.122741599999998</v>
      </c>
    </row>
    <row r="3343" spans="1:10" x14ac:dyDescent="0.35">
      <c r="A3343" s="5" t="s">
        <v>10</v>
      </c>
      <c r="B3343" s="6">
        <v>191411</v>
      </c>
      <c r="C3343" s="6" t="s">
        <v>551</v>
      </c>
      <c r="D3343" s="6" t="s">
        <v>3868</v>
      </c>
      <c r="E3343" s="6">
        <v>20001</v>
      </c>
      <c r="F3343" s="6" t="s">
        <v>18</v>
      </c>
      <c r="G3343" s="6" t="s">
        <v>6851</v>
      </c>
      <c r="H3343" s="6" t="s">
        <v>6852</v>
      </c>
      <c r="I3343" s="7">
        <v>10.478508100000001</v>
      </c>
      <c r="J3343" s="8">
        <v>-73.270710299999905</v>
      </c>
    </row>
    <row r="3344" spans="1:10" x14ac:dyDescent="0.35">
      <c r="A3344" s="5" t="s">
        <v>10</v>
      </c>
      <c r="B3344" s="6">
        <v>166912</v>
      </c>
      <c r="C3344" s="6" t="s">
        <v>278</v>
      </c>
      <c r="D3344" s="6" t="s">
        <v>6853</v>
      </c>
      <c r="E3344" s="6">
        <v>50223</v>
      </c>
      <c r="F3344" s="6" t="s">
        <v>18</v>
      </c>
      <c r="G3344" s="6" t="s">
        <v>6854</v>
      </c>
      <c r="H3344" s="6" t="s">
        <v>6855</v>
      </c>
      <c r="I3344" s="7">
        <v>3.766667</v>
      </c>
      <c r="J3344" s="8">
        <v>-73.833332999999996</v>
      </c>
    </row>
    <row r="3345" spans="1:10" x14ac:dyDescent="0.35">
      <c r="A3345" s="5" t="s">
        <v>10</v>
      </c>
      <c r="B3345" s="6">
        <v>195979</v>
      </c>
      <c r="C3345" s="6" t="s">
        <v>11</v>
      </c>
      <c r="D3345" s="6" t="s">
        <v>337</v>
      </c>
      <c r="E3345" s="6">
        <v>25290</v>
      </c>
      <c r="F3345" s="6" t="s">
        <v>18</v>
      </c>
      <c r="G3345" s="6" t="s">
        <v>6856</v>
      </c>
      <c r="H3345" s="6" t="s">
        <v>6857</v>
      </c>
      <c r="I3345" s="7">
        <v>4.3329342999999998</v>
      </c>
      <c r="J3345" s="8">
        <v>-74.370027699999994</v>
      </c>
    </row>
    <row r="3346" spans="1:10" x14ac:dyDescent="0.35">
      <c r="A3346" s="5" t="s">
        <v>10</v>
      </c>
      <c r="B3346" s="6">
        <v>238444</v>
      </c>
      <c r="C3346" s="6" t="s">
        <v>11</v>
      </c>
      <c r="D3346" s="6" t="s">
        <v>2787</v>
      </c>
      <c r="E3346" s="6">
        <v>25779</v>
      </c>
      <c r="F3346" s="6" t="s">
        <v>18</v>
      </c>
      <c r="G3346" s="6" t="s">
        <v>6858</v>
      </c>
      <c r="H3346" s="6" t="s">
        <v>6859</v>
      </c>
      <c r="I3346" s="7">
        <v>5.4551254</v>
      </c>
      <c r="J3346" s="8">
        <v>-73.813954499999994</v>
      </c>
    </row>
    <row r="3347" spans="1:10" x14ac:dyDescent="0.35">
      <c r="A3347" s="5" t="s">
        <v>10</v>
      </c>
      <c r="B3347" s="6">
        <v>233965</v>
      </c>
      <c r="C3347" s="6" t="s">
        <v>68</v>
      </c>
      <c r="D3347" s="6" t="s">
        <v>69</v>
      </c>
      <c r="E3347" s="6">
        <v>11001</v>
      </c>
      <c r="F3347" s="6" t="s">
        <v>18</v>
      </c>
      <c r="G3347" s="6" t="s">
        <v>6860</v>
      </c>
      <c r="H3347" s="6" t="s">
        <v>6861</v>
      </c>
      <c r="I3347" s="7">
        <v>4.6207447000000004</v>
      </c>
      <c r="J3347" s="8">
        <v>-74.068930499999993</v>
      </c>
    </row>
    <row r="3348" spans="1:10" x14ac:dyDescent="0.35">
      <c r="A3348" s="5" t="s">
        <v>10</v>
      </c>
      <c r="B3348" s="6">
        <v>237971</v>
      </c>
      <c r="C3348" s="6" t="s">
        <v>68</v>
      </c>
      <c r="D3348" s="6" t="s">
        <v>69</v>
      </c>
      <c r="E3348" s="6">
        <v>11001</v>
      </c>
      <c r="F3348" s="6" t="s">
        <v>18</v>
      </c>
      <c r="G3348" s="6" t="s">
        <v>6862</v>
      </c>
      <c r="H3348" s="6" t="s">
        <v>6863</v>
      </c>
      <c r="I3348" s="7">
        <v>4.6068550000000004</v>
      </c>
      <c r="J3348" s="8">
        <v>-74.0847938</v>
      </c>
    </row>
    <row r="3349" spans="1:10" x14ac:dyDescent="0.35">
      <c r="A3349" s="5" t="s">
        <v>10</v>
      </c>
      <c r="B3349" s="6">
        <v>236126</v>
      </c>
      <c r="C3349" s="6" t="s">
        <v>278</v>
      </c>
      <c r="D3349" s="6" t="s">
        <v>4210</v>
      </c>
      <c r="E3349" s="6">
        <v>50150</v>
      </c>
      <c r="F3349" s="6" t="s">
        <v>18</v>
      </c>
      <c r="G3349" s="6" t="s">
        <v>6864</v>
      </c>
      <c r="H3349" s="6" t="s">
        <v>6865</v>
      </c>
      <c r="I3349" s="7">
        <v>3.8287054</v>
      </c>
      <c r="J3349" s="8">
        <v>-73.689099499999998</v>
      </c>
    </row>
    <row r="3350" spans="1:10" x14ac:dyDescent="0.35">
      <c r="A3350" s="5" t="s">
        <v>10</v>
      </c>
      <c r="B3350" s="6">
        <v>208753</v>
      </c>
      <c r="C3350" s="6" t="s">
        <v>24</v>
      </c>
      <c r="D3350" s="6" t="s">
        <v>88</v>
      </c>
      <c r="E3350" s="6">
        <v>15001</v>
      </c>
      <c r="F3350" s="6" t="s">
        <v>18</v>
      </c>
      <c r="G3350" s="6" t="s">
        <v>6866</v>
      </c>
      <c r="H3350" s="6" t="s">
        <v>6867</v>
      </c>
      <c r="I3350" s="7">
        <v>5.5250455999999897</v>
      </c>
      <c r="J3350" s="8">
        <v>-73.365734399999994</v>
      </c>
    </row>
    <row r="3351" spans="1:10" x14ac:dyDescent="0.35">
      <c r="A3351" s="5" t="s">
        <v>10</v>
      </c>
      <c r="B3351" s="6">
        <v>68929</v>
      </c>
      <c r="C3351" s="6" t="s">
        <v>24</v>
      </c>
      <c r="D3351" s="6" t="s">
        <v>88</v>
      </c>
      <c r="E3351" s="6">
        <v>15001</v>
      </c>
      <c r="F3351" s="6" t="s">
        <v>18</v>
      </c>
      <c r="G3351" s="6" t="s">
        <v>6868</v>
      </c>
      <c r="H3351" s="6" t="s">
        <v>6869</v>
      </c>
      <c r="I3351" s="7">
        <v>5.5270658999999904</v>
      </c>
      <c r="J3351" s="8">
        <v>-73.355045500000003</v>
      </c>
    </row>
    <row r="3352" spans="1:10" x14ac:dyDescent="0.35">
      <c r="A3352" s="5" t="s">
        <v>10</v>
      </c>
      <c r="B3352" s="6">
        <v>235043</v>
      </c>
      <c r="C3352" s="6" t="s">
        <v>11</v>
      </c>
      <c r="D3352" s="6" t="s">
        <v>12</v>
      </c>
      <c r="E3352" s="6">
        <v>25899</v>
      </c>
      <c r="F3352" s="6" t="s">
        <v>18</v>
      </c>
      <c r="G3352" s="6" t="s">
        <v>6870</v>
      </c>
      <c r="H3352" s="6" t="s">
        <v>6871</v>
      </c>
      <c r="I3352" s="7">
        <v>5.0200107999999997</v>
      </c>
      <c r="J3352" s="8">
        <v>-73.969607300000007</v>
      </c>
    </row>
    <row r="3353" spans="1:10" x14ac:dyDescent="0.35">
      <c r="A3353" s="5" t="s">
        <v>10</v>
      </c>
      <c r="B3353" s="6">
        <v>234507</v>
      </c>
      <c r="C3353" s="6" t="s">
        <v>457</v>
      </c>
      <c r="D3353" s="6" t="s">
        <v>1086</v>
      </c>
      <c r="E3353" s="6">
        <v>52356</v>
      </c>
      <c r="F3353" s="6" t="s">
        <v>18</v>
      </c>
      <c r="G3353" s="6" t="s">
        <v>6872</v>
      </c>
      <c r="H3353" s="6" t="s">
        <v>6873</v>
      </c>
      <c r="I3353" s="7">
        <v>0.83159430000000001</v>
      </c>
      <c r="J3353" s="8">
        <v>-77.643828799999994</v>
      </c>
    </row>
    <row r="3354" spans="1:10" x14ac:dyDescent="0.35">
      <c r="A3354" s="5" t="s">
        <v>10</v>
      </c>
      <c r="B3354" s="6">
        <v>236028</v>
      </c>
      <c r="C3354" s="6" t="s">
        <v>68</v>
      </c>
      <c r="D3354" s="6" t="s">
        <v>69</v>
      </c>
      <c r="E3354" s="6">
        <v>11001</v>
      </c>
      <c r="F3354" s="6" t="s">
        <v>18</v>
      </c>
      <c r="G3354" s="6" t="s">
        <v>3842</v>
      </c>
      <c r="H3354" s="6" t="s">
        <v>6874</v>
      </c>
      <c r="I3354" s="7">
        <v>4.6219631999999997</v>
      </c>
      <c r="J3354" s="8">
        <v>-74.143778900000001</v>
      </c>
    </row>
    <row r="3355" spans="1:10" x14ac:dyDescent="0.35">
      <c r="A3355" s="5" t="s">
        <v>10</v>
      </c>
      <c r="B3355" s="6">
        <v>226338</v>
      </c>
      <c r="C3355" s="6" t="s">
        <v>109</v>
      </c>
      <c r="D3355" s="6" t="s">
        <v>227</v>
      </c>
      <c r="E3355" s="6">
        <v>13001</v>
      </c>
      <c r="F3355" s="6" t="s">
        <v>13</v>
      </c>
      <c r="G3355" s="6" t="s">
        <v>3737</v>
      </c>
      <c r="H3355" s="6" t="s">
        <v>6875</v>
      </c>
      <c r="I3355" s="7">
        <v>10.4125733</v>
      </c>
      <c r="J3355" s="8">
        <v>-75.550519399999999</v>
      </c>
    </row>
    <row r="3356" spans="1:10" x14ac:dyDescent="0.35">
      <c r="A3356" s="5" t="s">
        <v>10</v>
      </c>
      <c r="B3356" s="6">
        <v>136288</v>
      </c>
      <c r="C3356" s="6" t="s">
        <v>16</v>
      </c>
      <c r="D3356" s="6" t="s">
        <v>78</v>
      </c>
      <c r="E3356" s="6">
        <v>68001</v>
      </c>
      <c r="F3356" s="6" t="s">
        <v>18</v>
      </c>
      <c r="G3356" s="6" t="s">
        <v>6876</v>
      </c>
      <c r="H3356" s="6" t="s">
        <v>6877</v>
      </c>
      <c r="I3356" s="7">
        <v>7.082897</v>
      </c>
      <c r="J3356" s="8">
        <v>-73.130023699999995</v>
      </c>
    </row>
    <row r="3357" spans="1:10" x14ac:dyDescent="0.35">
      <c r="A3357" s="5" t="s">
        <v>10</v>
      </c>
      <c r="B3357" s="6">
        <v>213510</v>
      </c>
      <c r="C3357" s="6" t="s">
        <v>11</v>
      </c>
      <c r="D3357" s="6" t="s">
        <v>334</v>
      </c>
      <c r="E3357" s="6">
        <v>25754</v>
      </c>
      <c r="F3357" s="6" t="s">
        <v>18</v>
      </c>
      <c r="G3357" s="6" t="s">
        <v>6878</v>
      </c>
      <c r="H3357" s="6" t="s">
        <v>6879</v>
      </c>
      <c r="I3357" s="7">
        <v>4.5805264000000001</v>
      </c>
      <c r="J3357" s="8">
        <v>-74.204368899999906</v>
      </c>
    </row>
    <row r="3358" spans="1:10" x14ac:dyDescent="0.35">
      <c r="A3358" s="5" t="s">
        <v>10</v>
      </c>
      <c r="B3358" s="6">
        <v>236562</v>
      </c>
      <c r="C3358" s="6" t="s">
        <v>11</v>
      </c>
      <c r="D3358" s="6" t="s">
        <v>337</v>
      </c>
      <c r="E3358" s="6">
        <v>25290</v>
      </c>
      <c r="F3358" s="6" t="s">
        <v>18</v>
      </c>
      <c r="G3358" s="6" t="s">
        <v>6880</v>
      </c>
      <c r="H3358" s="6" t="s">
        <v>6881</v>
      </c>
      <c r="I3358" s="7">
        <v>4.3285090000000004</v>
      </c>
      <c r="J3358" s="8">
        <v>-74.365172299999998</v>
      </c>
    </row>
    <row r="3359" spans="1:10" x14ac:dyDescent="0.35">
      <c r="A3359" s="5" t="s">
        <v>10</v>
      </c>
      <c r="B3359" s="6">
        <v>233390</v>
      </c>
      <c r="C3359" s="6" t="s">
        <v>11</v>
      </c>
      <c r="D3359" s="6" t="s">
        <v>334</v>
      </c>
      <c r="E3359" s="6">
        <v>25754</v>
      </c>
      <c r="F3359" s="6" t="s">
        <v>18</v>
      </c>
      <c r="G3359" s="6" t="s">
        <v>6882</v>
      </c>
      <c r="H3359" s="6" t="s">
        <v>6883</v>
      </c>
      <c r="I3359" s="7">
        <v>4.6448299999999998</v>
      </c>
      <c r="J3359" s="8">
        <v>-74.065719999999999</v>
      </c>
    </row>
    <row r="3360" spans="1:10" x14ac:dyDescent="0.35">
      <c r="A3360" s="5" t="s">
        <v>10</v>
      </c>
      <c r="B3360" s="6">
        <v>226399</v>
      </c>
      <c r="C3360" s="6" t="s">
        <v>190</v>
      </c>
      <c r="D3360" s="6" t="s">
        <v>191</v>
      </c>
      <c r="E3360" s="6">
        <v>5001</v>
      </c>
      <c r="F3360" s="6" t="s">
        <v>13</v>
      </c>
      <c r="G3360" s="6" t="s">
        <v>3737</v>
      </c>
      <c r="H3360" s="6" t="s">
        <v>6884</v>
      </c>
      <c r="I3360" s="7">
        <v>6.2360639999999998</v>
      </c>
      <c r="J3360" s="8">
        <v>-75.603735299999997</v>
      </c>
    </row>
    <row r="3361" spans="1:10" x14ac:dyDescent="0.35">
      <c r="A3361" s="5" t="s">
        <v>10</v>
      </c>
      <c r="B3361" s="6">
        <v>168213</v>
      </c>
      <c r="C3361" s="6" t="s">
        <v>24</v>
      </c>
      <c r="D3361" s="6" t="s">
        <v>88</v>
      </c>
      <c r="E3361" s="6">
        <v>15001</v>
      </c>
      <c r="F3361" s="6" t="s">
        <v>18</v>
      </c>
      <c r="G3361" s="6" t="s">
        <v>6885</v>
      </c>
      <c r="H3361" s="6" t="s">
        <v>6886</v>
      </c>
      <c r="I3361" s="7">
        <v>5.5462159</v>
      </c>
      <c r="J3361" s="8">
        <v>-73.356177899999906</v>
      </c>
    </row>
    <row r="3362" spans="1:10" x14ac:dyDescent="0.35">
      <c r="A3362" s="5" t="s">
        <v>10</v>
      </c>
      <c r="B3362" s="6">
        <v>223173</v>
      </c>
      <c r="C3362" s="6" t="s">
        <v>16</v>
      </c>
      <c r="D3362" s="6" t="s">
        <v>78</v>
      </c>
      <c r="E3362" s="6">
        <v>68001</v>
      </c>
      <c r="F3362" s="6" t="s">
        <v>18</v>
      </c>
      <c r="G3362" s="6" t="s">
        <v>6887</v>
      </c>
      <c r="H3362" s="6" t="s">
        <v>6888</v>
      </c>
      <c r="I3362" s="7">
        <v>7.1137939000000001</v>
      </c>
      <c r="J3362" s="8">
        <v>-73.126504299999993</v>
      </c>
    </row>
    <row r="3363" spans="1:10" x14ac:dyDescent="0.35">
      <c r="A3363" s="5" t="s">
        <v>10</v>
      </c>
      <c r="B3363" s="6">
        <v>234702</v>
      </c>
      <c r="C3363" s="6" t="s">
        <v>16</v>
      </c>
      <c r="D3363" s="6" t="s">
        <v>2825</v>
      </c>
      <c r="E3363" s="6">
        <v>68276</v>
      </c>
      <c r="F3363" s="6" t="s">
        <v>18</v>
      </c>
      <c r="G3363" s="6" t="s">
        <v>6889</v>
      </c>
      <c r="H3363" s="6" t="s">
        <v>6890</v>
      </c>
      <c r="I3363" s="7">
        <v>7.0785608</v>
      </c>
      <c r="J3363" s="8">
        <v>-73.101165699999996</v>
      </c>
    </row>
    <row r="3364" spans="1:10" x14ac:dyDescent="0.35">
      <c r="A3364" s="5" t="s">
        <v>10</v>
      </c>
      <c r="B3364" s="6">
        <v>191456</v>
      </c>
      <c r="C3364" s="6" t="s">
        <v>16</v>
      </c>
      <c r="D3364" s="6" t="s">
        <v>78</v>
      </c>
      <c r="E3364" s="6">
        <v>68001</v>
      </c>
      <c r="F3364" s="6" t="s">
        <v>18</v>
      </c>
      <c r="G3364" s="6" t="s">
        <v>5693</v>
      </c>
      <c r="H3364" s="6" t="s">
        <v>5694</v>
      </c>
      <c r="I3364" s="7">
        <v>7.1321884999999998</v>
      </c>
      <c r="J3364" s="8">
        <v>-73.132076799999993</v>
      </c>
    </row>
    <row r="3365" spans="1:10" x14ac:dyDescent="0.35">
      <c r="A3365" s="5" t="s">
        <v>10</v>
      </c>
      <c r="B3365" s="6">
        <v>239959</v>
      </c>
      <c r="C3365" s="6" t="s">
        <v>294</v>
      </c>
      <c r="D3365" s="6" t="s">
        <v>2887</v>
      </c>
      <c r="E3365" s="6">
        <v>41668</v>
      </c>
      <c r="F3365" s="6" t="s">
        <v>18</v>
      </c>
      <c r="G3365" s="6" t="s">
        <v>6891</v>
      </c>
      <c r="H3365" s="6" t="s">
        <v>6892</v>
      </c>
      <c r="I3365" s="7">
        <v>1.8879294</v>
      </c>
      <c r="J3365" s="8">
        <v>-76.284728400000006</v>
      </c>
    </row>
    <row r="3366" spans="1:10" x14ac:dyDescent="0.35">
      <c r="A3366" s="5" t="s">
        <v>10</v>
      </c>
      <c r="B3366" s="6">
        <v>232816</v>
      </c>
      <c r="C3366" s="6" t="s">
        <v>294</v>
      </c>
      <c r="D3366" s="6" t="s">
        <v>1722</v>
      </c>
      <c r="E3366" s="6">
        <v>41797</v>
      </c>
      <c r="F3366" s="6" t="s">
        <v>18</v>
      </c>
      <c r="G3366" s="6" t="s">
        <v>6893</v>
      </c>
      <c r="H3366" s="6" t="s">
        <v>6894</v>
      </c>
      <c r="I3366" s="7">
        <v>2.4868380000000001</v>
      </c>
      <c r="J3366" s="8">
        <v>-75.730715799999999</v>
      </c>
    </row>
    <row r="3367" spans="1:10" x14ac:dyDescent="0.35">
      <c r="A3367" s="5" t="s">
        <v>10</v>
      </c>
      <c r="B3367" s="6">
        <v>206533</v>
      </c>
      <c r="C3367" s="6" t="s">
        <v>11</v>
      </c>
      <c r="D3367" s="6" t="s">
        <v>101</v>
      </c>
      <c r="E3367" s="6">
        <v>25473</v>
      </c>
      <c r="F3367" s="6" t="s">
        <v>18</v>
      </c>
      <c r="G3367" s="6" t="s">
        <v>6895</v>
      </c>
      <c r="H3367" s="6" t="s">
        <v>6896</v>
      </c>
      <c r="I3367" s="7">
        <v>4.7053102999999998</v>
      </c>
      <c r="J3367" s="8">
        <v>-74.214085800000007</v>
      </c>
    </row>
    <row r="3368" spans="1:10" x14ac:dyDescent="0.35">
      <c r="A3368" s="5" t="s">
        <v>10</v>
      </c>
      <c r="B3368" s="6">
        <v>216035</v>
      </c>
      <c r="C3368" s="6" t="s">
        <v>117</v>
      </c>
      <c r="D3368" s="6" t="s">
        <v>4931</v>
      </c>
      <c r="E3368" s="6">
        <v>76892</v>
      </c>
      <c r="F3368" s="6" t="s">
        <v>18</v>
      </c>
      <c r="G3368" s="6" t="s">
        <v>6897</v>
      </c>
      <c r="H3368" s="6" t="s">
        <v>6898</v>
      </c>
      <c r="I3368" s="7">
        <v>3.5793957999999999</v>
      </c>
      <c r="J3368" s="8">
        <v>-76.491766999999996</v>
      </c>
    </row>
    <row r="3369" spans="1:10" x14ac:dyDescent="0.35">
      <c r="A3369" s="5" t="s">
        <v>10</v>
      </c>
      <c r="B3369" s="6">
        <v>210225</v>
      </c>
      <c r="C3369" s="6" t="s">
        <v>11</v>
      </c>
      <c r="D3369" s="6" t="s">
        <v>4073</v>
      </c>
      <c r="E3369" s="6">
        <v>25740</v>
      </c>
      <c r="F3369" s="6" t="s">
        <v>18</v>
      </c>
      <c r="G3369" s="6" t="s">
        <v>6899</v>
      </c>
      <c r="H3369" s="6" t="s">
        <v>6900</v>
      </c>
      <c r="I3369" s="7">
        <v>4.7880599999999998</v>
      </c>
      <c r="J3369" s="8">
        <v>-73.716980000000007</v>
      </c>
    </row>
    <row r="3370" spans="1:10" x14ac:dyDescent="0.35">
      <c r="A3370" s="5" t="s">
        <v>10</v>
      </c>
      <c r="B3370" s="6">
        <v>225405</v>
      </c>
      <c r="C3370" s="6" t="s">
        <v>68</v>
      </c>
      <c r="D3370" s="6" t="s">
        <v>69</v>
      </c>
      <c r="E3370" s="6">
        <v>11001</v>
      </c>
      <c r="F3370" s="6" t="s">
        <v>18</v>
      </c>
      <c r="G3370" s="6" t="s">
        <v>6901</v>
      </c>
      <c r="H3370" s="6" t="s">
        <v>6902</v>
      </c>
      <c r="I3370" s="7">
        <v>4.7450798000000001</v>
      </c>
      <c r="J3370" s="8">
        <v>-74.124157299999993</v>
      </c>
    </row>
    <row r="3371" spans="1:10" x14ac:dyDescent="0.35">
      <c r="A3371" s="5" t="s">
        <v>10</v>
      </c>
      <c r="B3371" s="6">
        <v>231360</v>
      </c>
      <c r="C3371" s="6" t="s">
        <v>190</v>
      </c>
      <c r="D3371" s="6" t="s">
        <v>4063</v>
      </c>
      <c r="E3371" s="6">
        <v>5088</v>
      </c>
      <c r="F3371" s="6" t="s">
        <v>18</v>
      </c>
      <c r="G3371" s="6" t="s">
        <v>6903</v>
      </c>
      <c r="H3371" s="6" t="s">
        <v>6904</v>
      </c>
      <c r="I3371" s="7">
        <v>6.3404283000000001</v>
      </c>
      <c r="J3371" s="8">
        <v>-75.571291900000006</v>
      </c>
    </row>
    <row r="3372" spans="1:10" x14ac:dyDescent="0.35">
      <c r="A3372" s="5" t="s">
        <v>10</v>
      </c>
      <c r="B3372" s="6">
        <v>232992</v>
      </c>
      <c r="C3372" s="6" t="s">
        <v>68</v>
      </c>
      <c r="D3372" s="6" t="s">
        <v>69</v>
      </c>
      <c r="E3372" s="6">
        <v>11001</v>
      </c>
      <c r="F3372" s="6" t="s">
        <v>18</v>
      </c>
      <c r="G3372" s="6" t="s">
        <v>6905</v>
      </c>
      <c r="H3372" s="6" t="s">
        <v>6906</v>
      </c>
      <c r="I3372" s="7">
        <v>4.5511400000000002</v>
      </c>
      <c r="J3372" s="8">
        <v>-74.091729999999998</v>
      </c>
    </row>
    <row r="3373" spans="1:10" x14ac:dyDescent="0.35">
      <c r="A3373" s="5" t="s">
        <v>10</v>
      </c>
      <c r="B3373" s="6">
        <v>226260</v>
      </c>
      <c r="C3373" s="6" t="s">
        <v>117</v>
      </c>
      <c r="D3373" s="6" t="s">
        <v>3492</v>
      </c>
      <c r="E3373" s="6">
        <v>76520</v>
      </c>
      <c r="F3373" s="6" t="s">
        <v>13</v>
      </c>
      <c r="G3373" s="6" t="s">
        <v>3737</v>
      </c>
      <c r="H3373" s="6" t="s">
        <v>6907</v>
      </c>
      <c r="I3373" s="7">
        <v>3.5392272</v>
      </c>
      <c r="J3373" s="8">
        <v>-76.296628699999999</v>
      </c>
    </row>
    <row r="3374" spans="1:10" x14ac:dyDescent="0.35">
      <c r="A3374" s="5" t="s">
        <v>10</v>
      </c>
      <c r="B3374" s="6">
        <v>226380</v>
      </c>
      <c r="C3374" s="6" t="s">
        <v>190</v>
      </c>
      <c r="D3374" s="6" t="s">
        <v>4063</v>
      </c>
      <c r="E3374" s="6">
        <v>5088</v>
      </c>
      <c r="F3374" s="6" t="s">
        <v>13</v>
      </c>
      <c r="G3374" s="6" t="s">
        <v>3737</v>
      </c>
      <c r="H3374" s="6" t="s">
        <v>6908</v>
      </c>
      <c r="I3374" s="7">
        <v>6.3347593999999896</v>
      </c>
      <c r="J3374" s="8">
        <v>-75.558668299999994</v>
      </c>
    </row>
    <row r="3375" spans="1:10" x14ac:dyDescent="0.35">
      <c r="A3375" s="5" t="s">
        <v>10</v>
      </c>
      <c r="B3375" s="6">
        <v>92360</v>
      </c>
      <c r="C3375" s="6" t="s">
        <v>24</v>
      </c>
      <c r="D3375" s="6" t="s">
        <v>6909</v>
      </c>
      <c r="E3375" s="6">
        <v>15761</v>
      </c>
      <c r="F3375" s="6" t="s">
        <v>18</v>
      </c>
      <c r="G3375" s="6" t="s">
        <v>6910</v>
      </c>
      <c r="H3375" s="6" t="s">
        <v>6911</v>
      </c>
      <c r="I3375" s="7">
        <v>4.9857630000000004</v>
      </c>
      <c r="J3375" s="8">
        <v>-73.433019999999999</v>
      </c>
    </row>
    <row r="3376" spans="1:10" x14ac:dyDescent="0.35">
      <c r="A3376" s="5" t="s">
        <v>10</v>
      </c>
      <c r="B3376" s="6">
        <v>192247</v>
      </c>
      <c r="C3376" s="6" t="s">
        <v>278</v>
      </c>
      <c r="D3376" s="6" t="s">
        <v>4924</v>
      </c>
      <c r="E3376" s="6">
        <v>50689</v>
      </c>
      <c r="F3376" s="6" t="s">
        <v>18</v>
      </c>
      <c r="G3376" s="6" t="s">
        <v>6912</v>
      </c>
      <c r="H3376" s="6" t="s">
        <v>6913</v>
      </c>
      <c r="I3376" s="7">
        <v>3.6984919999999999</v>
      </c>
      <c r="J3376" s="8">
        <v>-73.697308000000007</v>
      </c>
    </row>
    <row r="3377" spans="1:10" x14ac:dyDescent="0.35">
      <c r="A3377" s="5" t="s">
        <v>10</v>
      </c>
      <c r="B3377" s="6">
        <v>191633</v>
      </c>
      <c r="C3377" s="6" t="s">
        <v>11</v>
      </c>
      <c r="D3377" s="6" t="s">
        <v>334</v>
      </c>
      <c r="E3377" s="6">
        <v>25754</v>
      </c>
      <c r="F3377" s="6" t="s">
        <v>18</v>
      </c>
      <c r="G3377" s="6" t="s">
        <v>6914</v>
      </c>
      <c r="H3377" s="6" t="s">
        <v>6915</v>
      </c>
      <c r="I3377" s="7">
        <v>4.5785983999999997</v>
      </c>
      <c r="J3377" s="8">
        <v>-74.239744199999905</v>
      </c>
    </row>
    <row r="3378" spans="1:10" x14ac:dyDescent="0.35">
      <c r="A3378" s="5" t="s">
        <v>10</v>
      </c>
      <c r="B3378" s="6">
        <v>235807</v>
      </c>
      <c r="C3378" s="6" t="s">
        <v>11</v>
      </c>
      <c r="D3378" s="6" t="s">
        <v>4340</v>
      </c>
      <c r="E3378" s="6">
        <v>25841</v>
      </c>
      <c r="F3378" s="6" t="s">
        <v>18</v>
      </c>
      <c r="G3378" s="6" t="s">
        <v>6916</v>
      </c>
      <c r="H3378" s="6" t="s">
        <v>6917</v>
      </c>
      <c r="I3378" s="7">
        <v>4.4833238</v>
      </c>
      <c r="J3378" s="8">
        <v>-73.934453700000006</v>
      </c>
    </row>
    <row r="3379" spans="1:10" x14ac:dyDescent="0.35">
      <c r="A3379" s="5" t="s">
        <v>10</v>
      </c>
      <c r="B3379" s="6">
        <v>232420</v>
      </c>
      <c r="C3379" s="6" t="s">
        <v>68</v>
      </c>
      <c r="D3379" s="6" t="s">
        <v>69</v>
      </c>
      <c r="E3379" s="6">
        <v>11001</v>
      </c>
      <c r="F3379" s="6" t="s">
        <v>18</v>
      </c>
      <c r="G3379" s="6" t="s">
        <v>6918</v>
      </c>
      <c r="H3379" s="6" t="s">
        <v>6919</v>
      </c>
      <c r="I3379" s="7">
        <v>4.5111470999999996</v>
      </c>
      <c r="J3379" s="8">
        <v>-74.112545100000006</v>
      </c>
    </row>
    <row r="3380" spans="1:10" x14ac:dyDescent="0.35">
      <c r="A3380" s="5" t="s">
        <v>10</v>
      </c>
      <c r="B3380" s="6">
        <v>246594</v>
      </c>
      <c r="C3380" s="6" t="s">
        <v>28</v>
      </c>
      <c r="D3380" s="6" t="s">
        <v>29</v>
      </c>
      <c r="E3380" s="6">
        <v>54001</v>
      </c>
      <c r="F3380" s="6" t="s">
        <v>18</v>
      </c>
      <c r="G3380" s="6" t="s">
        <v>6920</v>
      </c>
      <c r="H3380" s="6" t="s">
        <v>6921</v>
      </c>
      <c r="I3380" s="7">
        <v>7.9299533000000002</v>
      </c>
      <c r="J3380" s="8">
        <v>-72.491376299999999</v>
      </c>
    </row>
    <row r="3381" spans="1:10" x14ac:dyDescent="0.35">
      <c r="A3381" s="5" t="s">
        <v>10</v>
      </c>
      <c r="B3381" s="6">
        <v>226531</v>
      </c>
      <c r="C3381" s="6" t="s">
        <v>68</v>
      </c>
      <c r="D3381" s="6" t="s">
        <v>69</v>
      </c>
      <c r="E3381" s="6">
        <v>11001</v>
      </c>
      <c r="F3381" s="6" t="s">
        <v>18</v>
      </c>
      <c r="G3381" s="6" t="s">
        <v>6922</v>
      </c>
      <c r="H3381" s="6" t="s">
        <v>6923</v>
      </c>
      <c r="I3381" s="7">
        <v>4.6178613999999998</v>
      </c>
      <c r="J3381" s="8">
        <v>-74.181979099999893</v>
      </c>
    </row>
    <row r="3382" spans="1:10" x14ac:dyDescent="0.35">
      <c r="A3382" s="5" t="s">
        <v>10</v>
      </c>
      <c r="B3382" s="6">
        <v>226314</v>
      </c>
      <c r="C3382" s="6" t="s">
        <v>28</v>
      </c>
      <c r="D3382" s="6" t="s">
        <v>29</v>
      </c>
      <c r="E3382" s="6">
        <v>54001</v>
      </c>
      <c r="F3382" s="6" t="s">
        <v>13</v>
      </c>
      <c r="G3382" s="6" t="s">
        <v>3737</v>
      </c>
      <c r="H3382" s="6" t="s">
        <v>6924</v>
      </c>
      <c r="I3382" s="7">
        <v>7.8907588000000004</v>
      </c>
      <c r="J3382" s="8">
        <v>-72.487974300000005</v>
      </c>
    </row>
    <row r="3383" spans="1:10" x14ac:dyDescent="0.35">
      <c r="A3383" s="5" t="s">
        <v>10</v>
      </c>
      <c r="B3383" s="6">
        <v>226217</v>
      </c>
      <c r="C3383" s="6" t="s">
        <v>117</v>
      </c>
      <c r="D3383" s="6" t="s">
        <v>5316</v>
      </c>
      <c r="E3383" s="6">
        <v>76109</v>
      </c>
      <c r="F3383" s="6" t="s">
        <v>13</v>
      </c>
      <c r="G3383" s="6" t="s">
        <v>3737</v>
      </c>
      <c r="H3383" s="6" t="s">
        <v>6925</v>
      </c>
      <c r="I3383" s="7">
        <v>3.8878142000000002</v>
      </c>
      <c r="J3383" s="8">
        <v>-77.0775699</v>
      </c>
    </row>
    <row r="3384" spans="1:10" x14ac:dyDescent="0.35">
      <c r="A3384" s="5" t="s">
        <v>10</v>
      </c>
      <c r="B3384" s="6">
        <v>184384</v>
      </c>
      <c r="C3384" s="6" t="s">
        <v>16</v>
      </c>
      <c r="D3384" s="6" t="s">
        <v>78</v>
      </c>
      <c r="E3384" s="6">
        <v>68001</v>
      </c>
      <c r="F3384" s="6" t="s">
        <v>18</v>
      </c>
      <c r="G3384" s="6" t="s">
        <v>6926</v>
      </c>
      <c r="H3384" s="6" t="s">
        <v>6927</v>
      </c>
      <c r="I3384" s="7">
        <v>7.1050671999999997</v>
      </c>
      <c r="J3384" s="8">
        <v>-73.114744599999995</v>
      </c>
    </row>
    <row r="3385" spans="1:10" x14ac:dyDescent="0.35">
      <c r="A3385" s="5" t="s">
        <v>10</v>
      </c>
      <c r="B3385" s="6">
        <v>191744</v>
      </c>
      <c r="C3385" s="6" t="s">
        <v>11</v>
      </c>
      <c r="D3385" s="6" t="s">
        <v>3054</v>
      </c>
      <c r="E3385" s="6">
        <v>25269</v>
      </c>
      <c r="F3385" s="6" t="s">
        <v>18</v>
      </c>
      <c r="G3385" s="6" t="s">
        <v>6928</v>
      </c>
      <c r="H3385" s="6" t="s">
        <v>6929</v>
      </c>
      <c r="I3385" s="7">
        <v>4.8040981</v>
      </c>
      <c r="J3385" s="8">
        <v>-74.350181800000001</v>
      </c>
    </row>
    <row r="3386" spans="1:10" x14ac:dyDescent="0.35">
      <c r="A3386" s="5" t="s">
        <v>10</v>
      </c>
      <c r="B3386" s="6">
        <v>232380</v>
      </c>
      <c r="C3386" s="6" t="s">
        <v>11</v>
      </c>
      <c r="D3386" s="6" t="s">
        <v>334</v>
      </c>
      <c r="E3386" s="6">
        <v>25754</v>
      </c>
      <c r="F3386" s="6" t="s">
        <v>18</v>
      </c>
      <c r="G3386" s="6" t="s">
        <v>6930</v>
      </c>
      <c r="H3386" s="6" t="s">
        <v>6931</v>
      </c>
      <c r="I3386" s="7">
        <v>4.5800860999999999</v>
      </c>
      <c r="J3386" s="8">
        <v>-74.226462999999995</v>
      </c>
    </row>
    <row r="3387" spans="1:10" x14ac:dyDescent="0.35">
      <c r="A3387" s="5" t="s">
        <v>10</v>
      </c>
      <c r="B3387" s="6">
        <v>183796</v>
      </c>
      <c r="C3387" s="6" t="s">
        <v>117</v>
      </c>
      <c r="D3387" s="6" t="s">
        <v>3963</v>
      </c>
      <c r="E3387" s="6">
        <v>76377</v>
      </c>
      <c r="F3387" s="6" t="s">
        <v>18</v>
      </c>
      <c r="G3387" s="6" t="s">
        <v>6932</v>
      </c>
      <c r="H3387" s="6" t="s">
        <v>6933</v>
      </c>
      <c r="I3387" s="7">
        <v>4.1992988000000002</v>
      </c>
      <c r="J3387" s="8">
        <v>-76.242897099999993</v>
      </c>
    </row>
    <row r="3388" spans="1:10" x14ac:dyDescent="0.35">
      <c r="A3388" s="5" t="s">
        <v>10</v>
      </c>
      <c r="B3388" s="6">
        <v>206708</v>
      </c>
      <c r="C3388" s="6" t="s">
        <v>68</v>
      </c>
      <c r="D3388" s="6" t="s">
        <v>69</v>
      </c>
      <c r="E3388" s="6">
        <v>11001</v>
      </c>
      <c r="F3388" s="6" t="s">
        <v>18</v>
      </c>
      <c r="G3388" s="6" t="s">
        <v>6934</v>
      </c>
      <c r="H3388" s="6" t="s">
        <v>6935</v>
      </c>
      <c r="I3388" s="7">
        <v>4.6318988999999897</v>
      </c>
      <c r="J3388" s="8">
        <v>-74.057532399999999</v>
      </c>
    </row>
    <row r="3389" spans="1:10" x14ac:dyDescent="0.35">
      <c r="A3389" s="5" t="s">
        <v>10</v>
      </c>
      <c r="B3389" s="6">
        <v>206410</v>
      </c>
      <c r="C3389" s="6" t="s">
        <v>24</v>
      </c>
      <c r="D3389" s="6" t="s">
        <v>530</v>
      </c>
      <c r="E3389" s="6">
        <v>15516</v>
      </c>
      <c r="F3389" s="6" t="s">
        <v>18</v>
      </c>
      <c r="G3389" s="6" t="s">
        <v>6936</v>
      </c>
      <c r="H3389" s="6" t="s">
        <v>6937</v>
      </c>
      <c r="I3389" s="7">
        <v>5.7851229999999996</v>
      </c>
      <c r="J3389" s="8">
        <v>-73.123825699999998</v>
      </c>
    </row>
    <row r="3390" spans="1:10" x14ac:dyDescent="0.35">
      <c r="A3390" s="5" t="s">
        <v>10</v>
      </c>
      <c r="B3390" s="6">
        <v>204843</v>
      </c>
      <c r="C3390" s="6" t="s">
        <v>24</v>
      </c>
      <c r="D3390" s="6" t="s">
        <v>137</v>
      </c>
      <c r="E3390" s="6">
        <v>15238</v>
      </c>
      <c r="F3390" s="6" t="s">
        <v>18</v>
      </c>
      <c r="G3390" s="6" t="s">
        <v>6938</v>
      </c>
      <c r="H3390" s="6" t="s">
        <v>6939</v>
      </c>
      <c r="I3390" s="7">
        <v>5.8353431999999996</v>
      </c>
      <c r="J3390" s="8">
        <v>-73.036605499999993</v>
      </c>
    </row>
    <row r="3391" spans="1:10" x14ac:dyDescent="0.35">
      <c r="A3391" s="5" t="s">
        <v>10</v>
      </c>
      <c r="B3391" s="6">
        <v>177951</v>
      </c>
      <c r="C3391" s="6" t="s">
        <v>16</v>
      </c>
      <c r="D3391" s="6" t="s">
        <v>78</v>
      </c>
      <c r="E3391" s="6">
        <v>68001</v>
      </c>
      <c r="F3391" s="6" t="s">
        <v>18</v>
      </c>
      <c r="G3391" s="6" t="s">
        <v>6940</v>
      </c>
      <c r="H3391" s="6" t="s">
        <v>6941</v>
      </c>
      <c r="I3391" s="7">
        <v>7.0919423999999998</v>
      </c>
      <c r="J3391" s="8">
        <v>-73.113162399999993</v>
      </c>
    </row>
    <row r="3392" spans="1:10" x14ac:dyDescent="0.35">
      <c r="A3392" s="5" t="s">
        <v>10</v>
      </c>
      <c r="B3392" s="6">
        <v>190067</v>
      </c>
      <c r="C3392" s="6" t="s">
        <v>16</v>
      </c>
      <c r="D3392" s="6" t="s">
        <v>78</v>
      </c>
      <c r="E3392" s="6">
        <v>68001</v>
      </c>
      <c r="F3392" s="6" t="s">
        <v>18</v>
      </c>
      <c r="G3392" s="6" t="s">
        <v>6942</v>
      </c>
      <c r="H3392" s="6" t="s">
        <v>6943</v>
      </c>
      <c r="I3392" s="7">
        <v>7.0985828999999896</v>
      </c>
      <c r="J3392" s="8">
        <v>-73.127705499999905</v>
      </c>
    </row>
    <row r="3393" spans="1:10" x14ac:dyDescent="0.35">
      <c r="A3393" s="5" t="s">
        <v>10</v>
      </c>
      <c r="B3393" s="6">
        <v>224856</v>
      </c>
      <c r="C3393" s="6" t="s">
        <v>16</v>
      </c>
      <c r="D3393" s="6" t="s">
        <v>78</v>
      </c>
      <c r="E3393" s="6">
        <v>68001</v>
      </c>
      <c r="F3393" s="6" t="s">
        <v>18</v>
      </c>
      <c r="G3393" s="6" t="s">
        <v>6944</v>
      </c>
      <c r="H3393" s="6" t="s">
        <v>6945</v>
      </c>
      <c r="I3393" s="7">
        <v>7.1118351999999998</v>
      </c>
      <c r="J3393" s="8">
        <v>-73.130572000000001</v>
      </c>
    </row>
    <row r="3394" spans="1:10" x14ac:dyDescent="0.35">
      <c r="A3394" s="5" t="s">
        <v>10</v>
      </c>
      <c r="B3394" s="6">
        <v>119105</v>
      </c>
      <c r="C3394" s="6" t="s">
        <v>16</v>
      </c>
      <c r="D3394" s="6" t="s">
        <v>78</v>
      </c>
      <c r="E3394" s="6">
        <v>68001</v>
      </c>
      <c r="F3394" s="6" t="s">
        <v>18</v>
      </c>
      <c r="G3394" s="6" t="s">
        <v>6946</v>
      </c>
      <c r="H3394" s="6" t="s">
        <v>6947</v>
      </c>
      <c r="I3394" s="7">
        <v>7.0972567</v>
      </c>
      <c r="J3394" s="8">
        <v>-73.118467600000002</v>
      </c>
    </row>
    <row r="3395" spans="1:10" x14ac:dyDescent="0.35">
      <c r="A3395" s="5" t="s">
        <v>10</v>
      </c>
      <c r="B3395" s="6">
        <v>192678</v>
      </c>
      <c r="C3395" s="6" t="s">
        <v>16</v>
      </c>
      <c r="D3395" s="6" t="s">
        <v>78</v>
      </c>
      <c r="E3395" s="6">
        <v>68001</v>
      </c>
      <c r="F3395" s="6" t="s">
        <v>18</v>
      </c>
      <c r="G3395" s="6" t="s">
        <v>6948</v>
      </c>
      <c r="H3395" s="6" t="s">
        <v>6949</v>
      </c>
      <c r="I3395" s="7">
        <v>7.1276770999999997</v>
      </c>
      <c r="J3395" s="8">
        <v>-73.1129581</v>
      </c>
    </row>
    <row r="3396" spans="1:10" x14ac:dyDescent="0.35">
      <c r="A3396" s="5" t="s">
        <v>10</v>
      </c>
      <c r="B3396" s="6">
        <v>161978</v>
      </c>
      <c r="C3396" s="6" t="s">
        <v>278</v>
      </c>
      <c r="D3396" s="6" t="s">
        <v>2336</v>
      </c>
      <c r="E3396" s="6">
        <v>50226</v>
      </c>
      <c r="F3396" s="6" t="s">
        <v>18</v>
      </c>
      <c r="G3396" s="6" t="s">
        <v>6286</v>
      </c>
      <c r="H3396" s="6" t="s">
        <v>6950</v>
      </c>
      <c r="I3396" s="7">
        <v>4.2712620000000001</v>
      </c>
      <c r="J3396" s="8">
        <v>-73.488051999999996</v>
      </c>
    </row>
    <row r="3397" spans="1:10" x14ac:dyDescent="0.35">
      <c r="A3397" s="5" t="s">
        <v>10</v>
      </c>
      <c r="B3397" s="6">
        <v>235694</v>
      </c>
      <c r="C3397" s="6" t="s">
        <v>294</v>
      </c>
      <c r="D3397" s="6" t="s">
        <v>703</v>
      </c>
      <c r="E3397" s="6">
        <v>41001</v>
      </c>
      <c r="F3397" s="6" t="s">
        <v>18</v>
      </c>
      <c r="G3397" s="6" t="s">
        <v>6951</v>
      </c>
      <c r="H3397" s="6" t="s">
        <v>6952</v>
      </c>
      <c r="I3397" s="7">
        <v>2.9345232999999999</v>
      </c>
      <c r="J3397" s="8">
        <v>-75.280905300000001</v>
      </c>
    </row>
    <row r="3398" spans="1:10" x14ac:dyDescent="0.35">
      <c r="A3398" s="5" t="s">
        <v>10</v>
      </c>
      <c r="B3398" s="6">
        <v>230794</v>
      </c>
      <c r="C3398" s="6" t="s">
        <v>11</v>
      </c>
      <c r="D3398" s="6" t="s">
        <v>4684</v>
      </c>
      <c r="E3398" s="6">
        <v>25394</v>
      </c>
      <c r="F3398" s="6" t="s">
        <v>18</v>
      </c>
      <c r="G3398" s="6" t="s">
        <v>6953</v>
      </c>
      <c r="H3398" s="6" t="s">
        <v>6954</v>
      </c>
      <c r="I3398" s="7">
        <v>5.2981172000000001</v>
      </c>
      <c r="J3398" s="8">
        <v>-74.4291135</v>
      </c>
    </row>
    <row r="3399" spans="1:10" x14ac:dyDescent="0.35">
      <c r="A3399" s="5" t="s">
        <v>10</v>
      </c>
      <c r="B3399" s="6">
        <v>192426</v>
      </c>
      <c r="C3399" s="6" t="s">
        <v>11</v>
      </c>
      <c r="D3399" s="6" t="s">
        <v>1193</v>
      </c>
      <c r="E3399" s="6">
        <v>25035</v>
      </c>
      <c r="F3399" s="6" t="s">
        <v>18</v>
      </c>
      <c r="G3399" s="6" t="s">
        <v>6955</v>
      </c>
      <c r="H3399" s="6" t="s">
        <v>6956</v>
      </c>
      <c r="I3399" s="7">
        <v>4.5489419999999896</v>
      </c>
      <c r="J3399" s="8">
        <v>-74.535235</v>
      </c>
    </row>
    <row r="3400" spans="1:10" x14ac:dyDescent="0.35">
      <c r="A3400" s="5" t="s">
        <v>10</v>
      </c>
      <c r="B3400" s="6">
        <v>203687</v>
      </c>
      <c r="C3400" s="6" t="s">
        <v>117</v>
      </c>
      <c r="D3400" s="6" t="s">
        <v>1334</v>
      </c>
      <c r="E3400" s="6">
        <v>76001</v>
      </c>
      <c r="F3400" s="6" t="s">
        <v>18</v>
      </c>
      <c r="G3400" s="6" t="s">
        <v>6957</v>
      </c>
      <c r="H3400" s="6" t="s">
        <v>6958</v>
      </c>
      <c r="I3400" s="7">
        <v>3.4526799000000001</v>
      </c>
      <c r="J3400" s="8">
        <v>-76.480654900000005</v>
      </c>
    </row>
    <row r="3401" spans="1:10" x14ac:dyDescent="0.35">
      <c r="A3401" s="5" t="s">
        <v>10</v>
      </c>
      <c r="B3401" s="6">
        <v>204540</v>
      </c>
      <c r="C3401" s="6" t="s">
        <v>11</v>
      </c>
      <c r="D3401" s="6" t="s">
        <v>334</v>
      </c>
      <c r="E3401" s="6">
        <v>25754</v>
      </c>
      <c r="F3401" s="6" t="s">
        <v>18</v>
      </c>
      <c r="G3401" s="6" t="s">
        <v>6959</v>
      </c>
      <c r="H3401" s="6" t="s">
        <v>6960</v>
      </c>
      <c r="I3401" s="7">
        <v>4.5788196000000001</v>
      </c>
      <c r="J3401" s="8">
        <v>-74.206006199999905</v>
      </c>
    </row>
    <row r="3402" spans="1:10" x14ac:dyDescent="0.35">
      <c r="A3402" s="5" t="s">
        <v>10</v>
      </c>
      <c r="B3402" s="6">
        <v>218901</v>
      </c>
      <c r="C3402" s="6" t="s">
        <v>68</v>
      </c>
      <c r="D3402" s="6" t="s">
        <v>69</v>
      </c>
      <c r="E3402" s="6">
        <v>11001</v>
      </c>
      <c r="F3402" s="6" t="s">
        <v>18</v>
      </c>
      <c r="G3402" s="6" t="s">
        <v>6961</v>
      </c>
      <c r="H3402" s="6" t="s">
        <v>6962</v>
      </c>
      <c r="I3402" s="7">
        <v>4.6267795999999999</v>
      </c>
      <c r="J3402" s="8">
        <v>-74.129070499999997</v>
      </c>
    </row>
    <row r="3403" spans="1:10" x14ac:dyDescent="0.35">
      <c r="A3403" s="5" t="s">
        <v>10</v>
      </c>
      <c r="B3403" s="6">
        <v>228101</v>
      </c>
      <c r="C3403" s="6" t="s">
        <v>11</v>
      </c>
      <c r="D3403" s="6" t="s">
        <v>334</v>
      </c>
      <c r="E3403" s="6">
        <v>25754</v>
      </c>
      <c r="F3403" s="6" t="s">
        <v>18</v>
      </c>
      <c r="G3403" s="6" t="s">
        <v>6963</v>
      </c>
      <c r="H3403" s="6" t="s">
        <v>6964</v>
      </c>
      <c r="I3403" s="7">
        <v>4.6354009999999999</v>
      </c>
      <c r="J3403" s="8">
        <v>-74.198761099999999</v>
      </c>
    </row>
    <row r="3404" spans="1:10" x14ac:dyDescent="0.35">
      <c r="A3404" s="5" t="s">
        <v>10</v>
      </c>
      <c r="B3404" s="6">
        <v>231547</v>
      </c>
      <c r="C3404" s="6" t="s">
        <v>11</v>
      </c>
      <c r="D3404" s="6" t="s">
        <v>334</v>
      </c>
      <c r="E3404" s="6">
        <v>25754</v>
      </c>
      <c r="F3404" s="6" t="s">
        <v>18</v>
      </c>
      <c r="G3404" s="6" t="s">
        <v>6965</v>
      </c>
      <c r="H3404" s="6" t="s">
        <v>6966</v>
      </c>
      <c r="I3404" s="7">
        <v>4.5814588000000001</v>
      </c>
      <c r="J3404" s="8">
        <v>-74.208283499999993</v>
      </c>
    </row>
    <row r="3405" spans="1:10" x14ac:dyDescent="0.35">
      <c r="A3405" s="5" t="s">
        <v>10</v>
      </c>
      <c r="B3405" s="6">
        <v>246187</v>
      </c>
      <c r="C3405" s="6" t="s">
        <v>11</v>
      </c>
      <c r="D3405" s="6" t="s">
        <v>159</v>
      </c>
      <c r="E3405" s="6">
        <v>25175</v>
      </c>
      <c r="F3405" s="6" t="s">
        <v>2161</v>
      </c>
      <c r="G3405" s="6" t="s">
        <v>6967</v>
      </c>
      <c r="H3405" s="6" t="s">
        <v>6968</v>
      </c>
      <c r="I3405" s="7">
        <v>4.8789880999999999</v>
      </c>
      <c r="J3405" s="8">
        <v>-74.039370199999993</v>
      </c>
    </row>
    <row r="3406" spans="1:10" x14ac:dyDescent="0.35">
      <c r="A3406" s="5" t="s">
        <v>10</v>
      </c>
      <c r="B3406" s="6">
        <v>245670</v>
      </c>
      <c r="C3406" s="6" t="s">
        <v>294</v>
      </c>
      <c r="D3406" s="6" t="s">
        <v>6969</v>
      </c>
      <c r="E3406" s="6">
        <v>41206</v>
      </c>
      <c r="F3406" s="6" t="s">
        <v>2161</v>
      </c>
      <c r="G3406" s="6" t="s">
        <v>6970</v>
      </c>
      <c r="H3406" s="6" t="s">
        <v>6971</v>
      </c>
      <c r="I3406" s="7">
        <v>2.5359349</v>
      </c>
      <c r="J3406" s="8">
        <v>-75.527669900000006</v>
      </c>
    </row>
    <row r="3407" spans="1:10" x14ac:dyDescent="0.35">
      <c r="A3407" s="5" t="s">
        <v>10</v>
      </c>
      <c r="B3407" s="6">
        <v>238757</v>
      </c>
      <c r="C3407" s="6" t="s">
        <v>16</v>
      </c>
      <c r="D3407" s="6" t="s">
        <v>6972</v>
      </c>
      <c r="E3407" s="6">
        <v>68573</v>
      </c>
      <c r="F3407" s="6" t="s">
        <v>18</v>
      </c>
      <c r="G3407" s="6" t="s">
        <v>6973</v>
      </c>
      <c r="H3407" s="6" t="s">
        <v>6974</v>
      </c>
      <c r="I3407" s="7">
        <v>6.6507969999999998</v>
      </c>
      <c r="J3407" s="8">
        <v>-74.055933899999999</v>
      </c>
    </row>
    <row r="3408" spans="1:10" x14ac:dyDescent="0.35">
      <c r="A3408" s="5" t="s">
        <v>10</v>
      </c>
      <c r="B3408" s="6">
        <v>141818</v>
      </c>
      <c r="C3408" s="6" t="s">
        <v>294</v>
      </c>
      <c r="D3408" s="6" t="s">
        <v>4634</v>
      </c>
      <c r="E3408" s="6">
        <v>41020</v>
      </c>
      <c r="F3408" s="6" t="s">
        <v>18</v>
      </c>
      <c r="G3408" s="6" t="s">
        <v>6975</v>
      </c>
      <c r="H3408" s="6" t="s">
        <v>6976</v>
      </c>
      <c r="I3408" s="7">
        <v>2.5242035999999999</v>
      </c>
      <c r="J3408" s="8">
        <v>-75.315812899999997</v>
      </c>
    </row>
    <row r="3409" spans="1:10" x14ac:dyDescent="0.35">
      <c r="A3409" s="5" t="s">
        <v>10</v>
      </c>
      <c r="B3409" s="6">
        <v>202760</v>
      </c>
      <c r="C3409" s="6" t="s">
        <v>68</v>
      </c>
      <c r="D3409" s="6" t="s">
        <v>69</v>
      </c>
      <c r="E3409" s="6">
        <v>11001</v>
      </c>
      <c r="F3409" s="6" t="s">
        <v>18</v>
      </c>
      <c r="G3409" s="6" t="s">
        <v>6977</v>
      </c>
      <c r="H3409" s="6" t="s">
        <v>6978</v>
      </c>
      <c r="I3409" s="7">
        <v>4.6131050999999896</v>
      </c>
      <c r="J3409" s="8">
        <v>-74.1656361</v>
      </c>
    </row>
    <row r="3410" spans="1:10" x14ac:dyDescent="0.35">
      <c r="A3410" s="5" t="s">
        <v>10</v>
      </c>
      <c r="B3410" s="6">
        <v>208663</v>
      </c>
      <c r="C3410" s="6" t="s">
        <v>68</v>
      </c>
      <c r="D3410" s="6" t="s">
        <v>69</v>
      </c>
      <c r="E3410" s="6">
        <v>11001</v>
      </c>
      <c r="F3410" s="6" t="s">
        <v>18</v>
      </c>
      <c r="G3410" s="6" t="s">
        <v>6979</v>
      </c>
      <c r="H3410" s="6" t="s">
        <v>6980</v>
      </c>
      <c r="I3410" s="7">
        <v>4.6559489999999997</v>
      </c>
      <c r="J3410" s="8">
        <v>-74.049072600000002</v>
      </c>
    </row>
    <row r="3411" spans="1:10" x14ac:dyDescent="0.35">
      <c r="A3411" s="5" t="s">
        <v>10</v>
      </c>
      <c r="B3411" s="6">
        <v>226299</v>
      </c>
      <c r="C3411" s="6" t="s">
        <v>68</v>
      </c>
      <c r="D3411" s="6" t="s">
        <v>69</v>
      </c>
      <c r="E3411" s="6">
        <v>11001</v>
      </c>
      <c r="F3411" s="6" t="s">
        <v>13</v>
      </c>
      <c r="G3411" s="6" t="s">
        <v>3737</v>
      </c>
      <c r="H3411" s="6" t="s">
        <v>6981</v>
      </c>
      <c r="I3411" s="7">
        <v>4.6348313999999897</v>
      </c>
      <c r="J3411" s="8">
        <v>-74.093438899999995</v>
      </c>
    </row>
    <row r="3412" spans="1:10" x14ac:dyDescent="0.35">
      <c r="A3412" s="5" t="s">
        <v>10</v>
      </c>
      <c r="B3412" s="6">
        <v>239448</v>
      </c>
      <c r="C3412" s="6" t="s">
        <v>294</v>
      </c>
      <c r="D3412" s="6" t="s">
        <v>6982</v>
      </c>
      <c r="E3412" s="6">
        <v>41885</v>
      </c>
      <c r="F3412" s="6" t="s">
        <v>18</v>
      </c>
      <c r="G3412" s="6" t="s">
        <v>6983</v>
      </c>
      <c r="H3412" s="6" t="s">
        <v>6984</v>
      </c>
      <c r="I3412" s="7">
        <v>1.8515968</v>
      </c>
      <c r="J3412" s="8">
        <v>-76.045855500000002</v>
      </c>
    </row>
    <row r="3413" spans="1:10" x14ac:dyDescent="0.35">
      <c r="A3413" s="5" t="s">
        <v>10</v>
      </c>
      <c r="B3413" s="6">
        <v>203595</v>
      </c>
      <c r="C3413" s="6" t="s">
        <v>24</v>
      </c>
      <c r="D3413" s="6" t="s">
        <v>137</v>
      </c>
      <c r="E3413" s="6">
        <v>15238</v>
      </c>
      <c r="F3413" s="6" t="s">
        <v>18</v>
      </c>
      <c r="G3413" s="6" t="s">
        <v>6985</v>
      </c>
      <c r="H3413" s="6" t="s">
        <v>6986</v>
      </c>
      <c r="I3413" s="7">
        <v>5.8227764000000004</v>
      </c>
      <c r="J3413" s="8">
        <v>-73.038744299999905</v>
      </c>
    </row>
    <row r="3414" spans="1:10" x14ac:dyDescent="0.35">
      <c r="A3414" s="5" t="s">
        <v>10</v>
      </c>
      <c r="B3414" s="6">
        <v>106201</v>
      </c>
      <c r="C3414" s="6" t="s">
        <v>16</v>
      </c>
      <c r="D3414" s="6" t="s">
        <v>78</v>
      </c>
      <c r="E3414" s="6">
        <v>68001</v>
      </c>
      <c r="F3414" s="6" t="s">
        <v>18</v>
      </c>
      <c r="G3414" s="6" t="s">
        <v>6987</v>
      </c>
      <c r="H3414" s="6" t="s">
        <v>6988</v>
      </c>
      <c r="I3414" s="7">
        <v>7.0743847000000004</v>
      </c>
      <c r="J3414" s="8">
        <v>-73.104467200000002</v>
      </c>
    </row>
    <row r="3415" spans="1:10" x14ac:dyDescent="0.35">
      <c r="A3415" s="5" t="s">
        <v>10</v>
      </c>
      <c r="B3415" s="6">
        <v>230404</v>
      </c>
      <c r="C3415" s="6" t="s">
        <v>16</v>
      </c>
      <c r="D3415" s="6" t="s">
        <v>78</v>
      </c>
      <c r="E3415" s="6">
        <v>68001</v>
      </c>
      <c r="F3415" s="6" t="s">
        <v>18</v>
      </c>
      <c r="G3415" s="6" t="s">
        <v>6989</v>
      </c>
      <c r="H3415" s="6" t="s">
        <v>6990</v>
      </c>
      <c r="I3415" s="7">
        <v>7.1085459999999996</v>
      </c>
      <c r="J3415" s="8">
        <v>-73.127101999999994</v>
      </c>
    </row>
    <row r="3416" spans="1:10" x14ac:dyDescent="0.35">
      <c r="A3416" s="5" t="s">
        <v>10</v>
      </c>
      <c r="B3416" s="6">
        <v>205606</v>
      </c>
      <c r="C3416" s="6" t="s">
        <v>11</v>
      </c>
      <c r="D3416" s="6" t="s">
        <v>3054</v>
      </c>
      <c r="E3416" s="6">
        <v>25269</v>
      </c>
      <c r="F3416" s="6" t="s">
        <v>18</v>
      </c>
      <c r="G3416" s="6" t="s">
        <v>6991</v>
      </c>
      <c r="H3416" s="6" t="s">
        <v>6992</v>
      </c>
      <c r="I3416" s="7">
        <v>4.809984</v>
      </c>
      <c r="J3416" s="8">
        <v>-74.354008999999905</v>
      </c>
    </row>
    <row r="3417" spans="1:10" x14ac:dyDescent="0.35">
      <c r="A3417" s="5" t="s">
        <v>10</v>
      </c>
      <c r="B3417" s="6">
        <v>191705</v>
      </c>
      <c r="C3417" s="6" t="s">
        <v>11</v>
      </c>
      <c r="D3417" s="6" t="s">
        <v>101</v>
      </c>
      <c r="E3417" s="6">
        <v>25473</v>
      </c>
      <c r="F3417" s="6" t="s">
        <v>18</v>
      </c>
      <c r="G3417" s="6" t="s">
        <v>6993</v>
      </c>
      <c r="H3417" s="6" t="s">
        <v>6994</v>
      </c>
      <c r="I3417" s="7">
        <v>4.6802367</v>
      </c>
      <c r="J3417" s="8">
        <v>-74.229671299999893</v>
      </c>
    </row>
    <row r="3418" spans="1:10" x14ac:dyDescent="0.35">
      <c r="A3418" s="5" t="s">
        <v>10</v>
      </c>
      <c r="B3418" s="6">
        <v>238449</v>
      </c>
      <c r="C3418" s="6" t="s">
        <v>11</v>
      </c>
      <c r="D3418" s="6" t="s">
        <v>101</v>
      </c>
      <c r="E3418" s="6">
        <v>25473</v>
      </c>
      <c r="F3418" s="6" t="s">
        <v>18</v>
      </c>
      <c r="G3418" s="6" t="s">
        <v>6995</v>
      </c>
      <c r="H3418" s="6" t="s">
        <v>6996</v>
      </c>
      <c r="I3418" s="7">
        <v>4.7110685999999999</v>
      </c>
      <c r="J3418" s="8">
        <v>-74.220012299999993</v>
      </c>
    </row>
    <row r="3419" spans="1:10" x14ac:dyDescent="0.35">
      <c r="A3419" s="5" t="s">
        <v>10</v>
      </c>
      <c r="B3419" s="6">
        <v>221812</v>
      </c>
      <c r="C3419" s="6" t="s">
        <v>11</v>
      </c>
      <c r="D3419" s="6" t="s">
        <v>513</v>
      </c>
      <c r="E3419" s="6">
        <v>25286</v>
      </c>
      <c r="F3419" s="6" t="s">
        <v>18</v>
      </c>
      <c r="G3419" s="6" t="s">
        <v>6997</v>
      </c>
      <c r="H3419" s="6" t="s">
        <v>6998</v>
      </c>
      <c r="I3419" s="7">
        <v>4.7224713999999999</v>
      </c>
      <c r="J3419" s="8">
        <v>-74.214428099999907</v>
      </c>
    </row>
    <row r="3420" spans="1:10" x14ac:dyDescent="0.35">
      <c r="A3420" s="5" t="s">
        <v>10</v>
      </c>
      <c r="B3420" s="6">
        <v>217196</v>
      </c>
      <c r="C3420" s="6" t="s">
        <v>68</v>
      </c>
      <c r="D3420" s="6" t="s">
        <v>69</v>
      </c>
      <c r="E3420" s="6">
        <v>11001</v>
      </c>
      <c r="F3420" s="6" t="s">
        <v>18</v>
      </c>
      <c r="G3420" s="6" t="s">
        <v>6999</v>
      </c>
      <c r="H3420" s="6" t="s">
        <v>7000</v>
      </c>
      <c r="I3420" s="7">
        <v>4.5968605</v>
      </c>
      <c r="J3420" s="8">
        <v>-74.098843700000003</v>
      </c>
    </row>
    <row r="3421" spans="1:10" x14ac:dyDescent="0.35">
      <c r="A3421" s="5" t="s">
        <v>10</v>
      </c>
      <c r="B3421" s="6">
        <v>226266</v>
      </c>
      <c r="C3421" s="6" t="s">
        <v>38</v>
      </c>
      <c r="D3421" s="6" t="s">
        <v>39</v>
      </c>
      <c r="E3421" s="6">
        <v>19001</v>
      </c>
      <c r="F3421" s="6" t="s">
        <v>13</v>
      </c>
      <c r="G3421" s="6" t="s">
        <v>3737</v>
      </c>
      <c r="H3421" s="6" t="s">
        <v>7001</v>
      </c>
      <c r="I3421" s="7">
        <v>2.4418674</v>
      </c>
      <c r="J3421" s="8">
        <v>-76.606273899999906</v>
      </c>
    </row>
    <row r="3422" spans="1:10" x14ac:dyDescent="0.35">
      <c r="A3422" s="5" t="s">
        <v>10</v>
      </c>
      <c r="B3422" s="6">
        <v>226388</v>
      </c>
      <c r="C3422" s="6" t="s">
        <v>190</v>
      </c>
      <c r="D3422" s="6" t="s">
        <v>191</v>
      </c>
      <c r="E3422" s="6">
        <v>5001</v>
      </c>
      <c r="F3422" s="6" t="s">
        <v>13</v>
      </c>
      <c r="G3422" s="6" t="s">
        <v>3737</v>
      </c>
      <c r="H3422" s="6" t="s">
        <v>7002</v>
      </c>
      <c r="I3422" s="7">
        <v>6.1991567999999999</v>
      </c>
      <c r="J3422" s="8">
        <v>-75.574123900000004</v>
      </c>
    </row>
    <row r="3423" spans="1:10" x14ac:dyDescent="0.35">
      <c r="A3423" s="5" t="s">
        <v>10</v>
      </c>
      <c r="B3423" s="6">
        <v>238785</v>
      </c>
      <c r="C3423" s="6" t="s">
        <v>551</v>
      </c>
      <c r="D3423" s="6" t="s">
        <v>3942</v>
      </c>
      <c r="E3423" s="6">
        <v>20295</v>
      </c>
      <c r="F3423" s="6" t="s">
        <v>18</v>
      </c>
      <c r="G3423" s="6" t="s">
        <v>7003</v>
      </c>
      <c r="H3423" s="6" t="s">
        <v>7004</v>
      </c>
      <c r="I3423" s="7">
        <v>8.3251226999999997</v>
      </c>
      <c r="J3423" s="8">
        <v>-73.742733400000006</v>
      </c>
    </row>
    <row r="3424" spans="1:10" x14ac:dyDescent="0.35">
      <c r="A3424" s="5" t="s">
        <v>10</v>
      </c>
      <c r="B3424" s="6">
        <v>188919</v>
      </c>
      <c r="C3424" s="6" t="s">
        <v>294</v>
      </c>
      <c r="D3424" s="6" t="s">
        <v>703</v>
      </c>
      <c r="E3424" s="6">
        <v>41001</v>
      </c>
      <c r="F3424" s="6" t="s">
        <v>18</v>
      </c>
      <c r="G3424" s="6" t="s">
        <v>7005</v>
      </c>
      <c r="H3424" s="6" t="s">
        <v>7006</v>
      </c>
      <c r="I3424" s="7">
        <v>2.9259344</v>
      </c>
      <c r="J3424" s="8">
        <v>-75.288336200000003</v>
      </c>
    </row>
    <row r="3425" spans="1:10" x14ac:dyDescent="0.35">
      <c r="A3425" s="5" t="s">
        <v>10</v>
      </c>
      <c r="B3425" s="6">
        <v>211692</v>
      </c>
      <c r="C3425" s="6" t="s">
        <v>11</v>
      </c>
      <c r="D3425" s="6" t="s">
        <v>334</v>
      </c>
      <c r="E3425" s="6">
        <v>25754</v>
      </c>
      <c r="F3425" s="6" t="s">
        <v>18</v>
      </c>
      <c r="G3425" s="6" t="s">
        <v>7007</v>
      </c>
      <c r="H3425" s="6" t="s">
        <v>7008</v>
      </c>
      <c r="I3425" s="7">
        <v>4.5876058999999998</v>
      </c>
      <c r="J3425" s="8">
        <v>-74.203861099999997</v>
      </c>
    </row>
    <row r="3426" spans="1:10" x14ac:dyDescent="0.35">
      <c r="A3426" s="5" t="s">
        <v>10</v>
      </c>
      <c r="B3426" s="6">
        <v>230692</v>
      </c>
      <c r="C3426" s="6" t="s">
        <v>11</v>
      </c>
      <c r="D3426" s="6" t="s">
        <v>334</v>
      </c>
      <c r="E3426" s="6">
        <v>25754</v>
      </c>
      <c r="F3426" s="6" t="s">
        <v>18</v>
      </c>
      <c r="G3426" s="6" t="s">
        <v>7009</v>
      </c>
      <c r="H3426" s="6" t="s">
        <v>7010</v>
      </c>
      <c r="I3426" s="7">
        <v>4.5815961999999999</v>
      </c>
      <c r="J3426" s="8">
        <v>-74.203731700000006</v>
      </c>
    </row>
    <row r="3427" spans="1:10" x14ac:dyDescent="0.35">
      <c r="A3427" s="5" t="s">
        <v>10</v>
      </c>
      <c r="B3427" s="6">
        <v>240128</v>
      </c>
      <c r="C3427" s="6" t="s">
        <v>11</v>
      </c>
      <c r="D3427" s="6" t="s">
        <v>3054</v>
      </c>
      <c r="E3427" s="6">
        <v>25269</v>
      </c>
      <c r="F3427" s="6" t="s">
        <v>18</v>
      </c>
      <c r="G3427" s="6" t="s">
        <v>7011</v>
      </c>
      <c r="H3427" s="6" t="s">
        <v>7012</v>
      </c>
      <c r="I3427" s="7">
        <v>4.8080318999999996</v>
      </c>
      <c r="J3427" s="8">
        <v>-74.350134800000006</v>
      </c>
    </row>
    <row r="3428" spans="1:10" x14ac:dyDescent="0.35">
      <c r="A3428" s="5" t="s">
        <v>10</v>
      </c>
      <c r="B3428" s="6">
        <v>234442</v>
      </c>
      <c r="C3428" s="6" t="s">
        <v>68</v>
      </c>
      <c r="D3428" s="6" t="s">
        <v>69</v>
      </c>
      <c r="E3428" s="6">
        <v>11001</v>
      </c>
      <c r="F3428" s="6" t="s">
        <v>18</v>
      </c>
      <c r="G3428" s="6" t="s">
        <v>7013</v>
      </c>
      <c r="H3428" s="6" t="s">
        <v>7014</v>
      </c>
      <c r="I3428" s="7">
        <v>4.6207203000000003</v>
      </c>
      <c r="J3428" s="8">
        <v>-74.193555799999999</v>
      </c>
    </row>
    <row r="3429" spans="1:10" x14ac:dyDescent="0.35">
      <c r="A3429" s="5" t="s">
        <v>10</v>
      </c>
      <c r="B3429" s="6">
        <v>234464</v>
      </c>
      <c r="C3429" s="6" t="s">
        <v>16</v>
      </c>
      <c r="D3429" s="6" t="s">
        <v>78</v>
      </c>
      <c r="E3429" s="6">
        <v>68001</v>
      </c>
      <c r="F3429" s="6" t="s">
        <v>18</v>
      </c>
      <c r="G3429" s="6" t="s">
        <v>7015</v>
      </c>
      <c r="H3429" s="6" t="s">
        <v>7016</v>
      </c>
      <c r="I3429" s="7">
        <v>7.1445097000000004</v>
      </c>
      <c r="J3429" s="8">
        <v>-73.135271299999999</v>
      </c>
    </row>
    <row r="3430" spans="1:10" x14ac:dyDescent="0.35">
      <c r="A3430" s="5" t="s">
        <v>10</v>
      </c>
      <c r="B3430" s="6">
        <v>226226</v>
      </c>
      <c r="C3430" s="6" t="s">
        <v>117</v>
      </c>
      <c r="D3430" s="6" t="s">
        <v>1334</v>
      </c>
      <c r="E3430" s="6">
        <v>76001</v>
      </c>
      <c r="F3430" s="6" t="s">
        <v>13</v>
      </c>
      <c r="G3430" s="6" t="s">
        <v>3737</v>
      </c>
      <c r="H3430" s="6" t="s">
        <v>7017</v>
      </c>
      <c r="I3430" s="7">
        <v>3.4215168</v>
      </c>
      <c r="J3430" s="8">
        <v>-76.5246681</v>
      </c>
    </row>
    <row r="3431" spans="1:10" x14ac:dyDescent="0.35">
      <c r="A3431" s="5" t="s">
        <v>10</v>
      </c>
      <c r="B3431" s="6">
        <v>226239</v>
      </c>
      <c r="C3431" s="6" t="s">
        <v>117</v>
      </c>
      <c r="D3431" s="6" t="s">
        <v>1334</v>
      </c>
      <c r="E3431" s="6">
        <v>76001</v>
      </c>
      <c r="F3431" s="6" t="s">
        <v>13</v>
      </c>
      <c r="G3431" s="6" t="s">
        <v>3737</v>
      </c>
      <c r="H3431" s="6" t="s">
        <v>7018</v>
      </c>
      <c r="I3431" s="7">
        <v>3.4251352000000002</v>
      </c>
      <c r="J3431" s="8">
        <v>-76.5521873</v>
      </c>
    </row>
    <row r="3432" spans="1:10" x14ac:dyDescent="0.35">
      <c r="A3432" s="5" t="s">
        <v>10</v>
      </c>
      <c r="B3432" s="6">
        <v>226347</v>
      </c>
      <c r="C3432" s="6" t="s">
        <v>302</v>
      </c>
      <c r="D3432" s="6" t="s">
        <v>4041</v>
      </c>
      <c r="E3432" s="6">
        <v>8758</v>
      </c>
      <c r="F3432" s="6" t="s">
        <v>13</v>
      </c>
      <c r="G3432" s="6" t="s">
        <v>3737</v>
      </c>
      <c r="H3432" s="6" t="s">
        <v>7019</v>
      </c>
      <c r="I3432" s="7">
        <v>10.927137699999999</v>
      </c>
      <c r="J3432" s="8">
        <v>-74.779330799999997</v>
      </c>
    </row>
    <row r="3433" spans="1:10" x14ac:dyDescent="0.35">
      <c r="A3433" s="5" t="s">
        <v>10</v>
      </c>
      <c r="B3433" s="6">
        <v>237280</v>
      </c>
      <c r="C3433" s="6" t="s">
        <v>24</v>
      </c>
      <c r="D3433" s="6" t="s">
        <v>25</v>
      </c>
      <c r="E3433" s="6">
        <v>15322</v>
      </c>
      <c r="F3433" s="6" t="s">
        <v>18</v>
      </c>
      <c r="G3433" s="6" t="s">
        <v>7020</v>
      </c>
      <c r="H3433" s="6" t="s">
        <v>7021</v>
      </c>
      <c r="I3433" s="7">
        <v>5.0009895999999996</v>
      </c>
      <c r="J3433" s="8">
        <v>-73.474283999999997</v>
      </c>
    </row>
    <row r="3434" spans="1:10" x14ac:dyDescent="0.35">
      <c r="A3434" s="5" t="s">
        <v>10</v>
      </c>
      <c r="B3434" s="6">
        <v>234808</v>
      </c>
      <c r="C3434" s="6" t="s">
        <v>24</v>
      </c>
      <c r="D3434" s="6" t="s">
        <v>137</v>
      </c>
      <c r="E3434" s="6">
        <v>15238</v>
      </c>
      <c r="F3434" s="6" t="s">
        <v>18</v>
      </c>
      <c r="G3434" s="6" t="s">
        <v>855</v>
      </c>
      <c r="H3434" s="6" t="s">
        <v>7022</v>
      </c>
      <c r="I3434" s="7">
        <v>5.8386997000000003</v>
      </c>
      <c r="J3434" s="8">
        <v>-73.034756599999994</v>
      </c>
    </row>
    <row r="3435" spans="1:10" x14ac:dyDescent="0.35">
      <c r="A3435" s="5" t="s">
        <v>10</v>
      </c>
      <c r="B3435" s="6">
        <v>235179</v>
      </c>
      <c r="C3435" s="6" t="s">
        <v>16</v>
      </c>
      <c r="D3435" s="6" t="s">
        <v>2825</v>
      </c>
      <c r="E3435" s="6">
        <v>68276</v>
      </c>
      <c r="F3435" s="6" t="s">
        <v>18</v>
      </c>
      <c r="G3435" s="6" t="s">
        <v>7023</v>
      </c>
      <c r="H3435" s="6" t="s">
        <v>7024</v>
      </c>
      <c r="I3435" s="7">
        <v>7.0606631000000002</v>
      </c>
      <c r="J3435" s="8">
        <v>-73.094638099999997</v>
      </c>
    </row>
    <row r="3436" spans="1:10" x14ac:dyDescent="0.35">
      <c r="A3436" s="5" t="s">
        <v>10</v>
      </c>
      <c r="B3436" s="6">
        <v>209739</v>
      </c>
      <c r="C3436" s="6" t="s">
        <v>278</v>
      </c>
      <c r="D3436" s="6" t="s">
        <v>279</v>
      </c>
      <c r="E3436" s="6">
        <v>50001</v>
      </c>
      <c r="F3436" s="6" t="s">
        <v>18</v>
      </c>
      <c r="G3436" s="6" t="s">
        <v>7025</v>
      </c>
      <c r="H3436" s="6" t="s">
        <v>7026</v>
      </c>
      <c r="I3436" s="7">
        <v>4.1524456000000001</v>
      </c>
      <c r="J3436" s="8">
        <v>-73.631889700000002</v>
      </c>
    </row>
    <row r="3437" spans="1:10" x14ac:dyDescent="0.35">
      <c r="A3437" s="5" t="s">
        <v>10</v>
      </c>
      <c r="B3437" s="6">
        <v>207588</v>
      </c>
      <c r="C3437" s="6" t="s">
        <v>294</v>
      </c>
      <c r="D3437" s="6" t="s">
        <v>4634</v>
      </c>
      <c r="E3437" s="6">
        <v>41020</v>
      </c>
      <c r="F3437" s="6" t="s">
        <v>18</v>
      </c>
      <c r="G3437" s="6" t="s">
        <v>7027</v>
      </c>
      <c r="H3437" s="6" t="s">
        <v>7028</v>
      </c>
      <c r="I3437" s="7">
        <v>2.9194222000000001</v>
      </c>
      <c r="J3437" s="8">
        <v>-75.286009100000001</v>
      </c>
    </row>
    <row r="3438" spans="1:10" x14ac:dyDescent="0.35">
      <c r="A3438" s="5" t="s">
        <v>10</v>
      </c>
      <c r="B3438" s="6">
        <v>201898</v>
      </c>
      <c r="C3438" s="6" t="s">
        <v>11</v>
      </c>
      <c r="D3438" s="6" t="s">
        <v>334</v>
      </c>
      <c r="E3438" s="6">
        <v>25754</v>
      </c>
      <c r="F3438" s="6" t="s">
        <v>18</v>
      </c>
      <c r="G3438" s="6" t="s">
        <v>7029</v>
      </c>
      <c r="H3438" s="6" t="s">
        <v>7030</v>
      </c>
      <c r="I3438" s="7">
        <v>4.5802962999999997</v>
      </c>
      <c r="J3438" s="8">
        <v>-74.198627099999996</v>
      </c>
    </row>
    <row r="3439" spans="1:10" x14ac:dyDescent="0.35">
      <c r="A3439" s="5" t="s">
        <v>10</v>
      </c>
      <c r="B3439" s="6">
        <v>227547</v>
      </c>
      <c r="C3439" s="6" t="s">
        <v>11</v>
      </c>
      <c r="D3439" s="6" t="s">
        <v>12</v>
      </c>
      <c r="E3439" s="6">
        <v>25899</v>
      </c>
      <c r="F3439" s="6" t="s">
        <v>18</v>
      </c>
      <c r="G3439" s="6" t="s">
        <v>7031</v>
      </c>
      <c r="H3439" s="6" t="s">
        <v>7032</v>
      </c>
      <c r="I3439" s="7">
        <v>5.0189862999999999</v>
      </c>
      <c r="J3439" s="8">
        <v>-73.999846699999907</v>
      </c>
    </row>
    <row r="3440" spans="1:10" x14ac:dyDescent="0.35">
      <c r="A3440" s="5" t="s">
        <v>10</v>
      </c>
      <c r="B3440" s="6">
        <v>210437</v>
      </c>
      <c r="C3440" s="6" t="s">
        <v>68</v>
      </c>
      <c r="D3440" s="6" t="s">
        <v>69</v>
      </c>
      <c r="E3440" s="6">
        <v>11001</v>
      </c>
      <c r="F3440" s="6" t="s">
        <v>18</v>
      </c>
      <c r="G3440" s="6" t="s">
        <v>7033</v>
      </c>
      <c r="H3440" s="6" t="s">
        <v>7034</v>
      </c>
      <c r="I3440" s="7">
        <v>4.573563</v>
      </c>
      <c r="J3440" s="8">
        <v>-74.159066699999997</v>
      </c>
    </row>
    <row r="3441" spans="1:10" x14ac:dyDescent="0.35">
      <c r="A3441" s="5" t="s">
        <v>10</v>
      </c>
      <c r="B3441" s="6">
        <v>228101</v>
      </c>
      <c r="C3441" s="6" t="s">
        <v>11</v>
      </c>
      <c r="D3441" s="6" t="s">
        <v>334</v>
      </c>
      <c r="E3441" s="6">
        <v>25754</v>
      </c>
      <c r="F3441" s="6" t="s">
        <v>18</v>
      </c>
      <c r="G3441" s="6" t="s">
        <v>6963</v>
      </c>
      <c r="H3441" s="6" t="s">
        <v>6964</v>
      </c>
      <c r="I3441" s="7">
        <v>4.6354009999999999</v>
      </c>
      <c r="J3441" s="8">
        <v>-74.198761099999999</v>
      </c>
    </row>
    <row r="3442" spans="1:10" x14ac:dyDescent="0.35">
      <c r="A3442" s="5" t="s">
        <v>10</v>
      </c>
      <c r="B3442" s="6">
        <v>226403</v>
      </c>
      <c r="C3442" s="6" t="s">
        <v>190</v>
      </c>
      <c r="D3442" s="6" t="s">
        <v>2202</v>
      </c>
      <c r="E3442" s="6">
        <v>5615</v>
      </c>
      <c r="F3442" s="6" t="s">
        <v>13</v>
      </c>
      <c r="G3442" s="6" t="s">
        <v>3737</v>
      </c>
      <c r="H3442" s="6" t="s">
        <v>7035</v>
      </c>
      <c r="I3442" s="7">
        <v>6.1471039999999997</v>
      </c>
      <c r="J3442" s="8">
        <v>-75.378310900000002</v>
      </c>
    </row>
    <row r="3443" spans="1:10" x14ac:dyDescent="0.35">
      <c r="A3443" s="5" t="s">
        <v>10</v>
      </c>
      <c r="B3443" s="6">
        <v>240098</v>
      </c>
      <c r="C3443" s="6" t="s">
        <v>16</v>
      </c>
      <c r="D3443" s="6" t="s">
        <v>78</v>
      </c>
      <c r="E3443" s="6">
        <v>68001</v>
      </c>
      <c r="F3443" s="6" t="s">
        <v>18</v>
      </c>
      <c r="G3443" s="6" t="s">
        <v>7036</v>
      </c>
      <c r="H3443" s="6" t="s">
        <v>7037</v>
      </c>
      <c r="I3443" s="7">
        <v>7.1155403000000002</v>
      </c>
      <c r="J3443" s="8">
        <v>-73.108518200000006</v>
      </c>
    </row>
    <row r="3444" spans="1:10" x14ac:dyDescent="0.35">
      <c r="A3444" s="5" t="s">
        <v>10</v>
      </c>
      <c r="B3444" s="6">
        <v>243268</v>
      </c>
      <c r="C3444" s="6" t="s">
        <v>551</v>
      </c>
      <c r="D3444" s="6" t="s">
        <v>7038</v>
      </c>
      <c r="E3444" s="6">
        <v>20750</v>
      </c>
      <c r="F3444" s="6" t="s">
        <v>18</v>
      </c>
      <c r="G3444" s="6" t="s">
        <v>7039</v>
      </c>
      <c r="H3444" s="6" t="s">
        <v>7040</v>
      </c>
      <c r="I3444" s="7">
        <v>10.335253099999999</v>
      </c>
      <c r="J3444" s="8">
        <v>-73.1817104</v>
      </c>
    </row>
    <row r="3445" spans="1:10" x14ac:dyDescent="0.35">
      <c r="A3445" s="5" t="s">
        <v>10</v>
      </c>
      <c r="B3445" s="6">
        <v>209205</v>
      </c>
      <c r="C3445" s="6" t="s">
        <v>294</v>
      </c>
      <c r="D3445" s="6" t="s">
        <v>3201</v>
      </c>
      <c r="E3445" s="6">
        <v>41378</v>
      </c>
      <c r="F3445" s="6" t="s">
        <v>18</v>
      </c>
      <c r="G3445" s="6" t="s">
        <v>7041</v>
      </c>
      <c r="H3445" s="6" t="s">
        <v>7042</v>
      </c>
      <c r="I3445" s="7">
        <v>2.1984439999999998</v>
      </c>
      <c r="J3445" s="8">
        <v>-75.978780999999998</v>
      </c>
    </row>
    <row r="3446" spans="1:10" x14ac:dyDescent="0.35">
      <c r="A3446" s="5" t="s">
        <v>10</v>
      </c>
      <c r="B3446" s="6">
        <v>207830</v>
      </c>
      <c r="C3446" s="6" t="s">
        <v>11</v>
      </c>
      <c r="D3446" s="6" t="s">
        <v>334</v>
      </c>
      <c r="E3446" s="6">
        <v>25754</v>
      </c>
      <c r="F3446" s="6" t="s">
        <v>18</v>
      </c>
      <c r="G3446" s="6" t="s">
        <v>7043</v>
      </c>
      <c r="H3446" s="6" t="s">
        <v>7044</v>
      </c>
      <c r="I3446" s="7">
        <v>4.5777815000000004</v>
      </c>
      <c r="J3446" s="8">
        <v>-74.200008599999904</v>
      </c>
    </row>
    <row r="3447" spans="1:10" x14ac:dyDescent="0.35">
      <c r="A3447" s="5" t="s">
        <v>10</v>
      </c>
      <c r="B3447" s="6">
        <v>205273</v>
      </c>
      <c r="C3447" s="6" t="s">
        <v>11</v>
      </c>
      <c r="D3447" s="6" t="s">
        <v>7045</v>
      </c>
      <c r="E3447" s="6">
        <v>25260</v>
      </c>
      <c r="F3447" s="6" t="s">
        <v>18</v>
      </c>
      <c r="G3447" s="6" t="s">
        <v>7046</v>
      </c>
      <c r="H3447" s="6" t="s">
        <v>7047</v>
      </c>
      <c r="I3447" s="7">
        <v>4.834632</v>
      </c>
      <c r="J3447" s="8">
        <v>-74.257807299999996</v>
      </c>
    </row>
    <row r="3448" spans="1:10" x14ac:dyDescent="0.35">
      <c r="A3448" s="5" t="s">
        <v>10</v>
      </c>
      <c r="B3448" s="6">
        <v>226717</v>
      </c>
      <c r="C3448" s="6" t="s">
        <v>466</v>
      </c>
      <c r="D3448" s="6" t="s">
        <v>1262</v>
      </c>
      <c r="E3448" s="6">
        <v>81001</v>
      </c>
      <c r="F3448" s="6" t="s">
        <v>18</v>
      </c>
      <c r="G3448" s="6" t="s">
        <v>5428</v>
      </c>
      <c r="H3448" s="6" t="s">
        <v>5429</v>
      </c>
      <c r="I3448" s="7">
        <v>7.0761719999999997</v>
      </c>
      <c r="J3448" s="8">
        <v>-70.710456999999906</v>
      </c>
    </row>
    <row r="3449" spans="1:10" x14ac:dyDescent="0.35">
      <c r="A3449" s="5" t="s">
        <v>10</v>
      </c>
      <c r="B3449" s="6">
        <v>226373</v>
      </c>
      <c r="C3449" s="6" t="s">
        <v>94</v>
      </c>
      <c r="D3449" s="6" t="s">
        <v>98</v>
      </c>
      <c r="E3449" s="6">
        <v>66001</v>
      </c>
      <c r="F3449" s="6" t="s">
        <v>13</v>
      </c>
      <c r="G3449" s="6" t="s">
        <v>3737</v>
      </c>
      <c r="H3449" s="6" t="s">
        <v>7048</v>
      </c>
      <c r="I3449" s="7">
        <v>4.8087173999999999</v>
      </c>
      <c r="J3449" s="8">
        <v>-75.690601000000001</v>
      </c>
    </row>
    <row r="3450" spans="1:10" x14ac:dyDescent="0.35">
      <c r="A3450" s="5" t="s">
        <v>10</v>
      </c>
      <c r="B3450" s="6">
        <v>226366</v>
      </c>
      <c r="C3450" s="6" t="s">
        <v>42</v>
      </c>
      <c r="D3450" s="6" t="s">
        <v>43</v>
      </c>
      <c r="E3450" s="6">
        <v>17001</v>
      </c>
      <c r="F3450" s="6" t="s">
        <v>13</v>
      </c>
      <c r="G3450" s="6" t="s">
        <v>3737</v>
      </c>
      <c r="H3450" s="6" t="s">
        <v>7049</v>
      </c>
      <c r="I3450" s="7">
        <v>5.0641387999999896</v>
      </c>
      <c r="J3450" s="8">
        <v>-75.4983249</v>
      </c>
    </row>
    <row r="3451" spans="1:10" x14ac:dyDescent="0.35">
      <c r="A3451" s="5" t="s">
        <v>10</v>
      </c>
      <c r="B3451" s="6">
        <v>232190</v>
      </c>
      <c r="C3451" s="6" t="s">
        <v>16</v>
      </c>
      <c r="D3451" s="6" t="s">
        <v>78</v>
      </c>
      <c r="E3451" s="6">
        <v>68001</v>
      </c>
      <c r="F3451" s="6" t="s">
        <v>18</v>
      </c>
      <c r="G3451" s="6" t="s">
        <v>7050</v>
      </c>
      <c r="H3451" s="6" t="s">
        <v>7051</v>
      </c>
      <c r="I3451" s="7">
        <v>7.1184029999999998</v>
      </c>
      <c r="J3451" s="8">
        <v>-73.106110999999999</v>
      </c>
    </row>
    <row r="3452" spans="1:10" x14ac:dyDescent="0.35">
      <c r="A3452" s="5" t="s">
        <v>10</v>
      </c>
      <c r="B3452" s="6">
        <v>208070</v>
      </c>
      <c r="C3452" s="6" t="s">
        <v>11</v>
      </c>
      <c r="D3452" s="6" t="s">
        <v>1633</v>
      </c>
      <c r="E3452" s="6">
        <v>25151</v>
      </c>
      <c r="F3452" s="6" t="s">
        <v>18</v>
      </c>
      <c r="G3452" s="6" t="s">
        <v>7052</v>
      </c>
      <c r="H3452" s="6" t="s">
        <v>7053</v>
      </c>
      <c r="I3452" s="7">
        <v>4.4065270999999999</v>
      </c>
      <c r="J3452" s="8">
        <v>-73.946538599999997</v>
      </c>
    </row>
    <row r="3453" spans="1:10" x14ac:dyDescent="0.35">
      <c r="A3453" s="5" t="s">
        <v>10</v>
      </c>
      <c r="B3453" s="6">
        <v>211675</v>
      </c>
      <c r="C3453" s="6" t="s">
        <v>117</v>
      </c>
      <c r="D3453" s="6" t="s">
        <v>3860</v>
      </c>
      <c r="E3453" s="6">
        <v>76130</v>
      </c>
      <c r="F3453" s="6" t="s">
        <v>18</v>
      </c>
      <c r="G3453" s="6" t="s">
        <v>3861</v>
      </c>
      <c r="H3453" s="6" t="s">
        <v>3862</v>
      </c>
      <c r="I3453" s="7">
        <v>3.4102305999999998</v>
      </c>
      <c r="J3453" s="8">
        <v>-76.349286899999996</v>
      </c>
    </row>
    <row r="3454" spans="1:10" x14ac:dyDescent="0.35">
      <c r="A3454" s="5" t="s">
        <v>10</v>
      </c>
      <c r="B3454" s="6">
        <v>231626</v>
      </c>
      <c r="C3454" s="6" t="s">
        <v>551</v>
      </c>
      <c r="D3454" s="6" t="s">
        <v>977</v>
      </c>
      <c r="E3454" s="6">
        <v>20011</v>
      </c>
      <c r="F3454" s="6" t="s">
        <v>18</v>
      </c>
      <c r="G3454" s="6" t="s">
        <v>7054</v>
      </c>
      <c r="H3454" s="6" t="s">
        <v>7055</v>
      </c>
      <c r="I3454" s="7">
        <v>8.3084401999999997</v>
      </c>
      <c r="J3454" s="8">
        <v>-73.598310999999995</v>
      </c>
    </row>
    <row r="3455" spans="1:10" x14ac:dyDescent="0.35">
      <c r="A3455" s="5" t="s">
        <v>10</v>
      </c>
      <c r="B3455" s="6">
        <v>167423</v>
      </c>
      <c r="C3455" s="6" t="s">
        <v>278</v>
      </c>
      <c r="D3455" s="6" t="s">
        <v>279</v>
      </c>
      <c r="E3455" s="6">
        <v>50001</v>
      </c>
      <c r="F3455" s="6" t="s">
        <v>18</v>
      </c>
      <c r="G3455" s="6" t="s">
        <v>7056</v>
      </c>
      <c r="H3455" s="6" t="s">
        <v>7057</v>
      </c>
      <c r="I3455" s="7">
        <v>4.0920923999999896</v>
      </c>
      <c r="J3455" s="8">
        <v>-73.622125999999994</v>
      </c>
    </row>
    <row r="3456" spans="1:10" x14ac:dyDescent="0.35">
      <c r="A3456" s="5" t="s">
        <v>10</v>
      </c>
      <c r="B3456" s="6">
        <v>229313</v>
      </c>
      <c r="C3456" s="6" t="s">
        <v>278</v>
      </c>
      <c r="D3456" s="6" t="s">
        <v>5742</v>
      </c>
      <c r="E3456" s="6">
        <v>50251</v>
      </c>
      <c r="F3456" s="6" t="s">
        <v>18</v>
      </c>
      <c r="G3456" s="6" t="s">
        <v>7058</v>
      </c>
      <c r="H3456" s="6" t="s">
        <v>7059</v>
      </c>
      <c r="I3456" s="7">
        <v>3.5642520000000002</v>
      </c>
      <c r="J3456" s="8">
        <v>-73.794393999999997</v>
      </c>
    </row>
    <row r="3457" spans="1:10" x14ac:dyDescent="0.35">
      <c r="A3457" s="5" t="s">
        <v>10</v>
      </c>
      <c r="B3457" s="6">
        <v>218240</v>
      </c>
      <c r="C3457" s="6" t="s">
        <v>11</v>
      </c>
      <c r="D3457" s="6" t="s">
        <v>334</v>
      </c>
      <c r="E3457" s="6">
        <v>25754</v>
      </c>
      <c r="F3457" s="6" t="s">
        <v>18</v>
      </c>
      <c r="G3457" s="6" t="s">
        <v>7060</v>
      </c>
      <c r="H3457" s="6" t="s">
        <v>7061</v>
      </c>
      <c r="I3457" s="7">
        <v>4.5827226999999997</v>
      </c>
      <c r="J3457" s="8">
        <v>-74.211746499999904</v>
      </c>
    </row>
    <row r="3458" spans="1:10" x14ac:dyDescent="0.35">
      <c r="A3458" s="5" t="s">
        <v>10</v>
      </c>
      <c r="B3458" s="6">
        <v>232675</v>
      </c>
      <c r="C3458" s="6" t="s">
        <v>11</v>
      </c>
      <c r="D3458" s="6" t="s">
        <v>12</v>
      </c>
      <c r="E3458" s="6">
        <v>25899</v>
      </c>
      <c r="F3458" s="6" t="s">
        <v>18</v>
      </c>
      <c r="G3458" s="6" t="s">
        <v>7062</v>
      </c>
      <c r="H3458" s="6" t="s">
        <v>7063</v>
      </c>
      <c r="I3458" s="7">
        <v>5.0321199999999999</v>
      </c>
      <c r="J3458" s="8">
        <v>-74.003990000000002</v>
      </c>
    </row>
    <row r="3459" spans="1:10" x14ac:dyDescent="0.35">
      <c r="A3459" s="5" t="s">
        <v>10</v>
      </c>
      <c r="B3459" s="6">
        <v>237602</v>
      </c>
      <c r="C3459" s="6" t="s">
        <v>11</v>
      </c>
      <c r="D3459" s="6" t="s">
        <v>159</v>
      </c>
      <c r="E3459" s="6">
        <v>25175</v>
      </c>
      <c r="F3459" s="6" t="s">
        <v>18</v>
      </c>
      <c r="G3459" s="6" t="s">
        <v>7064</v>
      </c>
      <c r="H3459" s="6" t="s">
        <v>7065</v>
      </c>
      <c r="I3459" s="7">
        <v>4.8579309000000004</v>
      </c>
      <c r="J3459" s="8">
        <v>-74.056117200000003</v>
      </c>
    </row>
    <row r="3460" spans="1:10" x14ac:dyDescent="0.35">
      <c r="A3460" s="5" t="s">
        <v>10</v>
      </c>
      <c r="B3460" s="6">
        <v>204441</v>
      </c>
      <c r="C3460" s="6" t="s">
        <v>11</v>
      </c>
      <c r="D3460" s="6" t="s">
        <v>334</v>
      </c>
      <c r="E3460" s="6">
        <v>25754</v>
      </c>
      <c r="F3460" s="6" t="s">
        <v>18</v>
      </c>
      <c r="G3460" s="6" t="s">
        <v>7066</v>
      </c>
      <c r="H3460" s="6" t="s">
        <v>7067</v>
      </c>
      <c r="I3460" s="7">
        <v>4.5594469999999996</v>
      </c>
      <c r="J3460" s="8">
        <v>-74.240375599999993</v>
      </c>
    </row>
    <row r="3461" spans="1:10" x14ac:dyDescent="0.35">
      <c r="A3461" s="5" t="s">
        <v>10</v>
      </c>
      <c r="B3461" s="6">
        <v>230745</v>
      </c>
      <c r="C3461" s="6" t="s">
        <v>466</v>
      </c>
      <c r="D3461" s="6" t="s">
        <v>1262</v>
      </c>
      <c r="E3461" s="6">
        <v>81001</v>
      </c>
      <c r="F3461" s="6" t="s">
        <v>18</v>
      </c>
      <c r="G3461" s="6" t="s">
        <v>7068</v>
      </c>
      <c r="H3461" s="6" t="s">
        <v>7069</v>
      </c>
      <c r="I3461" s="7">
        <v>7.0761719999999997</v>
      </c>
      <c r="J3461" s="8">
        <v>-70.710457000000005</v>
      </c>
    </row>
    <row r="3462" spans="1:10" x14ac:dyDescent="0.35">
      <c r="A3462" s="5" t="s">
        <v>10</v>
      </c>
      <c r="B3462" s="6">
        <v>226262</v>
      </c>
      <c r="C3462" s="6" t="s">
        <v>117</v>
      </c>
      <c r="D3462" s="6" t="s">
        <v>3492</v>
      </c>
      <c r="E3462" s="6">
        <v>76520</v>
      </c>
      <c r="F3462" s="6" t="s">
        <v>13</v>
      </c>
      <c r="G3462" s="6" t="s">
        <v>3737</v>
      </c>
      <c r="H3462" s="6" t="s">
        <v>7070</v>
      </c>
      <c r="I3462" s="7">
        <v>3.4254649000000001</v>
      </c>
      <c r="J3462" s="8">
        <v>-76.5277782</v>
      </c>
    </row>
    <row r="3463" spans="1:10" x14ac:dyDescent="0.35">
      <c r="A3463" s="5" t="s">
        <v>10</v>
      </c>
      <c r="B3463" s="6">
        <v>237962</v>
      </c>
      <c r="C3463" s="6" t="s">
        <v>24</v>
      </c>
      <c r="D3463" s="6" t="s">
        <v>137</v>
      </c>
      <c r="E3463" s="6">
        <v>15238</v>
      </c>
      <c r="F3463" s="6" t="s">
        <v>2161</v>
      </c>
      <c r="G3463" s="6" t="s">
        <v>7071</v>
      </c>
      <c r="H3463" s="6" t="s">
        <v>7072</v>
      </c>
      <c r="I3463" s="7">
        <v>5.8205011999999998</v>
      </c>
      <c r="J3463" s="8">
        <v>-73.039935499999999</v>
      </c>
    </row>
    <row r="3464" spans="1:10" x14ac:dyDescent="0.35">
      <c r="A3464" s="5" t="s">
        <v>10</v>
      </c>
      <c r="B3464" s="6">
        <v>160471</v>
      </c>
      <c r="C3464" s="6" t="s">
        <v>24</v>
      </c>
      <c r="D3464" s="6" t="s">
        <v>88</v>
      </c>
      <c r="E3464" s="6">
        <v>15001</v>
      </c>
      <c r="F3464" s="6" t="s">
        <v>18</v>
      </c>
      <c r="G3464" s="6" t="s">
        <v>7073</v>
      </c>
      <c r="H3464" s="6" t="s">
        <v>7074</v>
      </c>
      <c r="I3464" s="7">
        <v>5.5210160999999998</v>
      </c>
      <c r="J3464" s="8">
        <v>-73.354711499999993</v>
      </c>
    </row>
    <row r="3465" spans="1:10" x14ac:dyDescent="0.35">
      <c r="A3465" s="5" t="s">
        <v>10</v>
      </c>
      <c r="B3465" s="6">
        <v>229537</v>
      </c>
      <c r="C3465" s="6" t="s">
        <v>16</v>
      </c>
      <c r="D3465" s="6" t="s">
        <v>78</v>
      </c>
      <c r="E3465" s="6">
        <v>68001</v>
      </c>
      <c r="F3465" s="6" t="s">
        <v>18</v>
      </c>
      <c r="G3465" s="6" t="s">
        <v>7075</v>
      </c>
      <c r="H3465" s="6" t="s">
        <v>5694</v>
      </c>
      <c r="I3465" s="7">
        <v>7.1321890000000003</v>
      </c>
      <c r="J3465" s="8">
        <v>-73.132076999999995</v>
      </c>
    </row>
    <row r="3466" spans="1:10" x14ac:dyDescent="0.35">
      <c r="A3466" s="5" t="s">
        <v>10</v>
      </c>
      <c r="B3466" s="6">
        <v>200341</v>
      </c>
      <c r="C3466" s="6" t="s">
        <v>16</v>
      </c>
      <c r="D3466" s="6" t="s">
        <v>78</v>
      </c>
      <c r="E3466" s="6">
        <v>68001</v>
      </c>
      <c r="F3466" s="6" t="s">
        <v>18</v>
      </c>
      <c r="G3466" s="6" t="s">
        <v>7076</v>
      </c>
      <c r="H3466" s="6" t="s">
        <v>7077</v>
      </c>
      <c r="I3466" s="7">
        <v>7.1052470999999997</v>
      </c>
      <c r="J3466" s="8">
        <v>-73.121981499999904</v>
      </c>
    </row>
    <row r="3467" spans="1:10" x14ac:dyDescent="0.35">
      <c r="A3467" s="5" t="s">
        <v>10</v>
      </c>
      <c r="B3467" s="6">
        <v>228289</v>
      </c>
      <c r="C3467" s="6" t="s">
        <v>2130</v>
      </c>
      <c r="D3467" s="6" t="s">
        <v>370</v>
      </c>
      <c r="E3467" s="6">
        <v>85440</v>
      </c>
      <c r="F3467" s="6" t="s">
        <v>18</v>
      </c>
      <c r="G3467" s="6" t="s">
        <v>7078</v>
      </c>
      <c r="H3467" s="6" t="s">
        <v>7079</v>
      </c>
      <c r="I3467" s="7">
        <v>4.6120346999999997</v>
      </c>
      <c r="J3467" s="8">
        <v>-72.929144399999998</v>
      </c>
    </row>
    <row r="3468" spans="1:10" x14ac:dyDescent="0.35">
      <c r="A3468" s="5" t="s">
        <v>10</v>
      </c>
      <c r="B3468" s="6">
        <v>237581</v>
      </c>
      <c r="C3468" s="6" t="s">
        <v>278</v>
      </c>
      <c r="D3468" s="6" t="s">
        <v>1331</v>
      </c>
      <c r="E3468" s="6">
        <v>50006</v>
      </c>
      <c r="F3468" s="6" t="s">
        <v>18</v>
      </c>
      <c r="G3468" s="6" t="s">
        <v>7080</v>
      </c>
      <c r="H3468" s="6" t="s">
        <v>7081</v>
      </c>
      <c r="I3468" s="7">
        <v>3.9882474000000001</v>
      </c>
      <c r="J3468" s="8">
        <v>-73.764980300000005</v>
      </c>
    </row>
    <row r="3469" spans="1:10" x14ac:dyDescent="0.35">
      <c r="A3469" s="5" t="s">
        <v>10</v>
      </c>
      <c r="B3469" s="6">
        <v>241916</v>
      </c>
      <c r="C3469" s="6" t="s">
        <v>278</v>
      </c>
      <c r="D3469" s="6" t="s">
        <v>279</v>
      </c>
      <c r="E3469" s="6">
        <v>50001</v>
      </c>
      <c r="F3469" s="6" t="s">
        <v>18</v>
      </c>
      <c r="G3469" s="6" t="s">
        <v>7082</v>
      </c>
      <c r="H3469" s="6" t="s">
        <v>7083</v>
      </c>
      <c r="I3469" s="7">
        <v>4.1313053999999996</v>
      </c>
      <c r="J3469" s="8">
        <v>-73.613028099999994</v>
      </c>
    </row>
    <row r="3470" spans="1:10" x14ac:dyDescent="0.35">
      <c r="A3470" s="5" t="s">
        <v>10</v>
      </c>
      <c r="B3470" s="6">
        <v>171979</v>
      </c>
      <c r="C3470" s="6" t="s">
        <v>294</v>
      </c>
      <c r="D3470" s="6" t="s">
        <v>295</v>
      </c>
      <c r="E3470" s="6">
        <v>41359</v>
      </c>
      <c r="F3470" s="6" t="s">
        <v>18</v>
      </c>
      <c r="G3470" s="6" t="s">
        <v>7084</v>
      </c>
      <c r="H3470" s="6" t="s">
        <v>7085</v>
      </c>
      <c r="I3470" s="7">
        <v>1.9304068999999999</v>
      </c>
      <c r="J3470" s="8">
        <v>-76.215374400000002</v>
      </c>
    </row>
    <row r="3471" spans="1:10" x14ac:dyDescent="0.35">
      <c r="A3471" s="5" t="s">
        <v>10</v>
      </c>
      <c r="B3471" s="6">
        <v>216426</v>
      </c>
      <c r="C3471" s="6" t="s">
        <v>11</v>
      </c>
      <c r="D3471" s="6" t="s">
        <v>334</v>
      </c>
      <c r="E3471" s="6">
        <v>25754</v>
      </c>
      <c r="F3471" s="6" t="s">
        <v>18</v>
      </c>
      <c r="G3471" s="6" t="s">
        <v>7086</v>
      </c>
      <c r="H3471" s="6" t="s">
        <v>7087</v>
      </c>
      <c r="I3471" s="7">
        <v>4.5825715999999996</v>
      </c>
      <c r="J3471" s="8">
        <v>-74.189104200000003</v>
      </c>
    </row>
    <row r="3472" spans="1:10" x14ac:dyDescent="0.35">
      <c r="A3472" s="5" t="s">
        <v>10</v>
      </c>
      <c r="B3472" s="6">
        <v>213177</v>
      </c>
      <c r="C3472" s="6" t="s">
        <v>11</v>
      </c>
      <c r="D3472" s="6" t="s">
        <v>101</v>
      </c>
      <c r="E3472" s="6">
        <v>25473</v>
      </c>
      <c r="F3472" s="6" t="s">
        <v>18</v>
      </c>
      <c r="G3472" s="6" t="s">
        <v>7088</v>
      </c>
      <c r="H3472" s="6" t="s">
        <v>7089</v>
      </c>
      <c r="I3472" s="7">
        <v>4.7184713999999897</v>
      </c>
      <c r="J3472" s="8">
        <v>-74.2263904</v>
      </c>
    </row>
    <row r="3473" spans="1:10" x14ac:dyDescent="0.35">
      <c r="A3473" s="5" t="s">
        <v>10</v>
      </c>
      <c r="B3473" s="6">
        <v>238012</v>
      </c>
      <c r="C3473" s="6" t="s">
        <v>68</v>
      </c>
      <c r="D3473" s="6" t="s">
        <v>69</v>
      </c>
      <c r="E3473" s="6">
        <v>11001</v>
      </c>
      <c r="F3473" s="6" t="s">
        <v>18</v>
      </c>
      <c r="G3473" s="6" t="s">
        <v>7090</v>
      </c>
      <c r="H3473" s="6" t="s">
        <v>7091</v>
      </c>
      <c r="I3473" s="7">
        <v>4.5436934999999998</v>
      </c>
      <c r="J3473" s="8">
        <v>-74.106136699999993</v>
      </c>
    </row>
    <row r="3474" spans="1:10" x14ac:dyDescent="0.35">
      <c r="A3474" s="5" t="s">
        <v>10</v>
      </c>
      <c r="B3474" s="6">
        <v>237889</v>
      </c>
      <c r="C3474" s="6" t="s">
        <v>68</v>
      </c>
      <c r="D3474" s="6" t="s">
        <v>69</v>
      </c>
      <c r="E3474" s="6">
        <v>11001</v>
      </c>
      <c r="F3474" s="6" t="s">
        <v>2161</v>
      </c>
      <c r="G3474" s="6" t="s">
        <v>7092</v>
      </c>
      <c r="H3474" s="6" t="s">
        <v>7093</v>
      </c>
      <c r="I3474" s="7">
        <v>4.7542372999999998</v>
      </c>
      <c r="J3474" s="8">
        <v>-74.080720700000001</v>
      </c>
    </row>
    <row r="3475" spans="1:10" x14ac:dyDescent="0.35">
      <c r="A3475" s="5" t="s">
        <v>10</v>
      </c>
      <c r="B3475" s="6">
        <v>244510</v>
      </c>
      <c r="C3475" s="6" t="s">
        <v>4364</v>
      </c>
      <c r="D3475" s="6" t="s">
        <v>4365</v>
      </c>
      <c r="E3475" s="6">
        <v>70001</v>
      </c>
      <c r="F3475" s="6" t="s">
        <v>18</v>
      </c>
      <c r="G3475" s="6" t="s">
        <v>7094</v>
      </c>
      <c r="H3475" s="6" t="s">
        <v>7095</v>
      </c>
      <c r="I3475" s="7">
        <v>9.2895105999999998</v>
      </c>
      <c r="J3475" s="8">
        <v>-75.384320700000004</v>
      </c>
    </row>
    <row r="3476" spans="1:10" x14ac:dyDescent="0.35">
      <c r="A3476" s="5" t="s">
        <v>10</v>
      </c>
      <c r="B3476" s="6">
        <v>203567</v>
      </c>
      <c r="C3476" s="6" t="s">
        <v>24</v>
      </c>
      <c r="D3476" s="6" t="s">
        <v>137</v>
      </c>
      <c r="E3476" s="6">
        <v>15238</v>
      </c>
      <c r="F3476" s="6" t="s">
        <v>18</v>
      </c>
      <c r="G3476" s="6" t="s">
        <v>7096</v>
      </c>
      <c r="H3476" s="6" t="s">
        <v>7097</v>
      </c>
      <c r="I3476" s="7">
        <v>5.8241521000000001</v>
      </c>
      <c r="J3476" s="8">
        <v>-73.034593000000001</v>
      </c>
    </row>
    <row r="3477" spans="1:10" x14ac:dyDescent="0.35">
      <c r="A3477" s="5" t="s">
        <v>10</v>
      </c>
      <c r="B3477" s="6">
        <v>237189</v>
      </c>
      <c r="C3477" s="6" t="s">
        <v>278</v>
      </c>
      <c r="D3477" s="6" t="s">
        <v>279</v>
      </c>
      <c r="E3477" s="6">
        <v>50001</v>
      </c>
      <c r="F3477" s="6" t="s">
        <v>18</v>
      </c>
      <c r="G3477" s="6" t="s">
        <v>7098</v>
      </c>
      <c r="H3477" s="6" t="s">
        <v>7099</v>
      </c>
      <c r="I3477" s="7">
        <v>4.1320788999999998</v>
      </c>
      <c r="J3477" s="8">
        <v>-73.589369500000004</v>
      </c>
    </row>
    <row r="3478" spans="1:10" x14ac:dyDescent="0.35">
      <c r="A3478" s="5" t="s">
        <v>10</v>
      </c>
      <c r="B3478" s="6">
        <v>204598</v>
      </c>
      <c r="C3478" s="6" t="s">
        <v>294</v>
      </c>
      <c r="D3478" s="6" t="s">
        <v>5931</v>
      </c>
      <c r="E3478" s="6">
        <v>41770</v>
      </c>
      <c r="F3478" s="6" t="s">
        <v>18</v>
      </c>
      <c r="G3478" s="6" t="s">
        <v>7100</v>
      </c>
      <c r="H3478" s="6" t="s">
        <v>7101</v>
      </c>
      <c r="I3478" s="7">
        <v>1.9771281000000001</v>
      </c>
      <c r="J3478" s="8">
        <v>-75.794264699999999</v>
      </c>
    </row>
    <row r="3479" spans="1:10" x14ac:dyDescent="0.35">
      <c r="A3479" s="5" t="s">
        <v>10</v>
      </c>
      <c r="B3479" s="6">
        <v>205171</v>
      </c>
      <c r="C3479" s="6" t="s">
        <v>11</v>
      </c>
      <c r="D3479" s="6" t="s">
        <v>334</v>
      </c>
      <c r="E3479" s="6">
        <v>25754</v>
      </c>
      <c r="F3479" s="6" t="s">
        <v>18</v>
      </c>
      <c r="G3479" s="6" t="s">
        <v>7102</v>
      </c>
      <c r="H3479" s="6" t="s">
        <v>7103</v>
      </c>
      <c r="I3479" s="7">
        <v>4.5867423999999897</v>
      </c>
      <c r="J3479" s="8">
        <v>-74.188156300000003</v>
      </c>
    </row>
    <row r="3480" spans="1:10" x14ac:dyDescent="0.35">
      <c r="A3480" s="5" t="s">
        <v>10</v>
      </c>
      <c r="B3480" s="6">
        <v>232971</v>
      </c>
      <c r="C3480" s="6" t="s">
        <v>11</v>
      </c>
      <c r="D3480" s="6" t="s">
        <v>1000</v>
      </c>
      <c r="E3480" s="6">
        <v>25123</v>
      </c>
      <c r="F3480" s="6" t="s">
        <v>18</v>
      </c>
      <c r="G3480" s="6" t="s">
        <v>7104</v>
      </c>
      <c r="H3480" s="6" t="s">
        <v>7105</v>
      </c>
      <c r="I3480" s="7">
        <v>4.5742599999999998</v>
      </c>
      <c r="J3480" s="8">
        <v>-74.224770000000007</v>
      </c>
    </row>
    <row r="3481" spans="1:10" x14ac:dyDescent="0.35">
      <c r="A3481" s="5" t="s">
        <v>10</v>
      </c>
      <c r="B3481" s="6">
        <v>238640</v>
      </c>
      <c r="C3481" s="6" t="s">
        <v>68</v>
      </c>
      <c r="D3481" s="6" t="s">
        <v>69</v>
      </c>
      <c r="E3481" s="6">
        <v>11001</v>
      </c>
      <c r="F3481" s="6" t="s">
        <v>18</v>
      </c>
      <c r="G3481" s="6" t="s">
        <v>7106</v>
      </c>
      <c r="H3481" s="6" t="s">
        <v>7107</v>
      </c>
      <c r="I3481" s="7">
        <v>4.6774966999999998</v>
      </c>
      <c r="J3481" s="8">
        <v>-74.096309099999999</v>
      </c>
    </row>
    <row r="3482" spans="1:10" x14ac:dyDescent="0.35">
      <c r="A3482" s="5" t="s">
        <v>10</v>
      </c>
      <c r="B3482" s="6">
        <v>226342</v>
      </c>
      <c r="C3482" s="6" t="s">
        <v>308</v>
      </c>
      <c r="D3482" s="6" t="s">
        <v>309</v>
      </c>
      <c r="E3482" s="6">
        <v>23001</v>
      </c>
      <c r="F3482" s="6" t="s">
        <v>13</v>
      </c>
      <c r="G3482" s="6" t="s">
        <v>3737</v>
      </c>
      <c r="H3482" s="6" t="s">
        <v>7108</v>
      </c>
      <c r="I3482" s="7">
        <v>8.7367189999999901</v>
      </c>
      <c r="J3482" s="8">
        <v>-75.895671800000002</v>
      </c>
    </row>
    <row r="3483" spans="1:10" x14ac:dyDescent="0.35">
      <c r="A3483" s="5" t="s">
        <v>10</v>
      </c>
      <c r="B3483" s="6">
        <v>230096</v>
      </c>
      <c r="C3483" s="6" t="s">
        <v>16</v>
      </c>
      <c r="D3483" s="6" t="s">
        <v>1401</v>
      </c>
      <c r="E3483" s="6">
        <v>68307</v>
      </c>
      <c r="F3483" s="6" t="s">
        <v>18</v>
      </c>
      <c r="G3483" s="6" t="s">
        <v>7109</v>
      </c>
      <c r="H3483" s="6" t="s">
        <v>7110</v>
      </c>
      <c r="I3483" s="7">
        <v>7.0710483999999996</v>
      </c>
      <c r="J3483" s="8">
        <v>-73.172137300000003</v>
      </c>
    </row>
    <row r="3484" spans="1:10" x14ac:dyDescent="0.35">
      <c r="A3484" s="5" t="s">
        <v>10</v>
      </c>
      <c r="B3484" s="6">
        <v>203498</v>
      </c>
      <c r="C3484" s="6" t="s">
        <v>551</v>
      </c>
      <c r="D3484" s="6" t="s">
        <v>5178</v>
      </c>
      <c r="E3484" s="6">
        <v>20045</v>
      </c>
      <c r="F3484" s="6" t="s">
        <v>18</v>
      </c>
      <c r="G3484" s="6" t="s">
        <v>7111</v>
      </c>
      <c r="H3484" s="6" t="s">
        <v>7112</v>
      </c>
      <c r="I3484" s="7">
        <v>9.70345429999999</v>
      </c>
      <c r="J3484" s="8">
        <v>-73.278275499999907</v>
      </c>
    </row>
    <row r="3485" spans="1:10" x14ac:dyDescent="0.35">
      <c r="A3485" s="5" t="s">
        <v>10</v>
      </c>
      <c r="B3485" s="6">
        <v>237927</v>
      </c>
      <c r="C3485" s="6" t="s">
        <v>11</v>
      </c>
      <c r="D3485" s="6" t="s">
        <v>407</v>
      </c>
      <c r="E3485" s="6">
        <v>25126</v>
      </c>
      <c r="F3485" s="6" t="s">
        <v>18</v>
      </c>
      <c r="G3485" s="6" t="s">
        <v>7113</v>
      </c>
      <c r="H3485" s="6" t="s">
        <v>7114</v>
      </c>
      <c r="I3485" s="7">
        <v>4.9186047999999998</v>
      </c>
      <c r="J3485" s="8">
        <v>-74.014236400000001</v>
      </c>
    </row>
    <row r="3486" spans="1:10" x14ac:dyDescent="0.35">
      <c r="A3486" s="5" t="s">
        <v>10</v>
      </c>
      <c r="B3486" s="6">
        <v>201491</v>
      </c>
      <c r="C3486" s="6" t="s">
        <v>11</v>
      </c>
      <c r="D3486" s="6" t="s">
        <v>334</v>
      </c>
      <c r="E3486" s="6">
        <v>25754</v>
      </c>
      <c r="F3486" s="6" t="s">
        <v>18</v>
      </c>
      <c r="G3486" s="6" t="s">
        <v>7115</v>
      </c>
      <c r="H3486" s="6" t="s">
        <v>7116</v>
      </c>
      <c r="I3486" s="7">
        <v>4.5753883999999996</v>
      </c>
      <c r="J3486" s="8">
        <v>-74.226162599999995</v>
      </c>
    </row>
    <row r="3487" spans="1:10" x14ac:dyDescent="0.35">
      <c r="A3487" s="5" t="s">
        <v>10</v>
      </c>
      <c r="B3487" s="6">
        <v>210632</v>
      </c>
      <c r="C3487" s="6" t="s">
        <v>68</v>
      </c>
      <c r="D3487" s="6" t="s">
        <v>69</v>
      </c>
      <c r="E3487" s="6">
        <v>11001</v>
      </c>
      <c r="F3487" s="6" t="s">
        <v>18</v>
      </c>
      <c r="G3487" s="6" t="s">
        <v>855</v>
      </c>
      <c r="H3487" s="6" t="s">
        <v>7117</v>
      </c>
      <c r="I3487" s="7">
        <v>4.7283724999999999</v>
      </c>
      <c r="J3487" s="8">
        <v>-74.062737499999997</v>
      </c>
    </row>
    <row r="3488" spans="1:10" x14ac:dyDescent="0.35">
      <c r="A3488" s="5" t="s">
        <v>10</v>
      </c>
      <c r="B3488" s="6">
        <v>227543</v>
      </c>
      <c r="C3488" s="6" t="s">
        <v>68</v>
      </c>
      <c r="D3488" s="6" t="s">
        <v>69</v>
      </c>
      <c r="E3488" s="6">
        <v>11001</v>
      </c>
      <c r="F3488" s="6" t="s">
        <v>18</v>
      </c>
      <c r="G3488" s="6" t="s">
        <v>7118</v>
      </c>
      <c r="H3488" s="6" t="s">
        <v>7119</v>
      </c>
      <c r="I3488" s="7">
        <v>4.6577178999999997</v>
      </c>
      <c r="J3488" s="8">
        <v>-74.062724500000002</v>
      </c>
    </row>
    <row r="3489" spans="1:10" x14ac:dyDescent="0.35">
      <c r="A3489" s="5" t="s">
        <v>10</v>
      </c>
      <c r="B3489" s="6">
        <v>239633</v>
      </c>
      <c r="C3489" s="6" t="s">
        <v>28</v>
      </c>
      <c r="D3489" s="6" t="s">
        <v>29</v>
      </c>
      <c r="E3489" s="6">
        <v>54001</v>
      </c>
      <c r="F3489" s="6" t="s">
        <v>18</v>
      </c>
      <c r="G3489" s="6" t="s">
        <v>6045</v>
      </c>
      <c r="H3489" s="6" t="s">
        <v>6046</v>
      </c>
      <c r="I3489" s="7">
        <v>7.9313079999999996</v>
      </c>
      <c r="J3489" s="8">
        <v>-72.504530799999998</v>
      </c>
    </row>
    <row r="3490" spans="1:10" x14ac:dyDescent="0.35">
      <c r="A3490" s="5" t="s">
        <v>10</v>
      </c>
      <c r="B3490" s="6">
        <v>232424</v>
      </c>
      <c r="C3490" s="6" t="s">
        <v>551</v>
      </c>
      <c r="D3490" s="6" t="s">
        <v>1529</v>
      </c>
      <c r="E3490" s="6">
        <v>20400</v>
      </c>
      <c r="F3490" s="6" t="s">
        <v>18</v>
      </c>
      <c r="G3490" s="6" t="s">
        <v>4192</v>
      </c>
      <c r="H3490" s="6" t="s">
        <v>7120</v>
      </c>
      <c r="I3490" s="7">
        <v>9.5639038000000003</v>
      </c>
      <c r="J3490" s="8">
        <v>-73.337188499999996</v>
      </c>
    </row>
    <row r="3491" spans="1:10" x14ac:dyDescent="0.35">
      <c r="A3491" s="5" t="s">
        <v>10</v>
      </c>
      <c r="B3491" s="6">
        <v>226236</v>
      </c>
      <c r="C3491" s="6" t="s">
        <v>117</v>
      </c>
      <c r="D3491" s="6" t="s">
        <v>1334</v>
      </c>
      <c r="E3491" s="6">
        <v>76001</v>
      </c>
      <c r="F3491" s="6" t="s">
        <v>13</v>
      </c>
      <c r="G3491" s="6" t="s">
        <v>3737</v>
      </c>
      <c r="H3491" s="6" t="s">
        <v>7121</v>
      </c>
      <c r="I3491" s="7">
        <v>3.4516467</v>
      </c>
      <c r="J3491" s="8">
        <v>-76.531985399999996</v>
      </c>
    </row>
    <row r="3492" spans="1:10" x14ac:dyDescent="0.35">
      <c r="A3492" s="5" t="s">
        <v>10</v>
      </c>
      <c r="B3492" s="6">
        <v>226337</v>
      </c>
      <c r="C3492" s="6" t="s">
        <v>109</v>
      </c>
      <c r="D3492" s="6" t="s">
        <v>227</v>
      </c>
      <c r="E3492" s="6">
        <v>13001</v>
      </c>
      <c r="F3492" s="6" t="s">
        <v>13</v>
      </c>
      <c r="G3492" s="6" t="s">
        <v>3737</v>
      </c>
      <c r="H3492" s="6" t="s">
        <v>7122</v>
      </c>
      <c r="I3492" s="7">
        <v>10.409029500000001</v>
      </c>
      <c r="J3492" s="8">
        <v>-75.532055099999994</v>
      </c>
    </row>
    <row r="3493" spans="1:10" x14ac:dyDescent="0.35">
      <c r="A3493" s="5" t="s">
        <v>10</v>
      </c>
      <c r="B3493" s="6">
        <v>244516</v>
      </c>
      <c r="C3493" s="6" t="s">
        <v>68</v>
      </c>
      <c r="D3493" s="6" t="s">
        <v>69</v>
      </c>
      <c r="E3493" s="6">
        <v>11001</v>
      </c>
      <c r="F3493" s="6" t="s">
        <v>18</v>
      </c>
      <c r="G3493" s="6" t="s">
        <v>7123</v>
      </c>
      <c r="H3493" s="6" t="s">
        <v>7124</v>
      </c>
      <c r="I3493" s="7">
        <v>4.7077784999999999</v>
      </c>
      <c r="J3493" s="8">
        <v>-74.104494299999999</v>
      </c>
    </row>
    <row r="3494" spans="1:10" x14ac:dyDescent="0.35">
      <c r="A3494" s="5" t="s">
        <v>10</v>
      </c>
      <c r="B3494" s="6">
        <v>232742</v>
      </c>
      <c r="C3494" s="6" t="s">
        <v>3788</v>
      </c>
      <c r="D3494" s="6" t="s">
        <v>7125</v>
      </c>
      <c r="E3494" s="6">
        <v>18247</v>
      </c>
      <c r="F3494" s="6" t="s">
        <v>18</v>
      </c>
      <c r="G3494" s="6" t="s">
        <v>7126</v>
      </c>
      <c r="H3494" s="6" t="s">
        <v>7127</v>
      </c>
      <c r="I3494" s="7">
        <v>1.680042</v>
      </c>
      <c r="J3494" s="8">
        <v>-75.2833349</v>
      </c>
    </row>
    <row r="3495" spans="1:10" x14ac:dyDescent="0.35">
      <c r="A3495" s="5" t="s">
        <v>10</v>
      </c>
      <c r="B3495" s="6">
        <v>200826</v>
      </c>
      <c r="C3495" s="6" t="s">
        <v>294</v>
      </c>
      <c r="D3495" s="6" t="s">
        <v>6982</v>
      </c>
      <c r="E3495" s="6">
        <v>41885</v>
      </c>
      <c r="F3495" s="6" t="s">
        <v>18</v>
      </c>
      <c r="G3495" s="6" t="s">
        <v>7128</v>
      </c>
      <c r="H3495" s="6" t="s">
        <v>7129</v>
      </c>
      <c r="I3495" s="7">
        <v>2.6644540000000001</v>
      </c>
      <c r="J3495" s="8">
        <v>-75.518333999999996</v>
      </c>
    </row>
    <row r="3496" spans="1:10" x14ac:dyDescent="0.35">
      <c r="A3496" s="5" t="s">
        <v>10</v>
      </c>
      <c r="B3496" s="6">
        <v>218886</v>
      </c>
      <c r="C3496" s="6" t="s">
        <v>11</v>
      </c>
      <c r="D3496" s="6" t="s">
        <v>12</v>
      </c>
      <c r="E3496" s="6">
        <v>25899</v>
      </c>
      <c r="F3496" s="6" t="s">
        <v>18</v>
      </c>
      <c r="G3496" s="6" t="s">
        <v>7130</v>
      </c>
      <c r="H3496" s="6" t="s">
        <v>7131</v>
      </c>
      <c r="I3496" s="7">
        <v>5.0168347999999998</v>
      </c>
      <c r="J3496" s="8">
        <v>-73.999907899999997</v>
      </c>
    </row>
    <row r="3497" spans="1:10" x14ac:dyDescent="0.35">
      <c r="A3497" s="5" t="s">
        <v>10</v>
      </c>
      <c r="B3497" s="6">
        <v>228334</v>
      </c>
      <c r="C3497" s="6" t="s">
        <v>11</v>
      </c>
      <c r="D3497" s="6" t="s">
        <v>513</v>
      </c>
      <c r="E3497" s="6">
        <v>25286</v>
      </c>
      <c r="F3497" s="6" t="s">
        <v>18</v>
      </c>
      <c r="G3497" s="6" t="s">
        <v>7132</v>
      </c>
      <c r="H3497" s="6" t="s">
        <v>7133</v>
      </c>
      <c r="I3497" s="7">
        <v>4.7136741999999998</v>
      </c>
      <c r="J3497" s="8">
        <v>-74.2044578</v>
      </c>
    </row>
    <row r="3498" spans="1:10" x14ac:dyDescent="0.35">
      <c r="A3498" s="5" t="s">
        <v>10</v>
      </c>
      <c r="B3498" s="6">
        <v>243065</v>
      </c>
      <c r="C3498" s="6" t="s">
        <v>28</v>
      </c>
      <c r="D3498" s="6" t="s">
        <v>7134</v>
      </c>
      <c r="E3498" s="6">
        <v>54673</v>
      </c>
      <c r="F3498" s="6" t="s">
        <v>18</v>
      </c>
      <c r="G3498" s="6" t="s">
        <v>7135</v>
      </c>
      <c r="H3498" s="6" t="s">
        <v>7136</v>
      </c>
      <c r="I3498" s="7">
        <v>5.3012220000000001</v>
      </c>
      <c r="J3498" s="8">
        <v>-74.069702000000007</v>
      </c>
    </row>
    <row r="3499" spans="1:10" x14ac:dyDescent="0.35">
      <c r="A3499" s="5" t="s">
        <v>10</v>
      </c>
      <c r="B3499" s="6">
        <v>235538</v>
      </c>
      <c r="C3499" s="6" t="s">
        <v>117</v>
      </c>
      <c r="D3499" s="6" t="s">
        <v>3402</v>
      </c>
      <c r="E3499" s="6">
        <v>76364</v>
      </c>
      <c r="F3499" s="6" t="s">
        <v>18</v>
      </c>
      <c r="G3499" s="6" t="s">
        <v>7137</v>
      </c>
      <c r="H3499" s="6" t="s">
        <v>7138</v>
      </c>
      <c r="I3499" s="7">
        <v>3.4442889999999999</v>
      </c>
      <c r="J3499" s="8">
        <v>-76.522458599999993</v>
      </c>
    </row>
    <row r="3500" spans="1:10" x14ac:dyDescent="0.35">
      <c r="A3500" s="5" t="s">
        <v>10</v>
      </c>
      <c r="B3500" s="6">
        <v>236201</v>
      </c>
      <c r="C3500" s="6" t="s">
        <v>457</v>
      </c>
      <c r="D3500" s="6" t="s">
        <v>7139</v>
      </c>
      <c r="E3500" s="6">
        <v>52110</v>
      </c>
      <c r="F3500" s="6" t="s">
        <v>18</v>
      </c>
      <c r="G3500" s="6" t="s">
        <v>7140</v>
      </c>
      <c r="H3500" s="6" t="s">
        <v>7141</v>
      </c>
      <c r="I3500" s="7">
        <v>1.378628</v>
      </c>
      <c r="J3500" s="8">
        <v>-77.157231600000003</v>
      </c>
    </row>
    <row r="3501" spans="1:10" x14ac:dyDescent="0.35">
      <c r="A3501" s="5" t="s">
        <v>10</v>
      </c>
      <c r="B3501" s="6">
        <v>211822</v>
      </c>
      <c r="C3501" s="6" t="s">
        <v>68</v>
      </c>
      <c r="D3501" s="6" t="s">
        <v>69</v>
      </c>
      <c r="E3501" s="6">
        <v>11001</v>
      </c>
      <c r="F3501" s="6" t="s">
        <v>18</v>
      </c>
      <c r="G3501" s="6" t="s">
        <v>2430</v>
      </c>
      <c r="H3501" s="6" t="s">
        <v>7142</v>
      </c>
      <c r="I3501" s="7">
        <v>4.5839036999999996</v>
      </c>
      <c r="J3501" s="8">
        <v>-74.095741700000005</v>
      </c>
    </row>
    <row r="3502" spans="1:10" x14ac:dyDescent="0.35">
      <c r="A3502" s="5" t="s">
        <v>10</v>
      </c>
      <c r="B3502" s="6">
        <v>210507</v>
      </c>
      <c r="C3502" s="6" t="s">
        <v>68</v>
      </c>
      <c r="D3502" s="6" t="s">
        <v>69</v>
      </c>
      <c r="E3502" s="6">
        <v>11001</v>
      </c>
      <c r="F3502" s="6" t="s">
        <v>18</v>
      </c>
      <c r="G3502" s="6" t="s">
        <v>7143</v>
      </c>
      <c r="H3502" s="6" t="s">
        <v>7144</v>
      </c>
      <c r="I3502" s="7">
        <v>4.7322516999999999</v>
      </c>
      <c r="J3502" s="8">
        <v>-74.086592199999998</v>
      </c>
    </row>
    <row r="3503" spans="1:10" x14ac:dyDescent="0.35">
      <c r="A3503" s="5" t="s">
        <v>10</v>
      </c>
      <c r="B3503" s="6">
        <v>226219</v>
      </c>
      <c r="C3503" s="6" t="s">
        <v>117</v>
      </c>
      <c r="D3503" s="6" t="s">
        <v>5316</v>
      </c>
      <c r="E3503" s="6">
        <v>76109</v>
      </c>
      <c r="F3503" s="6" t="s">
        <v>13</v>
      </c>
      <c r="G3503" s="6" t="s">
        <v>3737</v>
      </c>
      <c r="H3503" s="6" t="s">
        <v>7145</v>
      </c>
      <c r="I3503" s="7">
        <v>4.8265025000000001</v>
      </c>
      <c r="J3503" s="8">
        <v>-75.681468600000002</v>
      </c>
    </row>
    <row r="3504" spans="1:10" x14ac:dyDescent="0.35">
      <c r="A3504" s="5" t="s">
        <v>10</v>
      </c>
      <c r="B3504" s="6">
        <v>148432</v>
      </c>
      <c r="C3504" s="6" t="s">
        <v>16</v>
      </c>
      <c r="D3504" s="6" t="s">
        <v>78</v>
      </c>
      <c r="E3504" s="6">
        <v>68001</v>
      </c>
      <c r="F3504" s="6" t="s">
        <v>18</v>
      </c>
      <c r="G3504" s="6" t="s">
        <v>7146</v>
      </c>
      <c r="H3504" s="6" t="s">
        <v>7147</v>
      </c>
      <c r="I3504" s="7">
        <v>7.1131283999999999</v>
      </c>
      <c r="J3504" s="8">
        <v>-73.110274699999906</v>
      </c>
    </row>
    <row r="3505" spans="1:10" x14ac:dyDescent="0.35">
      <c r="A3505" s="5" t="s">
        <v>10</v>
      </c>
      <c r="B3505" s="6">
        <v>245996</v>
      </c>
      <c r="C3505" s="6" t="s">
        <v>16</v>
      </c>
      <c r="D3505" s="6" t="s">
        <v>78</v>
      </c>
      <c r="E3505" s="6">
        <v>68001</v>
      </c>
      <c r="F3505" s="6" t="s">
        <v>18</v>
      </c>
      <c r="G3505" s="6" t="s">
        <v>7148</v>
      </c>
      <c r="H3505" s="6" t="s">
        <v>7149</v>
      </c>
      <c r="I3505" s="7">
        <v>7.1193489999999997</v>
      </c>
      <c r="J3505" s="8">
        <v>-73.122741599999998</v>
      </c>
    </row>
    <row r="3506" spans="1:10" x14ac:dyDescent="0.35">
      <c r="A3506" s="5" t="s">
        <v>10</v>
      </c>
      <c r="B3506" s="6">
        <v>201120</v>
      </c>
      <c r="C3506" s="6" t="s">
        <v>278</v>
      </c>
      <c r="D3506" s="6" t="s">
        <v>3651</v>
      </c>
      <c r="E3506" s="6">
        <v>50313</v>
      </c>
      <c r="F3506" s="6" t="s">
        <v>18</v>
      </c>
      <c r="G3506" s="6" t="s">
        <v>7150</v>
      </c>
      <c r="H3506" s="6" t="s">
        <v>7151</v>
      </c>
      <c r="I3506" s="7">
        <v>3.5485503</v>
      </c>
      <c r="J3506" s="8">
        <v>-73.710716300000001</v>
      </c>
    </row>
    <row r="3507" spans="1:10" x14ac:dyDescent="0.35">
      <c r="A3507" s="5" t="s">
        <v>10</v>
      </c>
      <c r="B3507" s="6">
        <v>208221</v>
      </c>
      <c r="C3507" s="6" t="s">
        <v>294</v>
      </c>
      <c r="D3507" s="6" t="s">
        <v>703</v>
      </c>
      <c r="E3507" s="6">
        <v>41001</v>
      </c>
      <c r="F3507" s="6" t="s">
        <v>18</v>
      </c>
      <c r="G3507" s="6" t="s">
        <v>7152</v>
      </c>
      <c r="H3507" s="6" t="s">
        <v>7153</v>
      </c>
      <c r="I3507" s="7">
        <v>2.9369999</v>
      </c>
      <c r="J3507" s="8">
        <v>-75.268366399999906</v>
      </c>
    </row>
    <row r="3508" spans="1:10" x14ac:dyDescent="0.35">
      <c r="A3508" s="5" t="s">
        <v>10</v>
      </c>
      <c r="B3508" s="6">
        <v>233131</v>
      </c>
      <c r="C3508" s="6" t="s">
        <v>11</v>
      </c>
      <c r="D3508" s="6" t="s">
        <v>101</v>
      </c>
      <c r="E3508" s="6">
        <v>25473</v>
      </c>
      <c r="F3508" s="6" t="s">
        <v>18</v>
      </c>
      <c r="G3508" s="6" t="s">
        <v>7154</v>
      </c>
      <c r="H3508" s="6" t="s">
        <v>7155</v>
      </c>
      <c r="I3508" s="7">
        <v>4.7254399999999999</v>
      </c>
      <c r="J3508" s="8">
        <v>-74.22533</v>
      </c>
    </row>
    <row r="3509" spans="1:10" x14ac:dyDescent="0.35">
      <c r="A3509" s="5" t="s">
        <v>10</v>
      </c>
      <c r="B3509" s="6">
        <v>181147</v>
      </c>
      <c r="C3509" s="6" t="s">
        <v>11</v>
      </c>
      <c r="D3509" s="6" t="s">
        <v>12</v>
      </c>
      <c r="E3509" s="6">
        <v>25899</v>
      </c>
      <c r="F3509" s="6" t="s">
        <v>18</v>
      </c>
      <c r="G3509" s="6" t="s">
        <v>7156</v>
      </c>
      <c r="H3509" s="6" t="s">
        <v>7157</v>
      </c>
      <c r="I3509" s="7">
        <v>5.0239842000000001</v>
      </c>
      <c r="J3509" s="8">
        <v>-74.001232000000002</v>
      </c>
    </row>
    <row r="3510" spans="1:10" x14ac:dyDescent="0.35">
      <c r="A3510" s="5" t="s">
        <v>10</v>
      </c>
      <c r="B3510" s="6">
        <v>243053</v>
      </c>
      <c r="C3510" s="6" t="s">
        <v>11</v>
      </c>
      <c r="D3510" s="6" t="s">
        <v>12</v>
      </c>
      <c r="E3510" s="6">
        <v>25899</v>
      </c>
      <c r="F3510" s="6" t="s">
        <v>18</v>
      </c>
      <c r="G3510" s="6" t="s">
        <v>7158</v>
      </c>
      <c r="H3510" s="6" t="s">
        <v>7159</v>
      </c>
      <c r="I3510" s="7">
        <v>5.0297421</v>
      </c>
      <c r="J3510" s="8">
        <v>-73.9923115</v>
      </c>
    </row>
    <row r="3511" spans="1:10" x14ac:dyDescent="0.35">
      <c r="A3511" s="5" t="s">
        <v>10</v>
      </c>
      <c r="B3511" s="6">
        <v>226295</v>
      </c>
      <c r="C3511" s="6" t="s">
        <v>68</v>
      </c>
      <c r="D3511" s="6" t="s">
        <v>69</v>
      </c>
      <c r="E3511" s="6">
        <v>11001</v>
      </c>
      <c r="F3511" s="6" t="s">
        <v>13</v>
      </c>
      <c r="G3511" s="6" t="s">
        <v>3737</v>
      </c>
      <c r="H3511" s="6" t="s">
        <v>7160</v>
      </c>
      <c r="I3511" s="7">
        <v>4.7106745999999999</v>
      </c>
      <c r="J3511" s="8">
        <v>-74.073759999999993</v>
      </c>
    </row>
    <row r="3512" spans="1:10" x14ac:dyDescent="0.35">
      <c r="A3512" s="5" t="s">
        <v>10</v>
      </c>
      <c r="B3512" s="6">
        <v>226371</v>
      </c>
      <c r="C3512" s="6" t="s">
        <v>94</v>
      </c>
      <c r="D3512" s="6" t="s">
        <v>98</v>
      </c>
      <c r="E3512" s="6">
        <v>66001</v>
      </c>
      <c r="F3512" s="6" t="s">
        <v>13</v>
      </c>
      <c r="G3512" s="6" t="s">
        <v>3737</v>
      </c>
      <c r="H3512" s="6" t="s">
        <v>7161</v>
      </c>
      <c r="I3512" s="7">
        <v>4.8134233999999996</v>
      </c>
      <c r="J3512" s="8">
        <v>-75.694661099999905</v>
      </c>
    </row>
    <row r="3513" spans="1:10" x14ac:dyDescent="0.35">
      <c r="A3513" s="5" t="s">
        <v>10</v>
      </c>
      <c r="B3513" s="6">
        <v>237281</v>
      </c>
      <c r="C3513" s="6" t="s">
        <v>68</v>
      </c>
      <c r="D3513" s="6" t="s">
        <v>69</v>
      </c>
      <c r="E3513" s="6">
        <v>11001</v>
      </c>
      <c r="F3513" s="6" t="s">
        <v>18</v>
      </c>
      <c r="G3513" s="6" t="s">
        <v>7162</v>
      </c>
      <c r="H3513" s="6" t="s">
        <v>7163</v>
      </c>
      <c r="I3513" s="7">
        <v>9.1059640000000002</v>
      </c>
      <c r="J3513" s="8">
        <v>-75.401527000000002</v>
      </c>
    </row>
    <row r="3514" spans="1:10" x14ac:dyDescent="0.35">
      <c r="A3514" s="5" t="s">
        <v>10</v>
      </c>
      <c r="B3514" s="6">
        <v>119898</v>
      </c>
      <c r="C3514" s="6" t="s">
        <v>24</v>
      </c>
      <c r="D3514" s="6" t="s">
        <v>1215</v>
      </c>
      <c r="E3514" s="6">
        <v>15835</v>
      </c>
      <c r="F3514" s="6" t="s">
        <v>18</v>
      </c>
      <c r="G3514" s="6" t="s">
        <v>7164</v>
      </c>
      <c r="H3514" s="6" t="s">
        <v>7165</v>
      </c>
      <c r="I3514" s="7">
        <v>3.4490987999999998</v>
      </c>
      <c r="J3514" s="8">
        <v>-76.540972299999893</v>
      </c>
    </row>
    <row r="3515" spans="1:10" x14ac:dyDescent="0.35">
      <c r="A3515" s="5" t="s">
        <v>10</v>
      </c>
      <c r="B3515" s="6">
        <v>203814</v>
      </c>
      <c r="C3515" s="6" t="s">
        <v>24</v>
      </c>
      <c r="D3515" s="6" t="s">
        <v>530</v>
      </c>
      <c r="E3515" s="6">
        <v>15516</v>
      </c>
      <c r="F3515" s="6" t="s">
        <v>18</v>
      </c>
      <c r="G3515" s="6" t="s">
        <v>5127</v>
      </c>
      <c r="H3515" s="6" t="s">
        <v>5128</v>
      </c>
      <c r="I3515" s="7">
        <v>5.7797700000000001</v>
      </c>
      <c r="J3515" s="8">
        <v>-73.114724999999893</v>
      </c>
    </row>
    <row r="3516" spans="1:10" x14ac:dyDescent="0.35">
      <c r="A3516" s="5" t="s">
        <v>10</v>
      </c>
      <c r="B3516" s="6">
        <v>216925</v>
      </c>
      <c r="C3516" s="6" t="s">
        <v>551</v>
      </c>
      <c r="D3516" s="6" t="s">
        <v>4924</v>
      </c>
      <c r="E3516" s="6">
        <v>20770</v>
      </c>
      <c r="F3516" s="6" t="s">
        <v>18</v>
      </c>
      <c r="G3516" s="6" t="s">
        <v>7166</v>
      </c>
      <c r="H3516" s="6" t="s">
        <v>7167</v>
      </c>
      <c r="I3516" s="7">
        <v>7.9296179999999996</v>
      </c>
      <c r="J3516" s="8">
        <v>-73.512292799999997</v>
      </c>
    </row>
    <row r="3517" spans="1:10" x14ac:dyDescent="0.35">
      <c r="A3517" s="5" t="s">
        <v>10</v>
      </c>
      <c r="B3517" s="6">
        <v>220979</v>
      </c>
      <c r="C3517" s="6" t="s">
        <v>551</v>
      </c>
      <c r="D3517" s="6" t="s">
        <v>3868</v>
      </c>
      <c r="E3517" s="6">
        <v>20001</v>
      </c>
      <c r="F3517" s="6" t="s">
        <v>18</v>
      </c>
      <c r="G3517" s="6" t="s">
        <v>7168</v>
      </c>
      <c r="H3517" s="6" t="s">
        <v>7169</v>
      </c>
      <c r="I3517" s="7">
        <v>10.451952</v>
      </c>
      <c r="J3517" s="8">
        <v>-73.252023500000007</v>
      </c>
    </row>
    <row r="3518" spans="1:10" x14ac:dyDescent="0.35">
      <c r="A3518" s="5" t="s">
        <v>10</v>
      </c>
      <c r="B3518" s="6">
        <v>203090</v>
      </c>
      <c r="C3518" s="6" t="s">
        <v>278</v>
      </c>
      <c r="D3518" s="6" t="s">
        <v>279</v>
      </c>
      <c r="E3518" s="6">
        <v>50001</v>
      </c>
      <c r="F3518" s="6" t="s">
        <v>18</v>
      </c>
      <c r="G3518" s="6" t="s">
        <v>4251</v>
      </c>
      <c r="H3518" s="6" t="s">
        <v>4252</v>
      </c>
      <c r="I3518" s="7">
        <v>4.0827644999999997</v>
      </c>
      <c r="J3518" s="8">
        <v>-73.668986899999993</v>
      </c>
    </row>
    <row r="3519" spans="1:10" x14ac:dyDescent="0.35">
      <c r="A3519" s="5" t="s">
        <v>10</v>
      </c>
      <c r="B3519" s="6">
        <v>207327</v>
      </c>
      <c r="C3519" s="6" t="s">
        <v>294</v>
      </c>
      <c r="D3519" s="6" t="s">
        <v>703</v>
      </c>
      <c r="E3519" s="6">
        <v>41001</v>
      </c>
      <c r="F3519" s="6" t="s">
        <v>18</v>
      </c>
      <c r="G3519" s="6" t="s">
        <v>7170</v>
      </c>
      <c r="H3519" s="6" t="s">
        <v>7171</v>
      </c>
      <c r="I3519" s="7">
        <v>2.9708860000000001</v>
      </c>
      <c r="J3519" s="8">
        <v>-75.286712800000004</v>
      </c>
    </row>
    <row r="3520" spans="1:10" x14ac:dyDescent="0.35">
      <c r="A3520" s="5" t="s">
        <v>10</v>
      </c>
      <c r="B3520" s="6">
        <v>198122</v>
      </c>
      <c r="C3520" s="6" t="s">
        <v>11</v>
      </c>
      <c r="D3520" s="6" t="s">
        <v>221</v>
      </c>
      <c r="E3520" s="6">
        <v>25430</v>
      </c>
      <c r="F3520" s="6" t="s">
        <v>18</v>
      </c>
      <c r="G3520" s="6" t="s">
        <v>7172</v>
      </c>
      <c r="H3520" s="6" t="s">
        <v>7173</v>
      </c>
      <c r="I3520" s="7">
        <v>4.8189983999999999</v>
      </c>
      <c r="J3520" s="8">
        <v>-74.222383399999998</v>
      </c>
    </row>
    <row r="3521" spans="1:10" x14ac:dyDescent="0.35">
      <c r="A3521" s="5" t="s">
        <v>10</v>
      </c>
      <c r="B3521" s="6">
        <v>175986</v>
      </c>
      <c r="C3521" s="6" t="s">
        <v>190</v>
      </c>
      <c r="D3521" s="6" t="s">
        <v>5480</v>
      </c>
      <c r="E3521" s="6">
        <v>5495</v>
      </c>
      <c r="F3521" s="6" t="s">
        <v>18</v>
      </c>
      <c r="G3521" s="6" t="s">
        <v>7174</v>
      </c>
      <c r="H3521" s="6" t="s">
        <v>7175</v>
      </c>
      <c r="I3521" s="7">
        <v>8.0909314999999999</v>
      </c>
      <c r="J3521" s="8">
        <v>-74.779646599999893</v>
      </c>
    </row>
    <row r="3522" spans="1:10" x14ac:dyDescent="0.35">
      <c r="A3522" s="5" t="s">
        <v>10</v>
      </c>
      <c r="B3522" s="6">
        <v>210282</v>
      </c>
      <c r="C3522" s="6" t="s">
        <v>68</v>
      </c>
      <c r="D3522" s="6" t="s">
        <v>69</v>
      </c>
      <c r="E3522" s="6">
        <v>11001</v>
      </c>
      <c r="F3522" s="6" t="s">
        <v>18</v>
      </c>
      <c r="G3522" s="6" t="s">
        <v>7176</v>
      </c>
      <c r="H3522" s="6" t="s">
        <v>7177</v>
      </c>
      <c r="I3522" s="7">
        <v>4.5617418999999897</v>
      </c>
      <c r="J3522" s="8">
        <v>-74.1299755</v>
      </c>
    </row>
    <row r="3523" spans="1:10" x14ac:dyDescent="0.35">
      <c r="A3523" s="5" t="s">
        <v>10</v>
      </c>
      <c r="B3523" s="6">
        <v>226282</v>
      </c>
      <c r="C3523" s="6" t="s">
        <v>68</v>
      </c>
      <c r="D3523" s="6" t="s">
        <v>69</v>
      </c>
      <c r="E3523" s="6">
        <v>11001</v>
      </c>
      <c r="F3523" s="6" t="s">
        <v>13</v>
      </c>
      <c r="G3523" s="6" t="s">
        <v>3737</v>
      </c>
      <c r="H3523" s="6" t="s">
        <v>7178</v>
      </c>
      <c r="I3523" s="7">
        <v>4.7576774999999998</v>
      </c>
      <c r="J3523" s="8">
        <v>-74.1074883</v>
      </c>
    </row>
    <row r="3524" spans="1:10" x14ac:dyDescent="0.35">
      <c r="A3524" s="5" t="s">
        <v>10</v>
      </c>
      <c r="B3524" s="6">
        <v>232092</v>
      </c>
      <c r="C3524" s="6" t="s">
        <v>16</v>
      </c>
      <c r="D3524" s="6" t="s">
        <v>78</v>
      </c>
      <c r="E3524" s="6">
        <v>68001</v>
      </c>
      <c r="F3524" s="6" t="s">
        <v>18</v>
      </c>
      <c r="G3524" s="6" t="s">
        <v>7179</v>
      </c>
      <c r="H3524" s="6" t="s">
        <v>7180</v>
      </c>
      <c r="I3524" s="7">
        <v>7.1208960000000001</v>
      </c>
      <c r="J3524" s="8">
        <v>-73.135487999999995</v>
      </c>
    </row>
    <row r="3525" spans="1:10" x14ac:dyDescent="0.35">
      <c r="A3525" s="5" t="s">
        <v>10</v>
      </c>
      <c r="B3525" s="6">
        <v>248305</v>
      </c>
      <c r="C3525" s="6" t="s">
        <v>16</v>
      </c>
      <c r="D3525" s="6" t="s">
        <v>510</v>
      </c>
      <c r="E3525" s="6">
        <v>68547</v>
      </c>
      <c r="F3525" s="6" t="s">
        <v>18</v>
      </c>
      <c r="G3525" s="6" t="s">
        <v>7181</v>
      </c>
      <c r="H3525" s="6" t="s">
        <v>7182</v>
      </c>
      <c r="I3525" s="7">
        <v>6.9922316000000002</v>
      </c>
      <c r="J3525" s="8">
        <v>-73.057585000000003</v>
      </c>
    </row>
    <row r="3526" spans="1:10" x14ac:dyDescent="0.35">
      <c r="A3526" s="5" t="s">
        <v>10</v>
      </c>
      <c r="B3526" s="6">
        <v>223827</v>
      </c>
      <c r="C3526" s="6" t="s">
        <v>551</v>
      </c>
      <c r="D3526" s="6" t="s">
        <v>977</v>
      </c>
      <c r="E3526" s="6">
        <v>20011</v>
      </c>
      <c r="F3526" s="6" t="s">
        <v>18</v>
      </c>
      <c r="G3526" s="6" t="s">
        <v>7183</v>
      </c>
      <c r="H3526" s="6" t="s">
        <v>7184</v>
      </c>
      <c r="I3526" s="7">
        <v>8.3058382999999996</v>
      </c>
      <c r="J3526" s="8">
        <v>-73.603239399999893</v>
      </c>
    </row>
    <row r="3527" spans="1:10" x14ac:dyDescent="0.35">
      <c r="A3527" s="5" t="s">
        <v>10</v>
      </c>
      <c r="B3527" s="6">
        <v>210082</v>
      </c>
      <c r="C3527" s="6" t="s">
        <v>551</v>
      </c>
      <c r="D3527" s="6" t="s">
        <v>1529</v>
      </c>
      <c r="E3527" s="6">
        <v>20400</v>
      </c>
      <c r="F3527" s="6" t="s">
        <v>18</v>
      </c>
      <c r="G3527" s="6" t="s">
        <v>7185</v>
      </c>
      <c r="H3527" s="6" t="s">
        <v>7186</v>
      </c>
      <c r="I3527" s="7">
        <v>9.5612753999999995</v>
      </c>
      <c r="J3527" s="8">
        <v>-73.329580699999994</v>
      </c>
    </row>
    <row r="3528" spans="1:10" x14ac:dyDescent="0.35">
      <c r="A3528" s="5" t="s">
        <v>10</v>
      </c>
      <c r="B3528" s="6">
        <v>246623</v>
      </c>
      <c r="C3528" s="6" t="s">
        <v>278</v>
      </c>
      <c r="D3528" s="6" t="s">
        <v>1331</v>
      </c>
      <c r="E3528" s="6">
        <v>50006</v>
      </c>
      <c r="F3528" s="6" t="s">
        <v>18</v>
      </c>
      <c r="G3528" s="6" t="s">
        <v>7187</v>
      </c>
      <c r="H3528" s="6" t="s">
        <v>7188</v>
      </c>
      <c r="I3528" s="7">
        <v>3.9855334</v>
      </c>
      <c r="J3528" s="8">
        <v>-73.759749099999993</v>
      </c>
    </row>
    <row r="3529" spans="1:10" x14ac:dyDescent="0.35">
      <c r="A3529" s="5" t="s">
        <v>10</v>
      </c>
      <c r="B3529" s="6">
        <v>229070</v>
      </c>
      <c r="C3529" s="6" t="s">
        <v>278</v>
      </c>
      <c r="D3529" s="6" t="s">
        <v>5157</v>
      </c>
      <c r="E3529" s="6">
        <v>50680</v>
      </c>
      <c r="F3529" s="6" t="s">
        <v>18</v>
      </c>
      <c r="G3529" s="6" t="s">
        <v>7189</v>
      </c>
      <c r="H3529" s="6" t="s">
        <v>7190</v>
      </c>
      <c r="I3529" s="7">
        <v>3.7097934000000001</v>
      </c>
      <c r="J3529" s="8">
        <v>-73.2442341</v>
      </c>
    </row>
    <row r="3530" spans="1:10" x14ac:dyDescent="0.35">
      <c r="A3530" s="5" t="s">
        <v>10</v>
      </c>
      <c r="B3530" s="6">
        <v>235404</v>
      </c>
      <c r="C3530" s="6" t="s">
        <v>11</v>
      </c>
      <c r="D3530" s="6" t="s">
        <v>334</v>
      </c>
      <c r="E3530" s="6">
        <v>25754</v>
      </c>
      <c r="F3530" s="6" t="s">
        <v>18</v>
      </c>
      <c r="G3530" s="6" t="s">
        <v>7191</v>
      </c>
      <c r="H3530" s="6" t="s">
        <v>7192</v>
      </c>
      <c r="I3530" s="7">
        <v>4.5906934000000001</v>
      </c>
      <c r="J3530" s="8">
        <v>-74.224659900000006</v>
      </c>
    </row>
    <row r="3531" spans="1:10" x14ac:dyDescent="0.35">
      <c r="A3531" s="5" t="s">
        <v>10</v>
      </c>
      <c r="B3531" s="6">
        <v>243142</v>
      </c>
      <c r="C3531" s="6" t="s">
        <v>11</v>
      </c>
      <c r="D3531" s="6" t="s">
        <v>12</v>
      </c>
      <c r="E3531" s="6">
        <v>25899</v>
      </c>
      <c r="F3531" s="6" t="s">
        <v>18</v>
      </c>
      <c r="G3531" s="6" t="s">
        <v>7193</v>
      </c>
      <c r="H3531" s="6" t="s">
        <v>7194</v>
      </c>
      <c r="I3531" s="7">
        <v>5.0275891000000001</v>
      </c>
      <c r="J3531" s="8">
        <v>-74.006528000000003</v>
      </c>
    </row>
    <row r="3532" spans="1:10" x14ac:dyDescent="0.35">
      <c r="A3532" s="5" t="s">
        <v>10</v>
      </c>
      <c r="B3532" s="6">
        <v>220688</v>
      </c>
      <c r="C3532" s="6" t="s">
        <v>68</v>
      </c>
      <c r="D3532" s="6" t="s">
        <v>69</v>
      </c>
      <c r="E3532" s="6">
        <v>11001</v>
      </c>
      <c r="F3532" s="6" t="s">
        <v>18</v>
      </c>
      <c r="G3532" s="6" t="s">
        <v>7195</v>
      </c>
      <c r="H3532" s="6" t="s">
        <v>7196</v>
      </c>
      <c r="I3532" s="7">
        <v>4.5739428999999996</v>
      </c>
      <c r="J3532" s="8">
        <v>-74.149576699999997</v>
      </c>
    </row>
    <row r="3533" spans="1:10" x14ac:dyDescent="0.35">
      <c r="A3533" s="5" t="s">
        <v>10</v>
      </c>
      <c r="B3533" s="6">
        <v>226390</v>
      </c>
      <c r="C3533" s="6" t="s">
        <v>190</v>
      </c>
      <c r="D3533" s="6" t="s">
        <v>191</v>
      </c>
      <c r="E3533" s="6">
        <v>5001</v>
      </c>
      <c r="F3533" s="6" t="s">
        <v>13</v>
      </c>
      <c r="G3533" s="6" t="s">
        <v>3737</v>
      </c>
      <c r="H3533" s="6" t="s">
        <v>7197</v>
      </c>
      <c r="I3533" s="7">
        <v>6.1732816000000001</v>
      </c>
      <c r="J3533" s="8">
        <v>-75.587332399999994</v>
      </c>
    </row>
    <row r="3534" spans="1:10" x14ac:dyDescent="0.35">
      <c r="A3534" s="5" t="s">
        <v>10</v>
      </c>
      <c r="B3534" s="6">
        <v>235182</v>
      </c>
      <c r="C3534" s="6" t="s">
        <v>16</v>
      </c>
      <c r="D3534" s="6" t="s">
        <v>78</v>
      </c>
      <c r="E3534" s="6">
        <v>68001</v>
      </c>
      <c r="F3534" s="6" t="s">
        <v>18</v>
      </c>
      <c r="G3534" s="6" t="s">
        <v>7198</v>
      </c>
      <c r="H3534" s="6" t="s">
        <v>7199</v>
      </c>
      <c r="I3534" s="7">
        <v>7.1089782000000001</v>
      </c>
      <c r="J3534" s="8">
        <v>-73.115555900000004</v>
      </c>
    </row>
    <row r="3535" spans="1:10" x14ac:dyDescent="0.35">
      <c r="A3535" s="5" t="s">
        <v>10</v>
      </c>
      <c r="B3535" s="6">
        <v>213281</v>
      </c>
      <c r="C3535" s="6" t="s">
        <v>551</v>
      </c>
      <c r="D3535" s="6" t="s">
        <v>4203</v>
      </c>
      <c r="E3535" s="6">
        <v>20228</v>
      </c>
      <c r="F3535" s="6" t="s">
        <v>18</v>
      </c>
      <c r="G3535" s="6" t="s">
        <v>4204</v>
      </c>
      <c r="H3535" s="6" t="s">
        <v>4205</v>
      </c>
      <c r="I3535" s="7">
        <v>9.1990303999999998</v>
      </c>
      <c r="J3535" s="8">
        <v>-73.543723399999905</v>
      </c>
    </row>
    <row r="3536" spans="1:10" x14ac:dyDescent="0.35">
      <c r="A3536" s="5" t="s">
        <v>10</v>
      </c>
      <c r="B3536" s="6">
        <v>239351</v>
      </c>
      <c r="C3536" s="6" t="s">
        <v>278</v>
      </c>
      <c r="D3536" s="6" t="s">
        <v>279</v>
      </c>
      <c r="E3536" s="6">
        <v>50001</v>
      </c>
      <c r="F3536" s="6" t="s">
        <v>18</v>
      </c>
      <c r="G3536" s="6" t="s">
        <v>7200</v>
      </c>
      <c r="H3536" s="6" t="s">
        <v>7201</v>
      </c>
      <c r="I3536" s="7">
        <v>4.1588073000000003</v>
      </c>
      <c r="J3536" s="8">
        <v>-73.643238100000005</v>
      </c>
    </row>
    <row r="3537" spans="1:10" x14ac:dyDescent="0.35">
      <c r="A3537" s="5" t="s">
        <v>10</v>
      </c>
      <c r="B3537" s="6">
        <v>204408</v>
      </c>
      <c r="C3537" s="6" t="s">
        <v>294</v>
      </c>
      <c r="D3537" s="6" t="s">
        <v>3201</v>
      </c>
      <c r="E3537" s="6">
        <v>41378</v>
      </c>
      <c r="F3537" s="6" t="s">
        <v>18</v>
      </c>
      <c r="G3537" s="6" t="s">
        <v>7202</v>
      </c>
      <c r="H3537" s="6" t="s">
        <v>7203</v>
      </c>
      <c r="I3537" s="7">
        <v>2.1984439999999998</v>
      </c>
      <c r="J3537" s="8">
        <v>-75.978780999999998</v>
      </c>
    </row>
    <row r="3538" spans="1:10" x14ac:dyDescent="0.35">
      <c r="A3538" s="5" t="s">
        <v>10</v>
      </c>
      <c r="B3538" s="6">
        <v>243146</v>
      </c>
      <c r="C3538" s="6" t="s">
        <v>11</v>
      </c>
      <c r="D3538" s="6" t="s">
        <v>857</v>
      </c>
      <c r="E3538" s="6">
        <v>25758</v>
      </c>
      <c r="F3538" s="6" t="s">
        <v>18</v>
      </c>
      <c r="G3538" s="6" t="s">
        <v>7204</v>
      </c>
      <c r="H3538" s="6" t="s">
        <v>7205</v>
      </c>
      <c r="I3538" s="7">
        <v>4.8504003000000004</v>
      </c>
      <c r="J3538" s="8">
        <v>-74.058370600000003</v>
      </c>
    </row>
    <row r="3539" spans="1:10" x14ac:dyDescent="0.35">
      <c r="A3539" s="5" t="s">
        <v>10</v>
      </c>
      <c r="B3539" s="6">
        <v>204106</v>
      </c>
      <c r="C3539" s="6" t="s">
        <v>11</v>
      </c>
      <c r="D3539" s="6" t="s">
        <v>334</v>
      </c>
      <c r="E3539" s="6">
        <v>25754</v>
      </c>
      <c r="F3539" s="6" t="s">
        <v>18</v>
      </c>
      <c r="G3539" s="6" t="s">
        <v>4640</v>
      </c>
      <c r="H3539" s="6" t="s">
        <v>4641</v>
      </c>
      <c r="I3539" s="7">
        <v>4.5934014999999997</v>
      </c>
      <c r="J3539" s="8">
        <v>-74.195920399999906</v>
      </c>
    </row>
    <row r="3540" spans="1:10" x14ac:dyDescent="0.35">
      <c r="A3540" s="5" t="s">
        <v>10</v>
      </c>
      <c r="B3540" s="6">
        <v>233963</v>
      </c>
      <c r="C3540" s="6" t="s">
        <v>24</v>
      </c>
      <c r="D3540" s="6" t="s">
        <v>88</v>
      </c>
      <c r="E3540" s="6">
        <v>15001</v>
      </c>
      <c r="F3540" s="6" t="s">
        <v>18</v>
      </c>
      <c r="G3540" s="6" t="s">
        <v>7206</v>
      </c>
      <c r="H3540" s="6" t="s">
        <v>7207</v>
      </c>
      <c r="I3540" s="7">
        <v>5.5180439000000003</v>
      </c>
      <c r="J3540" s="8">
        <v>-73.365331900000001</v>
      </c>
    </row>
    <row r="3541" spans="1:10" x14ac:dyDescent="0.35">
      <c r="A3541" s="5" t="s">
        <v>10</v>
      </c>
      <c r="B3541" s="6">
        <v>226317</v>
      </c>
      <c r="C3541" s="6" t="s">
        <v>16</v>
      </c>
      <c r="D3541" s="6" t="s">
        <v>2825</v>
      </c>
      <c r="E3541" s="6">
        <v>68276</v>
      </c>
      <c r="F3541" s="6" t="s">
        <v>13</v>
      </c>
      <c r="G3541" s="6" t="s">
        <v>3737</v>
      </c>
      <c r="H3541" s="6" t="s">
        <v>7208</v>
      </c>
      <c r="I3541" s="7">
        <v>7.0704808000000003</v>
      </c>
      <c r="J3541" s="8">
        <v>-73.1095933</v>
      </c>
    </row>
    <row r="3542" spans="1:10" x14ac:dyDescent="0.35">
      <c r="A3542" s="5" t="s">
        <v>10</v>
      </c>
      <c r="B3542" s="6">
        <v>203814</v>
      </c>
      <c r="C3542" s="6" t="s">
        <v>24</v>
      </c>
      <c r="D3542" s="6" t="s">
        <v>530</v>
      </c>
      <c r="E3542" s="6">
        <v>15516</v>
      </c>
      <c r="F3542" s="6" t="s">
        <v>18</v>
      </c>
      <c r="G3542" s="6" t="s">
        <v>5127</v>
      </c>
      <c r="H3542" s="6" t="s">
        <v>5128</v>
      </c>
      <c r="I3542" s="7">
        <v>5.7797700000000001</v>
      </c>
      <c r="J3542" s="8">
        <v>-73.114724999999893</v>
      </c>
    </row>
    <row r="3543" spans="1:10" x14ac:dyDescent="0.35">
      <c r="A3543" s="5" t="s">
        <v>10</v>
      </c>
      <c r="B3543" s="6">
        <v>156133</v>
      </c>
      <c r="C3543" s="6" t="s">
        <v>16</v>
      </c>
      <c r="D3543" s="6" t="s">
        <v>78</v>
      </c>
      <c r="E3543" s="6">
        <v>68001</v>
      </c>
      <c r="F3543" s="6" t="s">
        <v>18</v>
      </c>
      <c r="G3543" s="6" t="s">
        <v>7209</v>
      </c>
      <c r="H3543" s="6" t="s">
        <v>7210</v>
      </c>
      <c r="I3543" s="7">
        <v>7.1091834999999897</v>
      </c>
      <c r="J3543" s="8">
        <v>-73.112760699999995</v>
      </c>
    </row>
    <row r="3544" spans="1:10" x14ac:dyDescent="0.35">
      <c r="A3544" s="5" t="s">
        <v>10</v>
      </c>
      <c r="B3544" s="6">
        <v>213281</v>
      </c>
      <c r="C3544" s="6" t="s">
        <v>551</v>
      </c>
      <c r="D3544" s="6" t="s">
        <v>4203</v>
      </c>
      <c r="E3544" s="6">
        <v>20228</v>
      </c>
      <c r="F3544" s="6" t="s">
        <v>18</v>
      </c>
      <c r="G3544" s="6" t="s">
        <v>4204</v>
      </c>
      <c r="H3544" s="6" t="s">
        <v>4205</v>
      </c>
      <c r="I3544" s="7">
        <v>9.1990303999999998</v>
      </c>
      <c r="J3544" s="8">
        <v>-73.543723399999905</v>
      </c>
    </row>
    <row r="3545" spans="1:10" x14ac:dyDescent="0.35">
      <c r="A3545" s="5" t="s">
        <v>10</v>
      </c>
      <c r="B3545" s="6">
        <v>228376</v>
      </c>
      <c r="C3545" s="6" t="s">
        <v>3788</v>
      </c>
      <c r="D3545" s="6" t="s">
        <v>3974</v>
      </c>
      <c r="E3545" s="6">
        <v>18001</v>
      </c>
      <c r="F3545" s="6" t="s">
        <v>18</v>
      </c>
      <c r="G3545" s="6" t="s">
        <v>7211</v>
      </c>
      <c r="H3545" s="6" t="s">
        <v>7212</v>
      </c>
      <c r="I3545" s="7">
        <v>1.6153573999999999</v>
      </c>
      <c r="J3545" s="8">
        <v>-75.608302999999907</v>
      </c>
    </row>
    <row r="3546" spans="1:10" x14ac:dyDescent="0.35">
      <c r="A3546" s="5" t="s">
        <v>10</v>
      </c>
      <c r="B3546" s="6">
        <v>234031</v>
      </c>
      <c r="C3546" s="6" t="s">
        <v>3788</v>
      </c>
      <c r="D3546" s="6" t="s">
        <v>7213</v>
      </c>
      <c r="E3546" s="6">
        <v>18479</v>
      </c>
      <c r="F3546" s="6" t="s">
        <v>18</v>
      </c>
      <c r="G3546" s="6" t="s">
        <v>7214</v>
      </c>
      <c r="H3546" s="6" t="s">
        <v>7215</v>
      </c>
      <c r="I3546" s="7">
        <v>1.4880453</v>
      </c>
      <c r="J3546" s="8">
        <v>-75.725145900000001</v>
      </c>
    </row>
    <row r="3547" spans="1:10" x14ac:dyDescent="0.35">
      <c r="A3547" s="5" t="s">
        <v>10</v>
      </c>
      <c r="B3547" s="6">
        <v>239368</v>
      </c>
      <c r="C3547" s="6" t="s">
        <v>294</v>
      </c>
      <c r="D3547" s="6" t="s">
        <v>703</v>
      </c>
      <c r="E3547" s="6">
        <v>41001</v>
      </c>
      <c r="F3547" s="6" t="s">
        <v>18</v>
      </c>
      <c r="G3547" s="6" t="s">
        <v>7216</v>
      </c>
      <c r="H3547" s="6" t="s">
        <v>7217</v>
      </c>
      <c r="I3547" s="7">
        <v>2.9276266</v>
      </c>
      <c r="J3547" s="8">
        <v>-75.275920799999994</v>
      </c>
    </row>
    <row r="3548" spans="1:10" x14ac:dyDescent="0.35">
      <c r="A3548" s="5" t="s">
        <v>10</v>
      </c>
      <c r="B3548" s="6">
        <v>245754</v>
      </c>
      <c r="C3548" s="6" t="s">
        <v>294</v>
      </c>
      <c r="D3548" s="6" t="s">
        <v>703</v>
      </c>
      <c r="E3548" s="6">
        <v>41001</v>
      </c>
      <c r="F3548" s="6" t="s">
        <v>18</v>
      </c>
      <c r="G3548" s="6" t="s">
        <v>7218</v>
      </c>
      <c r="H3548" s="6" t="s">
        <v>7219</v>
      </c>
      <c r="I3548" s="7">
        <v>2.9608764999999999</v>
      </c>
      <c r="J3548" s="8">
        <v>-75.289199600000003</v>
      </c>
    </row>
    <row r="3549" spans="1:10" x14ac:dyDescent="0.35">
      <c r="A3549" s="5" t="s">
        <v>10</v>
      </c>
      <c r="B3549" s="6">
        <v>235917</v>
      </c>
      <c r="C3549" s="6" t="s">
        <v>294</v>
      </c>
      <c r="D3549" s="6" t="s">
        <v>4213</v>
      </c>
      <c r="E3549" s="6">
        <v>41791</v>
      </c>
      <c r="F3549" s="6" t="s">
        <v>18</v>
      </c>
      <c r="G3549" s="6" t="s">
        <v>7220</v>
      </c>
      <c r="H3549" s="6" t="s">
        <v>7221</v>
      </c>
      <c r="I3549" s="7">
        <v>2.1140490999999999</v>
      </c>
      <c r="J3549" s="8">
        <v>-75.822953999999996</v>
      </c>
    </row>
    <row r="3550" spans="1:10" x14ac:dyDescent="0.35">
      <c r="A3550" s="5" t="s">
        <v>10</v>
      </c>
      <c r="B3550" s="6">
        <v>173733</v>
      </c>
      <c r="C3550" s="6" t="s">
        <v>11</v>
      </c>
      <c r="D3550" s="6" t="s">
        <v>337</v>
      </c>
      <c r="E3550" s="6">
        <v>25290</v>
      </c>
      <c r="F3550" s="6" t="s">
        <v>18</v>
      </c>
      <c r="G3550" s="6" t="s">
        <v>3823</v>
      </c>
      <c r="H3550" s="6" t="s">
        <v>3824</v>
      </c>
      <c r="I3550" s="7">
        <v>4.3287225999999999</v>
      </c>
      <c r="J3550" s="8">
        <v>-74.367364999999893</v>
      </c>
    </row>
    <row r="3551" spans="1:10" x14ac:dyDescent="0.35">
      <c r="A3551" s="5" t="s">
        <v>10</v>
      </c>
      <c r="B3551" s="6">
        <v>201131</v>
      </c>
      <c r="C3551" s="6" t="s">
        <v>11</v>
      </c>
      <c r="D3551" s="6" t="s">
        <v>680</v>
      </c>
      <c r="E3551" s="6">
        <v>25743</v>
      </c>
      <c r="F3551" s="6" t="s">
        <v>18</v>
      </c>
      <c r="G3551" s="6" t="s">
        <v>7222</v>
      </c>
      <c r="H3551" s="6" t="s">
        <v>7223</v>
      </c>
      <c r="I3551" s="7">
        <v>4.4023646999999997</v>
      </c>
      <c r="J3551" s="8">
        <v>-74.386073999999994</v>
      </c>
    </row>
    <row r="3552" spans="1:10" x14ac:dyDescent="0.35">
      <c r="A3552" s="5" t="s">
        <v>10</v>
      </c>
      <c r="B3552" s="6">
        <v>221229</v>
      </c>
      <c r="C3552" s="6" t="s">
        <v>117</v>
      </c>
      <c r="D3552" s="6" t="s">
        <v>3963</v>
      </c>
      <c r="E3552" s="6">
        <v>76377</v>
      </c>
      <c r="F3552" s="6" t="s">
        <v>18</v>
      </c>
      <c r="G3552" s="6" t="s">
        <v>7224</v>
      </c>
      <c r="H3552" s="6" t="s">
        <v>7225</v>
      </c>
      <c r="I3552" s="7">
        <v>3.6507828999999998</v>
      </c>
      <c r="J3552" s="8">
        <v>-76.569994999999906</v>
      </c>
    </row>
    <row r="3553" spans="1:10" x14ac:dyDescent="0.35">
      <c r="A3553" s="5" t="s">
        <v>10</v>
      </c>
      <c r="B3553" s="6">
        <v>226256</v>
      </c>
      <c r="C3553" s="6" t="s">
        <v>117</v>
      </c>
      <c r="D3553" s="6" t="s">
        <v>1334</v>
      </c>
      <c r="E3553" s="6">
        <v>76001</v>
      </c>
      <c r="F3553" s="6" t="s">
        <v>13</v>
      </c>
      <c r="G3553" s="6" t="s">
        <v>3737</v>
      </c>
      <c r="H3553" s="6" t="s">
        <v>7226</v>
      </c>
      <c r="I3553" s="7">
        <v>3.4011790999999998</v>
      </c>
      <c r="J3553" s="8">
        <v>-76.524340199999997</v>
      </c>
    </row>
    <row r="3554" spans="1:10" x14ac:dyDescent="0.35">
      <c r="A3554" s="5" t="s">
        <v>10</v>
      </c>
      <c r="B3554" s="6">
        <v>226352</v>
      </c>
      <c r="C3554" s="6" t="s">
        <v>190</v>
      </c>
      <c r="D3554" s="6" t="s">
        <v>62</v>
      </c>
      <c r="E3554" s="6">
        <v>5059</v>
      </c>
      <c r="F3554" s="6" t="s">
        <v>13</v>
      </c>
      <c r="G3554" s="6" t="s">
        <v>3737</v>
      </c>
      <c r="H3554" s="6" t="s">
        <v>7227</v>
      </c>
      <c r="I3554" s="7">
        <v>5.9764251000000002</v>
      </c>
      <c r="J3554" s="8">
        <v>-75.363762699999995</v>
      </c>
    </row>
    <row r="3555" spans="1:10" x14ac:dyDescent="0.35">
      <c r="A3555" s="5" t="s">
        <v>10</v>
      </c>
      <c r="B3555" s="6">
        <v>205230</v>
      </c>
      <c r="C3555" s="6" t="s">
        <v>24</v>
      </c>
      <c r="D3555" s="6" t="s">
        <v>7228</v>
      </c>
      <c r="E3555" s="6">
        <v>15403</v>
      </c>
      <c r="F3555" s="6" t="s">
        <v>18</v>
      </c>
      <c r="G3555" s="6" t="s">
        <v>7229</v>
      </c>
      <c r="H3555" s="6" t="s">
        <v>7230</v>
      </c>
      <c r="I3555" s="7">
        <v>6.3162265999999896</v>
      </c>
      <c r="J3555" s="8">
        <v>-72.561076999999997</v>
      </c>
    </row>
    <row r="3556" spans="1:10" x14ac:dyDescent="0.35">
      <c r="A3556" s="5" t="s">
        <v>10</v>
      </c>
      <c r="B3556" s="6">
        <v>241874</v>
      </c>
      <c r="C3556" s="6" t="s">
        <v>278</v>
      </c>
      <c r="D3556" s="6" t="s">
        <v>279</v>
      </c>
      <c r="E3556" s="6">
        <v>50001</v>
      </c>
      <c r="F3556" s="6" t="s">
        <v>18</v>
      </c>
      <c r="G3556" s="6" t="s">
        <v>7231</v>
      </c>
      <c r="H3556" s="6" t="s">
        <v>7232</v>
      </c>
      <c r="I3556" s="7">
        <v>4.1393990000000001</v>
      </c>
      <c r="J3556" s="8">
        <v>-73.608681000000004</v>
      </c>
    </row>
    <row r="3557" spans="1:10" x14ac:dyDescent="0.35">
      <c r="A3557" s="5" t="s">
        <v>10</v>
      </c>
      <c r="B3557" s="6">
        <v>111145</v>
      </c>
      <c r="C3557" s="6" t="s">
        <v>278</v>
      </c>
      <c r="D3557" s="6" t="s">
        <v>3878</v>
      </c>
      <c r="E3557" s="6">
        <v>50245</v>
      </c>
      <c r="F3557" s="6" t="s">
        <v>18</v>
      </c>
      <c r="G3557" s="6" t="s">
        <v>7233</v>
      </c>
      <c r="H3557" s="6" t="s">
        <v>7234</v>
      </c>
      <c r="I3557" s="7">
        <v>4.3523319999999996</v>
      </c>
      <c r="J3557" s="8">
        <v>-73.712965999999994</v>
      </c>
    </row>
    <row r="3558" spans="1:10" x14ac:dyDescent="0.35">
      <c r="A3558" s="5" t="s">
        <v>10</v>
      </c>
      <c r="B3558" s="6">
        <v>247639</v>
      </c>
      <c r="C3558" s="6" t="s">
        <v>2130</v>
      </c>
      <c r="D3558" s="6" t="s">
        <v>6498</v>
      </c>
      <c r="E3558" s="6">
        <v>85139</v>
      </c>
      <c r="F3558" s="6" t="s">
        <v>18</v>
      </c>
      <c r="G3558" s="6" t="s">
        <v>7235</v>
      </c>
      <c r="H3558" s="6" t="s">
        <v>7236</v>
      </c>
      <c r="I3558" s="7">
        <v>4.8127170000000001</v>
      </c>
      <c r="J3558" s="8">
        <v>-72.282294699999994</v>
      </c>
    </row>
    <row r="3559" spans="1:10" x14ac:dyDescent="0.35">
      <c r="A3559" s="5" t="s">
        <v>10</v>
      </c>
      <c r="B3559" s="6">
        <v>206210</v>
      </c>
      <c r="C3559" s="6" t="s">
        <v>294</v>
      </c>
      <c r="D3559" s="6" t="s">
        <v>5054</v>
      </c>
      <c r="E3559" s="6">
        <v>41615</v>
      </c>
      <c r="F3559" s="6" t="s">
        <v>18</v>
      </c>
      <c r="G3559" s="6" t="s">
        <v>7237</v>
      </c>
      <c r="H3559" s="6" t="s">
        <v>7238</v>
      </c>
      <c r="I3559" s="7">
        <v>2.776681</v>
      </c>
      <c r="J3559" s="8">
        <v>-75.253285499999905</v>
      </c>
    </row>
    <row r="3560" spans="1:10" x14ac:dyDescent="0.35">
      <c r="A3560" s="5" t="s">
        <v>10</v>
      </c>
      <c r="B3560" s="6">
        <v>174126</v>
      </c>
      <c r="C3560" s="6" t="s">
        <v>11</v>
      </c>
      <c r="D3560" s="6" t="s">
        <v>334</v>
      </c>
      <c r="E3560" s="6">
        <v>25754</v>
      </c>
      <c r="F3560" s="6" t="s">
        <v>18</v>
      </c>
      <c r="G3560" s="6" t="s">
        <v>4116</v>
      </c>
      <c r="H3560" s="6" t="s">
        <v>4117</v>
      </c>
      <c r="I3560" s="7">
        <v>4.6124307999999896</v>
      </c>
      <c r="J3560" s="8">
        <v>-74.218864400000001</v>
      </c>
    </row>
    <row r="3561" spans="1:10" x14ac:dyDescent="0.35">
      <c r="A3561" s="5" t="s">
        <v>10</v>
      </c>
      <c r="B3561" s="6">
        <v>244828</v>
      </c>
      <c r="C3561" s="6" t="s">
        <v>11</v>
      </c>
      <c r="D3561" s="6" t="s">
        <v>334</v>
      </c>
      <c r="E3561" s="6">
        <v>25754</v>
      </c>
      <c r="F3561" s="6" t="s">
        <v>18</v>
      </c>
      <c r="G3561" s="6" t="s">
        <v>7239</v>
      </c>
      <c r="H3561" s="6" t="s">
        <v>7240</v>
      </c>
      <c r="I3561" s="7">
        <v>4.5598669999999997</v>
      </c>
      <c r="J3561" s="8">
        <v>-74.241943300000003</v>
      </c>
    </row>
    <row r="3562" spans="1:10" x14ac:dyDescent="0.35">
      <c r="A3562" s="5" t="s">
        <v>10</v>
      </c>
      <c r="B3562" s="6">
        <v>236647</v>
      </c>
      <c r="C3562" s="6" t="s">
        <v>302</v>
      </c>
      <c r="D3562" s="6" t="s">
        <v>303</v>
      </c>
      <c r="E3562" s="6">
        <v>8638</v>
      </c>
      <c r="F3562" s="6" t="s">
        <v>18</v>
      </c>
      <c r="G3562" s="6" t="s">
        <v>7241</v>
      </c>
      <c r="H3562" s="6" t="s">
        <v>7242</v>
      </c>
      <c r="I3562" s="7">
        <v>10.637580700000001</v>
      </c>
      <c r="J3562" s="8">
        <v>-74.915501000000006</v>
      </c>
    </row>
    <row r="3563" spans="1:10" x14ac:dyDescent="0.35">
      <c r="A3563" s="5" t="s">
        <v>10</v>
      </c>
      <c r="B3563" s="6">
        <v>226275</v>
      </c>
      <c r="C3563" s="6" t="s">
        <v>68</v>
      </c>
      <c r="D3563" s="6" t="s">
        <v>69</v>
      </c>
      <c r="E3563" s="6">
        <v>11001</v>
      </c>
      <c r="F3563" s="6" t="s">
        <v>13</v>
      </c>
      <c r="G3563" s="6" t="s">
        <v>3737</v>
      </c>
      <c r="H3563" s="6" t="s">
        <v>7243</v>
      </c>
      <c r="I3563" s="7">
        <v>4.7322234999999999</v>
      </c>
      <c r="J3563" s="8">
        <v>-74.045260499999998</v>
      </c>
    </row>
    <row r="3564" spans="1:10" x14ac:dyDescent="0.35">
      <c r="A3564" s="5" t="s">
        <v>10</v>
      </c>
      <c r="B3564" s="6">
        <v>226356</v>
      </c>
      <c r="C3564" s="6" t="s">
        <v>117</v>
      </c>
      <c r="D3564" s="6" t="s">
        <v>4397</v>
      </c>
      <c r="E3564" s="6">
        <v>76147</v>
      </c>
      <c r="F3564" s="6" t="s">
        <v>13</v>
      </c>
      <c r="G3564" s="6" t="s">
        <v>3737</v>
      </c>
      <c r="H3564" s="6" t="s">
        <v>7244</v>
      </c>
      <c r="I3564" s="7">
        <v>4.742146</v>
      </c>
      <c r="J3564" s="8">
        <v>-75.916231999999994</v>
      </c>
    </row>
    <row r="3565" spans="1:10" x14ac:dyDescent="0.35">
      <c r="A3565" s="5" t="s">
        <v>10</v>
      </c>
      <c r="B3565" s="6">
        <v>235573</v>
      </c>
      <c r="C3565" s="6" t="s">
        <v>11</v>
      </c>
      <c r="D3565" s="6" t="s">
        <v>3917</v>
      </c>
      <c r="E3565" s="6">
        <v>25649</v>
      </c>
      <c r="F3565" s="6" t="s">
        <v>18</v>
      </c>
      <c r="G3565" s="6" t="s">
        <v>7245</v>
      </c>
      <c r="H3565" s="6" t="s">
        <v>7246</v>
      </c>
      <c r="I3565" s="7">
        <v>9.1059640000000002</v>
      </c>
      <c r="J3565" s="8">
        <v>-75.401527000000002</v>
      </c>
    </row>
    <row r="3566" spans="1:10" x14ac:dyDescent="0.35">
      <c r="A3566" s="5" t="s">
        <v>10</v>
      </c>
      <c r="B3566" s="6">
        <v>184781</v>
      </c>
      <c r="C3566" s="6" t="s">
        <v>16</v>
      </c>
      <c r="D3566" s="6" t="s">
        <v>17</v>
      </c>
      <c r="E3566" s="6">
        <v>68679</v>
      </c>
      <c r="F3566" s="6" t="s">
        <v>18</v>
      </c>
      <c r="G3566" s="6" t="s">
        <v>7247</v>
      </c>
      <c r="H3566" s="6" t="s">
        <v>7248</v>
      </c>
      <c r="I3566" s="7">
        <v>6.5533334999999999</v>
      </c>
      <c r="J3566" s="8">
        <v>-73.152508799999893</v>
      </c>
    </row>
    <row r="3567" spans="1:10" x14ac:dyDescent="0.35">
      <c r="A3567" s="5" t="s">
        <v>10</v>
      </c>
      <c r="B3567" s="6">
        <v>210650</v>
      </c>
      <c r="C3567" s="6" t="s">
        <v>2130</v>
      </c>
      <c r="D3567" s="6" t="s">
        <v>370</v>
      </c>
      <c r="E3567" s="6">
        <v>85440</v>
      </c>
      <c r="F3567" s="6" t="s">
        <v>18</v>
      </c>
      <c r="G3567" s="6" t="s">
        <v>7249</v>
      </c>
      <c r="H3567" s="6" t="s">
        <v>7250</v>
      </c>
      <c r="I3567" s="7">
        <v>4.6166600000000004</v>
      </c>
      <c r="J3567" s="8">
        <v>-72.900039999999905</v>
      </c>
    </row>
    <row r="3568" spans="1:10" x14ac:dyDescent="0.35">
      <c r="A3568" s="5" t="s">
        <v>10</v>
      </c>
      <c r="B3568" s="6">
        <v>243954</v>
      </c>
      <c r="C3568" s="6" t="s">
        <v>278</v>
      </c>
      <c r="D3568" s="6" t="s">
        <v>1524</v>
      </c>
      <c r="E3568" s="6">
        <v>50318</v>
      </c>
      <c r="F3568" s="6" t="s">
        <v>18</v>
      </c>
      <c r="G3568" s="6" t="s">
        <v>7251</v>
      </c>
      <c r="H3568" s="6" t="s">
        <v>7252</v>
      </c>
      <c r="I3568" s="7">
        <v>3.8777647000000002</v>
      </c>
      <c r="J3568" s="8">
        <v>-73.768387200000006</v>
      </c>
    </row>
    <row r="3569" spans="1:10" x14ac:dyDescent="0.35">
      <c r="A3569" s="5" t="s">
        <v>10</v>
      </c>
      <c r="B3569" s="6">
        <v>183767</v>
      </c>
      <c r="C3569" s="6" t="s">
        <v>278</v>
      </c>
      <c r="D3569" s="6" t="s">
        <v>279</v>
      </c>
      <c r="E3569" s="6">
        <v>50001</v>
      </c>
      <c r="F3569" s="6" t="s">
        <v>18</v>
      </c>
      <c r="G3569" s="6" t="s">
        <v>7253</v>
      </c>
      <c r="H3569" s="6" t="s">
        <v>7254</v>
      </c>
      <c r="I3569" s="7">
        <v>4.1491688</v>
      </c>
      <c r="J3569" s="8">
        <v>-73.628547499999996</v>
      </c>
    </row>
    <row r="3570" spans="1:10" x14ac:dyDescent="0.35">
      <c r="A3570" s="5" t="s">
        <v>10</v>
      </c>
      <c r="B3570" s="6">
        <v>233430</v>
      </c>
      <c r="C3570" s="6" t="s">
        <v>278</v>
      </c>
      <c r="D3570" s="6" t="s">
        <v>279</v>
      </c>
      <c r="E3570" s="6">
        <v>50001</v>
      </c>
      <c r="F3570" s="6" t="s">
        <v>18</v>
      </c>
      <c r="G3570" s="6" t="s">
        <v>7255</v>
      </c>
      <c r="H3570" s="6" t="s">
        <v>7256</v>
      </c>
      <c r="I3570" s="7">
        <v>4.12202</v>
      </c>
      <c r="J3570" s="8">
        <v>-73.635379999999998</v>
      </c>
    </row>
    <row r="3571" spans="1:10" x14ac:dyDescent="0.35">
      <c r="A3571" s="5" t="s">
        <v>10</v>
      </c>
      <c r="B3571" s="6">
        <v>207898</v>
      </c>
      <c r="C3571" s="6" t="s">
        <v>294</v>
      </c>
      <c r="D3571" s="6" t="s">
        <v>703</v>
      </c>
      <c r="E3571" s="6">
        <v>41001</v>
      </c>
      <c r="F3571" s="6" t="s">
        <v>18</v>
      </c>
      <c r="G3571" s="6" t="s">
        <v>7257</v>
      </c>
      <c r="H3571" s="6" t="s">
        <v>7258</v>
      </c>
      <c r="I3571" s="7">
        <v>2.9344595</v>
      </c>
      <c r="J3571" s="8">
        <v>-75.284807399999906</v>
      </c>
    </row>
    <row r="3572" spans="1:10" x14ac:dyDescent="0.35">
      <c r="A3572" s="5" t="s">
        <v>10</v>
      </c>
      <c r="B3572" s="6">
        <v>235387</v>
      </c>
      <c r="C3572" s="6" t="s">
        <v>294</v>
      </c>
      <c r="D3572" s="6" t="s">
        <v>1722</v>
      </c>
      <c r="E3572" s="6">
        <v>41797</v>
      </c>
      <c r="F3572" s="6" t="s">
        <v>18</v>
      </c>
      <c r="G3572" s="6" t="s">
        <v>7259</v>
      </c>
      <c r="H3572" s="6" t="s">
        <v>7260</v>
      </c>
      <c r="I3572" s="7">
        <v>2.4865363999999999</v>
      </c>
      <c r="J3572" s="8">
        <v>-75.731003999999999</v>
      </c>
    </row>
    <row r="3573" spans="1:10" x14ac:dyDescent="0.35">
      <c r="A3573" s="5" t="s">
        <v>10</v>
      </c>
      <c r="B3573" s="6">
        <v>208794</v>
      </c>
      <c r="C3573" s="6" t="s">
        <v>11</v>
      </c>
      <c r="D3573" s="6" t="s">
        <v>221</v>
      </c>
      <c r="E3573" s="6">
        <v>25430</v>
      </c>
      <c r="F3573" s="6" t="s">
        <v>18</v>
      </c>
      <c r="G3573" s="6" t="s">
        <v>7261</v>
      </c>
      <c r="H3573" s="6" t="s">
        <v>7262</v>
      </c>
      <c r="I3573" s="7">
        <v>4.7271939999999999</v>
      </c>
      <c r="J3573" s="8">
        <v>-74.266483399999998</v>
      </c>
    </row>
    <row r="3574" spans="1:10" x14ac:dyDescent="0.35">
      <c r="A3574" s="5" t="s">
        <v>10</v>
      </c>
      <c r="B3574" s="6">
        <v>236190</v>
      </c>
      <c r="C3574" s="6" t="s">
        <v>457</v>
      </c>
      <c r="D3574" s="6" t="s">
        <v>7139</v>
      </c>
      <c r="E3574" s="6">
        <v>52110</v>
      </c>
      <c r="F3574" s="6" t="s">
        <v>18</v>
      </c>
      <c r="G3574" s="6" t="s">
        <v>7263</v>
      </c>
      <c r="H3574" s="6" t="s">
        <v>7264</v>
      </c>
      <c r="I3574" s="7">
        <v>1.3846384</v>
      </c>
      <c r="J3574" s="8">
        <v>-77.156230800000003</v>
      </c>
    </row>
    <row r="3575" spans="1:10" x14ac:dyDescent="0.35">
      <c r="A3575" s="5" t="s">
        <v>10</v>
      </c>
      <c r="B3575" s="6">
        <v>230951</v>
      </c>
      <c r="C3575" s="6" t="s">
        <v>68</v>
      </c>
      <c r="D3575" s="6" t="s">
        <v>69</v>
      </c>
      <c r="E3575" s="6">
        <v>11001</v>
      </c>
      <c r="F3575" s="6" t="s">
        <v>18</v>
      </c>
      <c r="G3575" s="6" t="s">
        <v>7265</v>
      </c>
      <c r="H3575" s="6" t="s">
        <v>7266</v>
      </c>
      <c r="I3575" s="7">
        <v>4.5336501</v>
      </c>
      <c r="J3575" s="8">
        <v>-74.087955500000007</v>
      </c>
    </row>
    <row r="3576" spans="1:10" x14ac:dyDescent="0.35">
      <c r="A3576" s="5" t="s">
        <v>10</v>
      </c>
      <c r="B3576" s="6">
        <v>226247</v>
      </c>
      <c r="C3576" s="6" t="s">
        <v>117</v>
      </c>
      <c r="D3576" s="6" t="s">
        <v>1334</v>
      </c>
      <c r="E3576" s="6">
        <v>76001</v>
      </c>
      <c r="F3576" s="6" t="s">
        <v>13</v>
      </c>
      <c r="G3576" s="6" t="s">
        <v>3737</v>
      </c>
      <c r="H3576" s="6" t="s">
        <v>7267</v>
      </c>
      <c r="I3576" s="7">
        <v>3.4516781000000001</v>
      </c>
      <c r="J3576" s="8">
        <v>-76.533541299999996</v>
      </c>
    </row>
    <row r="3577" spans="1:10" x14ac:dyDescent="0.35">
      <c r="A3577" s="5" t="s">
        <v>10</v>
      </c>
      <c r="B3577" s="6">
        <v>229223</v>
      </c>
      <c r="C3577" s="6" t="s">
        <v>16</v>
      </c>
      <c r="D3577" s="6" t="s">
        <v>78</v>
      </c>
      <c r="E3577" s="6">
        <v>68001</v>
      </c>
      <c r="F3577" s="6" t="s">
        <v>18</v>
      </c>
      <c r="G3577" s="6" t="s">
        <v>7268</v>
      </c>
      <c r="H3577" s="6" t="s">
        <v>7269</v>
      </c>
      <c r="I3577" s="7">
        <v>7.0928297999999996</v>
      </c>
      <c r="J3577" s="8">
        <v>-73.133076799999998</v>
      </c>
    </row>
    <row r="3578" spans="1:10" x14ac:dyDescent="0.35">
      <c r="A3578" s="5" t="s">
        <v>10</v>
      </c>
      <c r="B3578" s="6">
        <v>234439</v>
      </c>
      <c r="C3578" s="6" t="s">
        <v>16</v>
      </c>
      <c r="D3578" s="6" t="s">
        <v>78</v>
      </c>
      <c r="E3578" s="6">
        <v>68001</v>
      </c>
      <c r="F3578" s="6" t="s">
        <v>18</v>
      </c>
      <c r="G3578" s="6" t="s">
        <v>7270</v>
      </c>
      <c r="H3578" s="6" t="s">
        <v>7271</v>
      </c>
      <c r="I3578" s="7">
        <v>7.1215865000000003</v>
      </c>
      <c r="J3578" s="8">
        <v>-73.136006600000002</v>
      </c>
    </row>
    <row r="3579" spans="1:10" x14ac:dyDescent="0.35">
      <c r="A3579" s="5" t="s">
        <v>10</v>
      </c>
      <c r="B3579" s="6">
        <v>183013</v>
      </c>
      <c r="C3579" s="6" t="s">
        <v>16</v>
      </c>
      <c r="D3579" s="6" t="s">
        <v>78</v>
      </c>
      <c r="E3579" s="6">
        <v>68001</v>
      </c>
      <c r="F3579" s="6" t="s">
        <v>18</v>
      </c>
      <c r="G3579" s="6" t="s">
        <v>7272</v>
      </c>
      <c r="H3579" s="6" t="s">
        <v>7273</v>
      </c>
      <c r="I3579" s="7">
        <v>3.4450685999999999</v>
      </c>
      <c r="J3579" s="8">
        <v>-76.501851399999893</v>
      </c>
    </row>
    <row r="3580" spans="1:10" x14ac:dyDescent="0.35">
      <c r="A3580" s="5" t="s">
        <v>10</v>
      </c>
      <c r="B3580" s="6">
        <v>243269</v>
      </c>
      <c r="C3580" s="6" t="s">
        <v>551</v>
      </c>
      <c r="D3580" s="6" t="s">
        <v>977</v>
      </c>
      <c r="E3580" s="6">
        <v>20011</v>
      </c>
      <c r="F3580" s="6" t="s">
        <v>18</v>
      </c>
      <c r="G3580" s="6" t="s">
        <v>7274</v>
      </c>
      <c r="H3580" s="6" t="s">
        <v>7275</v>
      </c>
      <c r="I3580" s="7">
        <v>8.3110900000000001</v>
      </c>
      <c r="J3580" s="8">
        <v>-73.622690000000006</v>
      </c>
    </row>
    <row r="3581" spans="1:10" x14ac:dyDescent="0.35">
      <c r="A3581" s="5" t="s">
        <v>10</v>
      </c>
      <c r="B3581" s="6">
        <v>208656</v>
      </c>
      <c r="C3581" s="6" t="s">
        <v>278</v>
      </c>
      <c r="D3581" s="6" t="s">
        <v>279</v>
      </c>
      <c r="E3581" s="6">
        <v>50001</v>
      </c>
      <c r="F3581" s="6" t="s">
        <v>18</v>
      </c>
      <c r="G3581" s="6" t="s">
        <v>7276</v>
      </c>
      <c r="H3581" s="6" t="s">
        <v>7277</v>
      </c>
      <c r="I3581" s="7">
        <v>4.1184295999999998</v>
      </c>
      <c r="J3581" s="8">
        <v>-73.628964400000001</v>
      </c>
    </row>
    <row r="3582" spans="1:10" x14ac:dyDescent="0.35">
      <c r="A3582" s="5" t="s">
        <v>10</v>
      </c>
      <c r="B3582" s="6">
        <v>173738</v>
      </c>
      <c r="C3582" s="6" t="s">
        <v>11</v>
      </c>
      <c r="D3582" s="6" t="s">
        <v>337</v>
      </c>
      <c r="E3582" s="6">
        <v>25290</v>
      </c>
      <c r="F3582" s="6" t="s">
        <v>18</v>
      </c>
      <c r="G3582" s="6" t="s">
        <v>7278</v>
      </c>
      <c r="H3582" s="6" t="s">
        <v>7279</v>
      </c>
      <c r="I3582" s="7">
        <v>4.3225730000000002</v>
      </c>
      <c r="J3582" s="8">
        <v>-74.363151999999999</v>
      </c>
    </row>
    <row r="3583" spans="1:10" x14ac:dyDescent="0.35">
      <c r="A3583" s="5" t="s">
        <v>10</v>
      </c>
      <c r="B3583" s="6">
        <v>246773</v>
      </c>
      <c r="C3583" s="6" t="s">
        <v>11</v>
      </c>
      <c r="D3583" s="6" t="s">
        <v>513</v>
      </c>
      <c r="E3583" s="6">
        <v>25286</v>
      </c>
      <c r="F3583" s="6" t="s">
        <v>18</v>
      </c>
      <c r="G3583" s="6" t="s">
        <v>113</v>
      </c>
      <c r="H3583" s="6" t="s">
        <v>7280</v>
      </c>
      <c r="I3583" s="7">
        <v>4.7192984999999998</v>
      </c>
      <c r="J3583" s="8">
        <v>-74.212552799999997</v>
      </c>
    </row>
    <row r="3584" spans="1:10" x14ac:dyDescent="0.35">
      <c r="A3584" s="5" t="s">
        <v>10</v>
      </c>
      <c r="B3584" s="6">
        <v>202006</v>
      </c>
      <c r="C3584" s="6" t="s">
        <v>11</v>
      </c>
      <c r="D3584" s="6" t="s">
        <v>334</v>
      </c>
      <c r="E3584" s="6">
        <v>25754</v>
      </c>
      <c r="F3584" s="6" t="s">
        <v>18</v>
      </c>
      <c r="G3584" s="6" t="s">
        <v>7281</v>
      </c>
      <c r="H3584" s="6" t="s">
        <v>7282</v>
      </c>
      <c r="I3584" s="7">
        <v>4.5817557999999998</v>
      </c>
      <c r="J3584" s="8">
        <v>-74.214887899999994</v>
      </c>
    </row>
    <row r="3585" spans="1:10" x14ac:dyDescent="0.35">
      <c r="A3585" s="5" t="s">
        <v>10</v>
      </c>
      <c r="B3585" s="6">
        <v>243183</v>
      </c>
      <c r="C3585" s="6" t="s">
        <v>11</v>
      </c>
      <c r="D3585" s="6" t="s">
        <v>334</v>
      </c>
      <c r="E3585" s="6">
        <v>25754</v>
      </c>
      <c r="F3585" s="6" t="s">
        <v>18</v>
      </c>
      <c r="G3585" s="6" t="s">
        <v>7283</v>
      </c>
      <c r="H3585" s="6" t="s">
        <v>7284</v>
      </c>
      <c r="I3585" s="7">
        <v>4.5816413999999996</v>
      </c>
      <c r="J3585" s="8">
        <v>-74.219337699999997</v>
      </c>
    </row>
    <row r="3586" spans="1:10" x14ac:dyDescent="0.35">
      <c r="A3586" s="5" t="s">
        <v>10</v>
      </c>
      <c r="B3586" s="6">
        <v>185122</v>
      </c>
      <c r="C3586" s="6" t="s">
        <v>11</v>
      </c>
      <c r="D3586" s="6" t="s">
        <v>334</v>
      </c>
      <c r="E3586" s="6">
        <v>25754</v>
      </c>
      <c r="F3586" s="6" t="s">
        <v>18</v>
      </c>
      <c r="G3586" s="6" t="s">
        <v>7285</v>
      </c>
      <c r="H3586" s="6" t="s">
        <v>7286</v>
      </c>
      <c r="I3586" s="7">
        <v>4.5750565999999999</v>
      </c>
      <c r="J3586" s="8">
        <v>-74.1888036</v>
      </c>
    </row>
    <row r="3587" spans="1:10" x14ac:dyDescent="0.35">
      <c r="A3587" s="5" t="s">
        <v>10</v>
      </c>
      <c r="B3587" s="6">
        <v>244562</v>
      </c>
      <c r="C3587" s="6" t="s">
        <v>68</v>
      </c>
      <c r="D3587" s="6" t="s">
        <v>69</v>
      </c>
      <c r="E3587" s="6">
        <v>11001</v>
      </c>
      <c r="F3587" s="6" t="s">
        <v>18</v>
      </c>
      <c r="G3587" s="6" t="s">
        <v>7287</v>
      </c>
      <c r="H3587" s="6" t="s">
        <v>7288</v>
      </c>
      <c r="I3587" s="7">
        <v>4.7427305000000004</v>
      </c>
      <c r="J3587" s="8">
        <v>-74.126588100000006</v>
      </c>
    </row>
    <row r="3588" spans="1:10" x14ac:dyDescent="0.35">
      <c r="A3588" s="5" t="s">
        <v>10</v>
      </c>
      <c r="B3588" s="6">
        <v>226223</v>
      </c>
      <c r="C3588" s="6" t="s">
        <v>117</v>
      </c>
      <c r="D3588" s="6" t="s">
        <v>1334</v>
      </c>
      <c r="E3588" s="6">
        <v>76001</v>
      </c>
      <c r="F3588" s="6" t="s">
        <v>13</v>
      </c>
      <c r="G3588" s="6" t="s">
        <v>3737</v>
      </c>
      <c r="H3588" s="6" t="s">
        <v>7289</v>
      </c>
      <c r="I3588" s="7">
        <v>3.4478209999999998</v>
      </c>
      <c r="J3588" s="8">
        <v>-76.489389000000003</v>
      </c>
    </row>
    <row r="3589" spans="1:10" x14ac:dyDescent="0.35">
      <c r="A3589" s="5" t="s">
        <v>10</v>
      </c>
      <c r="B3589" s="6">
        <v>239453</v>
      </c>
      <c r="C3589" s="6" t="s">
        <v>68</v>
      </c>
      <c r="D3589" s="6" t="s">
        <v>69</v>
      </c>
      <c r="E3589" s="6">
        <v>11001</v>
      </c>
      <c r="F3589" s="6" t="s">
        <v>18</v>
      </c>
      <c r="G3589" s="6" t="s">
        <v>7290</v>
      </c>
      <c r="H3589" s="6" t="s">
        <v>7291</v>
      </c>
      <c r="I3589" s="7">
        <v>4.5829582999999996</v>
      </c>
      <c r="J3589" s="8">
        <v>-74.069997799999996</v>
      </c>
    </row>
    <row r="3590" spans="1:10" x14ac:dyDescent="0.35">
      <c r="A3590" s="5" t="s">
        <v>10</v>
      </c>
      <c r="B3590" s="6">
        <v>206923</v>
      </c>
      <c r="C3590" s="6" t="s">
        <v>16</v>
      </c>
      <c r="D3590" s="6" t="s">
        <v>78</v>
      </c>
      <c r="E3590" s="6">
        <v>68001</v>
      </c>
      <c r="F3590" s="6" t="s">
        <v>18</v>
      </c>
      <c r="G3590" s="6" t="s">
        <v>7292</v>
      </c>
      <c r="H3590" s="6" t="s">
        <v>7293</v>
      </c>
      <c r="I3590" s="7">
        <v>7.1217756999999997</v>
      </c>
      <c r="J3590" s="8">
        <v>-73.122970600000002</v>
      </c>
    </row>
    <row r="3591" spans="1:10" x14ac:dyDescent="0.35">
      <c r="A3591" s="5" t="s">
        <v>10</v>
      </c>
      <c r="B3591" s="6">
        <v>130353</v>
      </c>
      <c r="C3591" s="6" t="s">
        <v>278</v>
      </c>
      <c r="D3591" s="6" t="s">
        <v>3651</v>
      </c>
      <c r="E3591" s="6">
        <v>50313</v>
      </c>
      <c r="F3591" s="6" t="s">
        <v>18</v>
      </c>
      <c r="G3591" s="6" t="s">
        <v>7294</v>
      </c>
      <c r="H3591" s="6" t="s">
        <v>7295</v>
      </c>
      <c r="I3591" s="7">
        <v>3.5436442000000001</v>
      </c>
      <c r="J3591" s="8">
        <v>-73.702810700000001</v>
      </c>
    </row>
    <row r="3592" spans="1:10" x14ac:dyDescent="0.35">
      <c r="A3592" s="5" t="s">
        <v>10</v>
      </c>
      <c r="B3592" s="6">
        <v>208047</v>
      </c>
      <c r="C3592" s="6" t="s">
        <v>11</v>
      </c>
      <c r="D3592" s="6" t="s">
        <v>5492</v>
      </c>
      <c r="E3592" s="6">
        <v>25019</v>
      </c>
      <c r="F3592" s="6" t="s">
        <v>18</v>
      </c>
      <c r="G3592" s="6" t="s">
        <v>7296</v>
      </c>
      <c r="H3592" s="6" t="s">
        <v>7297</v>
      </c>
      <c r="I3592" s="7">
        <v>4.8779840999999999</v>
      </c>
      <c r="J3592" s="8">
        <v>-74.438270699999904</v>
      </c>
    </row>
    <row r="3593" spans="1:10" x14ac:dyDescent="0.35">
      <c r="A3593" s="5" t="s">
        <v>10</v>
      </c>
      <c r="B3593" s="6">
        <v>234502</v>
      </c>
      <c r="C3593" s="6" t="s">
        <v>11</v>
      </c>
      <c r="D3593" s="6" t="s">
        <v>7298</v>
      </c>
      <c r="E3593" s="6">
        <v>25867</v>
      </c>
      <c r="F3593" s="6" t="s">
        <v>18</v>
      </c>
      <c r="G3593" s="6" t="s">
        <v>7299</v>
      </c>
      <c r="H3593" s="6" t="s">
        <v>7300</v>
      </c>
      <c r="I3593" s="7">
        <v>4.9746739</v>
      </c>
      <c r="J3593" s="8">
        <v>-74.289071100000001</v>
      </c>
    </row>
    <row r="3594" spans="1:10" x14ac:dyDescent="0.35">
      <c r="A3594" s="5" t="s">
        <v>10</v>
      </c>
      <c r="B3594" s="6">
        <v>237583</v>
      </c>
      <c r="C3594" s="6" t="s">
        <v>11</v>
      </c>
      <c r="D3594" s="6" t="s">
        <v>680</v>
      </c>
      <c r="E3594" s="6">
        <v>25743</v>
      </c>
      <c r="F3594" s="6" t="s">
        <v>18</v>
      </c>
      <c r="G3594" s="6" t="s">
        <v>7301</v>
      </c>
      <c r="H3594" s="6" t="s">
        <v>7302</v>
      </c>
      <c r="I3594" s="7">
        <v>4.4032619000000004</v>
      </c>
      <c r="J3594" s="8">
        <v>-74.386485899999997</v>
      </c>
    </row>
    <row r="3595" spans="1:10" x14ac:dyDescent="0.35">
      <c r="A3595" s="5" t="s">
        <v>10</v>
      </c>
      <c r="B3595" s="6">
        <v>245191</v>
      </c>
      <c r="C3595" s="6" t="s">
        <v>11</v>
      </c>
      <c r="D3595" s="6" t="s">
        <v>334</v>
      </c>
      <c r="E3595" s="6">
        <v>25754</v>
      </c>
      <c r="F3595" s="6" t="s">
        <v>18</v>
      </c>
      <c r="G3595" s="6" t="s">
        <v>113</v>
      </c>
      <c r="H3595" s="6" t="s">
        <v>7303</v>
      </c>
      <c r="I3595" s="7">
        <v>4.5824468999999999</v>
      </c>
      <c r="J3595" s="8">
        <v>-74.202428600000005</v>
      </c>
    </row>
    <row r="3596" spans="1:10" x14ac:dyDescent="0.35">
      <c r="A3596" s="5" t="s">
        <v>10</v>
      </c>
      <c r="B3596" s="6">
        <v>248671</v>
      </c>
      <c r="C3596" s="6" t="s">
        <v>11</v>
      </c>
      <c r="D3596" s="6" t="s">
        <v>5326</v>
      </c>
      <c r="E3596" s="6">
        <v>25200</v>
      </c>
      <c r="F3596" s="6" t="s">
        <v>18</v>
      </c>
      <c r="G3596" s="6" t="s">
        <v>7304</v>
      </c>
      <c r="H3596" s="6" t="s">
        <v>7305</v>
      </c>
      <c r="I3596" s="7">
        <v>5.0612409999999999</v>
      </c>
      <c r="J3596" s="8">
        <v>-73.976408000000006</v>
      </c>
    </row>
    <row r="3597" spans="1:10" x14ac:dyDescent="0.35">
      <c r="A3597" s="5" t="s">
        <v>10</v>
      </c>
      <c r="B3597" s="6">
        <v>221423</v>
      </c>
      <c r="C3597" s="6" t="s">
        <v>11</v>
      </c>
      <c r="D3597" s="6" t="s">
        <v>1547</v>
      </c>
      <c r="E3597" s="6">
        <v>25817</v>
      </c>
      <c r="F3597" s="6" t="s">
        <v>18</v>
      </c>
      <c r="G3597" s="6" t="s">
        <v>7306</v>
      </c>
      <c r="H3597" s="6" t="s">
        <v>7307</v>
      </c>
      <c r="I3597" s="7">
        <v>4.9640947000000004</v>
      </c>
      <c r="J3597" s="8">
        <v>-73.9344222</v>
      </c>
    </row>
    <row r="3598" spans="1:10" x14ac:dyDescent="0.35">
      <c r="A3598" s="5" t="s">
        <v>10</v>
      </c>
      <c r="B3598" s="6">
        <v>245848</v>
      </c>
      <c r="C3598" s="6" t="s">
        <v>11</v>
      </c>
      <c r="D3598" s="6" t="s">
        <v>337</v>
      </c>
      <c r="E3598" s="6">
        <v>25290</v>
      </c>
      <c r="F3598" s="6" t="s">
        <v>18</v>
      </c>
      <c r="G3598" s="6" t="s">
        <v>7308</v>
      </c>
      <c r="H3598" s="6" t="s">
        <v>7309</v>
      </c>
      <c r="I3598" s="7">
        <v>4.3326180000000001</v>
      </c>
      <c r="J3598" s="8">
        <v>-74.364128500000007</v>
      </c>
    </row>
    <row r="3599" spans="1:10" x14ac:dyDescent="0.35">
      <c r="A3599" s="5" t="s">
        <v>10</v>
      </c>
      <c r="B3599" s="6">
        <v>236903</v>
      </c>
      <c r="C3599" s="6" t="s">
        <v>24</v>
      </c>
      <c r="D3599" s="6" t="s">
        <v>317</v>
      </c>
      <c r="E3599" s="6">
        <v>15176</v>
      </c>
      <c r="F3599" s="6" t="s">
        <v>18</v>
      </c>
      <c r="G3599" s="6" t="s">
        <v>7310</v>
      </c>
      <c r="H3599" s="6" t="s">
        <v>7311</v>
      </c>
      <c r="I3599" s="7">
        <v>5.6147261000000004</v>
      </c>
      <c r="J3599" s="8">
        <v>-73.815624999999997</v>
      </c>
    </row>
    <row r="3600" spans="1:10" x14ac:dyDescent="0.35">
      <c r="A3600" s="5" t="s">
        <v>10</v>
      </c>
      <c r="B3600" s="6">
        <v>226395</v>
      </c>
      <c r="C3600" s="6" t="s">
        <v>190</v>
      </c>
      <c r="D3600" s="6" t="s">
        <v>191</v>
      </c>
      <c r="E3600" s="6">
        <v>5001</v>
      </c>
      <c r="F3600" s="6" t="s">
        <v>13</v>
      </c>
      <c r="G3600" s="6" t="s">
        <v>3737</v>
      </c>
      <c r="H3600" s="6" t="s">
        <v>7312</v>
      </c>
      <c r="I3600" s="7">
        <v>6.2160463999999997</v>
      </c>
      <c r="J3600" s="8">
        <v>-75.587113700000003</v>
      </c>
    </row>
    <row r="3601" spans="1:10" x14ac:dyDescent="0.35">
      <c r="A3601" s="5" t="s">
        <v>10</v>
      </c>
      <c r="B3601" s="6">
        <v>226343</v>
      </c>
      <c r="C3601" s="6" t="s">
        <v>190</v>
      </c>
      <c r="D3601" s="6" t="s">
        <v>303</v>
      </c>
      <c r="E3601" s="6">
        <v>5628</v>
      </c>
      <c r="F3601" s="6" t="s">
        <v>13</v>
      </c>
      <c r="G3601" s="6" t="s">
        <v>3737</v>
      </c>
      <c r="H3601" s="6" t="s">
        <v>7313</v>
      </c>
      <c r="I3601" s="7">
        <v>7.1986064000000001</v>
      </c>
      <c r="J3601" s="8">
        <v>-75.341217899999904</v>
      </c>
    </row>
    <row r="3602" spans="1:10" x14ac:dyDescent="0.35">
      <c r="A3602" s="5" t="s">
        <v>10</v>
      </c>
      <c r="B3602" s="6">
        <v>229234</v>
      </c>
      <c r="C3602" s="6" t="s">
        <v>16</v>
      </c>
      <c r="D3602" s="6" t="s">
        <v>17</v>
      </c>
      <c r="E3602" s="6">
        <v>68679</v>
      </c>
      <c r="F3602" s="6" t="s">
        <v>18</v>
      </c>
      <c r="G3602" s="6" t="s">
        <v>7314</v>
      </c>
      <c r="H3602" s="6" t="s">
        <v>7315</v>
      </c>
      <c r="I3602" s="7">
        <v>6.5542711999999996</v>
      </c>
      <c r="J3602" s="8">
        <v>-73.132207800000003</v>
      </c>
    </row>
    <row r="3603" spans="1:10" x14ac:dyDescent="0.35">
      <c r="A3603" s="5" t="s">
        <v>10</v>
      </c>
      <c r="B3603" s="6">
        <v>226890</v>
      </c>
      <c r="C3603" s="6" t="s">
        <v>16</v>
      </c>
      <c r="D3603" s="6" t="s">
        <v>78</v>
      </c>
      <c r="E3603" s="6">
        <v>68001</v>
      </c>
      <c r="F3603" s="6" t="s">
        <v>18</v>
      </c>
      <c r="G3603" s="6" t="s">
        <v>7316</v>
      </c>
      <c r="H3603" s="6" t="s">
        <v>7317</v>
      </c>
      <c r="I3603" s="7">
        <v>7.0953304999999904</v>
      </c>
      <c r="J3603" s="8">
        <v>-73.104373100000004</v>
      </c>
    </row>
    <row r="3604" spans="1:10" x14ac:dyDescent="0.35">
      <c r="A3604" s="5" t="s">
        <v>10</v>
      </c>
      <c r="B3604" s="6">
        <v>200949</v>
      </c>
      <c r="C3604" s="6" t="s">
        <v>551</v>
      </c>
      <c r="D3604" s="6" t="s">
        <v>7318</v>
      </c>
      <c r="E3604" s="6">
        <v>20032</v>
      </c>
      <c r="F3604" s="6" t="s">
        <v>18</v>
      </c>
      <c r="G3604" s="6" t="s">
        <v>7319</v>
      </c>
      <c r="H3604" s="6" t="s">
        <v>7320</v>
      </c>
      <c r="I3604" s="7">
        <v>9.5006661000000001</v>
      </c>
      <c r="J3604" s="8">
        <v>-73.978089900000001</v>
      </c>
    </row>
    <row r="3605" spans="1:10" x14ac:dyDescent="0.35">
      <c r="A3605" s="5" t="s">
        <v>10</v>
      </c>
      <c r="B3605" s="6">
        <v>173117</v>
      </c>
      <c r="C3605" s="6" t="s">
        <v>294</v>
      </c>
      <c r="D3605" s="6" t="s">
        <v>703</v>
      </c>
      <c r="E3605" s="6">
        <v>41001</v>
      </c>
      <c r="F3605" s="6" t="s">
        <v>18</v>
      </c>
      <c r="G3605" s="6" t="s">
        <v>7321</v>
      </c>
      <c r="H3605" s="6" t="s">
        <v>7322</v>
      </c>
      <c r="I3605" s="7">
        <v>2.9584758999999998</v>
      </c>
      <c r="J3605" s="8">
        <v>-75.298036699999997</v>
      </c>
    </row>
    <row r="3606" spans="1:10" x14ac:dyDescent="0.35">
      <c r="A3606" s="5" t="s">
        <v>10</v>
      </c>
      <c r="B3606" s="6">
        <v>103691</v>
      </c>
      <c r="C3606" s="6" t="s">
        <v>11</v>
      </c>
      <c r="D3606" s="6" t="s">
        <v>7045</v>
      </c>
      <c r="E3606" s="6">
        <v>25260</v>
      </c>
      <c r="F3606" s="6" t="s">
        <v>18</v>
      </c>
      <c r="G3606" s="6" t="s">
        <v>7323</v>
      </c>
      <c r="H3606" s="6" t="s">
        <v>7324</v>
      </c>
      <c r="I3606" s="7">
        <v>4.8547552999999999</v>
      </c>
      <c r="J3606" s="8">
        <v>-74.260356999999999</v>
      </c>
    </row>
    <row r="3607" spans="1:10" x14ac:dyDescent="0.35">
      <c r="A3607" s="5" t="s">
        <v>10</v>
      </c>
      <c r="B3607" s="6">
        <v>224402</v>
      </c>
      <c r="C3607" s="6" t="s">
        <v>11</v>
      </c>
      <c r="D3607" s="6" t="s">
        <v>513</v>
      </c>
      <c r="E3607" s="6">
        <v>25286</v>
      </c>
      <c r="F3607" s="6" t="s">
        <v>18</v>
      </c>
      <c r="G3607" s="6" t="s">
        <v>7325</v>
      </c>
      <c r="H3607" s="6" t="s">
        <v>7326</v>
      </c>
      <c r="I3607" s="7">
        <v>4.706671</v>
      </c>
      <c r="J3607" s="8">
        <v>-74.208416399999905</v>
      </c>
    </row>
    <row r="3608" spans="1:10" x14ac:dyDescent="0.35">
      <c r="A3608" s="5" t="s">
        <v>10</v>
      </c>
      <c r="B3608" s="6">
        <v>233600</v>
      </c>
      <c r="C3608" s="6" t="s">
        <v>117</v>
      </c>
      <c r="D3608" s="6" t="s">
        <v>4931</v>
      </c>
      <c r="E3608" s="6">
        <v>76892</v>
      </c>
      <c r="F3608" s="6" t="s">
        <v>18</v>
      </c>
      <c r="G3608" s="6" t="s">
        <v>7327</v>
      </c>
      <c r="H3608" s="6" t="s">
        <v>7328</v>
      </c>
      <c r="I3608" s="7">
        <v>3.4496199999999999</v>
      </c>
      <c r="J3608" s="8">
        <v>-76.538070000000005</v>
      </c>
    </row>
    <row r="3609" spans="1:10" x14ac:dyDescent="0.35">
      <c r="A3609" s="5" t="s">
        <v>10</v>
      </c>
      <c r="B3609" s="6">
        <v>236066</v>
      </c>
      <c r="C3609" s="6" t="s">
        <v>117</v>
      </c>
      <c r="D3609" s="6" t="s">
        <v>1334</v>
      </c>
      <c r="E3609" s="6">
        <v>76001</v>
      </c>
      <c r="F3609" s="6" t="s">
        <v>18</v>
      </c>
      <c r="G3609" s="6" t="s">
        <v>7329</v>
      </c>
      <c r="H3609" s="6" t="s">
        <v>7330</v>
      </c>
      <c r="I3609" s="7">
        <v>3.4206262000000001</v>
      </c>
      <c r="J3609" s="8">
        <v>-76.535134499999998</v>
      </c>
    </row>
    <row r="3610" spans="1:10" x14ac:dyDescent="0.35">
      <c r="A3610" s="5" t="s">
        <v>10</v>
      </c>
      <c r="B3610" s="6">
        <v>226240</v>
      </c>
      <c r="C3610" s="6" t="s">
        <v>117</v>
      </c>
      <c r="D3610" s="6" t="s">
        <v>1334</v>
      </c>
      <c r="E3610" s="6">
        <v>76001</v>
      </c>
      <c r="F3610" s="6" t="s">
        <v>13</v>
      </c>
      <c r="G3610" s="6" t="s">
        <v>3737</v>
      </c>
      <c r="H3610" s="6" t="s">
        <v>7331</v>
      </c>
      <c r="I3610" s="7">
        <v>3.4170739999999999</v>
      </c>
      <c r="J3610" s="8">
        <v>-76.476612899999907</v>
      </c>
    </row>
    <row r="3611" spans="1:10" x14ac:dyDescent="0.35">
      <c r="A3611" s="5" t="s">
        <v>10</v>
      </c>
      <c r="B3611" s="6">
        <v>237521</v>
      </c>
      <c r="C3611" s="6" t="s">
        <v>551</v>
      </c>
      <c r="D3611" s="6" t="s">
        <v>3868</v>
      </c>
      <c r="E3611" s="6">
        <v>20001</v>
      </c>
      <c r="F3611" s="6" t="s">
        <v>18</v>
      </c>
      <c r="G3611" s="6" t="s">
        <v>7332</v>
      </c>
      <c r="H3611" s="6" t="s">
        <v>7333</v>
      </c>
      <c r="I3611" s="7">
        <v>10.4629245</v>
      </c>
      <c r="J3611" s="8">
        <v>-73.252956699999999</v>
      </c>
    </row>
    <row r="3612" spans="1:10" x14ac:dyDescent="0.35">
      <c r="A3612" s="5" t="s">
        <v>10</v>
      </c>
      <c r="B3612" s="6">
        <v>207956</v>
      </c>
      <c r="C3612" s="6" t="s">
        <v>278</v>
      </c>
      <c r="D3612" s="6" t="s">
        <v>7334</v>
      </c>
      <c r="E3612" s="6">
        <v>50711</v>
      </c>
      <c r="F3612" s="6" t="s">
        <v>18</v>
      </c>
      <c r="G3612" s="6" t="s">
        <v>7335</v>
      </c>
      <c r="H3612" s="6" t="s">
        <v>7336</v>
      </c>
      <c r="I3612" s="7">
        <v>3.1232858000000001</v>
      </c>
      <c r="J3612" s="8">
        <v>-73.752435599999998</v>
      </c>
    </row>
    <row r="3613" spans="1:10" x14ac:dyDescent="0.35">
      <c r="A3613" s="5" t="s">
        <v>10</v>
      </c>
      <c r="B3613" s="6">
        <v>233056</v>
      </c>
      <c r="C3613" s="6" t="s">
        <v>278</v>
      </c>
      <c r="D3613" s="6" t="s">
        <v>279</v>
      </c>
      <c r="E3613" s="6">
        <v>50001</v>
      </c>
      <c r="F3613" s="6" t="s">
        <v>18</v>
      </c>
      <c r="G3613" s="6" t="s">
        <v>7337</v>
      </c>
      <c r="H3613" s="6" t="s">
        <v>7338</v>
      </c>
      <c r="I3613" s="7">
        <v>4.1367725000000002</v>
      </c>
      <c r="J3613" s="8">
        <v>-73.612618800000007</v>
      </c>
    </row>
    <row r="3614" spans="1:10" x14ac:dyDescent="0.35">
      <c r="A3614" s="5" t="s">
        <v>10</v>
      </c>
      <c r="B3614" s="6">
        <v>186710</v>
      </c>
      <c r="C3614" s="6" t="s">
        <v>294</v>
      </c>
      <c r="D3614" s="6" t="s">
        <v>703</v>
      </c>
      <c r="E3614" s="6">
        <v>41001</v>
      </c>
      <c r="F3614" s="6" t="s">
        <v>18</v>
      </c>
      <c r="G3614" s="6" t="s">
        <v>7339</v>
      </c>
      <c r="H3614" s="6" t="s">
        <v>7340</v>
      </c>
      <c r="I3614" s="7">
        <v>2.9218130000000002</v>
      </c>
      <c r="J3614" s="8">
        <v>-75.288057199999997</v>
      </c>
    </row>
    <row r="3615" spans="1:10" x14ac:dyDescent="0.35">
      <c r="A3615" s="5" t="s">
        <v>10</v>
      </c>
      <c r="B3615" s="6">
        <v>217192</v>
      </c>
      <c r="C3615" s="6" t="s">
        <v>11</v>
      </c>
      <c r="D3615" s="6" t="s">
        <v>334</v>
      </c>
      <c r="E3615" s="6">
        <v>25754</v>
      </c>
      <c r="F3615" s="6" t="s">
        <v>18</v>
      </c>
      <c r="G3615" s="6" t="s">
        <v>7341</v>
      </c>
      <c r="H3615" s="6" t="s">
        <v>7342</v>
      </c>
      <c r="I3615" s="7">
        <v>4.5907309999999999</v>
      </c>
      <c r="J3615" s="8">
        <v>-74.219525099999998</v>
      </c>
    </row>
    <row r="3616" spans="1:10" x14ac:dyDescent="0.35">
      <c r="A3616" s="5" t="s">
        <v>10</v>
      </c>
      <c r="B3616" s="6">
        <v>174089</v>
      </c>
      <c r="C3616" s="6" t="s">
        <v>11</v>
      </c>
      <c r="D3616" s="6" t="s">
        <v>337</v>
      </c>
      <c r="E3616" s="6">
        <v>25290</v>
      </c>
      <c r="F3616" s="6" t="s">
        <v>18</v>
      </c>
      <c r="G3616" s="6" t="s">
        <v>7343</v>
      </c>
      <c r="H3616" s="6" t="s">
        <v>7344</v>
      </c>
      <c r="I3616" s="7">
        <v>4.31806</v>
      </c>
      <c r="J3616" s="8">
        <v>-74.409719899999999</v>
      </c>
    </row>
    <row r="3617" spans="1:10" x14ac:dyDescent="0.35">
      <c r="A3617" s="5" t="s">
        <v>10</v>
      </c>
      <c r="B3617" s="6">
        <v>230606</v>
      </c>
      <c r="C3617" s="6" t="s">
        <v>11</v>
      </c>
      <c r="D3617" s="6" t="s">
        <v>4282</v>
      </c>
      <c r="E3617" s="6">
        <v>25181</v>
      </c>
      <c r="F3617" s="6" t="s">
        <v>18</v>
      </c>
      <c r="G3617" s="6" t="s">
        <v>7345</v>
      </c>
      <c r="H3617" s="6" t="s">
        <v>7346</v>
      </c>
      <c r="I3617" s="7">
        <v>4.8077828</v>
      </c>
      <c r="J3617" s="8">
        <v>-74.351389699999999</v>
      </c>
    </row>
    <row r="3618" spans="1:10" x14ac:dyDescent="0.35">
      <c r="A3618" s="5" t="s">
        <v>10</v>
      </c>
      <c r="B3618" s="6">
        <v>187450</v>
      </c>
      <c r="C3618" s="6" t="s">
        <v>11</v>
      </c>
      <c r="D3618" s="6" t="s">
        <v>334</v>
      </c>
      <c r="E3618" s="6">
        <v>25754</v>
      </c>
      <c r="F3618" s="6" t="s">
        <v>18</v>
      </c>
      <c r="G3618" s="6" t="s">
        <v>7347</v>
      </c>
      <c r="H3618" s="6" t="s">
        <v>7348</v>
      </c>
      <c r="I3618" s="7">
        <v>4.5804203000000001</v>
      </c>
      <c r="J3618" s="8">
        <v>-74.194493699999995</v>
      </c>
    </row>
    <row r="3619" spans="1:10" x14ac:dyDescent="0.35">
      <c r="A3619" s="5" t="s">
        <v>10</v>
      </c>
      <c r="B3619" s="6">
        <v>201196</v>
      </c>
      <c r="C3619" s="6" t="s">
        <v>24</v>
      </c>
      <c r="D3619" s="6" t="s">
        <v>137</v>
      </c>
      <c r="E3619" s="6">
        <v>15238</v>
      </c>
      <c r="F3619" s="6" t="s">
        <v>18</v>
      </c>
      <c r="G3619" s="6" t="s">
        <v>7349</v>
      </c>
      <c r="H3619" s="6" t="s">
        <v>7350</v>
      </c>
      <c r="I3619" s="7">
        <v>5.8154928999999997</v>
      </c>
      <c r="J3619" s="8">
        <v>-73.022638999999998</v>
      </c>
    </row>
    <row r="3620" spans="1:10" x14ac:dyDescent="0.35">
      <c r="A3620" s="5" t="s">
        <v>10</v>
      </c>
      <c r="B3620" s="6">
        <v>215894</v>
      </c>
      <c r="C3620" s="6" t="s">
        <v>278</v>
      </c>
      <c r="D3620" s="6" t="s">
        <v>279</v>
      </c>
      <c r="E3620" s="6">
        <v>50001</v>
      </c>
      <c r="F3620" s="6" t="s">
        <v>18</v>
      </c>
      <c r="G3620" s="6" t="s">
        <v>7351</v>
      </c>
      <c r="H3620" s="6" t="s">
        <v>7352</v>
      </c>
      <c r="I3620" s="7">
        <v>4.0815744</v>
      </c>
      <c r="J3620" s="8">
        <v>-73.663654699999995</v>
      </c>
    </row>
    <row r="3621" spans="1:10" x14ac:dyDescent="0.35">
      <c r="A3621" s="5" t="s">
        <v>10</v>
      </c>
      <c r="B3621" s="6">
        <v>202828</v>
      </c>
      <c r="C3621" s="6" t="s">
        <v>11</v>
      </c>
      <c r="D3621" s="6" t="s">
        <v>334</v>
      </c>
      <c r="E3621" s="6">
        <v>25754</v>
      </c>
      <c r="F3621" s="6" t="s">
        <v>18</v>
      </c>
      <c r="G3621" s="6" t="s">
        <v>7353</v>
      </c>
      <c r="H3621" s="6" t="s">
        <v>7354</v>
      </c>
      <c r="I3621" s="7">
        <v>4.5832287000000003</v>
      </c>
      <c r="J3621" s="8">
        <v>-74.196308099999996</v>
      </c>
    </row>
    <row r="3622" spans="1:10" x14ac:dyDescent="0.35">
      <c r="A3622" s="5" t="s">
        <v>10</v>
      </c>
      <c r="B3622" s="6">
        <v>201341</v>
      </c>
      <c r="C3622" s="6" t="s">
        <v>11</v>
      </c>
      <c r="D3622" s="6" t="s">
        <v>334</v>
      </c>
      <c r="E3622" s="6">
        <v>25754</v>
      </c>
      <c r="F3622" s="6" t="s">
        <v>18</v>
      </c>
      <c r="G3622" s="6" t="s">
        <v>7355</v>
      </c>
      <c r="H3622" s="6" t="s">
        <v>7356</v>
      </c>
      <c r="I3622" s="7">
        <v>4.5881080000000001</v>
      </c>
      <c r="J3622" s="8">
        <v>-74.231450999999893</v>
      </c>
    </row>
    <row r="3623" spans="1:10" x14ac:dyDescent="0.35">
      <c r="A3623" s="5" t="s">
        <v>10</v>
      </c>
      <c r="B3623" s="6">
        <v>232679</v>
      </c>
      <c r="C3623" s="6" t="s">
        <v>24</v>
      </c>
      <c r="D3623" s="6" t="s">
        <v>88</v>
      </c>
      <c r="E3623" s="6">
        <v>15001</v>
      </c>
      <c r="F3623" s="6" t="s">
        <v>18</v>
      </c>
      <c r="G3623" s="6" t="s">
        <v>7357</v>
      </c>
      <c r="H3623" s="6" t="s">
        <v>7358</v>
      </c>
      <c r="I3623" s="7">
        <v>5.5189500000000002</v>
      </c>
      <c r="J3623" s="8">
        <v>-73.369810000000001</v>
      </c>
    </row>
    <row r="3624" spans="1:10" x14ac:dyDescent="0.35">
      <c r="A3624" s="5" t="s">
        <v>10</v>
      </c>
      <c r="B3624" s="6">
        <v>244083</v>
      </c>
      <c r="C3624" s="6" t="s">
        <v>68</v>
      </c>
      <c r="D3624" s="6" t="s">
        <v>69</v>
      </c>
      <c r="E3624" s="6">
        <v>11001</v>
      </c>
      <c r="F3624" s="6" t="s">
        <v>18</v>
      </c>
      <c r="G3624" s="6" t="s">
        <v>7359</v>
      </c>
      <c r="H3624" s="6" t="s">
        <v>7360</v>
      </c>
      <c r="I3624" s="7">
        <v>4.4980085000000001</v>
      </c>
      <c r="J3624" s="8">
        <v>-74.1087311</v>
      </c>
    </row>
    <row r="3625" spans="1:10" x14ac:dyDescent="0.35">
      <c r="A3625" s="5" t="s">
        <v>10</v>
      </c>
      <c r="B3625" s="6">
        <v>226364</v>
      </c>
      <c r="C3625" s="6" t="s">
        <v>42</v>
      </c>
      <c r="D3625" s="6" t="s">
        <v>43</v>
      </c>
      <c r="E3625" s="6">
        <v>17001</v>
      </c>
      <c r="F3625" s="6" t="s">
        <v>13</v>
      </c>
      <c r="G3625" s="6" t="s">
        <v>3737</v>
      </c>
      <c r="H3625" s="6" t="s">
        <v>7361</v>
      </c>
      <c r="I3625" s="7">
        <v>5.0629742999999996</v>
      </c>
      <c r="J3625" s="8">
        <v>-75.502769799999996</v>
      </c>
    </row>
    <row r="3626" spans="1:10" x14ac:dyDescent="0.35">
      <c r="A3626" s="5" t="s">
        <v>10</v>
      </c>
      <c r="B3626" s="6">
        <v>226218</v>
      </c>
      <c r="C3626" s="6" t="s">
        <v>117</v>
      </c>
      <c r="D3626" s="6" t="s">
        <v>5316</v>
      </c>
      <c r="E3626" s="6">
        <v>76109</v>
      </c>
      <c r="F3626" s="6" t="s">
        <v>13</v>
      </c>
      <c r="G3626" s="6" t="s">
        <v>3737</v>
      </c>
      <c r="H3626" s="6" t="s">
        <v>7362</v>
      </c>
      <c r="I3626" s="7">
        <v>3.86584119999999</v>
      </c>
      <c r="J3626" s="8">
        <v>-76.9819277</v>
      </c>
    </row>
    <row r="3627" spans="1:10" x14ac:dyDescent="0.35">
      <c r="A3627" s="5" t="s">
        <v>10</v>
      </c>
      <c r="B3627" s="6">
        <v>180996</v>
      </c>
      <c r="C3627" s="6" t="s">
        <v>294</v>
      </c>
      <c r="D3627" s="6" t="s">
        <v>447</v>
      </c>
      <c r="E3627" s="6">
        <v>41551</v>
      </c>
      <c r="F3627" s="6" t="s">
        <v>18</v>
      </c>
      <c r="G3627" s="6" t="s">
        <v>7363</v>
      </c>
      <c r="H3627" s="6" t="s">
        <v>7364</v>
      </c>
      <c r="I3627" s="7">
        <v>1.9611025</v>
      </c>
      <c r="J3627" s="8">
        <v>-76.084175599999995</v>
      </c>
    </row>
    <row r="3628" spans="1:10" x14ac:dyDescent="0.35">
      <c r="A3628" s="5" t="s">
        <v>10</v>
      </c>
      <c r="B3628" s="6">
        <v>236047</v>
      </c>
      <c r="C3628" s="6" t="s">
        <v>294</v>
      </c>
      <c r="D3628" s="6" t="s">
        <v>2489</v>
      </c>
      <c r="E3628" s="6">
        <v>41660</v>
      </c>
      <c r="F3628" s="6" t="s">
        <v>18</v>
      </c>
      <c r="G3628" s="6" t="s">
        <v>7365</v>
      </c>
      <c r="H3628" s="6" t="s">
        <v>7366</v>
      </c>
      <c r="I3628" s="7">
        <v>1.9930969999999999</v>
      </c>
      <c r="J3628" s="8">
        <v>-76.043613999999906</v>
      </c>
    </row>
    <row r="3629" spans="1:10" x14ac:dyDescent="0.35">
      <c r="A3629" s="5" t="s">
        <v>10</v>
      </c>
      <c r="B3629" s="6">
        <v>186819</v>
      </c>
      <c r="C3629" s="6" t="s">
        <v>11</v>
      </c>
      <c r="D3629" s="6" t="s">
        <v>334</v>
      </c>
      <c r="E3629" s="6">
        <v>25754</v>
      </c>
      <c r="F3629" s="6" t="s">
        <v>18</v>
      </c>
      <c r="G3629" s="6" t="s">
        <v>7367</v>
      </c>
      <c r="H3629" s="6" t="s">
        <v>7368</v>
      </c>
      <c r="I3629" s="7">
        <v>4.5982760999999996</v>
      </c>
      <c r="J3629" s="8">
        <v>-74.200123500000004</v>
      </c>
    </row>
    <row r="3630" spans="1:10" x14ac:dyDescent="0.35">
      <c r="A3630" s="5" t="s">
        <v>10</v>
      </c>
      <c r="B3630" s="6">
        <v>226363</v>
      </c>
      <c r="C3630" s="6" t="s">
        <v>55</v>
      </c>
      <c r="D3630" s="6" t="s">
        <v>56</v>
      </c>
      <c r="E3630" s="6">
        <v>73001</v>
      </c>
      <c r="F3630" s="6" t="s">
        <v>13</v>
      </c>
      <c r="G3630" s="6" t="s">
        <v>3737</v>
      </c>
      <c r="H3630" s="6" t="s">
        <v>7369</v>
      </c>
      <c r="I3630" s="7">
        <v>4.4460696999999998</v>
      </c>
      <c r="J3630" s="8">
        <v>-75.191198400000005</v>
      </c>
    </row>
    <row r="3631" spans="1:10" x14ac:dyDescent="0.35">
      <c r="A3631" s="5" t="s">
        <v>10</v>
      </c>
      <c r="B3631" s="6">
        <v>226270</v>
      </c>
      <c r="C3631" s="6" t="s">
        <v>457</v>
      </c>
      <c r="D3631" s="6" t="s">
        <v>7370</v>
      </c>
      <c r="E3631" s="6">
        <v>52835</v>
      </c>
      <c r="F3631" s="6" t="s">
        <v>13</v>
      </c>
      <c r="G3631" s="6" t="s">
        <v>3737</v>
      </c>
      <c r="H3631" s="6" t="s">
        <v>7371</v>
      </c>
      <c r="I3631" s="7">
        <v>1.787434</v>
      </c>
      <c r="J3631" s="8">
        <v>-78.791264999999996</v>
      </c>
    </row>
    <row r="3632" spans="1:10" x14ac:dyDescent="0.35">
      <c r="A3632" s="5" t="s">
        <v>10</v>
      </c>
      <c r="B3632" s="6">
        <v>226265</v>
      </c>
      <c r="C3632" s="6" t="s">
        <v>38</v>
      </c>
      <c r="D3632" s="6" t="s">
        <v>39</v>
      </c>
      <c r="E3632" s="6">
        <v>19001</v>
      </c>
      <c r="F3632" s="6" t="s">
        <v>13</v>
      </c>
      <c r="G3632" s="6" t="s">
        <v>3737</v>
      </c>
      <c r="H3632" s="6" t="s">
        <v>7372</v>
      </c>
      <c r="I3632" s="7">
        <v>2.4459556999999998</v>
      </c>
      <c r="J3632" s="8">
        <v>-76.600294499999904</v>
      </c>
    </row>
    <row r="3633" spans="1:10" x14ac:dyDescent="0.35">
      <c r="A3633" s="5" t="s">
        <v>10</v>
      </c>
      <c r="B3633" s="6">
        <v>69187</v>
      </c>
      <c r="C3633" s="6" t="s">
        <v>24</v>
      </c>
      <c r="D3633" s="6" t="s">
        <v>7373</v>
      </c>
      <c r="E3633" s="6">
        <v>15764</v>
      </c>
      <c r="F3633" s="6" t="s">
        <v>18</v>
      </c>
      <c r="G3633" s="6" t="s">
        <v>7374</v>
      </c>
      <c r="H3633" s="6" t="s">
        <v>7375</v>
      </c>
      <c r="I3633" s="7">
        <v>5.5007073999999996</v>
      </c>
      <c r="J3633" s="8">
        <v>-73.332919399999994</v>
      </c>
    </row>
    <row r="3634" spans="1:10" x14ac:dyDescent="0.35">
      <c r="A3634" s="5" t="s">
        <v>10</v>
      </c>
      <c r="B3634" s="6">
        <v>237271</v>
      </c>
      <c r="C3634" s="6" t="s">
        <v>24</v>
      </c>
      <c r="D3634" s="6" t="s">
        <v>691</v>
      </c>
      <c r="E3634" s="6">
        <v>15162</v>
      </c>
      <c r="F3634" s="6" t="s">
        <v>18</v>
      </c>
      <c r="G3634" s="6" t="s">
        <v>7376</v>
      </c>
      <c r="H3634" s="6" t="s">
        <v>7377</v>
      </c>
      <c r="I3634" s="7">
        <v>5.9566100000000004</v>
      </c>
      <c r="J3634" s="8">
        <v>-72.9489509</v>
      </c>
    </row>
    <row r="3635" spans="1:10" x14ac:dyDescent="0.35">
      <c r="A3635" s="5" t="s">
        <v>10</v>
      </c>
      <c r="B3635" s="6">
        <v>207407</v>
      </c>
      <c r="C3635" s="6" t="s">
        <v>551</v>
      </c>
      <c r="D3635" s="6" t="s">
        <v>977</v>
      </c>
      <c r="E3635" s="6">
        <v>20011</v>
      </c>
      <c r="F3635" s="6" t="s">
        <v>18</v>
      </c>
      <c r="G3635" s="6" t="s">
        <v>7378</v>
      </c>
      <c r="H3635" s="6" t="s">
        <v>7379</v>
      </c>
      <c r="I3635" s="7">
        <v>8.3171402000000008</v>
      </c>
      <c r="J3635" s="8">
        <v>-73.596622199999999</v>
      </c>
    </row>
    <row r="3636" spans="1:10" x14ac:dyDescent="0.35">
      <c r="A3636" s="5" t="s">
        <v>10</v>
      </c>
      <c r="B3636" s="6">
        <v>163215</v>
      </c>
      <c r="C3636" s="6" t="s">
        <v>294</v>
      </c>
      <c r="D3636" s="6" t="s">
        <v>5931</v>
      </c>
      <c r="E3636" s="6">
        <v>41770</v>
      </c>
      <c r="F3636" s="6" t="s">
        <v>13</v>
      </c>
      <c r="G3636" s="6" t="s">
        <v>7380</v>
      </c>
      <c r="H3636" s="6" t="s">
        <v>7381</v>
      </c>
      <c r="I3636" s="7">
        <v>1.9769565</v>
      </c>
      <c r="J3636" s="8">
        <v>-75.795039599999996</v>
      </c>
    </row>
    <row r="3637" spans="1:10" x14ac:dyDescent="0.35">
      <c r="A3637" s="5" t="s">
        <v>10</v>
      </c>
      <c r="B3637" s="6">
        <v>223872</v>
      </c>
      <c r="C3637" s="6" t="s">
        <v>11</v>
      </c>
      <c r="D3637" s="6" t="s">
        <v>334</v>
      </c>
      <c r="E3637" s="6">
        <v>25754</v>
      </c>
      <c r="F3637" s="6" t="s">
        <v>18</v>
      </c>
      <c r="G3637" s="6" t="s">
        <v>7382</v>
      </c>
      <c r="H3637" s="6" t="s">
        <v>7383</v>
      </c>
      <c r="I3637" s="7">
        <v>4.5793781999999998</v>
      </c>
      <c r="J3637" s="8">
        <v>-74.209130500000001</v>
      </c>
    </row>
    <row r="3638" spans="1:10" x14ac:dyDescent="0.35">
      <c r="A3638" s="5" t="s">
        <v>10</v>
      </c>
      <c r="B3638" s="6">
        <v>202621</v>
      </c>
      <c r="C3638" s="6" t="s">
        <v>117</v>
      </c>
      <c r="D3638" s="6" t="s">
        <v>1334</v>
      </c>
      <c r="E3638" s="6">
        <v>76001</v>
      </c>
      <c r="F3638" s="6" t="s">
        <v>18</v>
      </c>
      <c r="G3638" s="6" t="s">
        <v>7384</v>
      </c>
      <c r="H3638" s="6" t="s">
        <v>7385</v>
      </c>
      <c r="I3638" s="7">
        <v>3.4633809000000002</v>
      </c>
      <c r="J3638" s="8">
        <v>-76.482346300000003</v>
      </c>
    </row>
    <row r="3639" spans="1:10" x14ac:dyDescent="0.35">
      <c r="A3639" s="5" t="s">
        <v>10</v>
      </c>
      <c r="B3639" s="6">
        <v>234416</v>
      </c>
      <c r="C3639" s="6" t="s">
        <v>117</v>
      </c>
      <c r="D3639" s="6" t="s">
        <v>1334</v>
      </c>
      <c r="E3639" s="6">
        <v>76001</v>
      </c>
      <c r="F3639" s="6" t="s">
        <v>18</v>
      </c>
      <c r="G3639" s="6" t="s">
        <v>7386</v>
      </c>
      <c r="H3639" s="6" t="s">
        <v>7387</v>
      </c>
      <c r="I3639" s="7">
        <v>3.4162531</v>
      </c>
      <c r="J3639" s="8">
        <v>-76.556743800000007</v>
      </c>
    </row>
    <row r="3640" spans="1:10" x14ac:dyDescent="0.35">
      <c r="A3640" s="5" t="s">
        <v>10</v>
      </c>
      <c r="B3640" s="6">
        <v>237258</v>
      </c>
      <c r="C3640" s="6" t="s">
        <v>68</v>
      </c>
      <c r="D3640" s="6" t="s">
        <v>69</v>
      </c>
      <c r="E3640" s="6">
        <v>11001</v>
      </c>
      <c r="F3640" s="6" t="s">
        <v>18</v>
      </c>
      <c r="G3640" s="6" t="s">
        <v>7388</v>
      </c>
      <c r="H3640" s="6" t="s">
        <v>7389</v>
      </c>
      <c r="I3640" s="7">
        <v>4.7519428000000001</v>
      </c>
      <c r="J3640" s="8">
        <v>-74.113794999999996</v>
      </c>
    </row>
    <row r="3641" spans="1:10" x14ac:dyDescent="0.35">
      <c r="A3641" s="5" t="s">
        <v>10</v>
      </c>
      <c r="B3641" s="6">
        <v>229368</v>
      </c>
      <c r="C3641" s="6" t="s">
        <v>68</v>
      </c>
      <c r="D3641" s="6" t="s">
        <v>69</v>
      </c>
      <c r="E3641" s="6">
        <v>11001</v>
      </c>
      <c r="F3641" s="6" t="s">
        <v>18</v>
      </c>
      <c r="G3641" s="6" t="s">
        <v>7390</v>
      </c>
      <c r="H3641" s="6" t="s">
        <v>7391</v>
      </c>
      <c r="I3641" s="7">
        <v>4.6068481999999999</v>
      </c>
      <c r="J3641" s="8">
        <v>-74.125165899999999</v>
      </c>
    </row>
    <row r="3642" spans="1:10" x14ac:dyDescent="0.35">
      <c r="A3642" s="5" t="s">
        <v>10</v>
      </c>
      <c r="B3642" s="6">
        <v>231376</v>
      </c>
      <c r="C3642" s="6" t="s">
        <v>28</v>
      </c>
      <c r="D3642" s="6" t="s">
        <v>49</v>
      </c>
      <c r="E3642" s="6">
        <v>54498</v>
      </c>
      <c r="F3642" s="6" t="s">
        <v>18</v>
      </c>
      <c r="G3642" s="6" t="s">
        <v>7392</v>
      </c>
      <c r="H3642" s="6" t="s">
        <v>7393</v>
      </c>
      <c r="I3642" s="7">
        <v>8.2323038000000004</v>
      </c>
      <c r="J3642" s="8">
        <v>-73.353471299999995</v>
      </c>
    </row>
    <row r="3643" spans="1:10" x14ac:dyDescent="0.35">
      <c r="A3643" s="5" t="s">
        <v>10</v>
      </c>
      <c r="B3643" s="6">
        <v>226315</v>
      </c>
      <c r="C3643" s="6" t="s">
        <v>28</v>
      </c>
      <c r="D3643" s="6" t="s">
        <v>29</v>
      </c>
      <c r="E3643" s="6">
        <v>54001</v>
      </c>
      <c r="F3643" s="6" t="s">
        <v>13</v>
      </c>
      <c r="G3643" s="6" t="s">
        <v>3737</v>
      </c>
      <c r="H3643" s="6" t="s">
        <v>7394</v>
      </c>
      <c r="I3643" s="7">
        <v>6.6968899000000004</v>
      </c>
      <c r="J3643" s="8">
        <v>-72.731326699999997</v>
      </c>
    </row>
    <row r="3644" spans="1:10" x14ac:dyDescent="0.35">
      <c r="A3644" s="5" t="s">
        <v>10</v>
      </c>
      <c r="B3644" s="6">
        <v>216392</v>
      </c>
      <c r="C3644" s="6" t="s">
        <v>278</v>
      </c>
      <c r="D3644" s="6" t="s">
        <v>279</v>
      </c>
      <c r="E3644" s="6">
        <v>50001</v>
      </c>
      <c r="F3644" s="6" t="s">
        <v>18</v>
      </c>
      <c r="G3644" s="6" t="s">
        <v>7395</v>
      </c>
      <c r="H3644" s="6" t="s">
        <v>7396</v>
      </c>
      <c r="I3644" s="7">
        <v>4.1455145</v>
      </c>
      <c r="J3644" s="8">
        <v>-73.611221399999906</v>
      </c>
    </row>
    <row r="3645" spans="1:10" x14ac:dyDescent="0.35">
      <c r="A3645" s="5" t="s">
        <v>10</v>
      </c>
      <c r="B3645" s="6">
        <v>237711</v>
      </c>
      <c r="C3645" s="6" t="s">
        <v>294</v>
      </c>
      <c r="D3645" s="6" t="s">
        <v>4244</v>
      </c>
      <c r="E3645" s="6">
        <v>41298</v>
      </c>
      <c r="F3645" s="6" t="s">
        <v>18</v>
      </c>
      <c r="G3645" s="6" t="s">
        <v>7397</v>
      </c>
      <c r="H3645" s="6" t="s">
        <v>7398</v>
      </c>
      <c r="I3645" s="7">
        <v>2.1961940000000002</v>
      </c>
      <c r="J3645" s="8">
        <v>-75.627216500000003</v>
      </c>
    </row>
    <row r="3646" spans="1:10" x14ac:dyDescent="0.35">
      <c r="A3646" s="5" t="s">
        <v>10</v>
      </c>
      <c r="B3646" s="6">
        <v>236042</v>
      </c>
      <c r="C3646" s="6" t="s">
        <v>11</v>
      </c>
      <c r="D3646" s="6" t="s">
        <v>4124</v>
      </c>
      <c r="E3646" s="6">
        <v>25293</v>
      </c>
      <c r="F3646" s="6" t="s">
        <v>18</v>
      </c>
      <c r="G3646" s="6" t="s">
        <v>7399</v>
      </c>
      <c r="H3646" s="6" t="s">
        <v>7400</v>
      </c>
      <c r="I3646" s="7">
        <v>4.6939624000000002</v>
      </c>
      <c r="J3646" s="8">
        <v>-73.519578499999994</v>
      </c>
    </row>
    <row r="3647" spans="1:10" x14ac:dyDescent="0.35">
      <c r="A3647" s="5" t="s">
        <v>10</v>
      </c>
      <c r="B3647" s="6">
        <v>202741</v>
      </c>
      <c r="C3647" s="6" t="s">
        <v>117</v>
      </c>
      <c r="D3647" s="6" t="s">
        <v>3963</v>
      </c>
      <c r="E3647" s="6">
        <v>76377</v>
      </c>
      <c r="F3647" s="6" t="s">
        <v>18</v>
      </c>
      <c r="G3647" s="6" t="s">
        <v>7401</v>
      </c>
      <c r="H3647" s="6" t="s">
        <v>7402</v>
      </c>
      <c r="I3647" s="7">
        <v>3.6757110000000002</v>
      </c>
      <c r="J3647" s="8">
        <v>-76.5842119</v>
      </c>
    </row>
    <row r="3648" spans="1:10" x14ac:dyDescent="0.35">
      <c r="A3648" s="5" t="s">
        <v>10</v>
      </c>
      <c r="B3648" s="6">
        <v>245646</v>
      </c>
      <c r="C3648" s="6" t="s">
        <v>117</v>
      </c>
      <c r="D3648" s="6" t="s">
        <v>1334</v>
      </c>
      <c r="E3648" s="6">
        <v>76001</v>
      </c>
      <c r="F3648" s="6" t="s">
        <v>18</v>
      </c>
      <c r="G3648" s="6" t="s">
        <v>7403</v>
      </c>
      <c r="H3648" s="6" t="s">
        <v>7404</v>
      </c>
      <c r="I3648" s="7">
        <v>3.4495854000000001</v>
      </c>
      <c r="J3648" s="8">
        <v>-76.536373699999999</v>
      </c>
    </row>
    <row r="3649" spans="1:10" x14ac:dyDescent="0.35">
      <c r="A3649" s="5" t="s">
        <v>10</v>
      </c>
      <c r="B3649" s="6">
        <v>184423</v>
      </c>
      <c r="C3649" s="6" t="s">
        <v>117</v>
      </c>
      <c r="D3649" s="6" t="s">
        <v>7405</v>
      </c>
      <c r="E3649" s="6">
        <v>76890</v>
      </c>
      <c r="F3649" s="6" t="s">
        <v>18</v>
      </c>
      <c r="G3649" s="6" t="s">
        <v>7406</v>
      </c>
      <c r="H3649" s="6" t="s">
        <v>7407</v>
      </c>
      <c r="I3649" s="7">
        <v>3.4596946000000002</v>
      </c>
      <c r="J3649" s="8">
        <v>-76.532084799999893</v>
      </c>
    </row>
    <row r="3650" spans="1:10" x14ac:dyDescent="0.35">
      <c r="A3650" s="5" t="s">
        <v>10</v>
      </c>
      <c r="B3650" s="6">
        <v>233962</v>
      </c>
      <c r="C3650" s="6" t="s">
        <v>68</v>
      </c>
      <c r="D3650" s="6" t="s">
        <v>69</v>
      </c>
      <c r="E3650" s="6">
        <v>11001</v>
      </c>
      <c r="F3650" s="6" t="s">
        <v>18</v>
      </c>
      <c r="G3650" s="6" t="s">
        <v>7408</v>
      </c>
      <c r="H3650" s="6" t="s">
        <v>7409</v>
      </c>
      <c r="I3650" s="7">
        <v>4.5846184000000001</v>
      </c>
      <c r="J3650" s="8">
        <v>-74.093557500000003</v>
      </c>
    </row>
    <row r="3651" spans="1:10" x14ac:dyDescent="0.35">
      <c r="A3651" s="5" t="s">
        <v>10</v>
      </c>
      <c r="B3651" s="6">
        <v>226397</v>
      </c>
      <c r="C3651" s="6" t="s">
        <v>190</v>
      </c>
      <c r="D3651" s="6" t="s">
        <v>191</v>
      </c>
      <c r="E3651" s="6">
        <v>5001</v>
      </c>
      <c r="F3651" s="6" t="s">
        <v>13</v>
      </c>
      <c r="G3651" s="6" t="s">
        <v>3737</v>
      </c>
      <c r="H3651" s="6" t="s">
        <v>7410</v>
      </c>
      <c r="I3651" s="7">
        <v>6.2554163999999997</v>
      </c>
      <c r="J3651" s="8">
        <v>-75.563932499999893</v>
      </c>
    </row>
    <row r="3652" spans="1:10" x14ac:dyDescent="0.35">
      <c r="A3652" s="5" t="s">
        <v>10</v>
      </c>
      <c r="B3652" s="6">
        <v>226280</v>
      </c>
      <c r="C3652" s="6" t="s">
        <v>68</v>
      </c>
      <c r="D3652" s="6" t="s">
        <v>69</v>
      </c>
      <c r="E3652" s="6">
        <v>11001</v>
      </c>
      <c r="F3652" s="6" t="s">
        <v>13</v>
      </c>
      <c r="G3652" s="6" t="s">
        <v>3737</v>
      </c>
      <c r="H3652" s="6" t="s">
        <v>7411</v>
      </c>
      <c r="I3652" s="7">
        <v>4.6041964999999996</v>
      </c>
      <c r="J3652" s="8">
        <v>-74.0721384</v>
      </c>
    </row>
    <row r="3653" spans="1:10" x14ac:dyDescent="0.35">
      <c r="A3653" s="5" t="s">
        <v>10</v>
      </c>
      <c r="B3653" s="6">
        <v>226350</v>
      </c>
      <c r="C3653" s="6" t="s">
        <v>551</v>
      </c>
      <c r="D3653" s="6" t="s">
        <v>3868</v>
      </c>
      <c r="E3653" s="6">
        <v>20001</v>
      </c>
      <c r="F3653" s="6" t="s">
        <v>13</v>
      </c>
      <c r="G3653" s="6" t="s">
        <v>3737</v>
      </c>
      <c r="H3653" s="6" t="s">
        <v>7412</v>
      </c>
      <c r="I3653" s="7">
        <v>10.4597812</v>
      </c>
      <c r="J3653" s="8">
        <v>-73.265442100000001</v>
      </c>
    </row>
    <row r="3654" spans="1:10" x14ac:dyDescent="0.35">
      <c r="A3654" s="5" t="s">
        <v>10</v>
      </c>
      <c r="B3654" s="6">
        <v>226227</v>
      </c>
      <c r="C3654" s="6" t="s">
        <v>117</v>
      </c>
      <c r="D3654" s="6" t="s">
        <v>1334</v>
      </c>
      <c r="E3654" s="6">
        <v>76001</v>
      </c>
      <c r="F3654" s="6" t="s">
        <v>13</v>
      </c>
      <c r="G3654" s="6" t="s">
        <v>3737</v>
      </c>
      <c r="H3654" s="6" t="s">
        <v>7413</v>
      </c>
      <c r="I3654" s="7">
        <v>3.4487374000000002</v>
      </c>
      <c r="J3654" s="8">
        <v>-76.500405799999996</v>
      </c>
    </row>
    <row r="3655" spans="1:10" x14ac:dyDescent="0.35">
      <c r="A3655" s="5" t="s">
        <v>10</v>
      </c>
      <c r="B3655" s="6">
        <v>226396</v>
      </c>
      <c r="C3655" s="6" t="s">
        <v>190</v>
      </c>
      <c r="D3655" s="6" t="s">
        <v>191</v>
      </c>
      <c r="E3655" s="6">
        <v>5001</v>
      </c>
      <c r="F3655" s="6" t="s">
        <v>13</v>
      </c>
      <c r="G3655" s="6" t="s">
        <v>3737</v>
      </c>
      <c r="H3655" s="6" t="s">
        <v>7414</v>
      </c>
      <c r="I3655" s="7">
        <v>6.2895424000000002</v>
      </c>
      <c r="J3655" s="8">
        <v>-75.5691317</v>
      </c>
    </row>
    <row r="3656" spans="1:10" x14ac:dyDescent="0.35">
      <c r="A3656" s="5" t="s">
        <v>10</v>
      </c>
      <c r="B3656" s="6">
        <v>226064</v>
      </c>
      <c r="C3656" s="6" t="s">
        <v>16</v>
      </c>
      <c r="D3656" s="6" t="s">
        <v>78</v>
      </c>
      <c r="E3656" s="6">
        <v>68001</v>
      </c>
      <c r="F3656" s="6" t="s">
        <v>18</v>
      </c>
      <c r="G3656" s="6" t="s">
        <v>7415</v>
      </c>
      <c r="H3656" s="6" t="s">
        <v>7416</v>
      </c>
      <c r="I3656" s="7">
        <v>7.0915406999999897</v>
      </c>
      <c r="J3656" s="8">
        <v>-73.112479299999904</v>
      </c>
    </row>
    <row r="3657" spans="1:10" x14ac:dyDescent="0.35">
      <c r="A3657" s="5" t="s">
        <v>10</v>
      </c>
      <c r="B3657" s="6">
        <v>243289</v>
      </c>
      <c r="C3657" s="6" t="s">
        <v>551</v>
      </c>
      <c r="D3657" s="6" t="s">
        <v>977</v>
      </c>
      <c r="E3657" s="6">
        <v>20011</v>
      </c>
      <c r="F3657" s="6" t="s">
        <v>18</v>
      </c>
      <c r="G3657" s="6" t="s">
        <v>7417</v>
      </c>
      <c r="H3657" s="6" t="s">
        <v>7418</v>
      </c>
      <c r="I3657" s="7">
        <v>8.310886</v>
      </c>
      <c r="J3657" s="8">
        <v>-73.620445000000004</v>
      </c>
    </row>
    <row r="3658" spans="1:10" x14ac:dyDescent="0.35">
      <c r="A3658" s="5" t="s">
        <v>10</v>
      </c>
      <c r="B3658" s="6">
        <v>237642</v>
      </c>
      <c r="C3658" s="6" t="s">
        <v>278</v>
      </c>
      <c r="D3658" s="6" t="s">
        <v>2421</v>
      </c>
      <c r="E3658" s="6">
        <v>50573</v>
      </c>
      <c r="F3658" s="6" t="s">
        <v>18</v>
      </c>
      <c r="G3658" s="6" t="s">
        <v>7419</v>
      </c>
      <c r="H3658" s="6" t="s">
        <v>7420</v>
      </c>
      <c r="I3658" s="7">
        <v>4.0913539999999999</v>
      </c>
      <c r="J3658" s="8">
        <v>-72.955917999999997</v>
      </c>
    </row>
    <row r="3659" spans="1:10" x14ac:dyDescent="0.35">
      <c r="A3659" s="5" t="s">
        <v>10</v>
      </c>
      <c r="B3659" s="6">
        <v>227435</v>
      </c>
      <c r="C3659" s="6" t="s">
        <v>2130</v>
      </c>
      <c r="D3659" s="6" t="s">
        <v>4241</v>
      </c>
      <c r="E3659" s="6">
        <v>85430</v>
      </c>
      <c r="F3659" s="6" t="s">
        <v>18</v>
      </c>
      <c r="G3659" s="6" t="s">
        <v>7421</v>
      </c>
      <c r="H3659" s="6" t="s">
        <v>7422</v>
      </c>
      <c r="I3659" s="7">
        <v>5.4097435999999997</v>
      </c>
      <c r="J3659" s="8">
        <v>-71.662543499999998</v>
      </c>
    </row>
    <row r="3660" spans="1:10" x14ac:dyDescent="0.35">
      <c r="A3660" s="5" t="s">
        <v>10</v>
      </c>
      <c r="B3660" s="6">
        <v>230520</v>
      </c>
      <c r="C3660" s="6" t="s">
        <v>11</v>
      </c>
      <c r="D3660" s="6" t="s">
        <v>334</v>
      </c>
      <c r="E3660" s="6">
        <v>25754</v>
      </c>
      <c r="F3660" s="6" t="s">
        <v>18</v>
      </c>
      <c r="G3660" s="6" t="s">
        <v>7423</v>
      </c>
      <c r="H3660" s="6" t="s">
        <v>7424</v>
      </c>
      <c r="I3660" s="7">
        <v>4.5876469999999996</v>
      </c>
      <c r="J3660" s="8">
        <v>-74.192835599999995</v>
      </c>
    </row>
    <row r="3661" spans="1:10" x14ac:dyDescent="0.35">
      <c r="A3661" s="5" t="s">
        <v>10</v>
      </c>
      <c r="B3661" s="6">
        <v>236009</v>
      </c>
      <c r="C3661" s="6" t="s">
        <v>11</v>
      </c>
      <c r="D3661" s="6" t="s">
        <v>3651</v>
      </c>
      <c r="E3661" s="6">
        <v>25312</v>
      </c>
      <c r="F3661" s="6" t="s">
        <v>18</v>
      </c>
      <c r="G3661" s="6" t="s">
        <v>7425</v>
      </c>
      <c r="H3661" s="6" t="s">
        <v>7426</v>
      </c>
      <c r="I3661" s="7">
        <v>4.5195239000000003</v>
      </c>
      <c r="J3661" s="8">
        <v>-74.350811899999997</v>
      </c>
    </row>
    <row r="3662" spans="1:10" x14ac:dyDescent="0.35">
      <c r="A3662" s="5" t="s">
        <v>10</v>
      </c>
      <c r="B3662" s="6">
        <v>243207</v>
      </c>
      <c r="C3662" s="6" t="s">
        <v>11</v>
      </c>
      <c r="D3662" s="6" t="s">
        <v>159</v>
      </c>
      <c r="E3662" s="6">
        <v>25175</v>
      </c>
      <c r="F3662" s="6" t="s">
        <v>18</v>
      </c>
      <c r="G3662" s="6" t="s">
        <v>7427</v>
      </c>
      <c r="H3662" s="6" t="s">
        <v>7428</v>
      </c>
      <c r="I3662" s="7">
        <v>4.8688449</v>
      </c>
      <c r="J3662" s="8">
        <v>-74.042328299999994</v>
      </c>
    </row>
    <row r="3663" spans="1:10" x14ac:dyDescent="0.35">
      <c r="A3663" s="5" t="s">
        <v>10</v>
      </c>
      <c r="B3663" s="6">
        <v>234205</v>
      </c>
      <c r="C3663" s="6" t="s">
        <v>117</v>
      </c>
      <c r="D3663" s="6" t="s">
        <v>1334</v>
      </c>
      <c r="E3663" s="6">
        <v>76001</v>
      </c>
      <c r="F3663" s="6" t="s">
        <v>18</v>
      </c>
      <c r="G3663" s="6" t="s">
        <v>7429</v>
      </c>
      <c r="H3663" s="6" t="s">
        <v>7430</v>
      </c>
      <c r="I3663" s="7">
        <v>3.4253201999999998</v>
      </c>
      <c r="J3663" s="8">
        <v>-76.516046299999999</v>
      </c>
    </row>
    <row r="3664" spans="1:10" x14ac:dyDescent="0.35">
      <c r="A3664" s="5" t="s">
        <v>10</v>
      </c>
      <c r="B3664" s="6">
        <v>210375</v>
      </c>
      <c r="C3664" s="6" t="s">
        <v>68</v>
      </c>
      <c r="D3664" s="6" t="s">
        <v>69</v>
      </c>
      <c r="E3664" s="6">
        <v>11001</v>
      </c>
      <c r="F3664" s="6" t="s">
        <v>18</v>
      </c>
      <c r="G3664" s="6" t="s">
        <v>7431</v>
      </c>
      <c r="H3664" s="6" t="s">
        <v>7432</v>
      </c>
      <c r="I3664" s="7">
        <v>4.5918994999999896</v>
      </c>
      <c r="J3664" s="8">
        <v>-74.1726922</v>
      </c>
    </row>
    <row r="3665" spans="1:10" x14ac:dyDescent="0.35">
      <c r="A3665" s="5" t="s">
        <v>10</v>
      </c>
      <c r="B3665" s="6">
        <v>224688</v>
      </c>
      <c r="C3665" s="6" t="s">
        <v>68</v>
      </c>
      <c r="D3665" s="6" t="s">
        <v>69</v>
      </c>
      <c r="E3665" s="6">
        <v>11001</v>
      </c>
      <c r="F3665" s="6" t="s">
        <v>18</v>
      </c>
      <c r="G3665" s="6" t="s">
        <v>7433</v>
      </c>
      <c r="H3665" s="6" t="s">
        <v>7434</v>
      </c>
      <c r="I3665" s="7">
        <v>4.5594197999999997</v>
      </c>
      <c r="J3665" s="8">
        <v>-74.118922599999905</v>
      </c>
    </row>
    <row r="3666" spans="1:10" x14ac:dyDescent="0.35">
      <c r="A3666" s="5" t="s">
        <v>10</v>
      </c>
      <c r="B3666" s="6">
        <v>226378</v>
      </c>
      <c r="C3666" s="6" t="s">
        <v>190</v>
      </c>
      <c r="D3666" s="6" t="s">
        <v>438</v>
      </c>
      <c r="E3666" s="6">
        <v>5045</v>
      </c>
      <c r="F3666" s="6" t="s">
        <v>13</v>
      </c>
      <c r="G3666" s="6" t="s">
        <v>3737</v>
      </c>
      <c r="H3666" s="6" t="s">
        <v>7435</v>
      </c>
      <c r="I3666" s="7">
        <v>7.87981</v>
      </c>
      <c r="J3666" s="8">
        <v>-76.633277999999905</v>
      </c>
    </row>
    <row r="3667" spans="1:10" x14ac:dyDescent="0.35">
      <c r="A3667" s="5" t="s">
        <v>10</v>
      </c>
      <c r="B3667" s="6">
        <v>230469</v>
      </c>
      <c r="C3667" s="6" t="s">
        <v>24</v>
      </c>
      <c r="D3667" s="6" t="s">
        <v>137</v>
      </c>
      <c r="E3667" s="6">
        <v>15238</v>
      </c>
      <c r="F3667" s="6" t="s">
        <v>18</v>
      </c>
      <c r="G3667" s="6" t="s">
        <v>7436</v>
      </c>
      <c r="H3667" s="6" t="s">
        <v>7437</v>
      </c>
      <c r="I3667" s="7">
        <v>5.8295434000000004</v>
      </c>
      <c r="J3667" s="8">
        <v>-73.050189000000003</v>
      </c>
    </row>
    <row r="3668" spans="1:10" x14ac:dyDescent="0.35">
      <c r="A3668" s="5" t="s">
        <v>10</v>
      </c>
      <c r="B3668" s="6">
        <v>234285</v>
      </c>
      <c r="C3668" s="6" t="s">
        <v>551</v>
      </c>
      <c r="D3668" s="6" t="s">
        <v>3868</v>
      </c>
      <c r="E3668" s="6">
        <v>20001</v>
      </c>
      <c r="F3668" s="6" t="s">
        <v>18</v>
      </c>
      <c r="G3668" s="6" t="s">
        <v>7438</v>
      </c>
      <c r="H3668" s="6" t="s">
        <v>7439</v>
      </c>
      <c r="I3668" s="7">
        <v>10.4946737</v>
      </c>
      <c r="J3668" s="8">
        <v>-73.268300699999998</v>
      </c>
    </row>
    <row r="3669" spans="1:10" x14ac:dyDescent="0.35">
      <c r="A3669" s="5" t="s">
        <v>10</v>
      </c>
      <c r="B3669" s="6">
        <v>231981</v>
      </c>
      <c r="C3669" s="6" t="s">
        <v>294</v>
      </c>
      <c r="D3669" s="6" t="s">
        <v>3557</v>
      </c>
      <c r="E3669" s="6">
        <v>41319</v>
      </c>
      <c r="F3669" s="6" t="s">
        <v>18</v>
      </c>
      <c r="G3669" s="6" t="s">
        <v>7440</v>
      </c>
      <c r="H3669" s="6" t="s">
        <v>7441</v>
      </c>
      <c r="I3669" s="7">
        <v>2.0238597</v>
      </c>
      <c r="J3669" s="8">
        <v>-75.754183699999999</v>
      </c>
    </row>
    <row r="3670" spans="1:10" x14ac:dyDescent="0.35">
      <c r="A3670" s="5" t="s">
        <v>10</v>
      </c>
      <c r="B3670" s="6">
        <v>206748</v>
      </c>
      <c r="C3670" s="6" t="s">
        <v>11</v>
      </c>
      <c r="D3670" s="6" t="s">
        <v>857</v>
      </c>
      <c r="E3670" s="6">
        <v>25758</v>
      </c>
      <c r="F3670" s="6" t="s">
        <v>18</v>
      </c>
      <c r="G3670" s="6" t="s">
        <v>7442</v>
      </c>
      <c r="H3670" s="6" t="s">
        <v>7443</v>
      </c>
      <c r="I3670" s="7">
        <v>4.8081461000000001</v>
      </c>
      <c r="J3670" s="8">
        <v>-74.3529269</v>
      </c>
    </row>
    <row r="3671" spans="1:10" x14ac:dyDescent="0.35">
      <c r="A3671" s="5" t="s">
        <v>10</v>
      </c>
      <c r="B3671" s="6">
        <v>225018</v>
      </c>
      <c r="C3671" s="6" t="s">
        <v>11</v>
      </c>
      <c r="D3671" s="6" t="s">
        <v>12</v>
      </c>
      <c r="E3671" s="6">
        <v>25899</v>
      </c>
      <c r="F3671" s="6" t="s">
        <v>18</v>
      </c>
      <c r="G3671" s="6" t="s">
        <v>7444</v>
      </c>
      <c r="H3671" s="6" t="s">
        <v>7445</v>
      </c>
      <c r="I3671" s="7">
        <v>5.0315586999999997</v>
      </c>
      <c r="J3671" s="8">
        <v>-73.998943299999993</v>
      </c>
    </row>
    <row r="3672" spans="1:10" x14ac:dyDescent="0.35">
      <c r="A3672" s="5" t="s">
        <v>10</v>
      </c>
      <c r="B3672" s="6">
        <v>235957</v>
      </c>
      <c r="C3672" s="6" t="s">
        <v>11</v>
      </c>
      <c r="D3672" s="6" t="s">
        <v>857</v>
      </c>
      <c r="E3672" s="6">
        <v>25758</v>
      </c>
      <c r="F3672" s="6" t="s">
        <v>18</v>
      </c>
      <c r="G3672" s="6" t="s">
        <v>7446</v>
      </c>
      <c r="H3672" s="6" t="s">
        <v>7447</v>
      </c>
      <c r="I3672" s="7">
        <v>4.9086505999999996</v>
      </c>
      <c r="J3672" s="8">
        <v>-73.941453600000003</v>
      </c>
    </row>
    <row r="3673" spans="1:10" x14ac:dyDescent="0.35">
      <c r="A3673" s="5" t="s">
        <v>10</v>
      </c>
      <c r="B3673" s="6">
        <v>248637</v>
      </c>
      <c r="C3673" s="6" t="s">
        <v>11</v>
      </c>
      <c r="D3673" s="6" t="s">
        <v>334</v>
      </c>
      <c r="E3673" s="6">
        <v>25754</v>
      </c>
      <c r="F3673" s="6" t="s">
        <v>18</v>
      </c>
      <c r="G3673" s="6" t="s">
        <v>7448</v>
      </c>
      <c r="H3673" s="6" t="s">
        <v>7449</v>
      </c>
      <c r="I3673" s="7">
        <v>4.5889024000000003</v>
      </c>
      <c r="J3673" s="8">
        <v>-74.208445800000007</v>
      </c>
    </row>
    <row r="3674" spans="1:10" x14ac:dyDescent="0.35">
      <c r="A3674" s="5" t="s">
        <v>10</v>
      </c>
      <c r="B3674" s="6">
        <v>235065</v>
      </c>
      <c r="C3674" s="6" t="s">
        <v>11</v>
      </c>
      <c r="D3674" s="6" t="s">
        <v>337</v>
      </c>
      <c r="E3674" s="6">
        <v>25290</v>
      </c>
      <c r="F3674" s="6" t="s">
        <v>18</v>
      </c>
      <c r="G3674" s="6" t="s">
        <v>7450</v>
      </c>
      <c r="H3674" s="6" t="s">
        <v>7451</v>
      </c>
      <c r="I3674" s="7">
        <v>4.3344585000000002</v>
      </c>
      <c r="J3674" s="8">
        <v>-74.360189000000005</v>
      </c>
    </row>
    <row r="3675" spans="1:10" x14ac:dyDescent="0.35">
      <c r="A3675" s="5" t="s">
        <v>10</v>
      </c>
      <c r="B3675" s="6">
        <v>212547</v>
      </c>
      <c r="C3675" s="6" t="s">
        <v>117</v>
      </c>
      <c r="D3675" s="6" t="s">
        <v>4637</v>
      </c>
      <c r="E3675" s="6">
        <v>76275</v>
      </c>
      <c r="F3675" s="6" t="s">
        <v>18</v>
      </c>
      <c r="G3675" s="6" t="s">
        <v>7452</v>
      </c>
      <c r="H3675" s="6" t="s">
        <v>7453</v>
      </c>
      <c r="I3675" s="7">
        <v>3.3274124</v>
      </c>
      <c r="J3675" s="8">
        <v>-76.238728100000003</v>
      </c>
    </row>
    <row r="3676" spans="1:10" x14ac:dyDescent="0.35">
      <c r="A3676" s="5" t="s">
        <v>10</v>
      </c>
      <c r="B3676" s="6">
        <v>231839</v>
      </c>
      <c r="C3676" s="6" t="s">
        <v>68</v>
      </c>
      <c r="D3676" s="6" t="s">
        <v>69</v>
      </c>
      <c r="E3676" s="6">
        <v>11001</v>
      </c>
      <c r="F3676" s="6" t="s">
        <v>18</v>
      </c>
      <c r="G3676" s="6" t="s">
        <v>7454</v>
      </c>
      <c r="H3676" s="6" t="s">
        <v>7455</v>
      </c>
      <c r="I3676" s="7">
        <v>4.6139570000000001</v>
      </c>
      <c r="J3676" s="8">
        <v>-74.195892999999998</v>
      </c>
    </row>
    <row r="3677" spans="1:10" x14ac:dyDescent="0.35">
      <c r="A3677" s="5" t="s">
        <v>10</v>
      </c>
      <c r="B3677" s="6">
        <v>226244</v>
      </c>
      <c r="C3677" s="6" t="s">
        <v>117</v>
      </c>
      <c r="D3677" s="6" t="s">
        <v>1334</v>
      </c>
      <c r="E3677" s="6">
        <v>76001</v>
      </c>
      <c r="F3677" s="6" t="s">
        <v>13</v>
      </c>
      <c r="G3677" s="6" t="s">
        <v>3737</v>
      </c>
      <c r="H3677" s="6" t="s">
        <v>7456</v>
      </c>
      <c r="I3677" s="7">
        <v>3.4273441999999998</v>
      </c>
      <c r="J3677" s="8">
        <v>-76.477307099999905</v>
      </c>
    </row>
    <row r="3678" spans="1:10" x14ac:dyDescent="0.35">
      <c r="A3678" s="5" t="s">
        <v>10</v>
      </c>
      <c r="B3678" s="6">
        <v>233537</v>
      </c>
      <c r="C3678" s="6" t="s">
        <v>294</v>
      </c>
      <c r="D3678" s="6" t="s">
        <v>703</v>
      </c>
      <c r="E3678" s="6">
        <v>41001</v>
      </c>
      <c r="F3678" s="6" t="s">
        <v>18</v>
      </c>
      <c r="G3678" s="6" t="s">
        <v>7457</v>
      </c>
      <c r="H3678" s="6" t="s">
        <v>7458</v>
      </c>
      <c r="I3678" s="7">
        <v>2.9650599999999998</v>
      </c>
      <c r="J3678" s="8">
        <v>-75.295770000000005</v>
      </c>
    </row>
    <row r="3679" spans="1:10" x14ac:dyDescent="0.35">
      <c r="A3679" s="5" t="s">
        <v>10</v>
      </c>
      <c r="B3679" s="6">
        <v>205159</v>
      </c>
      <c r="C3679" s="6" t="s">
        <v>11</v>
      </c>
      <c r="D3679" s="6" t="s">
        <v>513</v>
      </c>
      <c r="E3679" s="6">
        <v>25286</v>
      </c>
      <c r="F3679" s="6" t="s">
        <v>18</v>
      </c>
      <c r="G3679" s="6" t="s">
        <v>7459</v>
      </c>
      <c r="H3679" s="6" t="s">
        <v>7460</v>
      </c>
      <c r="I3679" s="7">
        <v>4.7176676999999998</v>
      </c>
      <c r="J3679" s="8">
        <v>-74.211874100000003</v>
      </c>
    </row>
    <row r="3680" spans="1:10" x14ac:dyDescent="0.35">
      <c r="A3680" s="5" t="s">
        <v>10</v>
      </c>
      <c r="B3680" s="6">
        <v>220902</v>
      </c>
      <c r="C3680" s="6" t="s">
        <v>11</v>
      </c>
      <c r="D3680" s="6" t="s">
        <v>407</v>
      </c>
      <c r="E3680" s="6">
        <v>25126</v>
      </c>
      <c r="F3680" s="6" t="s">
        <v>18</v>
      </c>
      <c r="G3680" s="6" t="s">
        <v>7461</v>
      </c>
      <c r="H3680" s="6" t="s">
        <v>7462</v>
      </c>
      <c r="I3680" s="7">
        <v>4.9384601999999997</v>
      </c>
      <c r="J3680" s="8">
        <v>-74.024397399999998</v>
      </c>
    </row>
    <row r="3681" spans="1:10" x14ac:dyDescent="0.35">
      <c r="A3681" s="5" t="s">
        <v>10</v>
      </c>
      <c r="B3681" s="6">
        <v>230392</v>
      </c>
      <c r="C3681" s="6" t="s">
        <v>11</v>
      </c>
      <c r="D3681" s="6" t="s">
        <v>334</v>
      </c>
      <c r="E3681" s="6">
        <v>25754</v>
      </c>
      <c r="F3681" s="6" t="s">
        <v>18</v>
      </c>
      <c r="G3681" s="6" t="s">
        <v>7463</v>
      </c>
      <c r="H3681" s="6" t="s">
        <v>7464</v>
      </c>
      <c r="I3681" s="7">
        <v>4.5713920999999997</v>
      </c>
      <c r="J3681" s="8">
        <v>-74.215164799999997</v>
      </c>
    </row>
    <row r="3682" spans="1:10" x14ac:dyDescent="0.35">
      <c r="A3682" s="5" t="s">
        <v>10</v>
      </c>
      <c r="B3682" s="6">
        <v>216038</v>
      </c>
      <c r="C3682" s="6" t="s">
        <v>11</v>
      </c>
      <c r="D3682" s="6" t="s">
        <v>12</v>
      </c>
      <c r="E3682" s="6">
        <v>25899</v>
      </c>
      <c r="F3682" s="6" t="s">
        <v>18</v>
      </c>
      <c r="G3682" s="6" t="s">
        <v>7465</v>
      </c>
      <c r="H3682" s="6" t="s">
        <v>7466</v>
      </c>
      <c r="I3682" s="7">
        <v>5.0248536000000001</v>
      </c>
      <c r="J3682" s="8">
        <v>-74.002691799999994</v>
      </c>
    </row>
    <row r="3683" spans="1:10" x14ac:dyDescent="0.35">
      <c r="A3683" s="5" t="s">
        <v>10</v>
      </c>
      <c r="B3683" s="6">
        <v>210027</v>
      </c>
      <c r="C3683" s="6" t="s">
        <v>117</v>
      </c>
      <c r="D3683" s="6" t="s">
        <v>7467</v>
      </c>
      <c r="E3683" s="6">
        <v>76126</v>
      </c>
      <c r="F3683" s="6" t="s">
        <v>18</v>
      </c>
      <c r="G3683" s="6" t="s">
        <v>7468</v>
      </c>
      <c r="H3683" s="6" t="s">
        <v>7469</v>
      </c>
      <c r="I3683" s="7">
        <v>3.9192670000000001</v>
      </c>
      <c r="J3683" s="8">
        <v>-76.595055500000001</v>
      </c>
    </row>
    <row r="3684" spans="1:10" x14ac:dyDescent="0.35">
      <c r="A3684" s="5" t="s">
        <v>10</v>
      </c>
      <c r="B3684" s="6">
        <v>212490</v>
      </c>
      <c r="C3684" s="6" t="s">
        <v>11</v>
      </c>
      <c r="D3684" s="6" t="s">
        <v>334</v>
      </c>
      <c r="E3684" s="6">
        <v>25754</v>
      </c>
      <c r="F3684" s="6" t="s">
        <v>18</v>
      </c>
      <c r="G3684" s="6" t="s">
        <v>7470</v>
      </c>
      <c r="H3684" s="6" t="s">
        <v>7471</v>
      </c>
      <c r="I3684" s="7">
        <v>4.5827226999999997</v>
      </c>
      <c r="J3684" s="8">
        <v>-74.211746499999904</v>
      </c>
    </row>
    <row r="3685" spans="1:10" x14ac:dyDescent="0.35">
      <c r="A3685" s="5" t="s">
        <v>10</v>
      </c>
      <c r="B3685" s="6">
        <v>210567</v>
      </c>
      <c r="C3685" s="6" t="s">
        <v>68</v>
      </c>
      <c r="D3685" s="6" t="s">
        <v>69</v>
      </c>
      <c r="E3685" s="6">
        <v>11001</v>
      </c>
      <c r="F3685" s="6" t="s">
        <v>18</v>
      </c>
      <c r="G3685" s="6" t="s">
        <v>7472</v>
      </c>
      <c r="H3685" s="6" t="s">
        <v>7473</v>
      </c>
      <c r="I3685" s="7">
        <v>4.5882367999999998</v>
      </c>
      <c r="J3685" s="8">
        <v>-74.078443999999905</v>
      </c>
    </row>
    <row r="3686" spans="1:10" x14ac:dyDescent="0.35">
      <c r="A3686" s="5" t="s">
        <v>10</v>
      </c>
      <c r="B3686" s="6">
        <v>219849</v>
      </c>
      <c r="C3686" s="6" t="s">
        <v>11</v>
      </c>
      <c r="D3686" s="6" t="s">
        <v>337</v>
      </c>
      <c r="E3686" s="6">
        <v>25290</v>
      </c>
      <c r="F3686" s="6" t="s">
        <v>18</v>
      </c>
      <c r="G3686" s="6" t="s">
        <v>7474</v>
      </c>
      <c r="H3686" s="6" t="s">
        <v>7475</v>
      </c>
      <c r="I3686" s="7">
        <v>4.3451519999999997</v>
      </c>
      <c r="J3686" s="8">
        <v>-74.361823000000001</v>
      </c>
    </row>
    <row r="3687" spans="1:10" x14ac:dyDescent="0.35">
      <c r="A3687" s="5" t="s">
        <v>10</v>
      </c>
      <c r="B3687" s="6">
        <v>226334</v>
      </c>
      <c r="C3687" s="6" t="s">
        <v>302</v>
      </c>
      <c r="D3687" s="6" t="s">
        <v>359</v>
      </c>
      <c r="E3687" s="6">
        <v>8001</v>
      </c>
      <c r="F3687" s="6" t="s">
        <v>13</v>
      </c>
      <c r="G3687" s="6" t="s">
        <v>3737</v>
      </c>
      <c r="H3687" s="6" t="s">
        <v>7476</v>
      </c>
      <c r="I3687" s="7">
        <v>10.990746100000001</v>
      </c>
      <c r="J3687" s="8">
        <v>-74.789146199999905</v>
      </c>
    </row>
    <row r="3688" spans="1:10" x14ac:dyDescent="0.35">
      <c r="A3688" s="5" t="s">
        <v>10</v>
      </c>
      <c r="B3688" s="6">
        <v>226329</v>
      </c>
      <c r="C3688" s="6" t="s">
        <v>302</v>
      </c>
      <c r="D3688" s="6" t="s">
        <v>359</v>
      </c>
      <c r="E3688" s="6">
        <v>8001</v>
      </c>
      <c r="F3688" s="6" t="s">
        <v>13</v>
      </c>
      <c r="G3688" s="6" t="s">
        <v>3737</v>
      </c>
      <c r="H3688" s="6" t="s">
        <v>7477</v>
      </c>
      <c r="I3688" s="7">
        <v>10.931353</v>
      </c>
      <c r="J3688" s="8">
        <v>-74.8000294</v>
      </c>
    </row>
    <row r="3689" spans="1:10" x14ac:dyDescent="0.35">
      <c r="A3689" s="5" t="s">
        <v>10</v>
      </c>
      <c r="B3689" s="6">
        <v>238901</v>
      </c>
      <c r="C3689" s="6" t="s">
        <v>366</v>
      </c>
      <c r="D3689" s="6" t="s">
        <v>7478</v>
      </c>
      <c r="E3689" s="6">
        <v>44098</v>
      </c>
      <c r="F3689" s="6" t="s">
        <v>18</v>
      </c>
      <c r="G3689" s="6" t="s">
        <v>7479</v>
      </c>
      <c r="H3689" s="6" t="s">
        <v>7480</v>
      </c>
      <c r="I3689" s="7">
        <v>10.9005321</v>
      </c>
      <c r="J3689" s="8">
        <v>-72.888203200000007</v>
      </c>
    </row>
    <row r="3690" spans="1:10" x14ac:dyDescent="0.35">
      <c r="A3690" s="5" t="s">
        <v>10</v>
      </c>
      <c r="B3690" s="6">
        <v>118499</v>
      </c>
      <c r="C3690" s="6" t="s">
        <v>24</v>
      </c>
      <c r="D3690" s="6" t="s">
        <v>7481</v>
      </c>
      <c r="E3690" s="6">
        <v>15511</v>
      </c>
      <c r="F3690" s="6" t="s">
        <v>18</v>
      </c>
      <c r="G3690" s="6" t="s">
        <v>7482</v>
      </c>
      <c r="H3690" s="6" t="s">
        <v>7483</v>
      </c>
      <c r="I3690" s="7">
        <v>5.1405744999999996</v>
      </c>
      <c r="J3690" s="8">
        <v>-73.397580399999995</v>
      </c>
    </row>
    <row r="3691" spans="1:10" x14ac:dyDescent="0.35">
      <c r="A3691" s="5" t="s">
        <v>10</v>
      </c>
      <c r="B3691" s="6">
        <v>129786</v>
      </c>
      <c r="C3691" s="6" t="s">
        <v>16</v>
      </c>
      <c r="D3691" s="6" t="s">
        <v>2825</v>
      </c>
      <c r="E3691" s="6">
        <v>68276</v>
      </c>
      <c r="F3691" s="6" t="s">
        <v>18</v>
      </c>
      <c r="G3691" s="6" t="s">
        <v>7484</v>
      </c>
      <c r="H3691" s="6" t="s">
        <v>7485</v>
      </c>
      <c r="I3691" s="7">
        <v>7.0774029000000001</v>
      </c>
      <c r="J3691" s="8">
        <v>-73.089979200000002</v>
      </c>
    </row>
    <row r="3692" spans="1:10" x14ac:dyDescent="0.35">
      <c r="A3692" s="5" t="s">
        <v>10</v>
      </c>
      <c r="B3692" s="6">
        <v>243209</v>
      </c>
      <c r="C3692" s="6" t="s">
        <v>11</v>
      </c>
      <c r="D3692" s="6" t="s">
        <v>334</v>
      </c>
      <c r="E3692" s="6">
        <v>25754</v>
      </c>
      <c r="F3692" s="6" t="s">
        <v>18</v>
      </c>
      <c r="G3692" s="6" t="s">
        <v>7486</v>
      </c>
      <c r="H3692" s="6" t="s">
        <v>7487</v>
      </c>
      <c r="I3692" s="7">
        <v>4.5830365999999998</v>
      </c>
      <c r="J3692" s="8">
        <v>-74.186036400000006</v>
      </c>
    </row>
    <row r="3693" spans="1:10" x14ac:dyDescent="0.35">
      <c r="A3693" s="5" t="s">
        <v>10</v>
      </c>
      <c r="B3693" s="6">
        <v>173348</v>
      </c>
      <c r="C3693" s="6" t="s">
        <v>11</v>
      </c>
      <c r="D3693" s="6" t="s">
        <v>337</v>
      </c>
      <c r="E3693" s="6">
        <v>25290</v>
      </c>
      <c r="F3693" s="6" t="s">
        <v>18</v>
      </c>
      <c r="G3693" s="6" t="s">
        <v>4537</v>
      </c>
      <c r="H3693" s="6" t="s">
        <v>4538</v>
      </c>
      <c r="I3693" s="7">
        <v>4.3486342000000002</v>
      </c>
      <c r="J3693" s="8">
        <v>-74.363046400000002</v>
      </c>
    </row>
    <row r="3694" spans="1:10" x14ac:dyDescent="0.35">
      <c r="A3694" s="5" t="s">
        <v>10</v>
      </c>
      <c r="B3694" s="6">
        <v>213988</v>
      </c>
      <c r="C3694" s="6" t="s">
        <v>11</v>
      </c>
      <c r="D3694" s="6" t="s">
        <v>334</v>
      </c>
      <c r="E3694" s="6">
        <v>25754</v>
      </c>
      <c r="F3694" s="6" t="s">
        <v>18</v>
      </c>
      <c r="G3694" s="6" t="s">
        <v>7488</v>
      </c>
      <c r="H3694" s="6" t="s">
        <v>7489</v>
      </c>
      <c r="I3694" s="7">
        <v>4.5655017000000004</v>
      </c>
      <c r="J3694" s="8">
        <v>-74.2318645</v>
      </c>
    </row>
    <row r="3695" spans="1:10" x14ac:dyDescent="0.35">
      <c r="A3695" s="5" t="s">
        <v>10</v>
      </c>
      <c r="B3695" s="6">
        <v>146127</v>
      </c>
      <c r="C3695" s="6" t="s">
        <v>16</v>
      </c>
      <c r="D3695" s="6" t="s">
        <v>78</v>
      </c>
      <c r="E3695" s="6">
        <v>68001</v>
      </c>
      <c r="F3695" s="6" t="s">
        <v>18</v>
      </c>
      <c r="G3695" s="6" t="s">
        <v>7490</v>
      </c>
      <c r="H3695" s="6" t="s">
        <v>7491</v>
      </c>
      <c r="I3695" s="7">
        <v>7.1359680000000001</v>
      </c>
      <c r="J3695" s="8">
        <v>-73.110173099999997</v>
      </c>
    </row>
    <row r="3696" spans="1:10" x14ac:dyDescent="0.35">
      <c r="A3696" s="5" t="s">
        <v>10</v>
      </c>
      <c r="B3696" s="6">
        <v>135266</v>
      </c>
      <c r="C3696" s="6" t="s">
        <v>68</v>
      </c>
      <c r="D3696" s="6" t="s">
        <v>69</v>
      </c>
      <c r="E3696" s="6">
        <v>11001</v>
      </c>
      <c r="F3696" s="6" t="s">
        <v>18</v>
      </c>
      <c r="G3696" s="6" t="s">
        <v>7492</v>
      </c>
      <c r="H3696" s="6" t="s">
        <v>7493</v>
      </c>
      <c r="I3696" s="7">
        <v>4.6908664999999896</v>
      </c>
      <c r="J3696" s="8">
        <v>-74.147927499999994</v>
      </c>
    </row>
    <row r="3697" spans="1:10" x14ac:dyDescent="0.35">
      <c r="A3697" s="5" t="s">
        <v>10</v>
      </c>
      <c r="B3697" s="6">
        <v>224062</v>
      </c>
      <c r="C3697" s="6" t="s">
        <v>68</v>
      </c>
      <c r="D3697" s="6" t="s">
        <v>69</v>
      </c>
      <c r="E3697" s="6">
        <v>11001</v>
      </c>
      <c r="F3697" s="6" t="s">
        <v>18</v>
      </c>
      <c r="G3697" s="6" t="s">
        <v>7494</v>
      </c>
      <c r="H3697" s="6" t="s">
        <v>7495</v>
      </c>
      <c r="I3697" s="7">
        <v>4.6269235000000002</v>
      </c>
      <c r="J3697" s="8">
        <v>-74.180788199999995</v>
      </c>
    </row>
    <row r="3698" spans="1:10" x14ac:dyDescent="0.35">
      <c r="A3698" s="5" t="s">
        <v>10</v>
      </c>
      <c r="B3698" s="6">
        <v>237158</v>
      </c>
      <c r="C3698" s="6" t="s">
        <v>68</v>
      </c>
      <c r="D3698" s="6" t="s">
        <v>69</v>
      </c>
      <c r="E3698" s="6">
        <v>11001</v>
      </c>
      <c r="F3698" s="6" t="s">
        <v>18</v>
      </c>
      <c r="G3698" s="6" t="s">
        <v>7496</v>
      </c>
      <c r="H3698" s="6" t="s">
        <v>7497</v>
      </c>
      <c r="I3698" s="7">
        <v>4.6743762000000002</v>
      </c>
      <c r="J3698" s="8">
        <v>-74.113018999999994</v>
      </c>
    </row>
    <row r="3699" spans="1:10" x14ac:dyDescent="0.35">
      <c r="A3699" s="5" t="s">
        <v>10</v>
      </c>
      <c r="B3699" s="6">
        <v>180446</v>
      </c>
      <c r="C3699" s="6" t="s">
        <v>11</v>
      </c>
      <c r="D3699" s="6" t="s">
        <v>3054</v>
      </c>
      <c r="E3699" s="6">
        <v>25269</v>
      </c>
      <c r="F3699" s="6" t="s">
        <v>18</v>
      </c>
      <c r="G3699" s="6" t="s">
        <v>7498</v>
      </c>
      <c r="H3699" s="6" t="s">
        <v>7499</v>
      </c>
      <c r="I3699" s="7">
        <v>4.8165978999999997</v>
      </c>
      <c r="J3699" s="8">
        <v>-74.350357000000002</v>
      </c>
    </row>
    <row r="3700" spans="1:10" x14ac:dyDescent="0.35">
      <c r="A3700" s="5" t="s">
        <v>10</v>
      </c>
      <c r="B3700" s="6">
        <v>202512</v>
      </c>
      <c r="C3700" s="6" t="s">
        <v>366</v>
      </c>
      <c r="D3700" s="6" t="s">
        <v>367</v>
      </c>
      <c r="E3700" s="6">
        <v>44430</v>
      </c>
      <c r="F3700" s="6" t="s">
        <v>18</v>
      </c>
      <c r="G3700" s="6" t="s">
        <v>7500</v>
      </c>
      <c r="H3700" s="6" t="s">
        <v>7501</v>
      </c>
      <c r="I3700" s="7">
        <v>11.369044000000001</v>
      </c>
      <c r="J3700" s="8">
        <v>-72.245551499999905</v>
      </c>
    </row>
    <row r="3701" spans="1:10" x14ac:dyDescent="0.35">
      <c r="A3701" s="5" t="s">
        <v>10</v>
      </c>
      <c r="B3701" s="6">
        <v>212523</v>
      </c>
      <c r="C3701" s="6" t="s">
        <v>302</v>
      </c>
      <c r="D3701" s="6" t="s">
        <v>359</v>
      </c>
      <c r="E3701" s="6">
        <v>8001</v>
      </c>
      <c r="F3701" s="6" t="s">
        <v>18</v>
      </c>
      <c r="G3701" s="6" t="s">
        <v>7502</v>
      </c>
      <c r="H3701" s="6" t="s">
        <v>7503</v>
      </c>
      <c r="I3701" s="7">
        <v>10.9354715</v>
      </c>
      <c r="J3701" s="8">
        <v>-74.805497199999905</v>
      </c>
    </row>
    <row r="3702" spans="1:10" x14ac:dyDescent="0.35">
      <c r="A3702" s="5" t="s">
        <v>10</v>
      </c>
      <c r="B3702" s="6">
        <v>235851</v>
      </c>
      <c r="C3702" s="6" t="s">
        <v>38</v>
      </c>
      <c r="D3702" s="6" t="s">
        <v>2602</v>
      </c>
      <c r="E3702" s="6">
        <v>19212</v>
      </c>
      <c r="F3702" s="6" t="s">
        <v>18</v>
      </c>
      <c r="G3702" s="6" t="s">
        <v>7504</v>
      </c>
      <c r="H3702" s="6" t="s">
        <v>7505</v>
      </c>
      <c r="I3702" s="7">
        <v>3.1743722000000001</v>
      </c>
      <c r="J3702" s="8">
        <v>-76.262217399999997</v>
      </c>
    </row>
    <row r="3703" spans="1:10" x14ac:dyDescent="0.35">
      <c r="A3703" s="5" t="s">
        <v>10</v>
      </c>
      <c r="B3703" s="6">
        <v>205012</v>
      </c>
      <c r="C3703" s="6" t="s">
        <v>16</v>
      </c>
      <c r="D3703" s="6" t="s">
        <v>1266</v>
      </c>
      <c r="E3703" s="6">
        <v>68081</v>
      </c>
      <c r="F3703" s="6" t="s">
        <v>18</v>
      </c>
      <c r="G3703" s="6" t="s">
        <v>7506</v>
      </c>
      <c r="H3703" s="6" t="s">
        <v>7507</v>
      </c>
      <c r="I3703" s="7">
        <v>7.0617084999999999</v>
      </c>
      <c r="J3703" s="8">
        <v>-73.851931899999997</v>
      </c>
    </row>
    <row r="3704" spans="1:10" x14ac:dyDescent="0.35">
      <c r="A3704" s="5" t="s">
        <v>10</v>
      </c>
      <c r="B3704" s="6">
        <v>234460</v>
      </c>
      <c r="C3704" s="6" t="s">
        <v>16</v>
      </c>
      <c r="D3704" s="6" t="s">
        <v>2825</v>
      </c>
      <c r="E3704" s="6">
        <v>68276</v>
      </c>
      <c r="F3704" s="6" t="s">
        <v>18</v>
      </c>
      <c r="G3704" s="6" t="s">
        <v>7508</v>
      </c>
      <c r="H3704" s="6" t="s">
        <v>7509</v>
      </c>
      <c r="I3704" s="7">
        <v>7.0758444999999996</v>
      </c>
      <c r="J3704" s="8">
        <v>-73.088494299999994</v>
      </c>
    </row>
    <row r="3705" spans="1:10" x14ac:dyDescent="0.35">
      <c r="A3705" s="5" t="s">
        <v>10</v>
      </c>
      <c r="B3705" s="6">
        <v>184475</v>
      </c>
      <c r="C3705" s="6" t="s">
        <v>16</v>
      </c>
      <c r="D3705" s="6" t="s">
        <v>2825</v>
      </c>
      <c r="E3705" s="6">
        <v>68276</v>
      </c>
      <c r="F3705" s="6" t="s">
        <v>18</v>
      </c>
      <c r="G3705" s="6" t="s">
        <v>7510</v>
      </c>
      <c r="H3705" s="6" t="s">
        <v>7511</v>
      </c>
      <c r="I3705" s="7">
        <v>7.0780656000000004</v>
      </c>
      <c r="J3705" s="8">
        <v>-73.103216799999998</v>
      </c>
    </row>
    <row r="3706" spans="1:10" x14ac:dyDescent="0.35">
      <c r="A3706" s="5" t="s">
        <v>10</v>
      </c>
      <c r="B3706" s="6">
        <v>208037</v>
      </c>
      <c r="C3706" s="6" t="s">
        <v>16</v>
      </c>
      <c r="D3706" s="6" t="s">
        <v>510</v>
      </c>
      <c r="E3706" s="6">
        <v>68547</v>
      </c>
      <c r="F3706" s="6" t="s">
        <v>18</v>
      </c>
      <c r="G3706" s="6" t="s">
        <v>7512</v>
      </c>
      <c r="H3706" s="6" t="s">
        <v>7513</v>
      </c>
      <c r="I3706" s="7">
        <v>6.9915390000000004</v>
      </c>
      <c r="J3706" s="8">
        <v>-73.053997999999893</v>
      </c>
    </row>
    <row r="3707" spans="1:10" x14ac:dyDescent="0.35">
      <c r="A3707" s="5" t="s">
        <v>10</v>
      </c>
      <c r="B3707" s="6">
        <v>234344</v>
      </c>
      <c r="C3707" s="6" t="s">
        <v>16</v>
      </c>
      <c r="D3707" s="6" t="s">
        <v>78</v>
      </c>
      <c r="E3707" s="6">
        <v>68001</v>
      </c>
      <c r="F3707" s="6" t="s">
        <v>18</v>
      </c>
      <c r="G3707" s="6" t="s">
        <v>7514</v>
      </c>
      <c r="H3707" s="6" t="s">
        <v>7515</v>
      </c>
      <c r="I3707" s="7">
        <v>7.1259142999999998</v>
      </c>
      <c r="J3707" s="8">
        <v>-73.112667299999998</v>
      </c>
    </row>
    <row r="3708" spans="1:10" x14ac:dyDescent="0.35">
      <c r="A3708" s="5" t="s">
        <v>10</v>
      </c>
      <c r="B3708" s="6">
        <v>189784</v>
      </c>
      <c r="C3708" s="6" t="s">
        <v>16</v>
      </c>
      <c r="D3708" s="6" t="s">
        <v>1401</v>
      </c>
      <c r="E3708" s="6">
        <v>68307</v>
      </c>
      <c r="F3708" s="6" t="s">
        <v>18</v>
      </c>
      <c r="G3708" s="6" t="s">
        <v>7516</v>
      </c>
      <c r="H3708" s="6" t="s">
        <v>7517</v>
      </c>
      <c r="I3708" s="7">
        <v>7.0582699</v>
      </c>
      <c r="J3708" s="8">
        <v>-73.161041799999893</v>
      </c>
    </row>
    <row r="3709" spans="1:10" x14ac:dyDescent="0.35">
      <c r="A3709" s="5" t="s">
        <v>10</v>
      </c>
      <c r="B3709" s="6">
        <v>210563</v>
      </c>
      <c r="C3709" s="6" t="s">
        <v>294</v>
      </c>
      <c r="D3709" s="6" t="s">
        <v>703</v>
      </c>
      <c r="E3709" s="6">
        <v>41001</v>
      </c>
      <c r="F3709" s="6" t="s">
        <v>13</v>
      </c>
      <c r="G3709" s="6" t="s">
        <v>7518</v>
      </c>
      <c r="H3709" s="6" t="s">
        <v>7519</v>
      </c>
      <c r="I3709" s="7">
        <v>2.9050967999999999</v>
      </c>
      <c r="J3709" s="8">
        <v>-75.263062000000005</v>
      </c>
    </row>
    <row r="3710" spans="1:10" x14ac:dyDescent="0.35">
      <c r="A3710" s="5" t="s">
        <v>10</v>
      </c>
      <c r="B3710" s="6">
        <v>245780</v>
      </c>
      <c r="C3710" s="6" t="s">
        <v>294</v>
      </c>
      <c r="D3710" s="6" t="s">
        <v>7520</v>
      </c>
      <c r="E3710" s="6">
        <v>41078</v>
      </c>
      <c r="F3710" s="6" t="s">
        <v>18</v>
      </c>
      <c r="G3710" s="6" t="s">
        <v>7521</v>
      </c>
      <c r="H3710" s="6" t="s">
        <v>7522</v>
      </c>
      <c r="I3710" s="7">
        <v>3.1528311000000002</v>
      </c>
      <c r="J3710" s="8">
        <v>-75.050940299999993</v>
      </c>
    </row>
    <row r="3711" spans="1:10" x14ac:dyDescent="0.35">
      <c r="A3711" s="5" t="s">
        <v>10</v>
      </c>
      <c r="B3711" s="6">
        <v>249085</v>
      </c>
      <c r="C3711" s="6" t="s">
        <v>68</v>
      </c>
      <c r="D3711" s="6" t="s">
        <v>69</v>
      </c>
      <c r="E3711" s="6">
        <v>11001</v>
      </c>
      <c r="F3711" s="6" t="s">
        <v>18</v>
      </c>
      <c r="G3711" s="6" t="s">
        <v>7523</v>
      </c>
      <c r="H3711" s="6" t="s">
        <v>7524</v>
      </c>
      <c r="I3711" s="7">
        <v>4.7450283999999998</v>
      </c>
      <c r="J3711" s="8">
        <v>-74.117607199999995</v>
      </c>
    </row>
    <row r="3712" spans="1:10" x14ac:dyDescent="0.35">
      <c r="A3712" s="5" t="s">
        <v>10</v>
      </c>
      <c r="B3712" s="6">
        <v>211567</v>
      </c>
      <c r="C3712" s="6" t="s">
        <v>2130</v>
      </c>
      <c r="D3712" s="6" t="s">
        <v>370</v>
      </c>
      <c r="E3712" s="6">
        <v>85440</v>
      </c>
      <c r="F3712" s="6" t="s">
        <v>18</v>
      </c>
      <c r="G3712" s="6" t="s">
        <v>7525</v>
      </c>
      <c r="H3712" s="6" t="s">
        <v>7526</v>
      </c>
      <c r="I3712" s="7">
        <v>4.6100544999999897</v>
      </c>
      <c r="J3712" s="8">
        <v>-72.927576299999998</v>
      </c>
    </row>
    <row r="3713" spans="1:10" x14ac:dyDescent="0.35">
      <c r="A3713" s="5" t="s">
        <v>10</v>
      </c>
      <c r="B3713" s="6">
        <v>239233</v>
      </c>
      <c r="C3713" s="6" t="s">
        <v>7527</v>
      </c>
      <c r="D3713" s="6" t="s">
        <v>7528</v>
      </c>
      <c r="E3713" s="6">
        <v>27787</v>
      </c>
      <c r="F3713" s="6" t="s">
        <v>18</v>
      </c>
      <c r="G3713" s="6" t="s">
        <v>7529</v>
      </c>
      <c r="H3713" s="6" t="s">
        <v>7530</v>
      </c>
      <c r="I3713" s="7">
        <v>5.2649419000000002</v>
      </c>
      <c r="J3713" s="8">
        <v>-76.559432999999999</v>
      </c>
    </row>
    <row r="3714" spans="1:10" x14ac:dyDescent="0.35">
      <c r="A3714" s="5" t="s">
        <v>10</v>
      </c>
      <c r="B3714" s="6">
        <v>242914</v>
      </c>
      <c r="C3714" s="6" t="s">
        <v>16</v>
      </c>
      <c r="D3714" s="6" t="s">
        <v>78</v>
      </c>
      <c r="E3714" s="6">
        <v>68001</v>
      </c>
      <c r="F3714" s="6" t="s">
        <v>18</v>
      </c>
      <c r="G3714" s="6" t="s">
        <v>7531</v>
      </c>
      <c r="H3714" s="6" t="s">
        <v>7532</v>
      </c>
      <c r="I3714" s="7">
        <v>7.1166663000000003</v>
      </c>
      <c r="J3714" s="8">
        <v>-73.115870799999996</v>
      </c>
    </row>
    <row r="3715" spans="1:10" x14ac:dyDescent="0.35">
      <c r="A3715" s="5" t="s">
        <v>10</v>
      </c>
      <c r="B3715" s="6">
        <v>242866</v>
      </c>
      <c r="C3715" s="6" t="s">
        <v>16</v>
      </c>
      <c r="D3715" s="6" t="s">
        <v>78</v>
      </c>
      <c r="E3715" s="6">
        <v>68001</v>
      </c>
      <c r="F3715" s="6" t="s">
        <v>18</v>
      </c>
      <c r="G3715" s="6" t="s">
        <v>7533</v>
      </c>
      <c r="H3715" s="6" t="s">
        <v>7534</v>
      </c>
      <c r="I3715" s="7">
        <v>7.1377063999999999</v>
      </c>
      <c r="J3715" s="8">
        <v>-73.120958299999998</v>
      </c>
    </row>
    <row r="3716" spans="1:10" x14ac:dyDescent="0.35">
      <c r="A3716" s="5" t="s">
        <v>10</v>
      </c>
      <c r="B3716" s="6">
        <v>200698</v>
      </c>
      <c r="C3716" s="6" t="s">
        <v>16</v>
      </c>
      <c r="D3716" s="6" t="s">
        <v>2825</v>
      </c>
      <c r="E3716" s="6">
        <v>68276</v>
      </c>
      <c r="F3716" s="6" t="s">
        <v>18</v>
      </c>
      <c r="G3716" s="6" t="s">
        <v>7535</v>
      </c>
      <c r="H3716" s="6" t="s">
        <v>7536</v>
      </c>
      <c r="I3716" s="7">
        <v>7.0964539999999996</v>
      </c>
      <c r="J3716" s="8">
        <v>-73.097749999999905</v>
      </c>
    </row>
    <row r="3717" spans="1:10" x14ac:dyDescent="0.35">
      <c r="A3717" s="5" t="s">
        <v>10</v>
      </c>
      <c r="B3717" s="6">
        <v>241670</v>
      </c>
      <c r="C3717" s="6" t="s">
        <v>42</v>
      </c>
      <c r="D3717" s="6" t="s">
        <v>396</v>
      </c>
      <c r="E3717" s="6">
        <v>17380</v>
      </c>
      <c r="F3717" s="6" t="s">
        <v>18</v>
      </c>
      <c r="G3717" s="6" t="s">
        <v>7537</v>
      </c>
      <c r="H3717" s="6" t="s">
        <v>7538</v>
      </c>
      <c r="I3717" s="7">
        <v>5.4420267999999998</v>
      </c>
      <c r="J3717" s="8">
        <v>-74.724953099999993</v>
      </c>
    </row>
    <row r="3718" spans="1:10" x14ac:dyDescent="0.35">
      <c r="A3718" s="5" t="s">
        <v>10</v>
      </c>
      <c r="B3718" s="6">
        <v>222549</v>
      </c>
      <c r="C3718" s="6" t="s">
        <v>61</v>
      </c>
      <c r="D3718" s="6" t="s">
        <v>259</v>
      </c>
      <c r="E3718" s="6">
        <v>63190</v>
      </c>
      <c r="F3718" s="6" t="s">
        <v>18</v>
      </c>
      <c r="G3718" s="6" t="s">
        <v>7539</v>
      </c>
      <c r="H3718" s="6" t="s">
        <v>7540</v>
      </c>
      <c r="I3718" s="7">
        <v>4.6160939999999897</v>
      </c>
      <c r="J3718" s="8">
        <v>-75.635594999999995</v>
      </c>
    </row>
    <row r="3719" spans="1:10" x14ac:dyDescent="0.35">
      <c r="A3719" s="5" t="s">
        <v>10</v>
      </c>
      <c r="B3719" s="6">
        <v>232228</v>
      </c>
      <c r="C3719" s="6" t="s">
        <v>68</v>
      </c>
      <c r="D3719" s="6" t="s">
        <v>69</v>
      </c>
      <c r="E3719" s="6">
        <v>11001</v>
      </c>
      <c r="F3719" s="6" t="s">
        <v>18</v>
      </c>
      <c r="G3719" s="6" t="s">
        <v>7541</v>
      </c>
      <c r="H3719" s="6" t="s">
        <v>7542</v>
      </c>
      <c r="I3719" s="7">
        <v>4.5660417000000004</v>
      </c>
      <c r="J3719" s="8">
        <v>-74.094108700000007</v>
      </c>
    </row>
    <row r="3720" spans="1:10" x14ac:dyDescent="0.35">
      <c r="A3720" s="5" t="s">
        <v>10</v>
      </c>
      <c r="B3720" s="6">
        <v>236905</v>
      </c>
      <c r="C3720" s="6" t="s">
        <v>117</v>
      </c>
      <c r="D3720" s="6" t="s">
        <v>1334</v>
      </c>
      <c r="E3720" s="6">
        <v>76001</v>
      </c>
      <c r="F3720" s="6" t="s">
        <v>18</v>
      </c>
      <c r="G3720" s="6" t="s">
        <v>7543</v>
      </c>
      <c r="H3720" s="6" t="s">
        <v>7544</v>
      </c>
      <c r="I3720" s="7">
        <v>3.4635779000000002</v>
      </c>
      <c r="J3720" s="8">
        <v>-76.485462799999993</v>
      </c>
    </row>
    <row r="3721" spans="1:10" x14ac:dyDescent="0.35">
      <c r="A3721" s="5" t="s">
        <v>10</v>
      </c>
      <c r="B3721" s="6">
        <v>104642</v>
      </c>
      <c r="C3721" s="6" t="s">
        <v>294</v>
      </c>
      <c r="D3721" s="6" t="s">
        <v>703</v>
      </c>
      <c r="E3721" s="6">
        <v>41001</v>
      </c>
      <c r="F3721" s="6" t="s">
        <v>18</v>
      </c>
      <c r="G3721" s="6" t="s">
        <v>7545</v>
      </c>
      <c r="H3721" s="6" t="s">
        <v>7546</v>
      </c>
      <c r="I3721" s="7">
        <v>2.9453163</v>
      </c>
      <c r="J3721" s="8">
        <v>-75.238058100000003</v>
      </c>
    </row>
    <row r="3722" spans="1:10" x14ac:dyDescent="0.35">
      <c r="A3722" s="5" t="s">
        <v>10</v>
      </c>
      <c r="B3722" s="6">
        <v>178933</v>
      </c>
      <c r="C3722" s="6" t="s">
        <v>294</v>
      </c>
      <c r="D3722" s="6" t="s">
        <v>703</v>
      </c>
      <c r="E3722" s="6">
        <v>41001</v>
      </c>
      <c r="F3722" s="6" t="s">
        <v>18</v>
      </c>
      <c r="G3722" s="6" t="s">
        <v>7547</v>
      </c>
      <c r="H3722" s="6" t="s">
        <v>7548</v>
      </c>
      <c r="I3722" s="7">
        <v>2.9566940000000002</v>
      </c>
      <c r="J3722" s="8">
        <v>-75.282336200000003</v>
      </c>
    </row>
    <row r="3723" spans="1:10" x14ac:dyDescent="0.35">
      <c r="A3723" s="5" t="s">
        <v>10</v>
      </c>
      <c r="B3723" s="6">
        <v>139042</v>
      </c>
      <c r="C3723" s="6" t="s">
        <v>294</v>
      </c>
      <c r="D3723" s="6" t="s">
        <v>703</v>
      </c>
      <c r="E3723" s="6">
        <v>41001</v>
      </c>
      <c r="F3723" s="6" t="s">
        <v>18</v>
      </c>
      <c r="G3723" s="6" t="s">
        <v>7549</v>
      </c>
      <c r="H3723" s="6" t="s">
        <v>7550</v>
      </c>
      <c r="I3723" s="7">
        <v>2.9382036</v>
      </c>
      <c r="J3723" s="8">
        <v>-75.293167499999996</v>
      </c>
    </row>
    <row r="3724" spans="1:10" x14ac:dyDescent="0.35">
      <c r="A3724" s="5" t="s">
        <v>10</v>
      </c>
      <c r="B3724" s="6">
        <v>234096</v>
      </c>
      <c r="C3724" s="6" t="s">
        <v>68</v>
      </c>
      <c r="D3724" s="6" t="s">
        <v>69</v>
      </c>
      <c r="E3724" s="6">
        <v>11001</v>
      </c>
      <c r="F3724" s="6" t="s">
        <v>18</v>
      </c>
      <c r="G3724" s="6" t="s">
        <v>7551</v>
      </c>
      <c r="H3724" s="6" t="s">
        <v>7552</v>
      </c>
      <c r="I3724" s="7">
        <v>4.6380828999999997</v>
      </c>
      <c r="J3724" s="8">
        <v>-74.166951499999996</v>
      </c>
    </row>
    <row r="3725" spans="1:10" x14ac:dyDescent="0.35">
      <c r="A3725" s="5" t="s">
        <v>10</v>
      </c>
      <c r="B3725" s="6">
        <v>241363</v>
      </c>
      <c r="C3725" s="6" t="s">
        <v>302</v>
      </c>
      <c r="D3725" s="6" t="s">
        <v>359</v>
      </c>
      <c r="E3725" s="6">
        <v>8001</v>
      </c>
      <c r="F3725" s="6" t="s">
        <v>18</v>
      </c>
      <c r="G3725" s="6" t="s">
        <v>7553</v>
      </c>
      <c r="H3725" s="6" t="s">
        <v>7554</v>
      </c>
      <c r="I3725" s="7">
        <v>10.957245800000001</v>
      </c>
      <c r="J3725" s="8">
        <v>-74.774051299999996</v>
      </c>
    </row>
    <row r="3726" spans="1:10" x14ac:dyDescent="0.35">
      <c r="A3726" s="5" t="s">
        <v>10</v>
      </c>
      <c r="B3726" s="6">
        <v>229328</v>
      </c>
      <c r="C3726" s="6" t="s">
        <v>366</v>
      </c>
      <c r="D3726" s="6" t="s">
        <v>7555</v>
      </c>
      <c r="E3726" s="6">
        <v>44078</v>
      </c>
      <c r="F3726" s="6" t="s">
        <v>18</v>
      </c>
      <c r="G3726" s="6" t="s">
        <v>7556</v>
      </c>
      <c r="H3726" s="6" t="s">
        <v>7557</v>
      </c>
      <c r="I3726" s="7">
        <v>10.950853</v>
      </c>
      <c r="J3726" s="8">
        <v>-72.794450999999995</v>
      </c>
    </row>
    <row r="3727" spans="1:10" x14ac:dyDescent="0.35">
      <c r="A3727" s="5" t="s">
        <v>10</v>
      </c>
      <c r="B3727" s="6">
        <v>215495</v>
      </c>
      <c r="C3727" s="6" t="s">
        <v>16</v>
      </c>
      <c r="D3727" s="6" t="s">
        <v>78</v>
      </c>
      <c r="E3727" s="6">
        <v>68001</v>
      </c>
      <c r="F3727" s="6" t="s">
        <v>18</v>
      </c>
      <c r="G3727" s="6" t="s">
        <v>7558</v>
      </c>
      <c r="H3727" s="6" t="s">
        <v>7559</v>
      </c>
      <c r="I3727" s="7">
        <v>7.1100165999999998</v>
      </c>
      <c r="J3727" s="8">
        <v>-73.120612100000002</v>
      </c>
    </row>
    <row r="3728" spans="1:10" x14ac:dyDescent="0.35">
      <c r="A3728" s="5" t="s">
        <v>10</v>
      </c>
      <c r="B3728" s="6">
        <v>192256</v>
      </c>
      <c r="C3728" s="6" t="s">
        <v>68</v>
      </c>
      <c r="D3728" s="6" t="s">
        <v>69</v>
      </c>
      <c r="E3728" s="6">
        <v>11001</v>
      </c>
      <c r="F3728" s="6" t="s">
        <v>13</v>
      </c>
      <c r="G3728" s="6" t="s">
        <v>7560</v>
      </c>
      <c r="H3728" s="6" t="s">
        <v>7561</v>
      </c>
      <c r="I3728" s="7">
        <v>4.7375695999999996</v>
      </c>
      <c r="J3728" s="8">
        <v>-74.024758899999995</v>
      </c>
    </row>
    <row r="3729" spans="1:10" x14ac:dyDescent="0.35">
      <c r="A3729" s="5" t="s">
        <v>10</v>
      </c>
      <c r="B3729" s="6">
        <v>206976</v>
      </c>
      <c r="C3729" s="6" t="s">
        <v>68</v>
      </c>
      <c r="D3729" s="6" t="s">
        <v>69</v>
      </c>
      <c r="E3729" s="6">
        <v>11001</v>
      </c>
      <c r="F3729" s="6" t="s">
        <v>13</v>
      </c>
      <c r="G3729" s="6" t="s">
        <v>7562</v>
      </c>
      <c r="H3729" s="6" t="s">
        <v>7563</v>
      </c>
      <c r="I3729" s="7">
        <v>4.6000477999999996</v>
      </c>
      <c r="J3729" s="8">
        <v>-74.156117699999996</v>
      </c>
    </row>
    <row r="3730" spans="1:10" x14ac:dyDescent="0.35">
      <c r="A3730" s="5" t="s">
        <v>10</v>
      </c>
      <c r="B3730" s="6">
        <v>207402</v>
      </c>
      <c r="C3730" s="6" t="s">
        <v>28</v>
      </c>
      <c r="D3730" s="6" t="s">
        <v>489</v>
      </c>
      <c r="E3730" s="6">
        <v>54172</v>
      </c>
      <c r="F3730" s="6" t="s">
        <v>13</v>
      </c>
      <c r="G3730" s="6" t="s">
        <v>7564</v>
      </c>
      <c r="H3730" s="6" t="s">
        <v>7565</v>
      </c>
      <c r="I3730" s="7">
        <v>7.6071073</v>
      </c>
      <c r="J3730" s="8">
        <v>-72.601631100000006</v>
      </c>
    </row>
    <row r="3731" spans="1:10" x14ac:dyDescent="0.35">
      <c r="A3731" s="5" t="s">
        <v>10</v>
      </c>
      <c r="B3731" s="6">
        <v>229416</v>
      </c>
      <c r="C3731" s="6" t="s">
        <v>68</v>
      </c>
      <c r="D3731" s="6" t="s">
        <v>69</v>
      </c>
      <c r="E3731" s="6">
        <v>11001</v>
      </c>
      <c r="F3731" s="6" t="s">
        <v>18</v>
      </c>
      <c r="G3731" s="6" t="s">
        <v>7566</v>
      </c>
      <c r="H3731" s="6" t="s">
        <v>7567</v>
      </c>
      <c r="I3731" s="7">
        <v>4.5412968999999999</v>
      </c>
      <c r="J3731" s="8">
        <v>-74.137490900000003</v>
      </c>
    </row>
    <row r="3732" spans="1:10" x14ac:dyDescent="0.35">
      <c r="A3732" s="5" t="s">
        <v>10</v>
      </c>
      <c r="B3732" s="6">
        <v>228136</v>
      </c>
      <c r="C3732" s="6" t="s">
        <v>294</v>
      </c>
      <c r="D3732" s="6" t="s">
        <v>703</v>
      </c>
      <c r="E3732" s="6">
        <v>41001</v>
      </c>
      <c r="F3732" s="6" t="s">
        <v>18</v>
      </c>
      <c r="G3732" s="6" t="s">
        <v>7568</v>
      </c>
      <c r="H3732" s="6" t="s">
        <v>7569</v>
      </c>
      <c r="I3732" s="7">
        <v>2.9550315</v>
      </c>
      <c r="J3732" s="8">
        <v>-75.285752500000001</v>
      </c>
    </row>
    <row r="3733" spans="1:10" x14ac:dyDescent="0.35">
      <c r="A3733" s="5" t="s">
        <v>10</v>
      </c>
      <c r="B3733" s="6">
        <v>224842</v>
      </c>
      <c r="C3733" s="6" t="s">
        <v>2821</v>
      </c>
      <c r="D3733" s="6" t="s">
        <v>1524</v>
      </c>
      <c r="E3733" s="6">
        <v>47318</v>
      </c>
      <c r="F3733" s="6" t="s">
        <v>18</v>
      </c>
      <c r="G3733" s="6" t="s">
        <v>7570</v>
      </c>
      <c r="H3733" s="6" t="s">
        <v>7571</v>
      </c>
      <c r="I3733" s="7">
        <v>9.1445270000000001</v>
      </c>
      <c r="J3733" s="8">
        <v>-74.226293999999996</v>
      </c>
    </row>
    <row r="3734" spans="1:10" x14ac:dyDescent="0.35">
      <c r="A3734" s="5" t="s">
        <v>10</v>
      </c>
      <c r="B3734" s="6">
        <v>237758</v>
      </c>
      <c r="C3734" s="6" t="s">
        <v>16</v>
      </c>
      <c r="D3734" s="6" t="s">
        <v>1266</v>
      </c>
      <c r="E3734" s="6">
        <v>68081</v>
      </c>
      <c r="F3734" s="6" t="s">
        <v>18</v>
      </c>
      <c r="G3734" s="6" t="s">
        <v>7572</v>
      </c>
      <c r="H3734" s="6" t="s">
        <v>7573</v>
      </c>
      <c r="I3734" s="7">
        <v>7.0651855000000001</v>
      </c>
      <c r="J3734" s="8">
        <v>-73.857949599999998</v>
      </c>
    </row>
    <row r="3735" spans="1:10" x14ac:dyDescent="0.35">
      <c r="A3735" s="5" t="s">
        <v>10</v>
      </c>
      <c r="B3735" s="6">
        <v>220088</v>
      </c>
      <c r="C3735" s="6" t="s">
        <v>16</v>
      </c>
      <c r="D3735" s="6" t="s">
        <v>2202</v>
      </c>
      <c r="E3735" s="6">
        <v>68615</v>
      </c>
      <c r="F3735" s="6" t="s">
        <v>18</v>
      </c>
      <c r="G3735" s="6" t="s">
        <v>7574</v>
      </c>
      <c r="H3735" s="6" t="s">
        <v>7575</v>
      </c>
      <c r="I3735" s="7">
        <v>7.2658312</v>
      </c>
      <c r="J3735" s="8">
        <v>-73.149390299999993</v>
      </c>
    </row>
    <row r="3736" spans="1:10" x14ac:dyDescent="0.35">
      <c r="A3736" s="5" t="s">
        <v>10</v>
      </c>
      <c r="B3736" s="6">
        <v>246191</v>
      </c>
      <c r="C3736" s="6" t="s">
        <v>68</v>
      </c>
      <c r="D3736" s="6" t="s">
        <v>69</v>
      </c>
      <c r="E3736" s="6">
        <v>11001</v>
      </c>
      <c r="F3736" s="6" t="s">
        <v>13</v>
      </c>
      <c r="G3736" s="6" t="s">
        <v>7576</v>
      </c>
      <c r="H3736" s="6" t="s">
        <v>7577</v>
      </c>
      <c r="I3736" s="7">
        <v>4.6022178147702002</v>
      </c>
      <c r="J3736" s="8">
        <v>-74.075677228836</v>
      </c>
    </row>
    <row r="3737" spans="1:10" x14ac:dyDescent="0.35">
      <c r="A3737" s="5" t="s">
        <v>10</v>
      </c>
      <c r="B3737" s="6">
        <v>232241</v>
      </c>
      <c r="C3737" s="6" t="s">
        <v>11</v>
      </c>
      <c r="D3737" s="6" t="s">
        <v>337</v>
      </c>
      <c r="E3737" s="6">
        <v>25290</v>
      </c>
      <c r="F3737" s="6" t="s">
        <v>18</v>
      </c>
      <c r="G3737" s="6" t="s">
        <v>7578</v>
      </c>
      <c r="H3737" s="6" t="s">
        <v>7579</v>
      </c>
      <c r="I3737" s="7">
        <v>4.3365099999999996</v>
      </c>
      <c r="J3737" s="8">
        <v>-74.362533999999997</v>
      </c>
    </row>
    <row r="3738" spans="1:10" x14ac:dyDescent="0.35">
      <c r="A3738" s="5" t="s">
        <v>10</v>
      </c>
      <c r="B3738" s="6">
        <v>232821</v>
      </c>
      <c r="C3738" s="6" t="s">
        <v>68</v>
      </c>
      <c r="D3738" s="6" t="s">
        <v>69</v>
      </c>
      <c r="E3738" s="6">
        <v>11001</v>
      </c>
      <c r="F3738" s="6" t="s">
        <v>18</v>
      </c>
      <c r="G3738" s="6" t="s">
        <v>7580</v>
      </c>
      <c r="H3738" s="6" t="s">
        <v>7581</v>
      </c>
      <c r="I3738" s="7">
        <v>4.6142333000000004</v>
      </c>
      <c r="J3738" s="8">
        <v>-74.126092</v>
      </c>
    </row>
    <row r="3739" spans="1:10" x14ac:dyDescent="0.35">
      <c r="A3739" s="5" t="s">
        <v>10</v>
      </c>
      <c r="B3739" s="6">
        <v>236373</v>
      </c>
      <c r="C3739" s="6" t="s">
        <v>68</v>
      </c>
      <c r="D3739" s="6" t="s">
        <v>69</v>
      </c>
      <c r="E3739" s="6">
        <v>11001</v>
      </c>
      <c r="F3739" s="6" t="s">
        <v>18</v>
      </c>
      <c r="G3739" s="6" t="s">
        <v>7582</v>
      </c>
      <c r="H3739" s="6" t="s">
        <v>7583</v>
      </c>
      <c r="I3739" s="7">
        <v>4.5793058000000002</v>
      </c>
      <c r="J3739" s="8">
        <v>-74.075267400000001</v>
      </c>
    </row>
    <row r="3740" spans="1:10" x14ac:dyDescent="0.35">
      <c r="A3740" s="5" t="s">
        <v>10</v>
      </c>
      <c r="B3740" s="6">
        <v>188528</v>
      </c>
      <c r="C3740" s="6" t="s">
        <v>68</v>
      </c>
      <c r="D3740" s="6" t="s">
        <v>69</v>
      </c>
      <c r="E3740" s="6">
        <v>11001</v>
      </c>
      <c r="F3740" s="6" t="s">
        <v>18</v>
      </c>
      <c r="G3740" s="6" t="s">
        <v>7584</v>
      </c>
      <c r="H3740" s="6" t="s">
        <v>7585</v>
      </c>
      <c r="I3740" s="7">
        <v>4.5762776000000001</v>
      </c>
      <c r="J3740" s="8">
        <v>-74.171900899999997</v>
      </c>
    </row>
    <row r="3741" spans="1:10" x14ac:dyDescent="0.35">
      <c r="A3741" s="5" t="s">
        <v>10</v>
      </c>
      <c r="B3741" s="6">
        <v>187367</v>
      </c>
      <c r="C3741" s="6" t="s">
        <v>11</v>
      </c>
      <c r="D3741" s="6" t="s">
        <v>21</v>
      </c>
      <c r="E3741" s="6">
        <v>25386</v>
      </c>
      <c r="F3741" s="6" t="s">
        <v>18</v>
      </c>
      <c r="G3741" s="6" t="s">
        <v>7586</v>
      </c>
      <c r="H3741" s="6" t="s">
        <v>7587</v>
      </c>
      <c r="I3741" s="7">
        <v>4.6321469999999998</v>
      </c>
      <c r="J3741" s="8">
        <v>-74.463014000000001</v>
      </c>
    </row>
    <row r="3742" spans="1:10" x14ac:dyDescent="0.35">
      <c r="A3742" s="5" t="s">
        <v>10</v>
      </c>
      <c r="B3742" s="6">
        <v>238034</v>
      </c>
      <c r="C3742" s="6" t="s">
        <v>366</v>
      </c>
      <c r="D3742" s="6" t="s">
        <v>367</v>
      </c>
      <c r="E3742" s="6">
        <v>44430</v>
      </c>
      <c r="F3742" s="6" t="s">
        <v>18</v>
      </c>
      <c r="G3742" s="6" t="s">
        <v>7588</v>
      </c>
      <c r="H3742" s="6" t="s">
        <v>7589</v>
      </c>
      <c r="I3742" s="7">
        <v>11.380054299999999</v>
      </c>
      <c r="J3742" s="8">
        <v>-72.242246499999993</v>
      </c>
    </row>
    <row r="3743" spans="1:10" x14ac:dyDescent="0.35">
      <c r="A3743" s="5" t="s">
        <v>10</v>
      </c>
      <c r="B3743" s="6">
        <v>244414</v>
      </c>
      <c r="C3743" s="6" t="s">
        <v>308</v>
      </c>
      <c r="D3743" s="6" t="s">
        <v>7590</v>
      </c>
      <c r="E3743" s="6">
        <v>23466</v>
      </c>
      <c r="F3743" s="6" t="s">
        <v>18</v>
      </c>
      <c r="G3743" s="6" t="s">
        <v>7591</v>
      </c>
      <c r="H3743" s="6" t="s">
        <v>7592</v>
      </c>
      <c r="I3743" s="7">
        <v>7.9776711000000002</v>
      </c>
      <c r="J3743" s="8">
        <v>-75.421726699999994</v>
      </c>
    </row>
    <row r="3744" spans="1:10" x14ac:dyDescent="0.35">
      <c r="A3744" s="5" t="s">
        <v>10</v>
      </c>
      <c r="B3744" s="6">
        <v>176464</v>
      </c>
      <c r="C3744" s="6" t="s">
        <v>302</v>
      </c>
      <c r="D3744" s="6" t="s">
        <v>359</v>
      </c>
      <c r="E3744" s="6">
        <v>8001</v>
      </c>
      <c r="F3744" s="6" t="s">
        <v>18</v>
      </c>
      <c r="G3744" s="6" t="s">
        <v>7593</v>
      </c>
      <c r="H3744" s="6" t="s">
        <v>7594</v>
      </c>
      <c r="I3744" s="7">
        <v>10.9561262</v>
      </c>
      <c r="J3744" s="8">
        <v>-74.854352199999994</v>
      </c>
    </row>
    <row r="3745" spans="1:10" x14ac:dyDescent="0.35">
      <c r="A3745" s="5" t="s">
        <v>10</v>
      </c>
      <c r="B3745" s="6">
        <v>184916</v>
      </c>
      <c r="C3745" s="6" t="s">
        <v>16</v>
      </c>
      <c r="D3745" s="6" t="s">
        <v>2825</v>
      </c>
      <c r="E3745" s="6">
        <v>68276</v>
      </c>
      <c r="F3745" s="6" t="s">
        <v>18</v>
      </c>
      <c r="G3745" s="6" t="s">
        <v>7595</v>
      </c>
      <c r="H3745" s="6" t="s">
        <v>7596</v>
      </c>
      <c r="I3745" s="7">
        <v>7.0758353999999999</v>
      </c>
      <c r="J3745" s="8">
        <v>-73.103968899999998</v>
      </c>
    </row>
    <row r="3746" spans="1:10" x14ac:dyDescent="0.35">
      <c r="A3746" s="5" t="s">
        <v>10</v>
      </c>
      <c r="B3746" s="6">
        <v>202610</v>
      </c>
      <c r="C3746" s="6" t="s">
        <v>3788</v>
      </c>
      <c r="D3746" s="6" t="s">
        <v>3974</v>
      </c>
      <c r="E3746" s="6">
        <v>18001</v>
      </c>
      <c r="F3746" s="6" t="s">
        <v>18</v>
      </c>
      <c r="G3746" s="6" t="s">
        <v>7597</v>
      </c>
      <c r="H3746" s="6" t="s">
        <v>7598</v>
      </c>
      <c r="I3746" s="7">
        <v>1.6186545000000001</v>
      </c>
      <c r="J3746" s="8">
        <v>-75.605133600000002</v>
      </c>
    </row>
    <row r="3747" spans="1:10" x14ac:dyDescent="0.35">
      <c r="A3747" s="5" t="s">
        <v>10</v>
      </c>
      <c r="B3747" s="6">
        <v>238630</v>
      </c>
      <c r="C3747" s="6" t="s">
        <v>55</v>
      </c>
      <c r="D3747" s="6" t="s">
        <v>56</v>
      </c>
      <c r="E3747" s="6">
        <v>73001</v>
      </c>
      <c r="F3747" s="6" t="s">
        <v>18</v>
      </c>
      <c r="G3747" s="6" t="s">
        <v>7599</v>
      </c>
      <c r="H3747" s="6" t="s">
        <v>7600</v>
      </c>
      <c r="I3747" s="7">
        <v>4.4288078000000004</v>
      </c>
      <c r="J3747" s="8">
        <v>-75.212968000000004</v>
      </c>
    </row>
    <row r="3748" spans="1:10" x14ac:dyDescent="0.35">
      <c r="A3748" s="5" t="s">
        <v>10</v>
      </c>
      <c r="B3748" s="6">
        <v>219627</v>
      </c>
      <c r="C3748" s="6" t="s">
        <v>11</v>
      </c>
      <c r="D3748" s="6" t="s">
        <v>454</v>
      </c>
      <c r="E3748" s="6">
        <v>25594</v>
      </c>
      <c r="F3748" s="6" t="s">
        <v>18</v>
      </c>
      <c r="G3748" s="6" t="s">
        <v>7601</v>
      </c>
      <c r="H3748" s="6" t="s">
        <v>7602</v>
      </c>
      <c r="I3748" s="7">
        <v>4.3299799999999999</v>
      </c>
      <c r="J3748" s="8">
        <v>-73.863182999999907</v>
      </c>
    </row>
    <row r="3749" spans="1:10" x14ac:dyDescent="0.35">
      <c r="A3749" s="5" t="s">
        <v>10</v>
      </c>
      <c r="B3749" s="6">
        <v>236733</v>
      </c>
      <c r="C3749" s="6" t="s">
        <v>68</v>
      </c>
      <c r="D3749" s="6" t="s">
        <v>69</v>
      </c>
      <c r="E3749" s="6">
        <v>11001</v>
      </c>
      <c r="F3749" s="6" t="s">
        <v>18</v>
      </c>
      <c r="G3749" s="6" t="s">
        <v>7603</v>
      </c>
      <c r="H3749" s="6" t="s">
        <v>7604</v>
      </c>
      <c r="I3749" s="7">
        <v>4.5579919999999996</v>
      </c>
      <c r="J3749" s="8">
        <v>-74.107899000000003</v>
      </c>
    </row>
    <row r="3750" spans="1:10" x14ac:dyDescent="0.35">
      <c r="A3750" s="5" t="s">
        <v>10</v>
      </c>
      <c r="B3750" s="6">
        <v>173645</v>
      </c>
      <c r="C3750" s="6" t="s">
        <v>11</v>
      </c>
      <c r="D3750" s="6" t="s">
        <v>680</v>
      </c>
      <c r="E3750" s="6">
        <v>25743</v>
      </c>
      <c r="F3750" s="6" t="s">
        <v>18</v>
      </c>
      <c r="G3750" s="6" t="s">
        <v>7605</v>
      </c>
      <c r="H3750" s="6" t="s">
        <v>7606</v>
      </c>
      <c r="I3750" s="7">
        <v>4.4035900000000003</v>
      </c>
      <c r="J3750" s="8">
        <v>-74.385739999999998</v>
      </c>
    </row>
    <row r="3751" spans="1:10" x14ac:dyDescent="0.35">
      <c r="A3751" s="5" t="s">
        <v>10</v>
      </c>
      <c r="B3751" s="6">
        <v>230465</v>
      </c>
      <c r="C3751" s="6" t="s">
        <v>2821</v>
      </c>
      <c r="D3751" s="6" t="s">
        <v>1524</v>
      </c>
      <c r="E3751" s="6">
        <v>47318</v>
      </c>
      <c r="F3751" s="6" t="s">
        <v>18</v>
      </c>
      <c r="G3751" s="6" t="s">
        <v>7607</v>
      </c>
      <c r="H3751" s="6" t="s">
        <v>7608</v>
      </c>
      <c r="I3751" s="7">
        <v>9.1476395000000004</v>
      </c>
      <c r="J3751" s="8">
        <v>-74.226072500000001</v>
      </c>
    </row>
    <row r="3752" spans="1:10" x14ac:dyDescent="0.35">
      <c r="A3752" s="5" t="s">
        <v>10</v>
      </c>
      <c r="B3752" s="6">
        <v>243533</v>
      </c>
      <c r="C3752" s="6" t="s">
        <v>302</v>
      </c>
      <c r="D3752" s="6" t="s">
        <v>7609</v>
      </c>
      <c r="E3752" s="6">
        <v>8436</v>
      </c>
      <c r="F3752" s="6" t="s">
        <v>18</v>
      </c>
      <c r="G3752" s="6" t="s">
        <v>7610</v>
      </c>
      <c r="H3752" s="6" t="s">
        <v>7611</v>
      </c>
      <c r="I3752" s="7">
        <v>10.451206900000001</v>
      </c>
      <c r="J3752" s="8">
        <v>-74.958518499999997</v>
      </c>
    </row>
    <row r="3753" spans="1:10" x14ac:dyDescent="0.35">
      <c r="A3753" s="5" t="s">
        <v>10</v>
      </c>
      <c r="B3753" s="6">
        <v>156630</v>
      </c>
      <c r="C3753" s="6" t="s">
        <v>3788</v>
      </c>
      <c r="D3753" s="6" t="s">
        <v>3974</v>
      </c>
      <c r="E3753" s="6">
        <v>18001</v>
      </c>
      <c r="F3753" s="6" t="s">
        <v>18</v>
      </c>
      <c r="G3753" s="6" t="s">
        <v>7612</v>
      </c>
      <c r="H3753" s="6" t="s">
        <v>7613</v>
      </c>
      <c r="I3753" s="7">
        <v>1.6132107</v>
      </c>
      <c r="J3753" s="8">
        <v>-75.614336299999906</v>
      </c>
    </row>
    <row r="3754" spans="1:10" x14ac:dyDescent="0.35">
      <c r="A3754" s="5" t="s">
        <v>10</v>
      </c>
      <c r="B3754" s="6">
        <v>223540</v>
      </c>
      <c r="C3754" s="6" t="s">
        <v>68</v>
      </c>
      <c r="D3754" s="6" t="s">
        <v>69</v>
      </c>
      <c r="E3754" s="6">
        <v>11001</v>
      </c>
      <c r="F3754" s="6" t="s">
        <v>18</v>
      </c>
      <c r="G3754" s="6" t="s">
        <v>7614</v>
      </c>
      <c r="H3754" s="6" t="s">
        <v>7615</v>
      </c>
      <c r="I3754" s="7">
        <v>4.6091189000000004</v>
      </c>
      <c r="J3754" s="8">
        <v>-74.176470800000004</v>
      </c>
    </row>
    <row r="3755" spans="1:10" x14ac:dyDescent="0.35">
      <c r="A3755" s="5" t="s">
        <v>10</v>
      </c>
      <c r="B3755" s="6">
        <v>232292</v>
      </c>
      <c r="C3755" s="6" t="s">
        <v>302</v>
      </c>
      <c r="D3755" s="6" t="s">
        <v>7616</v>
      </c>
      <c r="E3755" s="6">
        <v>8549</v>
      </c>
      <c r="F3755" s="6" t="s">
        <v>18</v>
      </c>
      <c r="G3755" s="6" t="s">
        <v>7617</v>
      </c>
      <c r="H3755" s="6" t="s">
        <v>7618</v>
      </c>
      <c r="I3755" s="7">
        <v>10.748716</v>
      </c>
      <c r="J3755" s="8">
        <v>-75.107922000000002</v>
      </c>
    </row>
    <row r="3756" spans="1:10" x14ac:dyDescent="0.35">
      <c r="A3756" s="5" t="s">
        <v>10</v>
      </c>
      <c r="B3756" s="6">
        <v>209405</v>
      </c>
      <c r="C3756" s="6" t="s">
        <v>294</v>
      </c>
      <c r="D3756" s="6" t="s">
        <v>703</v>
      </c>
      <c r="E3756" s="6">
        <v>41001</v>
      </c>
      <c r="F3756" s="6" t="s">
        <v>18</v>
      </c>
      <c r="G3756" s="6" t="s">
        <v>7619</v>
      </c>
      <c r="H3756" s="6" t="s">
        <v>7620</v>
      </c>
      <c r="I3756" s="7">
        <v>2.9160078</v>
      </c>
      <c r="J3756" s="8">
        <v>-75.276096299999907</v>
      </c>
    </row>
    <row r="3757" spans="1:10" x14ac:dyDescent="0.35">
      <c r="A3757" s="5" t="s">
        <v>10</v>
      </c>
      <c r="B3757" s="6">
        <v>246700</v>
      </c>
      <c r="C3757" s="6" t="s">
        <v>294</v>
      </c>
      <c r="D3757" s="6" t="s">
        <v>3777</v>
      </c>
      <c r="E3757" s="6">
        <v>41132</v>
      </c>
      <c r="F3757" s="6" t="s">
        <v>18</v>
      </c>
      <c r="G3757" s="6" t="s">
        <v>7621</v>
      </c>
      <c r="H3757" s="6" t="s">
        <v>7622</v>
      </c>
      <c r="I3757" s="7">
        <v>2.690836</v>
      </c>
      <c r="J3757" s="8">
        <v>-75.324592999999993</v>
      </c>
    </row>
    <row r="3758" spans="1:10" x14ac:dyDescent="0.35">
      <c r="A3758" s="5" t="s">
        <v>10</v>
      </c>
      <c r="B3758" s="6">
        <v>188526</v>
      </c>
      <c r="C3758" s="6" t="s">
        <v>68</v>
      </c>
      <c r="D3758" s="6" t="s">
        <v>69</v>
      </c>
      <c r="E3758" s="6">
        <v>11001</v>
      </c>
      <c r="F3758" s="6" t="s">
        <v>18</v>
      </c>
      <c r="G3758" s="6" t="s">
        <v>7623</v>
      </c>
      <c r="H3758" s="6" t="s">
        <v>7624</v>
      </c>
      <c r="I3758" s="7">
        <v>4.6469889999999996</v>
      </c>
      <c r="J3758" s="8">
        <v>-74.167763100000002</v>
      </c>
    </row>
    <row r="3759" spans="1:10" x14ac:dyDescent="0.35">
      <c r="A3759" s="5" t="s">
        <v>10</v>
      </c>
      <c r="B3759" s="6">
        <v>235271</v>
      </c>
      <c r="C3759" s="6" t="s">
        <v>68</v>
      </c>
      <c r="D3759" s="6" t="s">
        <v>69</v>
      </c>
      <c r="E3759" s="6">
        <v>11001</v>
      </c>
      <c r="F3759" s="6" t="s">
        <v>18</v>
      </c>
      <c r="G3759" s="6" t="s">
        <v>7625</v>
      </c>
      <c r="H3759" s="6" t="s">
        <v>7626</v>
      </c>
      <c r="I3759" s="7">
        <v>4.6302076000000003</v>
      </c>
      <c r="J3759" s="8">
        <v>-74.066081800000006</v>
      </c>
    </row>
    <row r="3760" spans="1:10" x14ac:dyDescent="0.35">
      <c r="A3760" s="5" t="s">
        <v>10</v>
      </c>
      <c r="B3760" s="6">
        <v>120068</v>
      </c>
      <c r="C3760" s="6" t="s">
        <v>68</v>
      </c>
      <c r="D3760" s="6" t="s">
        <v>69</v>
      </c>
      <c r="E3760" s="6">
        <v>11001</v>
      </c>
      <c r="F3760" s="6" t="s">
        <v>18</v>
      </c>
      <c r="G3760" s="6" t="s">
        <v>7627</v>
      </c>
      <c r="H3760" s="6" t="s">
        <v>7628</v>
      </c>
      <c r="I3760" s="7">
        <v>4.7161979999999897</v>
      </c>
      <c r="J3760" s="8">
        <v>-74.124348999999995</v>
      </c>
    </row>
    <row r="3761" spans="1:10" x14ac:dyDescent="0.35">
      <c r="A3761" s="5" t="s">
        <v>10</v>
      </c>
      <c r="B3761" s="6">
        <v>180450</v>
      </c>
      <c r="C3761" s="6" t="s">
        <v>11</v>
      </c>
      <c r="D3761" s="6" t="s">
        <v>901</v>
      </c>
      <c r="E3761" s="6">
        <v>25307</v>
      </c>
      <c r="F3761" s="6" t="s">
        <v>18</v>
      </c>
      <c r="G3761" s="6" t="s">
        <v>7629</v>
      </c>
      <c r="H3761" s="6" t="s">
        <v>7630</v>
      </c>
      <c r="I3761" s="7">
        <v>4.3045958999999998</v>
      </c>
      <c r="J3761" s="8">
        <v>-74.803141400000001</v>
      </c>
    </row>
    <row r="3762" spans="1:10" x14ac:dyDescent="0.35">
      <c r="A3762" s="5" t="s">
        <v>10</v>
      </c>
      <c r="B3762" s="6">
        <v>228665</v>
      </c>
      <c r="C3762" s="6" t="s">
        <v>302</v>
      </c>
      <c r="D3762" s="6" t="s">
        <v>359</v>
      </c>
      <c r="E3762" s="6">
        <v>8001</v>
      </c>
      <c r="F3762" s="6" t="s">
        <v>18</v>
      </c>
      <c r="G3762" s="6" t="s">
        <v>7631</v>
      </c>
      <c r="H3762" s="6" t="s">
        <v>7632</v>
      </c>
      <c r="I3762" s="7">
        <v>10.971940200000001</v>
      </c>
      <c r="J3762" s="8">
        <v>-74.770806699999994</v>
      </c>
    </row>
    <row r="3763" spans="1:10" x14ac:dyDescent="0.35">
      <c r="A3763" s="5" t="s">
        <v>10</v>
      </c>
      <c r="B3763" s="6">
        <v>210129</v>
      </c>
      <c r="C3763" s="6" t="s">
        <v>302</v>
      </c>
      <c r="D3763" s="6" t="s">
        <v>7633</v>
      </c>
      <c r="E3763" s="6">
        <v>8634</v>
      </c>
      <c r="F3763" s="6" t="s">
        <v>18</v>
      </c>
      <c r="G3763" s="6" t="s">
        <v>7634</v>
      </c>
      <c r="H3763" s="6" t="s">
        <v>7635</v>
      </c>
      <c r="I3763" s="7">
        <v>10.784542699999999</v>
      </c>
      <c r="J3763" s="8">
        <v>-74.753341800000001</v>
      </c>
    </row>
    <row r="3764" spans="1:10" x14ac:dyDescent="0.35">
      <c r="A3764" s="5" t="s">
        <v>10</v>
      </c>
      <c r="B3764" s="6">
        <v>243225</v>
      </c>
      <c r="C3764" s="6" t="s">
        <v>7527</v>
      </c>
      <c r="D3764" s="6" t="s">
        <v>7636</v>
      </c>
      <c r="E3764" s="6">
        <v>27800</v>
      </c>
      <c r="F3764" s="6" t="s">
        <v>18</v>
      </c>
      <c r="G3764" s="6" t="s">
        <v>7637</v>
      </c>
      <c r="H3764" s="6" t="s">
        <v>7638</v>
      </c>
      <c r="I3764" s="7">
        <v>8.0410388000000008</v>
      </c>
      <c r="J3764" s="8">
        <v>-77.093098999999995</v>
      </c>
    </row>
    <row r="3765" spans="1:10" x14ac:dyDescent="0.35">
      <c r="A3765" s="5" t="s">
        <v>10</v>
      </c>
      <c r="B3765" s="6">
        <v>242907</v>
      </c>
      <c r="C3765" s="6" t="s">
        <v>16</v>
      </c>
      <c r="D3765" s="6" t="s">
        <v>78</v>
      </c>
      <c r="E3765" s="6">
        <v>68001</v>
      </c>
      <c r="F3765" s="6" t="s">
        <v>18</v>
      </c>
      <c r="G3765" s="6" t="s">
        <v>7639</v>
      </c>
      <c r="H3765" s="6" t="s">
        <v>7640</v>
      </c>
      <c r="I3765" s="7">
        <v>7.1245418999999997</v>
      </c>
      <c r="J3765" s="8">
        <v>-73.110057699999999</v>
      </c>
    </row>
    <row r="3766" spans="1:10" x14ac:dyDescent="0.35">
      <c r="A3766" s="5" t="s">
        <v>10</v>
      </c>
      <c r="B3766" s="6">
        <v>217812</v>
      </c>
      <c r="C3766" s="6" t="s">
        <v>16</v>
      </c>
      <c r="D3766" s="6" t="s">
        <v>2825</v>
      </c>
      <c r="E3766" s="6">
        <v>68276</v>
      </c>
      <c r="F3766" s="6" t="s">
        <v>18</v>
      </c>
      <c r="G3766" s="6" t="s">
        <v>7641</v>
      </c>
      <c r="H3766" s="6" t="s">
        <v>7642</v>
      </c>
      <c r="I3766" s="7">
        <v>7.1239774999999996</v>
      </c>
      <c r="J3766" s="8">
        <v>-73.111747899999997</v>
      </c>
    </row>
    <row r="3767" spans="1:10" x14ac:dyDescent="0.35">
      <c r="A3767" s="5" t="s">
        <v>10</v>
      </c>
      <c r="B3767" s="6">
        <v>202427</v>
      </c>
      <c r="C3767" s="6" t="s">
        <v>3788</v>
      </c>
      <c r="D3767" s="6" t="s">
        <v>3974</v>
      </c>
      <c r="E3767" s="6">
        <v>18001</v>
      </c>
      <c r="F3767" s="6" t="s">
        <v>18</v>
      </c>
      <c r="G3767" s="6" t="s">
        <v>7643</v>
      </c>
      <c r="H3767" s="6" t="s">
        <v>7644</v>
      </c>
      <c r="I3767" s="7">
        <v>1.6172412</v>
      </c>
      <c r="J3767" s="8">
        <v>-75.608642099999997</v>
      </c>
    </row>
    <row r="3768" spans="1:10" x14ac:dyDescent="0.35">
      <c r="A3768" s="5" t="s">
        <v>10</v>
      </c>
      <c r="B3768" s="6">
        <v>207001</v>
      </c>
      <c r="C3768" s="6" t="s">
        <v>68</v>
      </c>
      <c r="D3768" s="6" t="s">
        <v>69</v>
      </c>
      <c r="E3768" s="6">
        <v>11001</v>
      </c>
      <c r="F3768" s="6" t="s">
        <v>13</v>
      </c>
      <c r="G3768" s="6" t="s">
        <v>7645</v>
      </c>
      <c r="H3768" s="6" t="s">
        <v>7646</v>
      </c>
      <c r="I3768" s="7">
        <v>4.6205087000000002</v>
      </c>
      <c r="J3768" s="8">
        <v>-74.195986500000004</v>
      </c>
    </row>
    <row r="3769" spans="1:10" x14ac:dyDescent="0.35">
      <c r="A3769" s="5" t="s">
        <v>10</v>
      </c>
      <c r="B3769" s="6">
        <v>219000</v>
      </c>
      <c r="C3769" s="6" t="s">
        <v>294</v>
      </c>
      <c r="D3769" s="6" t="s">
        <v>5497</v>
      </c>
      <c r="E3769" s="6">
        <v>41013</v>
      </c>
      <c r="F3769" s="6" t="s">
        <v>13</v>
      </c>
      <c r="G3769" s="6" t="s">
        <v>7647</v>
      </c>
      <c r="H3769" s="6" t="s">
        <v>7648</v>
      </c>
      <c r="I3769" s="7">
        <v>2.9346090999999999</v>
      </c>
      <c r="J3769" s="8">
        <v>-75.291779300000002</v>
      </c>
    </row>
    <row r="3770" spans="1:10" x14ac:dyDescent="0.35">
      <c r="A3770" s="5" t="s">
        <v>10</v>
      </c>
      <c r="B3770" s="6">
        <v>232825</v>
      </c>
      <c r="C3770" s="6" t="s">
        <v>68</v>
      </c>
      <c r="D3770" s="6" t="s">
        <v>69</v>
      </c>
      <c r="E3770" s="6">
        <v>11001</v>
      </c>
      <c r="F3770" s="6" t="s">
        <v>18</v>
      </c>
      <c r="G3770" s="6" t="s">
        <v>7649</v>
      </c>
      <c r="H3770" s="6" t="s">
        <v>7650</v>
      </c>
      <c r="I3770" s="7">
        <v>4.6846170999999996</v>
      </c>
      <c r="J3770" s="8">
        <v>-74.081302399999998</v>
      </c>
    </row>
    <row r="3771" spans="1:10" x14ac:dyDescent="0.35">
      <c r="A3771" s="5" t="s">
        <v>10</v>
      </c>
      <c r="B3771" s="6">
        <v>238554</v>
      </c>
      <c r="C3771" s="6" t="s">
        <v>68</v>
      </c>
      <c r="D3771" s="6" t="s">
        <v>69</v>
      </c>
      <c r="E3771" s="6">
        <v>11001</v>
      </c>
      <c r="F3771" s="6" t="s">
        <v>18</v>
      </c>
      <c r="G3771" s="6" t="s">
        <v>7651</v>
      </c>
      <c r="H3771" s="6" t="s">
        <v>7652</v>
      </c>
      <c r="I3771" s="7">
        <v>4.6764209000000001</v>
      </c>
      <c r="J3771" s="8">
        <v>-74.103919599999998</v>
      </c>
    </row>
    <row r="3772" spans="1:10" x14ac:dyDescent="0.35">
      <c r="A3772" s="5" t="s">
        <v>10</v>
      </c>
      <c r="B3772" s="6">
        <v>154990</v>
      </c>
      <c r="C3772" s="6" t="s">
        <v>294</v>
      </c>
      <c r="D3772" s="6" t="s">
        <v>4244</v>
      </c>
      <c r="E3772" s="6">
        <v>41298</v>
      </c>
      <c r="F3772" s="6" t="s">
        <v>18</v>
      </c>
      <c r="G3772" s="6" t="s">
        <v>7653</v>
      </c>
      <c r="H3772" s="6" t="s">
        <v>7654</v>
      </c>
      <c r="I3772" s="7">
        <v>2.1926332999999998</v>
      </c>
      <c r="J3772" s="8">
        <v>-75.646517699999904</v>
      </c>
    </row>
    <row r="3773" spans="1:10" x14ac:dyDescent="0.35">
      <c r="A3773" s="5" t="s">
        <v>10</v>
      </c>
      <c r="B3773" s="6">
        <v>170996</v>
      </c>
      <c r="C3773" s="6" t="s">
        <v>68</v>
      </c>
      <c r="D3773" s="6" t="s">
        <v>69</v>
      </c>
      <c r="E3773" s="6">
        <v>11001</v>
      </c>
      <c r="F3773" s="6" t="s">
        <v>18</v>
      </c>
      <c r="G3773" s="6" t="s">
        <v>7655</v>
      </c>
      <c r="H3773" s="6" t="s">
        <v>7656</v>
      </c>
      <c r="I3773" s="7">
        <v>4.5808331000000004</v>
      </c>
      <c r="J3773" s="8">
        <v>-74.109076999999999</v>
      </c>
    </row>
    <row r="3774" spans="1:10" x14ac:dyDescent="0.35">
      <c r="A3774" s="5" t="s">
        <v>10</v>
      </c>
      <c r="B3774" s="6">
        <v>180289</v>
      </c>
      <c r="C3774" s="6" t="s">
        <v>302</v>
      </c>
      <c r="D3774" s="6" t="s">
        <v>7609</v>
      </c>
      <c r="E3774" s="6">
        <v>8436</v>
      </c>
      <c r="F3774" s="6" t="s">
        <v>18</v>
      </c>
      <c r="G3774" s="6" t="s">
        <v>7657</v>
      </c>
      <c r="H3774" s="6" t="s">
        <v>7658</v>
      </c>
      <c r="I3774" s="7">
        <v>10.448194600000001</v>
      </c>
      <c r="J3774" s="8">
        <v>-74.959732899999906</v>
      </c>
    </row>
    <row r="3775" spans="1:10" x14ac:dyDescent="0.35">
      <c r="A3775" s="5" t="s">
        <v>10</v>
      </c>
      <c r="B3775" s="6">
        <v>237289</v>
      </c>
      <c r="C3775" s="6" t="s">
        <v>2821</v>
      </c>
      <c r="D3775" s="6" t="s">
        <v>1524</v>
      </c>
      <c r="E3775" s="6">
        <v>47318</v>
      </c>
      <c r="F3775" s="6" t="s">
        <v>18</v>
      </c>
      <c r="G3775" s="6" t="s">
        <v>7659</v>
      </c>
      <c r="H3775" s="6" t="s">
        <v>7660</v>
      </c>
      <c r="I3775" s="7">
        <v>9.1423538000000004</v>
      </c>
      <c r="J3775" s="8">
        <v>-74.224880099999993</v>
      </c>
    </row>
    <row r="3776" spans="1:10" x14ac:dyDescent="0.35">
      <c r="A3776" s="5" t="s">
        <v>10</v>
      </c>
      <c r="B3776" s="6">
        <v>242982</v>
      </c>
      <c r="C3776" s="6" t="s">
        <v>16</v>
      </c>
      <c r="D3776" s="6" t="s">
        <v>2257</v>
      </c>
      <c r="E3776" s="6">
        <v>68377</v>
      </c>
      <c r="F3776" s="6" t="s">
        <v>18</v>
      </c>
      <c r="G3776" s="6" t="s">
        <v>7661</v>
      </c>
      <c r="H3776" s="6" t="s">
        <v>7662</v>
      </c>
      <c r="I3776" s="7">
        <v>5.8588043000000001</v>
      </c>
      <c r="J3776" s="8">
        <v>-73.965489500000004</v>
      </c>
    </row>
    <row r="3777" spans="1:10" x14ac:dyDescent="0.35">
      <c r="A3777" s="5" t="s">
        <v>10</v>
      </c>
      <c r="B3777" s="6">
        <v>238408</v>
      </c>
      <c r="C3777" s="6" t="s">
        <v>16</v>
      </c>
      <c r="D3777" s="6" t="s">
        <v>2825</v>
      </c>
      <c r="E3777" s="6">
        <v>68276</v>
      </c>
      <c r="F3777" s="6" t="s">
        <v>18</v>
      </c>
      <c r="G3777" s="6" t="s">
        <v>7663</v>
      </c>
      <c r="H3777" s="6" t="s">
        <v>7664</v>
      </c>
      <c r="I3777" s="7">
        <v>7.0683986000000001</v>
      </c>
      <c r="J3777" s="8">
        <v>-73.099358800000005</v>
      </c>
    </row>
    <row r="3778" spans="1:10" x14ac:dyDescent="0.35">
      <c r="A3778" s="5" t="s">
        <v>10</v>
      </c>
      <c r="B3778" s="6">
        <v>217848</v>
      </c>
      <c r="C3778" s="6" t="s">
        <v>16</v>
      </c>
      <c r="D3778" s="6" t="s">
        <v>78</v>
      </c>
      <c r="E3778" s="6">
        <v>68001</v>
      </c>
      <c r="F3778" s="6" t="s">
        <v>18</v>
      </c>
      <c r="G3778" s="6" t="s">
        <v>7665</v>
      </c>
      <c r="H3778" s="6" t="s">
        <v>7666</v>
      </c>
      <c r="I3778" s="7">
        <v>7.0955151000000001</v>
      </c>
      <c r="J3778" s="8">
        <v>-73.119312600000001</v>
      </c>
    </row>
    <row r="3779" spans="1:10" x14ac:dyDescent="0.35">
      <c r="A3779" s="5" t="s">
        <v>10</v>
      </c>
      <c r="B3779" s="6">
        <v>204328</v>
      </c>
      <c r="C3779" s="6" t="s">
        <v>68</v>
      </c>
      <c r="D3779" s="6" t="s">
        <v>69</v>
      </c>
      <c r="E3779" s="6">
        <v>11001</v>
      </c>
      <c r="F3779" s="6" t="s">
        <v>13</v>
      </c>
      <c r="G3779" s="6" t="s">
        <v>7667</v>
      </c>
      <c r="H3779" s="6" t="s">
        <v>7668</v>
      </c>
      <c r="I3779" s="7">
        <v>4.5605311000000004</v>
      </c>
      <c r="J3779" s="8">
        <v>-74.129315099999999</v>
      </c>
    </row>
    <row r="3780" spans="1:10" x14ac:dyDescent="0.35">
      <c r="A3780" s="5" t="s">
        <v>10</v>
      </c>
      <c r="B3780" s="6">
        <v>235407</v>
      </c>
      <c r="C3780" s="6" t="s">
        <v>38</v>
      </c>
      <c r="D3780" s="6" t="s">
        <v>39</v>
      </c>
      <c r="E3780" s="6">
        <v>19001</v>
      </c>
      <c r="F3780" s="6" t="s">
        <v>13</v>
      </c>
      <c r="G3780" s="6" t="s">
        <v>7669</v>
      </c>
      <c r="H3780" s="6" t="s">
        <v>7670</v>
      </c>
      <c r="I3780" s="7">
        <v>2.4451798999999999</v>
      </c>
      <c r="J3780" s="8">
        <v>-76.600814700000001</v>
      </c>
    </row>
    <row r="3781" spans="1:10" x14ac:dyDescent="0.35">
      <c r="A3781" s="5" t="s">
        <v>10</v>
      </c>
      <c r="B3781" s="6">
        <v>232232</v>
      </c>
      <c r="C3781" s="6" t="s">
        <v>68</v>
      </c>
      <c r="D3781" s="6" t="s">
        <v>69</v>
      </c>
      <c r="E3781" s="6">
        <v>11001</v>
      </c>
      <c r="F3781" s="6" t="s">
        <v>18</v>
      </c>
      <c r="G3781" s="6" t="s">
        <v>7671</v>
      </c>
      <c r="H3781" s="6" t="s">
        <v>7672</v>
      </c>
      <c r="I3781" s="7">
        <v>4.6073452000000001</v>
      </c>
      <c r="J3781" s="8">
        <v>-74.123542499999999</v>
      </c>
    </row>
    <row r="3782" spans="1:10" x14ac:dyDescent="0.35">
      <c r="A3782" s="5" t="s">
        <v>10</v>
      </c>
      <c r="B3782" s="6">
        <v>226618</v>
      </c>
      <c r="C3782" s="6" t="s">
        <v>16</v>
      </c>
      <c r="D3782" s="6" t="s">
        <v>1401</v>
      </c>
      <c r="E3782" s="6">
        <v>68307</v>
      </c>
      <c r="F3782" s="6" t="s">
        <v>18</v>
      </c>
      <c r="G3782" s="6" t="s">
        <v>7673</v>
      </c>
      <c r="H3782" s="6" t="s">
        <v>7674</v>
      </c>
      <c r="I3782" s="7">
        <v>7.0803338999999896</v>
      </c>
      <c r="J3782" s="8">
        <v>-73.171038999999993</v>
      </c>
    </row>
    <row r="3783" spans="1:10" x14ac:dyDescent="0.35">
      <c r="A3783" s="5" t="s">
        <v>10</v>
      </c>
      <c r="B3783" s="6">
        <v>223302</v>
      </c>
      <c r="C3783" s="6" t="s">
        <v>68</v>
      </c>
      <c r="D3783" s="6" t="s">
        <v>69</v>
      </c>
      <c r="E3783" s="6">
        <v>11001</v>
      </c>
      <c r="F3783" s="6" t="s">
        <v>18</v>
      </c>
      <c r="G3783" s="6" t="s">
        <v>7675</v>
      </c>
      <c r="H3783" s="6" t="s">
        <v>7676</v>
      </c>
      <c r="I3783" s="7">
        <v>4.7427087999999999</v>
      </c>
      <c r="J3783" s="8">
        <v>-74.098651899999993</v>
      </c>
    </row>
    <row r="3784" spans="1:10" x14ac:dyDescent="0.35">
      <c r="A3784" s="5" t="s">
        <v>10</v>
      </c>
      <c r="B3784" s="6">
        <v>211598</v>
      </c>
      <c r="C3784" s="6" t="s">
        <v>68</v>
      </c>
      <c r="D3784" s="6" t="s">
        <v>69</v>
      </c>
      <c r="E3784" s="6">
        <v>11001</v>
      </c>
      <c r="F3784" s="6" t="s">
        <v>18</v>
      </c>
      <c r="G3784" s="6" t="s">
        <v>7677</v>
      </c>
      <c r="H3784" s="6" t="s">
        <v>7678</v>
      </c>
      <c r="I3784" s="7">
        <v>4.6127361999999996</v>
      </c>
      <c r="J3784" s="8">
        <v>-74.198661299999998</v>
      </c>
    </row>
    <row r="3785" spans="1:10" x14ac:dyDescent="0.35">
      <c r="A3785" s="5" t="s">
        <v>10</v>
      </c>
      <c r="B3785" s="6">
        <v>239164</v>
      </c>
      <c r="C3785" s="6" t="s">
        <v>11</v>
      </c>
      <c r="D3785" s="6" t="s">
        <v>12</v>
      </c>
      <c r="E3785" s="6">
        <v>25899</v>
      </c>
      <c r="F3785" s="6" t="s">
        <v>18</v>
      </c>
      <c r="G3785" s="6" t="s">
        <v>7679</v>
      </c>
      <c r="H3785" s="6" t="s">
        <v>7680</v>
      </c>
      <c r="I3785" s="7">
        <v>5.0197878999999999</v>
      </c>
      <c r="J3785" s="8">
        <v>-73.969761099999999</v>
      </c>
    </row>
    <row r="3786" spans="1:10" x14ac:dyDescent="0.35">
      <c r="A3786" s="5" t="s">
        <v>10</v>
      </c>
      <c r="B3786" s="6">
        <v>227336</v>
      </c>
      <c r="C3786" s="6" t="s">
        <v>68</v>
      </c>
      <c r="D3786" s="6" t="s">
        <v>69</v>
      </c>
      <c r="E3786" s="6">
        <v>11001</v>
      </c>
      <c r="F3786" s="6" t="s">
        <v>18</v>
      </c>
      <c r="G3786" s="6" t="s">
        <v>7681</v>
      </c>
      <c r="H3786" s="6" t="s">
        <v>7682</v>
      </c>
      <c r="I3786" s="7">
        <v>4.6787584999999998</v>
      </c>
      <c r="J3786" s="8">
        <v>-74.097934899999998</v>
      </c>
    </row>
    <row r="3787" spans="1:10" x14ac:dyDescent="0.35">
      <c r="A3787" s="5" t="s">
        <v>10</v>
      </c>
      <c r="B3787" s="6">
        <v>198293</v>
      </c>
      <c r="C3787" s="6" t="s">
        <v>16</v>
      </c>
      <c r="D3787" s="6" t="s">
        <v>510</v>
      </c>
      <c r="E3787" s="6">
        <v>68547</v>
      </c>
      <c r="F3787" s="6" t="s">
        <v>18</v>
      </c>
      <c r="G3787" s="6" t="s">
        <v>7683</v>
      </c>
      <c r="H3787" s="6" t="s">
        <v>7684</v>
      </c>
      <c r="I3787" s="7">
        <v>6.9983462999999997</v>
      </c>
      <c r="J3787" s="8">
        <v>-73.058627999999999</v>
      </c>
    </row>
    <row r="3788" spans="1:10" x14ac:dyDescent="0.35">
      <c r="A3788" s="5" t="s">
        <v>10</v>
      </c>
      <c r="B3788" s="6">
        <v>184451</v>
      </c>
      <c r="C3788" s="6" t="s">
        <v>16</v>
      </c>
      <c r="D3788" s="6" t="s">
        <v>2694</v>
      </c>
      <c r="E3788" s="6">
        <v>68895</v>
      </c>
      <c r="F3788" s="6" t="s">
        <v>18</v>
      </c>
      <c r="G3788" s="6" t="s">
        <v>7685</v>
      </c>
      <c r="H3788" s="6" t="s">
        <v>7686</v>
      </c>
      <c r="I3788" s="7">
        <v>6.8133711999999997</v>
      </c>
      <c r="J3788" s="8">
        <v>-73.272810699999994</v>
      </c>
    </row>
    <row r="3789" spans="1:10" x14ac:dyDescent="0.35">
      <c r="A3789" s="5" t="s">
        <v>10</v>
      </c>
      <c r="B3789" s="6">
        <v>231087</v>
      </c>
      <c r="C3789" s="6" t="s">
        <v>16</v>
      </c>
      <c r="D3789" s="6" t="s">
        <v>78</v>
      </c>
      <c r="E3789" s="6">
        <v>68001</v>
      </c>
      <c r="F3789" s="6" t="s">
        <v>18</v>
      </c>
      <c r="G3789" s="6" t="s">
        <v>7687</v>
      </c>
      <c r="H3789" s="6" t="s">
        <v>7688</v>
      </c>
      <c r="I3789" s="7">
        <v>7.1339940000000004</v>
      </c>
      <c r="J3789" s="8">
        <v>-73.123731399999997</v>
      </c>
    </row>
    <row r="3790" spans="1:10" x14ac:dyDescent="0.35">
      <c r="A3790" s="5" t="s">
        <v>10</v>
      </c>
      <c r="B3790" s="6">
        <v>243003</v>
      </c>
      <c r="C3790" s="6" t="s">
        <v>190</v>
      </c>
      <c r="D3790" s="6" t="s">
        <v>2202</v>
      </c>
      <c r="E3790" s="6">
        <v>5615</v>
      </c>
      <c r="F3790" s="6" t="s">
        <v>18</v>
      </c>
      <c r="G3790" s="6" t="s">
        <v>7689</v>
      </c>
      <c r="H3790" s="6" t="s">
        <v>7690</v>
      </c>
      <c r="I3790" s="7">
        <v>7.6051789999999997</v>
      </c>
      <c r="J3790" s="8">
        <v>-73.574658999999997</v>
      </c>
    </row>
    <row r="3791" spans="1:10" x14ac:dyDescent="0.35">
      <c r="A3791" s="5" t="s">
        <v>10</v>
      </c>
      <c r="B3791" s="6">
        <v>198105</v>
      </c>
      <c r="C3791" s="6" t="s">
        <v>3788</v>
      </c>
      <c r="D3791" s="6" t="s">
        <v>3974</v>
      </c>
      <c r="E3791" s="6">
        <v>18001</v>
      </c>
      <c r="F3791" s="6" t="s">
        <v>18</v>
      </c>
      <c r="G3791" s="6" t="s">
        <v>7691</v>
      </c>
      <c r="H3791" s="6" t="s">
        <v>7692</v>
      </c>
      <c r="I3791" s="7">
        <v>1.6155280999999999</v>
      </c>
      <c r="J3791" s="8">
        <v>-75.596548900000002</v>
      </c>
    </row>
    <row r="3792" spans="1:10" x14ac:dyDescent="0.35">
      <c r="A3792" s="5" t="s">
        <v>10</v>
      </c>
      <c r="B3792" s="6">
        <v>222309</v>
      </c>
      <c r="C3792" s="6" t="s">
        <v>68</v>
      </c>
      <c r="D3792" s="6" t="s">
        <v>69</v>
      </c>
      <c r="E3792" s="6">
        <v>11001</v>
      </c>
      <c r="F3792" s="6" t="s">
        <v>13</v>
      </c>
      <c r="G3792" s="6" t="s">
        <v>7693</v>
      </c>
      <c r="H3792" s="6" t="s">
        <v>7694</v>
      </c>
      <c r="I3792" s="7">
        <v>4.5862432999999996</v>
      </c>
      <c r="J3792" s="8">
        <v>-74.167782399999993</v>
      </c>
    </row>
    <row r="3793" spans="1:10" x14ac:dyDescent="0.35">
      <c r="A3793" s="5" t="s">
        <v>10</v>
      </c>
      <c r="B3793" s="6">
        <v>232921</v>
      </c>
      <c r="C3793" s="6" t="s">
        <v>55</v>
      </c>
      <c r="D3793" s="6" t="s">
        <v>56</v>
      </c>
      <c r="E3793" s="6">
        <v>73001</v>
      </c>
      <c r="F3793" s="6" t="s">
        <v>18</v>
      </c>
      <c r="G3793" s="6" t="s">
        <v>7695</v>
      </c>
      <c r="H3793" s="6" t="s">
        <v>7696</v>
      </c>
      <c r="I3793" s="7">
        <v>4.61625</v>
      </c>
      <c r="J3793" s="8">
        <v>-74.076840000000004</v>
      </c>
    </row>
    <row r="3794" spans="1:10" x14ac:dyDescent="0.35">
      <c r="A3794" s="5" t="s">
        <v>10</v>
      </c>
      <c r="B3794" s="6">
        <v>120435</v>
      </c>
      <c r="C3794" s="6" t="s">
        <v>68</v>
      </c>
      <c r="D3794" s="6" t="s">
        <v>69</v>
      </c>
      <c r="E3794" s="6">
        <v>11001</v>
      </c>
      <c r="F3794" s="6" t="s">
        <v>18</v>
      </c>
      <c r="G3794" s="6" t="s">
        <v>7697</v>
      </c>
      <c r="H3794" s="6" t="s">
        <v>7698</v>
      </c>
      <c r="I3794" s="7">
        <v>4.5344185000000001</v>
      </c>
      <c r="J3794" s="8">
        <v>-74.116812499999995</v>
      </c>
    </row>
    <row r="3795" spans="1:10" x14ac:dyDescent="0.35">
      <c r="A3795" s="5" t="s">
        <v>10</v>
      </c>
      <c r="B3795" s="6">
        <v>185256</v>
      </c>
      <c r="C3795" s="6" t="s">
        <v>68</v>
      </c>
      <c r="D3795" s="6" t="s">
        <v>69</v>
      </c>
      <c r="E3795" s="6">
        <v>11001</v>
      </c>
      <c r="F3795" s="6" t="s">
        <v>18</v>
      </c>
      <c r="G3795" s="6" t="s">
        <v>7699</v>
      </c>
      <c r="H3795" s="6" t="s">
        <v>7700</v>
      </c>
      <c r="I3795" s="7">
        <v>4.6692413999999998</v>
      </c>
      <c r="J3795" s="8">
        <v>-74.133095499999996</v>
      </c>
    </row>
    <row r="3796" spans="1:10" x14ac:dyDescent="0.35">
      <c r="A3796" s="5" t="s">
        <v>10</v>
      </c>
      <c r="B3796" s="6">
        <v>213215</v>
      </c>
      <c r="C3796" s="6" t="s">
        <v>302</v>
      </c>
      <c r="D3796" s="6" t="s">
        <v>359</v>
      </c>
      <c r="E3796" s="6">
        <v>8001</v>
      </c>
      <c r="F3796" s="6" t="s">
        <v>18</v>
      </c>
      <c r="G3796" s="6" t="s">
        <v>7701</v>
      </c>
      <c r="H3796" s="6" t="s">
        <v>7702</v>
      </c>
      <c r="I3796" s="7">
        <v>10.9653241</v>
      </c>
      <c r="J3796" s="8">
        <v>-74.785108699999995</v>
      </c>
    </row>
    <row r="3797" spans="1:10" x14ac:dyDescent="0.35">
      <c r="A3797" s="5" t="s">
        <v>10</v>
      </c>
      <c r="B3797" s="6">
        <v>207446</v>
      </c>
      <c r="C3797" s="6" t="s">
        <v>2821</v>
      </c>
      <c r="D3797" s="6" t="s">
        <v>4909</v>
      </c>
      <c r="E3797" s="6">
        <v>47692</v>
      </c>
      <c r="F3797" s="6" t="s">
        <v>18</v>
      </c>
      <c r="G3797" s="6" t="s">
        <v>7703</v>
      </c>
      <c r="H3797" s="6" t="s">
        <v>7704</v>
      </c>
      <c r="I3797" s="7">
        <v>9.2389288999999994</v>
      </c>
      <c r="J3797" s="8">
        <v>-74.350015499999998</v>
      </c>
    </row>
    <row r="3798" spans="1:10" x14ac:dyDescent="0.35">
      <c r="A3798" s="5" t="s">
        <v>10</v>
      </c>
      <c r="B3798" s="6">
        <v>230391</v>
      </c>
      <c r="C3798" s="6" t="s">
        <v>16</v>
      </c>
      <c r="D3798" s="6" t="s">
        <v>790</v>
      </c>
      <c r="E3798" s="6">
        <v>68229</v>
      </c>
      <c r="F3798" s="6" t="s">
        <v>18</v>
      </c>
      <c r="G3798" s="6" t="s">
        <v>7705</v>
      </c>
      <c r="H3798" s="6" t="s">
        <v>7706</v>
      </c>
      <c r="I3798" s="7">
        <v>6.6063320000000001</v>
      </c>
      <c r="J3798" s="8">
        <v>-73.068749299999993</v>
      </c>
    </row>
    <row r="3799" spans="1:10" x14ac:dyDescent="0.35">
      <c r="A3799" s="5" t="s">
        <v>10</v>
      </c>
      <c r="B3799" s="6">
        <v>246138</v>
      </c>
      <c r="C3799" s="6" t="s">
        <v>16</v>
      </c>
      <c r="D3799" s="6" t="s">
        <v>78</v>
      </c>
      <c r="E3799" s="6">
        <v>68001</v>
      </c>
      <c r="F3799" s="6" t="s">
        <v>18</v>
      </c>
      <c r="G3799" s="6" t="s">
        <v>113</v>
      </c>
      <c r="H3799" s="6" t="s">
        <v>7707</v>
      </c>
      <c r="I3799" s="7">
        <v>7.1042075999999996</v>
      </c>
      <c r="J3799" s="8">
        <v>-73.115577400000006</v>
      </c>
    </row>
    <row r="3800" spans="1:10" x14ac:dyDescent="0.35">
      <c r="A3800" s="5" t="s">
        <v>10</v>
      </c>
      <c r="B3800" s="6">
        <v>234133</v>
      </c>
      <c r="C3800" s="6" t="s">
        <v>68</v>
      </c>
      <c r="D3800" s="6" t="s">
        <v>69</v>
      </c>
      <c r="E3800" s="6">
        <v>11001</v>
      </c>
      <c r="F3800" s="6" t="s">
        <v>13</v>
      </c>
      <c r="G3800" s="6" t="s">
        <v>7708</v>
      </c>
      <c r="H3800" s="6" t="s">
        <v>7709</v>
      </c>
      <c r="I3800" s="7">
        <v>4.5992378</v>
      </c>
      <c r="J3800" s="8">
        <v>-74.196963800000006</v>
      </c>
    </row>
    <row r="3801" spans="1:10" x14ac:dyDescent="0.35">
      <c r="A3801" s="5" t="s">
        <v>10</v>
      </c>
      <c r="B3801" s="6">
        <v>218275</v>
      </c>
      <c r="C3801" s="6" t="s">
        <v>457</v>
      </c>
      <c r="D3801" s="6" t="s">
        <v>1363</v>
      </c>
      <c r="E3801" s="6">
        <v>52215</v>
      </c>
      <c r="F3801" s="6" t="s">
        <v>13</v>
      </c>
      <c r="G3801" s="6" t="s">
        <v>7710</v>
      </c>
      <c r="H3801" s="6" t="s">
        <v>7711</v>
      </c>
      <c r="I3801" s="7">
        <v>0.85206839999999995</v>
      </c>
      <c r="J3801" s="8">
        <v>-77.517158800000004</v>
      </c>
    </row>
    <row r="3802" spans="1:10" x14ac:dyDescent="0.35">
      <c r="A3802" s="5" t="s">
        <v>10</v>
      </c>
      <c r="B3802" s="6">
        <v>231844</v>
      </c>
      <c r="C3802" s="6" t="s">
        <v>2821</v>
      </c>
      <c r="D3802" s="6" t="s">
        <v>7712</v>
      </c>
      <c r="E3802" s="6">
        <v>47189</v>
      </c>
      <c r="F3802" s="6" t="s">
        <v>18</v>
      </c>
      <c r="G3802" s="6" t="s">
        <v>7713</v>
      </c>
      <c r="H3802" s="6" t="s">
        <v>7714</v>
      </c>
      <c r="I3802" s="7">
        <v>4.6112823000000001</v>
      </c>
      <c r="J3802" s="8">
        <v>-74.084732399999993</v>
      </c>
    </row>
    <row r="3803" spans="1:10" x14ac:dyDescent="0.35">
      <c r="A3803" s="5" t="s">
        <v>10</v>
      </c>
      <c r="B3803" s="6">
        <v>232942</v>
      </c>
      <c r="C3803" s="6" t="s">
        <v>308</v>
      </c>
      <c r="D3803" s="6" t="s">
        <v>7715</v>
      </c>
      <c r="E3803" s="6">
        <v>23189</v>
      </c>
      <c r="F3803" s="6" t="s">
        <v>18</v>
      </c>
      <c r="G3803" s="6" t="s">
        <v>7716</v>
      </c>
      <c r="H3803" s="6" t="s">
        <v>7717</v>
      </c>
      <c r="I3803" s="7">
        <v>8.8792150000000003</v>
      </c>
      <c r="J3803" s="8">
        <v>-75.621331999999995</v>
      </c>
    </row>
    <row r="3804" spans="1:10" x14ac:dyDescent="0.35">
      <c r="A3804" s="5" t="s">
        <v>10</v>
      </c>
      <c r="B3804" s="6">
        <v>197722</v>
      </c>
      <c r="C3804" s="6" t="s">
        <v>302</v>
      </c>
      <c r="D3804" s="6" t="s">
        <v>303</v>
      </c>
      <c r="E3804" s="6">
        <v>8638</v>
      </c>
      <c r="F3804" s="6" t="s">
        <v>18</v>
      </c>
      <c r="G3804" s="6" t="s">
        <v>7718</v>
      </c>
      <c r="H3804" s="6" t="s">
        <v>7719</v>
      </c>
      <c r="I3804" s="7">
        <v>10.696615899999999</v>
      </c>
      <c r="J3804" s="8">
        <v>-74.874104500000001</v>
      </c>
    </row>
    <row r="3805" spans="1:10" x14ac:dyDescent="0.35">
      <c r="A3805" s="5" t="s">
        <v>10</v>
      </c>
      <c r="B3805" s="6">
        <v>241431</v>
      </c>
      <c r="C3805" s="6" t="s">
        <v>302</v>
      </c>
      <c r="D3805" s="6" t="s">
        <v>7720</v>
      </c>
      <c r="E3805" s="6">
        <v>8137</v>
      </c>
      <c r="F3805" s="6" t="s">
        <v>18</v>
      </c>
      <c r="G3805" s="6" t="s">
        <v>7721</v>
      </c>
      <c r="H3805" s="6" t="s">
        <v>7722</v>
      </c>
      <c r="I3805" s="7">
        <v>10.379557500000001</v>
      </c>
      <c r="J3805" s="8">
        <v>-74.871931200000006</v>
      </c>
    </row>
    <row r="3806" spans="1:10" x14ac:dyDescent="0.35">
      <c r="A3806" s="5" t="s">
        <v>10</v>
      </c>
      <c r="B3806" s="6">
        <v>207255</v>
      </c>
      <c r="C3806" s="6" t="s">
        <v>16</v>
      </c>
      <c r="D3806" s="6" t="s">
        <v>1401</v>
      </c>
      <c r="E3806" s="6">
        <v>68307</v>
      </c>
      <c r="F3806" s="6" t="s">
        <v>18</v>
      </c>
      <c r="G3806" s="6" t="s">
        <v>4696</v>
      </c>
      <c r="H3806" s="6" t="s">
        <v>7723</v>
      </c>
      <c r="I3806" s="7">
        <v>7.1018331000000003</v>
      </c>
      <c r="J3806" s="8">
        <v>-73.130551299999993</v>
      </c>
    </row>
    <row r="3807" spans="1:10" x14ac:dyDescent="0.35">
      <c r="A3807" s="5" t="s">
        <v>10</v>
      </c>
      <c r="B3807" s="6">
        <v>242950</v>
      </c>
      <c r="C3807" s="6" t="s">
        <v>16</v>
      </c>
      <c r="D3807" s="6" t="s">
        <v>2825</v>
      </c>
      <c r="E3807" s="6">
        <v>68276</v>
      </c>
      <c r="F3807" s="6" t="s">
        <v>18</v>
      </c>
      <c r="G3807" s="6" t="s">
        <v>7724</v>
      </c>
      <c r="H3807" s="6" t="s">
        <v>7725</v>
      </c>
      <c r="I3807" s="7">
        <v>7.0811729000000003</v>
      </c>
      <c r="J3807" s="8">
        <v>-73.102352400000001</v>
      </c>
    </row>
    <row r="3808" spans="1:10" x14ac:dyDescent="0.35">
      <c r="A3808" s="5" t="s">
        <v>10</v>
      </c>
      <c r="B3808" s="6">
        <v>180421</v>
      </c>
      <c r="C3808" s="6" t="s">
        <v>61</v>
      </c>
      <c r="D3808" s="6" t="s">
        <v>7726</v>
      </c>
      <c r="E3808" s="6">
        <v>63272</v>
      </c>
      <c r="F3808" s="6" t="s">
        <v>18</v>
      </c>
      <c r="G3808" s="6" t="s">
        <v>7727</v>
      </c>
      <c r="H3808" s="6" t="s">
        <v>7728</v>
      </c>
      <c r="I3808" s="7">
        <v>4.6349920999999998</v>
      </c>
      <c r="J3808" s="8">
        <v>-75.707352099999994</v>
      </c>
    </row>
    <row r="3809" spans="1:10" x14ac:dyDescent="0.35">
      <c r="A3809" s="5" t="s">
        <v>10</v>
      </c>
      <c r="B3809" s="6">
        <v>197807</v>
      </c>
      <c r="C3809" s="6" t="s">
        <v>68</v>
      </c>
      <c r="D3809" s="6" t="s">
        <v>69</v>
      </c>
      <c r="E3809" s="6">
        <v>11001</v>
      </c>
      <c r="F3809" s="6" t="s">
        <v>13</v>
      </c>
      <c r="G3809" s="6" t="s">
        <v>7729</v>
      </c>
      <c r="H3809" s="6" t="s">
        <v>7730</v>
      </c>
      <c r="I3809" s="7">
        <v>4.6402359999999998</v>
      </c>
      <c r="J3809" s="8">
        <v>-74.159588999999997</v>
      </c>
    </row>
    <row r="3810" spans="1:10" x14ac:dyDescent="0.35">
      <c r="A3810" s="5" t="s">
        <v>10</v>
      </c>
      <c r="B3810" s="6">
        <v>223706</v>
      </c>
      <c r="C3810" s="6" t="s">
        <v>68</v>
      </c>
      <c r="D3810" s="6" t="s">
        <v>69</v>
      </c>
      <c r="E3810" s="6">
        <v>11001</v>
      </c>
      <c r="F3810" s="6" t="s">
        <v>13</v>
      </c>
      <c r="G3810" s="6" t="s">
        <v>7731</v>
      </c>
      <c r="H3810" s="6" t="s">
        <v>7732</v>
      </c>
      <c r="I3810" s="7">
        <v>4.6110812000000001</v>
      </c>
      <c r="J3810" s="8">
        <v>-74.207068899999996</v>
      </c>
    </row>
    <row r="3811" spans="1:10" x14ac:dyDescent="0.35">
      <c r="A3811" s="5" t="s">
        <v>10</v>
      </c>
      <c r="B3811" s="6">
        <v>138297</v>
      </c>
      <c r="C3811" s="6" t="s">
        <v>294</v>
      </c>
      <c r="D3811" s="6" t="s">
        <v>703</v>
      </c>
      <c r="E3811" s="6">
        <v>41001</v>
      </c>
      <c r="F3811" s="6" t="s">
        <v>18</v>
      </c>
      <c r="G3811" s="6" t="s">
        <v>7733</v>
      </c>
      <c r="H3811" s="6" t="s">
        <v>7734</v>
      </c>
      <c r="I3811" s="7">
        <v>2.9377559</v>
      </c>
      <c r="J3811" s="8">
        <v>-75.259440099999907</v>
      </c>
    </row>
    <row r="3812" spans="1:10" x14ac:dyDescent="0.35">
      <c r="A3812" s="5" t="s">
        <v>10</v>
      </c>
      <c r="B3812" s="6">
        <v>238736</v>
      </c>
      <c r="C3812" s="6" t="s">
        <v>294</v>
      </c>
      <c r="D3812" s="6" t="s">
        <v>703</v>
      </c>
      <c r="E3812" s="6">
        <v>41001</v>
      </c>
      <c r="F3812" s="6" t="s">
        <v>18</v>
      </c>
      <c r="G3812" s="6" t="s">
        <v>7735</v>
      </c>
      <c r="H3812" s="6" t="s">
        <v>7736</v>
      </c>
      <c r="I3812" s="7">
        <v>2.9050443000000001</v>
      </c>
      <c r="J3812" s="8">
        <v>-75.264223000000001</v>
      </c>
    </row>
    <row r="3813" spans="1:10" x14ac:dyDescent="0.35">
      <c r="A3813" s="5" t="s">
        <v>10</v>
      </c>
      <c r="B3813" s="6">
        <v>211891</v>
      </c>
      <c r="C3813" s="6" t="s">
        <v>278</v>
      </c>
      <c r="D3813" s="6" t="s">
        <v>279</v>
      </c>
      <c r="E3813" s="6">
        <v>50001</v>
      </c>
      <c r="F3813" s="6" t="s">
        <v>18</v>
      </c>
      <c r="G3813" s="6" t="s">
        <v>7737</v>
      </c>
      <c r="H3813" s="6" t="s">
        <v>7738</v>
      </c>
      <c r="I3813" s="7">
        <v>4.0899469000000002</v>
      </c>
      <c r="J3813" s="8">
        <v>-73.666435699999994</v>
      </c>
    </row>
    <row r="3814" spans="1:10" x14ac:dyDescent="0.35">
      <c r="A3814" s="5" t="s">
        <v>10</v>
      </c>
      <c r="B3814" s="6">
        <v>187972</v>
      </c>
      <c r="C3814" s="6" t="s">
        <v>68</v>
      </c>
      <c r="D3814" s="6" t="s">
        <v>69</v>
      </c>
      <c r="E3814" s="6">
        <v>11001</v>
      </c>
      <c r="F3814" s="6" t="s">
        <v>18</v>
      </c>
      <c r="G3814" s="6" t="s">
        <v>7739</v>
      </c>
      <c r="H3814" s="6" t="s">
        <v>7740</v>
      </c>
      <c r="I3814" s="7">
        <v>4.6784775999999999</v>
      </c>
      <c r="J3814" s="8">
        <v>-74.132988099999906</v>
      </c>
    </row>
    <row r="3815" spans="1:10" x14ac:dyDescent="0.35">
      <c r="A3815" s="5" t="s">
        <v>10</v>
      </c>
      <c r="B3815" s="6">
        <v>87622</v>
      </c>
      <c r="C3815" s="6" t="s">
        <v>68</v>
      </c>
      <c r="D3815" s="6" t="s">
        <v>69</v>
      </c>
      <c r="E3815" s="6">
        <v>11001</v>
      </c>
      <c r="F3815" s="6" t="s">
        <v>18</v>
      </c>
      <c r="G3815" s="6" t="s">
        <v>7741</v>
      </c>
      <c r="H3815" s="6" t="s">
        <v>7742</v>
      </c>
      <c r="I3815" s="7">
        <v>4.6726785</v>
      </c>
      <c r="J3815" s="8">
        <v>-74.136323199999893</v>
      </c>
    </row>
    <row r="3816" spans="1:10" x14ac:dyDescent="0.35">
      <c r="A3816" s="5" t="s">
        <v>10</v>
      </c>
      <c r="B3816" s="6">
        <v>207219</v>
      </c>
      <c r="C3816" s="6" t="s">
        <v>68</v>
      </c>
      <c r="D3816" s="6" t="s">
        <v>69</v>
      </c>
      <c r="E3816" s="6">
        <v>11001</v>
      </c>
      <c r="F3816" s="6" t="s">
        <v>18</v>
      </c>
      <c r="G3816" s="6" t="s">
        <v>7743</v>
      </c>
      <c r="H3816" s="6" t="s">
        <v>7744</v>
      </c>
      <c r="I3816" s="7">
        <v>4.7485543999999997</v>
      </c>
      <c r="J3816" s="8">
        <v>-74.100472400000001</v>
      </c>
    </row>
    <row r="3817" spans="1:10" x14ac:dyDescent="0.35">
      <c r="A3817" s="5" t="s">
        <v>10</v>
      </c>
      <c r="B3817" s="6">
        <v>154554</v>
      </c>
      <c r="C3817" s="6" t="s">
        <v>11</v>
      </c>
      <c r="D3817" s="6" t="s">
        <v>3104</v>
      </c>
      <c r="E3817" s="6">
        <v>25245</v>
      </c>
      <c r="F3817" s="6" t="s">
        <v>18</v>
      </c>
      <c r="G3817" s="6" t="s">
        <v>7745</v>
      </c>
      <c r="H3817" s="6" t="s">
        <v>7746</v>
      </c>
      <c r="I3817" s="7">
        <v>4.5836503000000004</v>
      </c>
      <c r="J3817" s="8">
        <v>-74.439743399999998</v>
      </c>
    </row>
    <row r="3818" spans="1:10" x14ac:dyDescent="0.35">
      <c r="A3818" s="5" t="s">
        <v>10</v>
      </c>
      <c r="B3818" s="6">
        <v>210955</v>
      </c>
      <c r="C3818" s="6" t="s">
        <v>366</v>
      </c>
      <c r="D3818" s="6" t="s">
        <v>370</v>
      </c>
      <c r="E3818" s="6">
        <v>44874</v>
      </c>
      <c r="F3818" s="6" t="s">
        <v>18</v>
      </c>
      <c r="G3818" s="6" t="s">
        <v>7747</v>
      </c>
      <c r="H3818" s="6" t="s">
        <v>7748</v>
      </c>
      <c r="I3818" s="7">
        <v>10.6083797</v>
      </c>
      <c r="J3818" s="8">
        <v>-72.971095899999995</v>
      </c>
    </row>
    <row r="3819" spans="1:10" x14ac:dyDescent="0.35">
      <c r="A3819" s="5" t="s">
        <v>10</v>
      </c>
      <c r="B3819" s="6">
        <v>184704</v>
      </c>
      <c r="C3819" s="6" t="s">
        <v>16</v>
      </c>
      <c r="D3819" s="6" t="s">
        <v>2825</v>
      </c>
      <c r="E3819" s="6">
        <v>68276</v>
      </c>
      <c r="F3819" s="6" t="s">
        <v>18</v>
      </c>
      <c r="G3819" s="6" t="s">
        <v>7749</v>
      </c>
      <c r="H3819" s="6" t="s">
        <v>7750</v>
      </c>
      <c r="I3819" s="7">
        <v>7.0784474999999896</v>
      </c>
      <c r="J3819" s="8">
        <v>-73.086534399999906</v>
      </c>
    </row>
    <row r="3820" spans="1:10" x14ac:dyDescent="0.35">
      <c r="A3820" s="5" t="s">
        <v>10</v>
      </c>
      <c r="B3820" s="6">
        <v>243325</v>
      </c>
      <c r="C3820" s="6" t="s">
        <v>16</v>
      </c>
      <c r="D3820" s="6" t="s">
        <v>510</v>
      </c>
      <c r="E3820" s="6">
        <v>68547</v>
      </c>
      <c r="F3820" s="6" t="s">
        <v>18</v>
      </c>
      <c r="G3820" s="6" t="s">
        <v>7751</v>
      </c>
      <c r="H3820" s="6" t="s">
        <v>7752</v>
      </c>
      <c r="I3820" s="7">
        <v>6.9868357000000003</v>
      </c>
      <c r="J3820" s="8">
        <v>-73.055056100000002</v>
      </c>
    </row>
    <row r="3821" spans="1:10" x14ac:dyDescent="0.35">
      <c r="A3821" s="5" t="s">
        <v>10</v>
      </c>
      <c r="B3821" s="6">
        <v>242961</v>
      </c>
      <c r="C3821" s="6" t="s">
        <v>16</v>
      </c>
      <c r="D3821" s="6" t="s">
        <v>1401</v>
      </c>
      <c r="E3821" s="6">
        <v>68307</v>
      </c>
      <c r="F3821" s="6" t="s">
        <v>18</v>
      </c>
      <c r="G3821" s="6" t="s">
        <v>7753</v>
      </c>
      <c r="H3821" s="6" t="s">
        <v>7754</v>
      </c>
      <c r="I3821" s="7">
        <v>7.0588432000000001</v>
      </c>
      <c r="J3821" s="8">
        <v>-73.169886199999993</v>
      </c>
    </row>
    <row r="3822" spans="1:10" x14ac:dyDescent="0.35">
      <c r="A3822" s="5" t="s">
        <v>10</v>
      </c>
      <c r="B3822" s="6">
        <v>244891</v>
      </c>
      <c r="C3822" s="6" t="s">
        <v>16</v>
      </c>
      <c r="D3822" s="6" t="s">
        <v>78</v>
      </c>
      <c r="E3822" s="6">
        <v>68001</v>
      </c>
      <c r="F3822" s="6" t="s">
        <v>18</v>
      </c>
      <c r="G3822" s="6" t="s">
        <v>7755</v>
      </c>
      <c r="H3822" s="6" t="s">
        <v>7756</v>
      </c>
      <c r="I3822" s="7">
        <v>7.1105745999999996</v>
      </c>
      <c r="J3822" s="8">
        <v>-73.116035600000004</v>
      </c>
    </row>
    <row r="3823" spans="1:10" x14ac:dyDescent="0.35">
      <c r="A3823" s="5" t="s">
        <v>10</v>
      </c>
      <c r="B3823" s="6">
        <v>234163</v>
      </c>
      <c r="C3823" s="6" t="s">
        <v>68</v>
      </c>
      <c r="D3823" s="6" t="s">
        <v>69</v>
      </c>
      <c r="E3823" s="6">
        <v>11001</v>
      </c>
      <c r="F3823" s="6" t="s">
        <v>13</v>
      </c>
      <c r="G3823" s="6" t="s">
        <v>7757</v>
      </c>
      <c r="H3823" s="6" t="s">
        <v>7758</v>
      </c>
      <c r="I3823" s="7">
        <v>4.5751301</v>
      </c>
      <c r="J3823" s="8">
        <v>-74.094073499999993</v>
      </c>
    </row>
    <row r="3824" spans="1:10" x14ac:dyDescent="0.35">
      <c r="A3824" s="5" t="s">
        <v>10</v>
      </c>
      <c r="B3824" s="6">
        <v>236732</v>
      </c>
      <c r="C3824" s="6" t="s">
        <v>68</v>
      </c>
      <c r="D3824" s="6" t="s">
        <v>69</v>
      </c>
      <c r="E3824" s="6">
        <v>11001</v>
      </c>
      <c r="F3824" s="6" t="s">
        <v>18</v>
      </c>
      <c r="G3824" s="6" t="s">
        <v>7759</v>
      </c>
      <c r="H3824" s="6" t="s">
        <v>7760</v>
      </c>
      <c r="I3824" s="7">
        <v>4.6049294999999999</v>
      </c>
      <c r="J3824" s="8">
        <v>-74.123726899999994</v>
      </c>
    </row>
    <row r="3825" spans="1:10" x14ac:dyDescent="0.35">
      <c r="A3825" s="5" t="s">
        <v>10</v>
      </c>
      <c r="B3825" s="6">
        <v>187509</v>
      </c>
      <c r="C3825" s="6" t="s">
        <v>11</v>
      </c>
      <c r="D3825" s="6" t="s">
        <v>334</v>
      </c>
      <c r="E3825" s="6">
        <v>25754</v>
      </c>
      <c r="F3825" s="6" t="s">
        <v>18</v>
      </c>
      <c r="G3825" s="6" t="s">
        <v>7761</v>
      </c>
      <c r="H3825" s="6" t="s">
        <v>7762</v>
      </c>
      <c r="I3825" s="7">
        <v>4.6129204000000001</v>
      </c>
      <c r="J3825" s="8">
        <v>-74.216173599999905</v>
      </c>
    </row>
    <row r="3826" spans="1:10" x14ac:dyDescent="0.35">
      <c r="A3826" s="5" t="s">
        <v>10</v>
      </c>
      <c r="B3826" s="6">
        <v>205614</v>
      </c>
      <c r="C3826" s="6" t="s">
        <v>11</v>
      </c>
      <c r="D3826" s="6" t="s">
        <v>337</v>
      </c>
      <c r="E3826" s="6">
        <v>25290</v>
      </c>
      <c r="F3826" s="6" t="s">
        <v>18</v>
      </c>
      <c r="G3826" s="6" t="s">
        <v>7763</v>
      </c>
      <c r="H3826" s="6" t="s">
        <v>7764</v>
      </c>
      <c r="I3826" s="7">
        <v>4.3430878999999996</v>
      </c>
      <c r="J3826" s="8">
        <v>-74.361638499999998</v>
      </c>
    </row>
    <row r="3827" spans="1:10" x14ac:dyDescent="0.35">
      <c r="A3827" s="5" t="s">
        <v>10</v>
      </c>
      <c r="B3827" s="6">
        <v>184449</v>
      </c>
      <c r="C3827" s="6" t="s">
        <v>16</v>
      </c>
      <c r="D3827" s="6" t="s">
        <v>7765</v>
      </c>
      <c r="E3827" s="6">
        <v>68235</v>
      </c>
      <c r="F3827" s="6" t="s">
        <v>18</v>
      </c>
      <c r="G3827" s="6" t="s">
        <v>7766</v>
      </c>
      <c r="H3827" s="6" t="s">
        <v>1326</v>
      </c>
      <c r="I3827" s="7">
        <v>6.6982412</v>
      </c>
      <c r="J3827" s="8">
        <v>-73.511173399999905</v>
      </c>
    </row>
    <row r="3828" spans="1:10" x14ac:dyDescent="0.35">
      <c r="A3828" s="5" t="s">
        <v>10</v>
      </c>
      <c r="B3828" s="6">
        <v>223860</v>
      </c>
      <c r="C3828" s="6" t="s">
        <v>16</v>
      </c>
      <c r="D3828" s="6" t="s">
        <v>1266</v>
      </c>
      <c r="E3828" s="6">
        <v>68081</v>
      </c>
      <c r="F3828" s="6" t="s">
        <v>18</v>
      </c>
      <c r="G3828" s="6" t="s">
        <v>7767</v>
      </c>
      <c r="H3828" s="6" t="s">
        <v>7768</v>
      </c>
      <c r="I3828" s="7">
        <v>7.0590497000000001</v>
      </c>
      <c r="J3828" s="8">
        <v>-73.844449699999998</v>
      </c>
    </row>
    <row r="3829" spans="1:10" x14ac:dyDescent="0.35">
      <c r="A3829" s="5" t="s">
        <v>10</v>
      </c>
      <c r="B3829" s="6">
        <v>234858</v>
      </c>
      <c r="C3829" s="6" t="s">
        <v>16</v>
      </c>
      <c r="D3829" s="6" t="s">
        <v>7769</v>
      </c>
      <c r="E3829" s="6">
        <v>68689</v>
      </c>
      <c r="F3829" s="6" t="s">
        <v>18</v>
      </c>
      <c r="G3829" s="6" t="s">
        <v>7770</v>
      </c>
      <c r="H3829" s="6" t="s">
        <v>7771</v>
      </c>
      <c r="I3829" s="7">
        <v>6.8795498999999998</v>
      </c>
      <c r="J3829" s="8">
        <v>-73.409875200000002</v>
      </c>
    </row>
    <row r="3830" spans="1:10" x14ac:dyDescent="0.35">
      <c r="A3830" s="5" t="s">
        <v>10</v>
      </c>
      <c r="B3830" s="6">
        <v>221748</v>
      </c>
      <c r="C3830" s="6" t="s">
        <v>68</v>
      </c>
      <c r="D3830" s="6" t="s">
        <v>69</v>
      </c>
      <c r="E3830" s="6">
        <v>11001</v>
      </c>
      <c r="F3830" s="6" t="s">
        <v>18</v>
      </c>
      <c r="G3830" s="6" t="s">
        <v>7772</v>
      </c>
      <c r="H3830" s="6" t="s">
        <v>7773</v>
      </c>
      <c r="I3830" s="7">
        <v>4.5449710000000003</v>
      </c>
      <c r="J3830" s="8">
        <v>-74.161092699999998</v>
      </c>
    </row>
    <row r="3831" spans="1:10" x14ac:dyDescent="0.35">
      <c r="A3831" s="5" t="s">
        <v>10</v>
      </c>
      <c r="B3831" s="6">
        <v>234153</v>
      </c>
      <c r="C3831" s="6" t="s">
        <v>68</v>
      </c>
      <c r="D3831" s="6" t="s">
        <v>69</v>
      </c>
      <c r="E3831" s="6">
        <v>11001</v>
      </c>
      <c r="F3831" s="6" t="s">
        <v>18</v>
      </c>
      <c r="G3831" s="6" t="s">
        <v>7774</v>
      </c>
      <c r="H3831" s="6" t="s">
        <v>7775</v>
      </c>
      <c r="I3831" s="7">
        <v>4.6007189999999998</v>
      </c>
      <c r="J3831" s="8">
        <v>-74.188130999999998</v>
      </c>
    </row>
    <row r="3832" spans="1:10" x14ac:dyDescent="0.35">
      <c r="A3832" s="5" t="s">
        <v>10</v>
      </c>
      <c r="B3832" s="6">
        <v>233961</v>
      </c>
      <c r="C3832" s="6" t="s">
        <v>68</v>
      </c>
      <c r="D3832" s="6" t="s">
        <v>69</v>
      </c>
      <c r="E3832" s="6">
        <v>11001</v>
      </c>
      <c r="F3832" s="6" t="s">
        <v>18</v>
      </c>
      <c r="G3832" s="6" t="s">
        <v>7776</v>
      </c>
      <c r="H3832" s="6" t="s">
        <v>7777</v>
      </c>
      <c r="I3832" s="7">
        <v>4.6126355999999999</v>
      </c>
      <c r="J3832" s="8">
        <v>-74.193387400000006</v>
      </c>
    </row>
    <row r="3833" spans="1:10" x14ac:dyDescent="0.35">
      <c r="A3833" s="5" t="s">
        <v>10</v>
      </c>
      <c r="B3833" s="6">
        <v>234245</v>
      </c>
      <c r="C3833" s="6" t="s">
        <v>68</v>
      </c>
      <c r="D3833" s="6" t="s">
        <v>69</v>
      </c>
      <c r="E3833" s="6">
        <v>11001</v>
      </c>
      <c r="F3833" s="6" t="s">
        <v>18</v>
      </c>
      <c r="G3833" s="6" t="s">
        <v>7778</v>
      </c>
      <c r="H3833" s="6" t="s">
        <v>7779</v>
      </c>
      <c r="I3833" s="7">
        <v>4.5890246000000001</v>
      </c>
      <c r="J3833" s="8">
        <v>-74.147526600000006</v>
      </c>
    </row>
    <row r="3834" spans="1:10" x14ac:dyDescent="0.35">
      <c r="A3834" s="5" t="s">
        <v>10</v>
      </c>
      <c r="B3834" s="6">
        <v>233527</v>
      </c>
      <c r="C3834" s="6" t="s">
        <v>11</v>
      </c>
      <c r="D3834" s="6" t="s">
        <v>5259</v>
      </c>
      <c r="E3834" s="6">
        <v>25320</v>
      </c>
      <c r="F3834" s="6" t="s">
        <v>18</v>
      </c>
      <c r="G3834" s="6" t="s">
        <v>7780</v>
      </c>
      <c r="H3834" s="6" t="s">
        <v>7781</v>
      </c>
      <c r="I3834" s="7">
        <v>3.4469400000000001</v>
      </c>
      <c r="J3834" s="8">
        <v>-76.539659999999998</v>
      </c>
    </row>
    <row r="3835" spans="1:10" x14ac:dyDescent="0.35">
      <c r="A3835" s="5" t="s">
        <v>10</v>
      </c>
      <c r="B3835" s="6">
        <v>212679</v>
      </c>
      <c r="C3835" s="6" t="s">
        <v>16</v>
      </c>
      <c r="D3835" s="6" t="s">
        <v>510</v>
      </c>
      <c r="E3835" s="6">
        <v>68547</v>
      </c>
      <c r="F3835" s="6" t="s">
        <v>18</v>
      </c>
      <c r="G3835" s="6" t="s">
        <v>7782</v>
      </c>
      <c r="H3835" s="6" t="s">
        <v>7783</v>
      </c>
      <c r="I3835" s="7">
        <v>6.9959238999999904</v>
      </c>
      <c r="J3835" s="8">
        <v>-73.059400999999994</v>
      </c>
    </row>
    <row r="3836" spans="1:10" x14ac:dyDescent="0.35">
      <c r="A3836" s="5" t="s">
        <v>10</v>
      </c>
      <c r="B3836" s="6">
        <v>188491</v>
      </c>
      <c r="C3836" s="6" t="s">
        <v>68</v>
      </c>
      <c r="D3836" s="6" t="s">
        <v>69</v>
      </c>
      <c r="E3836" s="6">
        <v>11001</v>
      </c>
      <c r="F3836" s="6" t="s">
        <v>18</v>
      </c>
      <c r="G3836" s="6" t="s">
        <v>7784</v>
      </c>
      <c r="H3836" s="6" t="s">
        <v>7785</v>
      </c>
      <c r="I3836" s="7">
        <v>4.5437759999999896</v>
      </c>
      <c r="J3836" s="8">
        <v>-74.089312499999906</v>
      </c>
    </row>
    <row r="3837" spans="1:10" x14ac:dyDescent="0.35">
      <c r="A3837" s="5" t="s">
        <v>10</v>
      </c>
      <c r="B3837" s="6">
        <v>203471</v>
      </c>
      <c r="C3837" s="6" t="s">
        <v>366</v>
      </c>
      <c r="D3837" s="6" t="s">
        <v>7786</v>
      </c>
      <c r="E3837" s="6">
        <v>44378</v>
      </c>
      <c r="F3837" s="6" t="s">
        <v>18</v>
      </c>
      <c r="G3837" s="6" t="s">
        <v>7787</v>
      </c>
      <c r="H3837" s="6" t="s">
        <v>7788</v>
      </c>
      <c r="I3837" s="7">
        <v>11.066345</v>
      </c>
      <c r="J3837" s="8">
        <v>-72.762546</v>
      </c>
    </row>
    <row r="3838" spans="1:10" x14ac:dyDescent="0.35">
      <c r="A3838" s="5" t="s">
        <v>10</v>
      </c>
      <c r="B3838" s="6">
        <v>201253</v>
      </c>
      <c r="C3838" s="6" t="s">
        <v>302</v>
      </c>
      <c r="D3838" s="6" t="s">
        <v>4041</v>
      </c>
      <c r="E3838" s="6">
        <v>8758</v>
      </c>
      <c r="F3838" s="6" t="s">
        <v>18</v>
      </c>
      <c r="G3838" s="6" t="s">
        <v>7789</v>
      </c>
      <c r="H3838" s="6" t="s">
        <v>7790</v>
      </c>
      <c r="I3838" s="7">
        <v>10.9172593</v>
      </c>
      <c r="J3838" s="8">
        <v>-74.810978499999905</v>
      </c>
    </row>
    <row r="3839" spans="1:10" x14ac:dyDescent="0.35">
      <c r="A3839" s="5" t="s">
        <v>10</v>
      </c>
      <c r="B3839" s="6">
        <v>197540</v>
      </c>
      <c r="C3839" s="6" t="s">
        <v>302</v>
      </c>
      <c r="D3839" s="6" t="s">
        <v>7633</v>
      </c>
      <c r="E3839" s="6">
        <v>8634</v>
      </c>
      <c r="F3839" s="6" t="s">
        <v>18</v>
      </c>
      <c r="G3839" s="6" t="s">
        <v>7791</v>
      </c>
      <c r="H3839" s="6" t="s">
        <v>7792</v>
      </c>
      <c r="I3839" s="7">
        <v>10.788887600000001</v>
      </c>
      <c r="J3839" s="8">
        <v>-74.759495000000001</v>
      </c>
    </row>
    <row r="3840" spans="1:10" x14ac:dyDescent="0.35">
      <c r="A3840" s="5" t="s">
        <v>10</v>
      </c>
      <c r="B3840" s="6">
        <v>229937</v>
      </c>
      <c r="C3840" s="6" t="s">
        <v>38</v>
      </c>
      <c r="D3840" s="6" t="s">
        <v>7793</v>
      </c>
      <c r="E3840" s="6">
        <v>19743</v>
      </c>
      <c r="F3840" s="6" t="s">
        <v>18</v>
      </c>
      <c r="G3840" s="6" t="s">
        <v>7794</v>
      </c>
      <c r="H3840" s="6" t="s">
        <v>7795</v>
      </c>
      <c r="I3840" s="7">
        <v>2.611148</v>
      </c>
      <c r="J3840" s="8">
        <v>-76.379709000000005</v>
      </c>
    </row>
    <row r="3841" spans="1:10" x14ac:dyDescent="0.35">
      <c r="A3841" s="5" t="s">
        <v>10</v>
      </c>
      <c r="B3841" s="6">
        <v>208393</v>
      </c>
      <c r="C3841" s="6" t="s">
        <v>16</v>
      </c>
      <c r="D3841" s="6" t="s">
        <v>846</v>
      </c>
      <c r="E3841" s="6">
        <v>68500</v>
      </c>
      <c r="F3841" s="6" t="s">
        <v>18</v>
      </c>
      <c r="G3841" s="6" t="s">
        <v>7796</v>
      </c>
      <c r="H3841" s="6" t="s">
        <v>7797</v>
      </c>
      <c r="I3841" s="7">
        <v>10.4229301</v>
      </c>
      <c r="J3841" s="8">
        <v>-75.550232399999999</v>
      </c>
    </row>
    <row r="3842" spans="1:10" x14ac:dyDescent="0.35">
      <c r="A3842" s="5" t="s">
        <v>10</v>
      </c>
      <c r="B3842" s="6">
        <v>220570</v>
      </c>
      <c r="C3842" s="6" t="s">
        <v>61</v>
      </c>
      <c r="D3842" s="6" t="s">
        <v>62</v>
      </c>
      <c r="E3842" s="6">
        <v>63001</v>
      </c>
      <c r="F3842" s="6" t="s">
        <v>18</v>
      </c>
      <c r="G3842" s="6" t="s">
        <v>7798</v>
      </c>
      <c r="H3842" s="6" t="s">
        <v>7799</v>
      </c>
      <c r="I3842" s="7">
        <v>4.5351561999999896</v>
      </c>
      <c r="J3842" s="8">
        <v>-75.673024099999907</v>
      </c>
    </row>
    <row r="3843" spans="1:10" x14ac:dyDescent="0.35">
      <c r="A3843" s="5" t="s">
        <v>10</v>
      </c>
      <c r="B3843" s="6">
        <v>245584</v>
      </c>
      <c r="C3843" s="6" t="s">
        <v>94</v>
      </c>
      <c r="D3843" s="6" t="s">
        <v>98</v>
      </c>
      <c r="E3843" s="6">
        <v>66001</v>
      </c>
      <c r="F3843" s="6" t="s">
        <v>18</v>
      </c>
      <c r="G3843" s="6" t="s">
        <v>7800</v>
      </c>
      <c r="H3843" s="6" t="s">
        <v>7801</v>
      </c>
      <c r="I3843" s="7">
        <v>4.8067348000000001</v>
      </c>
      <c r="J3843" s="8">
        <v>-75.700132300000007</v>
      </c>
    </row>
    <row r="3844" spans="1:10" x14ac:dyDescent="0.35">
      <c r="A3844" s="5" t="s">
        <v>10</v>
      </c>
      <c r="B3844" s="6">
        <v>216620</v>
      </c>
      <c r="C3844" s="6" t="s">
        <v>294</v>
      </c>
      <c r="D3844" s="6" t="s">
        <v>703</v>
      </c>
      <c r="E3844" s="6">
        <v>41001</v>
      </c>
      <c r="F3844" s="6" t="s">
        <v>13</v>
      </c>
      <c r="G3844" s="6" t="s">
        <v>7802</v>
      </c>
      <c r="H3844" s="6" t="s">
        <v>7803</v>
      </c>
      <c r="I3844" s="7">
        <v>2.9403074</v>
      </c>
      <c r="J3844" s="8">
        <v>-75.259700699999996</v>
      </c>
    </row>
    <row r="3845" spans="1:10" x14ac:dyDescent="0.35">
      <c r="A3845" s="5" t="s">
        <v>10</v>
      </c>
      <c r="B3845" s="6">
        <v>221025</v>
      </c>
      <c r="C3845" s="6" t="s">
        <v>68</v>
      </c>
      <c r="D3845" s="6" t="s">
        <v>69</v>
      </c>
      <c r="E3845" s="6">
        <v>11001</v>
      </c>
      <c r="F3845" s="6" t="s">
        <v>18</v>
      </c>
      <c r="G3845" s="6" t="s">
        <v>7804</v>
      </c>
      <c r="H3845" s="6" t="s">
        <v>7805</v>
      </c>
      <c r="I3845" s="7">
        <v>4.5732248999999996</v>
      </c>
      <c r="J3845" s="8">
        <v>-74.157693799999905</v>
      </c>
    </row>
    <row r="3846" spans="1:10" x14ac:dyDescent="0.35">
      <c r="A3846" s="5" t="s">
        <v>10</v>
      </c>
      <c r="B3846" s="6">
        <v>213822</v>
      </c>
      <c r="C3846" s="6" t="s">
        <v>68</v>
      </c>
      <c r="D3846" s="6" t="s">
        <v>69</v>
      </c>
      <c r="E3846" s="6">
        <v>11001</v>
      </c>
      <c r="F3846" s="6" t="s">
        <v>18</v>
      </c>
      <c r="G3846" s="6" t="s">
        <v>7806</v>
      </c>
      <c r="H3846" s="6" t="s">
        <v>7807</v>
      </c>
      <c r="I3846" s="7">
        <v>4.5602954999999996</v>
      </c>
      <c r="J3846" s="8">
        <v>-74.1446519</v>
      </c>
    </row>
    <row r="3847" spans="1:10" x14ac:dyDescent="0.35">
      <c r="A3847" s="5" t="s">
        <v>10</v>
      </c>
      <c r="B3847" s="6">
        <v>205453</v>
      </c>
      <c r="C3847" s="6" t="s">
        <v>16</v>
      </c>
      <c r="D3847" s="6" t="s">
        <v>2825</v>
      </c>
      <c r="E3847" s="6">
        <v>68276</v>
      </c>
      <c r="F3847" s="6" t="s">
        <v>18</v>
      </c>
      <c r="G3847" s="6" t="s">
        <v>7808</v>
      </c>
      <c r="H3847" s="6" t="s">
        <v>7809</v>
      </c>
      <c r="I3847" s="7">
        <v>7.0727962</v>
      </c>
      <c r="J3847" s="8">
        <v>-73.087884799999998</v>
      </c>
    </row>
    <row r="3848" spans="1:10" x14ac:dyDescent="0.35">
      <c r="A3848" s="5" t="s">
        <v>10</v>
      </c>
      <c r="B3848" s="6">
        <v>142140</v>
      </c>
      <c r="C3848" s="6" t="s">
        <v>294</v>
      </c>
      <c r="D3848" s="6" t="s">
        <v>703</v>
      </c>
      <c r="E3848" s="6">
        <v>41001</v>
      </c>
      <c r="F3848" s="6" t="s">
        <v>18</v>
      </c>
      <c r="G3848" s="6" t="s">
        <v>7810</v>
      </c>
      <c r="H3848" s="6" t="s">
        <v>7811</v>
      </c>
      <c r="I3848" s="7">
        <v>2.9344836999999999</v>
      </c>
      <c r="J3848" s="8">
        <v>-75.280900099999997</v>
      </c>
    </row>
    <row r="3849" spans="1:10" x14ac:dyDescent="0.35">
      <c r="A3849" s="5" t="s">
        <v>10</v>
      </c>
      <c r="B3849" s="6">
        <v>111194</v>
      </c>
      <c r="C3849" s="6" t="s">
        <v>294</v>
      </c>
      <c r="D3849" s="6" t="s">
        <v>703</v>
      </c>
      <c r="E3849" s="6">
        <v>41001</v>
      </c>
      <c r="F3849" s="6" t="s">
        <v>18</v>
      </c>
      <c r="G3849" s="6" t="s">
        <v>7812</v>
      </c>
      <c r="H3849" s="6" t="s">
        <v>7813</v>
      </c>
      <c r="I3849" s="7">
        <v>2.9488645999999998</v>
      </c>
      <c r="J3849" s="8">
        <v>-75.301717799999906</v>
      </c>
    </row>
    <row r="3850" spans="1:10" x14ac:dyDescent="0.35">
      <c r="A3850" s="5" t="s">
        <v>10</v>
      </c>
      <c r="B3850" s="6">
        <v>222866</v>
      </c>
      <c r="C3850" s="6" t="s">
        <v>294</v>
      </c>
      <c r="D3850" s="6" t="s">
        <v>3777</v>
      </c>
      <c r="E3850" s="6">
        <v>41132</v>
      </c>
      <c r="F3850" s="6" t="s">
        <v>18</v>
      </c>
      <c r="G3850" s="6" t="s">
        <v>7814</v>
      </c>
      <c r="H3850" s="6" t="s">
        <v>7815</v>
      </c>
      <c r="I3850" s="7">
        <v>2.6942214999999998</v>
      </c>
      <c r="J3850" s="8">
        <v>-75.324749299999993</v>
      </c>
    </row>
    <row r="3851" spans="1:10" x14ac:dyDescent="0.35">
      <c r="A3851" s="5" t="s">
        <v>10</v>
      </c>
      <c r="B3851" s="6">
        <v>209495</v>
      </c>
      <c r="C3851" s="6" t="s">
        <v>302</v>
      </c>
      <c r="D3851" s="6" t="s">
        <v>4041</v>
      </c>
      <c r="E3851" s="6">
        <v>8758</v>
      </c>
      <c r="F3851" s="6" t="s">
        <v>18</v>
      </c>
      <c r="G3851" s="6" t="s">
        <v>7816</v>
      </c>
      <c r="H3851" s="6" t="s">
        <v>7817</v>
      </c>
      <c r="I3851" s="7">
        <v>10.9201523</v>
      </c>
      <c r="J3851" s="8">
        <v>-74.809039099999893</v>
      </c>
    </row>
    <row r="3852" spans="1:10" x14ac:dyDescent="0.35">
      <c r="A3852" s="5" t="s">
        <v>10</v>
      </c>
      <c r="B3852" s="6">
        <v>214227</v>
      </c>
      <c r="C3852" s="6" t="s">
        <v>366</v>
      </c>
      <c r="D3852" s="6" t="s">
        <v>370</v>
      </c>
      <c r="E3852" s="6">
        <v>44874</v>
      </c>
      <c r="F3852" s="6" t="s">
        <v>18</v>
      </c>
      <c r="G3852" s="6" t="s">
        <v>7818</v>
      </c>
      <c r="H3852" s="6" t="s">
        <v>7819</v>
      </c>
      <c r="I3852" s="7">
        <v>10.6028343</v>
      </c>
      <c r="J3852" s="8">
        <v>-72.984268999999998</v>
      </c>
    </row>
    <row r="3853" spans="1:10" x14ac:dyDescent="0.35">
      <c r="A3853" s="5" t="s">
        <v>10</v>
      </c>
      <c r="B3853" s="6">
        <v>204281</v>
      </c>
      <c r="C3853" s="6" t="s">
        <v>16</v>
      </c>
      <c r="D3853" s="6" t="s">
        <v>7820</v>
      </c>
      <c r="E3853" s="6">
        <v>68780</v>
      </c>
      <c r="F3853" s="6" t="s">
        <v>18</v>
      </c>
      <c r="G3853" s="6" t="s">
        <v>7821</v>
      </c>
      <c r="H3853" s="6" t="s">
        <v>7822</v>
      </c>
      <c r="I3853" s="7">
        <v>7.3665149999999997</v>
      </c>
      <c r="J3853" s="8">
        <v>-72.983982999999995</v>
      </c>
    </row>
    <row r="3854" spans="1:10" x14ac:dyDescent="0.35">
      <c r="A3854" s="5" t="s">
        <v>10</v>
      </c>
      <c r="B3854" s="6">
        <v>214574</v>
      </c>
      <c r="C3854" s="6" t="s">
        <v>16</v>
      </c>
      <c r="D3854" s="6" t="s">
        <v>78</v>
      </c>
      <c r="E3854" s="6">
        <v>68001</v>
      </c>
      <c r="F3854" s="6" t="s">
        <v>18</v>
      </c>
      <c r="G3854" s="6" t="s">
        <v>7823</v>
      </c>
      <c r="H3854" s="6" t="s">
        <v>7824</v>
      </c>
      <c r="I3854" s="7">
        <v>7.1148514</v>
      </c>
      <c r="J3854" s="8">
        <v>-73.121631299999905</v>
      </c>
    </row>
    <row r="3855" spans="1:10" x14ac:dyDescent="0.35">
      <c r="A3855" s="5" t="s">
        <v>10</v>
      </c>
      <c r="B3855" s="6">
        <v>206811</v>
      </c>
      <c r="C3855" s="6" t="s">
        <v>3788</v>
      </c>
      <c r="D3855" s="6" t="s">
        <v>3974</v>
      </c>
      <c r="E3855" s="6">
        <v>18001</v>
      </c>
      <c r="F3855" s="6" t="s">
        <v>18</v>
      </c>
      <c r="G3855" s="6" t="s">
        <v>7825</v>
      </c>
      <c r="H3855" s="6" t="s">
        <v>7826</v>
      </c>
      <c r="I3855" s="7">
        <v>1.45749</v>
      </c>
      <c r="J3855" s="8">
        <v>-75.543019999999999</v>
      </c>
    </row>
    <row r="3856" spans="1:10" x14ac:dyDescent="0.35">
      <c r="A3856" s="5" t="s">
        <v>10</v>
      </c>
      <c r="B3856" s="6">
        <v>227941</v>
      </c>
      <c r="C3856" s="6" t="s">
        <v>68</v>
      </c>
      <c r="D3856" s="6" t="s">
        <v>69</v>
      </c>
      <c r="E3856" s="6">
        <v>11001</v>
      </c>
      <c r="F3856" s="6" t="s">
        <v>18</v>
      </c>
      <c r="G3856" s="6" t="s">
        <v>7827</v>
      </c>
      <c r="H3856" s="6" t="s">
        <v>7828</v>
      </c>
      <c r="I3856" s="7">
        <v>4.5671872000000002</v>
      </c>
      <c r="J3856" s="8">
        <v>-74.146969599999906</v>
      </c>
    </row>
    <row r="3857" spans="1:10" x14ac:dyDescent="0.35">
      <c r="A3857" s="5" t="s">
        <v>10</v>
      </c>
      <c r="B3857" s="6">
        <v>206384</v>
      </c>
      <c r="C3857" s="6" t="s">
        <v>294</v>
      </c>
      <c r="D3857" s="6" t="s">
        <v>4789</v>
      </c>
      <c r="E3857" s="6">
        <v>41548</v>
      </c>
      <c r="F3857" s="6" t="s">
        <v>18</v>
      </c>
      <c r="G3857" s="6" t="s">
        <v>7829</v>
      </c>
      <c r="H3857" s="6" t="s">
        <v>7830</v>
      </c>
      <c r="I3857" s="7">
        <v>2.2667329999999999</v>
      </c>
      <c r="J3857" s="8">
        <v>-75.803848000000002</v>
      </c>
    </row>
    <row r="3858" spans="1:10" x14ac:dyDescent="0.35">
      <c r="A3858" s="5" t="s">
        <v>10</v>
      </c>
      <c r="B3858" s="6">
        <v>93999</v>
      </c>
      <c r="C3858" s="6" t="s">
        <v>11</v>
      </c>
      <c r="D3858" s="6" t="s">
        <v>12</v>
      </c>
      <c r="E3858" s="6">
        <v>25899</v>
      </c>
      <c r="F3858" s="6" t="s">
        <v>18</v>
      </c>
      <c r="G3858" s="6" t="s">
        <v>7831</v>
      </c>
      <c r="H3858" s="6" t="s">
        <v>7832</v>
      </c>
      <c r="I3858" s="7">
        <v>5.0250671999999996</v>
      </c>
      <c r="J3858" s="8">
        <v>-74.004319499999994</v>
      </c>
    </row>
    <row r="3859" spans="1:10" x14ac:dyDescent="0.35">
      <c r="A3859" s="5" t="s">
        <v>10</v>
      </c>
      <c r="B3859" s="6">
        <v>167594</v>
      </c>
      <c r="C3859" s="6" t="s">
        <v>302</v>
      </c>
      <c r="D3859" s="6" t="s">
        <v>7833</v>
      </c>
      <c r="E3859" s="6">
        <v>8685</v>
      </c>
      <c r="F3859" s="6" t="s">
        <v>18</v>
      </c>
      <c r="G3859" s="6" t="s">
        <v>7834</v>
      </c>
      <c r="H3859" s="6" t="s">
        <v>7835</v>
      </c>
      <c r="I3859" s="7">
        <v>10.762972299999999</v>
      </c>
      <c r="J3859" s="8">
        <v>-74.755960999999999</v>
      </c>
    </row>
    <row r="3860" spans="1:10" x14ac:dyDescent="0.35">
      <c r="A3860" s="5" t="s">
        <v>10</v>
      </c>
      <c r="B3860" s="6">
        <v>241530</v>
      </c>
      <c r="C3860" s="6" t="s">
        <v>4364</v>
      </c>
      <c r="D3860" s="6" t="s">
        <v>7836</v>
      </c>
      <c r="E3860" s="6">
        <v>70717</v>
      </c>
      <c r="F3860" s="6" t="s">
        <v>18</v>
      </c>
      <c r="G3860" s="6" t="s">
        <v>7837</v>
      </c>
      <c r="H3860" s="6" t="s">
        <v>7838</v>
      </c>
      <c r="I3860" s="7">
        <v>3.4486553</v>
      </c>
      <c r="J3860" s="8">
        <v>-76.528288200000006</v>
      </c>
    </row>
    <row r="3861" spans="1:10" x14ac:dyDescent="0.35">
      <c r="A3861" s="5" t="s">
        <v>10</v>
      </c>
      <c r="B3861" s="6">
        <v>222759</v>
      </c>
      <c r="C3861" s="6" t="s">
        <v>38</v>
      </c>
      <c r="D3861" s="6" t="s">
        <v>7839</v>
      </c>
      <c r="E3861" s="6">
        <v>19573</v>
      </c>
      <c r="F3861" s="6" t="s">
        <v>18</v>
      </c>
      <c r="G3861" s="6" t="s">
        <v>113</v>
      </c>
      <c r="H3861" s="6" t="s">
        <v>7840</v>
      </c>
      <c r="I3861" s="7">
        <v>3.2205900000000001</v>
      </c>
      <c r="J3861" s="8">
        <v>-76.415464999999998</v>
      </c>
    </row>
    <row r="3862" spans="1:10" x14ac:dyDescent="0.35">
      <c r="A3862" s="5" t="s">
        <v>10</v>
      </c>
      <c r="B3862" s="6">
        <v>222830</v>
      </c>
      <c r="C3862" s="6" t="s">
        <v>11</v>
      </c>
      <c r="D3862" s="6" t="s">
        <v>334</v>
      </c>
      <c r="E3862" s="6">
        <v>25754</v>
      </c>
      <c r="F3862" s="6" t="s">
        <v>13</v>
      </c>
      <c r="G3862" s="6" t="s">
        <v>7841</v>
      </c>
      <c r="H3862" s="6" t="s">
        <v>7842</v>
      </c>
      <c r="I3862" s="7">
        <v>4.6063707999999997</v>
      </c>
      <c r="J3862" s="8">
        <v>-74.212865399999998</v>
      </c>
    </row>
    <row r="3863" spans="1:10" x14ac:dyDescent="0.35">
      <c r="A3863" s="5" t="s">
        <v>10</v>
      </c>
      <c r="B3863" s="6">
        <v>235222</v>
      </c>
      <c r="C3863" s="6" t="s">
        <v>68</v>
      </c>
      <c r="D3863" s="6" t="s">
        <v>69</v>
      </c>
      <c r="E3863" s="6">
        <v>11001</v>
      </c>
      <c r="F3863" s="6" t="s">
        <v>18</v>
      </c>
      <c r="G3863" s="6" t="s">
        <v>7843</v>
      </c>
      <c r="H3863" s="6" t="s">
        <v>7844</v>
      </c>
      <c r="I3863" s="7">
        <v>4.566192</v>
      </c>
      <c r="J3863" s="8">
        <v>-74.142824700000006</v>
      </c>
    </row>
    <row r="3864" spans="1:10" x14ac:dyDescent="0.35">
      <c r="A3864" s="5" t="s">
        <v>10</v>
      </c>
      <c r="B3864" s="6">
        <v>243731</v>
      </c>
      <c r="C3864" s="6" t="s">
        <v>11</v>
      </c>
      <c r="D3864" s="6" t="s">
        <v>334</v>
      </c>
      <c r="E3864" s="6">
        <v>25754</v>
      </c>
      <c r="F3864" s="6" t="s">
        <v>18</v>
      </c>
      <c r="G3864" s="6" t="s">
        <v>7845</v>
      </c>
      <c r="H3864" s="6" t="s">
        <v>7846</v>
      </c>
      <c r="I3864" s="7">
        <v>4.6076765000000002</v>
      </c>
      <c r="J3864" s="8">
        <v>-74.220867299999995</v>
      </c>
    </row>
    <row r="3865" spans="1:10" x14ac:dyDescent="0.35">
      <c r="A3865" s="5" t="s">
        <v>10</v>
      </c>
      <c r="B3865" s="6">
        <v>232247</v>
      </c>
      <c r="C3865" s="6" t="s">
        <v>68</v>
      </c>
      <c r="D3865" s="6" t="s">
        <v>69</v>
      </c>
      <c r="E3865" s="6">
        <v>11001</v>
      </c>
      <c r="F3865" s="6" t="s">
        <v>18</v>
      </c>
      <c r="G3865" s="6" t="s">
        <v>7847</v>
      </c>
      <c r="H3865" s="6" t="s">
        <v>7848</v>
      </c>
      <c r="I3865" s="7">
        <v>4.5408314000000001</v>
      </c>
      <c r="J3865" s="8">
        <v>-74.148014700000004</v>
      </c>
    </row>
    <row r="3866" spans="1:10" x14ac:dyDescent="0.35">
      <c r="A3866" s="5" t="s">
        <v>10</v>
      </c>
      <c r="B3866" s="6">
        <v>69362</v>
      </c>
      <c r="C3866" s="6" t="s">
        <v>294</v>
      </c>
      <c r="D3866" s="6" t="s">
        <v>703</v>
      </c>
      <c r="E3866" s="6">
        <v>41001</v>
      </c>
      <c r="F3866" s="6" t="s">
        <v>18</v>
      </c>
      <c r="G3866" s="6" t="s">
        <v>7849</v>
      </c>
      <c r="H3866" s="6" t="s">
        <v>7850</v>
      </c>
      <c r="I3866" s="7">
        <v>2.9567022999999999</v>
      </c>
      <c r="J3866" s="8">
        <v>-75.282984400000004</v>
      </c>
    </row>
    <row r="3867" spans="1:10" x14ac:dyDescent="0.35">
      <c r="A3867" s="5" t="s">
        <v>10</v>
      </c>
      <c r="B3867" s="6">
        <v>230563</v>
      </c>
      <c r="C3867" s="6" t="s">
        <v>294</v>
      </c>
      <c r="D3867" s="6" t="s">
        <v>703</v>
      </c>
      <c r="E3867" s="6">
        <v>41001</v>
      </c>
      <c r="F3867" s="6" t="s">
        <v>18</v>
      </c>
      <c r="G3867" s="6" t="s">
        <v>7851</v>
      </c>
      <c r="H3867" s="6" t="s">
        <v>7852</v>
      </c>
      <c r="I3867" s="7">
        <v>2.9138351</v>
      </c>
      <c r="J3867" s="8">
        <v>-75.269414600000005</v>
      </c>
    </row>
    <row r="3868" spans="1:10" x14ac:dyDescent="0.35">
      <c r="A3868" s="5" t="s">
        <v>10</v>
      </c>
      <c r="B3868" s="6">
        <v>232445</v>
      </c>
      <c r="C3868" s="6" t="s">
        <v>294</v>
      </c>
      <c r="D3868" s="6" t="s">
        <v>703</v>
      </c>
      <c r="E3868" s="6">
        <v>41001</v>
      </c>
      <c r="F3868" s="6" t="s">
        <v>18</v>
      </c>
      <c r="G3868" s="6" t="s">
        <v>7853</v>
      </c>
      <c r="H3868" s="6" t="s">
        <v>7854</v>
      </c>
      <c r="I3868" s="7">
        <v>2.9227384999999999</v>
      </c>
      <c r="J3868" s="8">
        <v>-75.289986999999996</v>
      </c>
    </row>
    <row r="3869" spans="1:10" x14ac:dyDescent="0.35">
      <c r="A3869" s="5" t="s">
        <v>10</v>
      </c>
      <c r="B3869" s="6">
        <v>152075</v>
      </c>
      <c r="C3869" s="6" t="s">
        <v>294</v>
      </c>
      <c r="D3869" s="6" t="s">
        <v>4213</v>
      </c>
      <c r="E3869" s="6">
        <v>41791</v>
      </c>
      <c r="F3869" s="6" t="s">
        <v>18</v>
      </c>
      <c r="G3869" s="6" t="s">
        <v>7855</v>
      </c>
      <c r="H3869" s="6" t="s">
        <v>7856</v>
      </c>
      <c r="I3869" s="7">
        <v>2.1139372000000001</v>
      </c>
      <c r="J3869" s="8">
        <v>-75.824819099999999</v>
      </c>
    </row>
    <row r="3870" spans="1:10" x14ac:dyDescent="0.35">
      <c r="A3870" s="5" t="s">
        <v>10</v>
      </c>
      <c r="B3870" s="6">
        <v>167081</v>
      </c>
      <c r="C3870" s="6" t="s">
        <v>68</v>
      </c>
      <c r="D3870" s="6" t="s">
        <v>69</v>
      </c>
      <c r="E3870" s="6">
        <v>11001</v>
      </c>
      <c r="F3870" s="6" t="s">
        <v>18</v>
      </c>
      <c r="G3870" s="6" t="s">
        <v>7857</v>
      </c>
      <c r="H3870" s="6" t="s">
        <v>7858</v>
      </c>
      <c r="I3870" s="7">
        <v>4.5568118000000002</v>
      </c>
      <c r="J3870" s="8">
        <v>-74.086842199999893</v>
      </c>
    </row>
    <row r="3871" spans="1:10" x14ac:dyDescent="0.35">
      <c r="A3871" s="5" t="s">
        <v>10</v>
      </c>
      <c r="B3871" s="6">
        <v>234165</v>
      </c>
      <c r="C3871" s="6" t="s">
        <v>68</v>
      </c>
      <c r="D3871" s="6" t="s">
        <v>69</v>
      </c>
      <c r="E3871" s="6">
        <v>11001</v>
      </c>
      <c r="F3871" s="6" t="s">
        <v>18</v>
      </c>
      <c r="G3871" s="6" t="s">
        <v>7859</v>
      </c>
      <c r="H3871" s="6" t="s">
        <v>7860</v>
      </c>
      <c r="I3871" s="7">
        <v>4.5818662999999997</v>
      </c>
      <c r="J3871" s="8">
        <v>-74.094403600000007</v>
      </c>
    </row>
    <row r="3872" spans="1:10" x14ac:dyDescent="0.35">
      <c r="A3872" s="5" t="s">
        <v>10</v>
      </c>
      <c r="B3872" s="6">
        <v>187360</v>
      </c>
      <c r="C3872" s="6" t="s">
        <v>11</v>
      </c>
      <c r="D3872" s="6" t="s">
        <v>221</v>
      </c>
      <c r="E3872" s="6">
        <v>25430</v>
      </c>
      <c r="F3872" s="6" t="s">
        <v>18</v>
      </c>
      <c r="G3872" s="6" t="s">
        <v>7861</v>
      </c>
      <c r="H3872" s="6" t="s">
        <v>7862</v>
      </c>
      <c r="I3872" s="7">
        <v>4.7270310000000002</v>
      </c>
      <c r="J3872" s="8">
        <v>-74.281227299999998</v>
      </c>
    </row>
    <row r="3873" spans="1:10" x14ac:dyDescent="0.35">
      <c r="A3873" s="5" t="s">
        <v>10</v>
      </c>
      <c r="B3873" s="6">
        <v>187368</v>
      </c>
      <c r="C3873" s="6" t="s">
        <v>11</v>
      </c>
      <c r="D3873" s="6" t="s">
        <v>101</v>
      </c>
      <c r="E3873" s="6">
        <v>25473</v>
      </c>
      <c r="F3873" s="6" t="s">
        <v>18</v>
      </c>
      <c r="G3873" s="6" t="s">
        <v>7863</v>
      </c>
      <c r="H3873" s="6" t="s">
        <v>7864</v>
      </c>
      <c r="I3873" s="7">
        <v>4.7032292999999896</v>
      </c>
      <c r="J3873" s="8">
        <v>-74.216156799999993</v>
      </c>
    </row>
    <row r="3874" spans="1:10" x14ac:dyDescent="0.35">
      <c r="A3874" s="5" t="s">
        <v>10</v>
      </c>
      <c r="B3874" s="6">
        <v>240151</v>
      </c>
      <c r="C3874" s="6" t="s">
        <v>302</v>
      </c>
      <c r="D3874" s="6" t="s">
        <v>359</v>
      </c>
      <c r="E3874" s="6">
        <v>8001</v>
      </c>
      <c r="F3874" s="6" t="s">
        <v>18</v>
      </c>
      <c r="G3874" s="6" t="s">
        <v>7865</v>
      </c>
      <c r="H3874" s="6" t="s">
        <v>7866</v>
      </c>
      <c r="I3874" s="7">
        <v>10.9885935</v>
      </c>
      <c r="J3874" s="8">
        <v>-74.802446599999996</v>
      </c>
    </row>
    <row r="3875" spans="1:10" x14ac:dyDescent="0.35">
      <c r="A3875" s="5" t="s">
        <v>10</v>
      </c>
      <c r="B3875" s="6">
        <v>234806</v>
      </c>
      <c r="C3875" s="6" t="s">
        <v>302</v>
      </c>
      <c r="D3875" s="6" t="s">
        <v>4041</v>
      </c>
      <c r="E3875" s="6">
        <v>8758</v>
      </c>
      <c r="F3875" s="6" t="s">
        <v>18</v>
      </c>
      <c r="G3875" s="6" t="s">
        <v>7867</v>
      </c>
      <c r="H3875" s="6" t="s">
        <v>7868</v>
      </c>
      <c r="I3875" s="7">
        <v>10.916189899999999</v>
      </c>
      <c r="J3875" s="8">
        <v>-74.779736099999994</v>
      </c>
    </row>
    <row r="3876" spans="1:10" x14ac:dyDescent="0.35">
      <c r="A3876" s="5" t="s">
        <v>10</v>
      </c>
      <c r="B3876" s="6">
        <v>223338</v>
      </c>
      <c r="C3876" s="6" t="s">
        <v>302</v>
      </c>
      <c r="D3876" s="6" t="s">
        <v>4041</v>
      </c>
      <c r="E3876" s="6">
        <v>8758</v>
      </c>
      <c r="F3876" s="6" t="s">
        <v>18</v>
      </c>
      <c r="G3876" s="6" t="s">
        <v>7869</v>
      </c>
      <c r="H3876" s="6" t="s">
        <v>7870</v>
      </c>
      <c r="I3876" s="7">
        <v>10.9327778</v>
      </c>
      <c r="J3876" s="8">
        <v>-74.787886599999993</v>
      </c>
    </row>
    <row r="3877" spans="1:10" x14ac:dyDescent="0.35">
      <c r="A3877" s="5" t="s">
        <v>10</v>
      </c>
      <c r="B3877" s="6">
        <v>214050</v>
      </c>
      <c r="C3877" s="6" t="s">
        <v>16</v>
      </c>
      <c r="D3877" s="6" t="s">
        <v>78</v>
      </c>
      <c r="E3877" s="6">
        <v>68001</v>
      </c>
      <c r="F3877" s="6" t="s">
        <v>18</v>
      </c>
      <c r="G3877" s="6" t="s">
        <v>7871</v>
      </c>
      <c r="H3877" s="6" t="s">
        <v>7872</v>
      </c>
      <c r="I3877" s="7">
        <v>7.1491340000000001</v>
      </c>
      <c r="J3877" s="8">
        <v>-73.140166100000002</v>
      </c>
    </row>
    <row r="3878" spans="1:10" x14ac:dyDescent="0.35">
      <c r="A3878" s="5" t="s">
        <v>10</v>
      </c>
      <c r="B3878" s="6">
        <v>235254</v>
      </c>
      <c r="C3878" s="6" t="s">
        <v>61</v>
      </c>
      <c r="D3878" s="6" t="s">
        <v>62</v>
      </c>
      <c r="E3878" s="6">
        <v>63001</v>
      </c>
      <c r="F3878" s="6" t="s">
        <v>18</v>
      </c>
      <c r="G3878" s="6" t="s">
        <v>7873</v>
      </c>
      <c r="H3878" s="6" t="s">
        <v>7874</v>
      </c>
      <c r="I3878" s="7">
        <v>4.5180759999999998</v>
      </c>
      <c r="J3878" s="8">
        <v>-75.698767900000007</v>
      </c>
    </row>
    <row r="3879" spans="1:10" x14ac:dyDescent="0.35">
      <c r="A3879" s="5" t="s">
        <v>10</v>
      </c>
      <c r="B3879" s="6">
        <v>207065</v>
      </c>
      <c r="C3879" s="6" t="s">
        <v>3788</v>
      </c>
      <c r="D3879" s="6" t="s">
        <v>3974</v>
      </c>
      <c r="E3879" s="6">
        <v>18001</v>
      </c>
      <c r="F3879" s="6" t="s">
        <v>18</v>
      </c>
      <c r="G3879" s="6" t="s">
        <v>7875</v>
      </c>
      <c r="H3879" s="6" t="s">
        <v>7876</v>
      </c>
      <c r="I3879" s="7">
        <v>1.6181582000000001</v>
      </c>
      <c r="J3879" s="8">
        <v>-75.614532699999998</v>
      </c>
    </row>
    <row r="3880" spans="1:10" x14ac:dyDescent="0.35">
      <c r="A3880" s="5" t="s">
        <v>10</v>
      </c>
      <c r="B3880" s="6">
        <v>226692</v>
      </c>
      <c r="C3880" s="6" t="s">
        <v>68</v>
      </c>
      <c r="D3880" s="6" t="s">
        <v>69</v>
      </c>
      <c r="E3880" s="6">
        <v>11001</v>
      </c>
      <c r="F3880" s="6" t="s">
        <v>13</v>
      </c>
      <c r="G3880" s="6" t="s">
        <v>7877</v>
      </c>
      <c r="H3880" s="6" t="s">
        <v>7878</v>
      </c>
      <c r="I3880" s="7">
        <v>4.7503358000000002</v>
      </c>
      <c r="J3880" s="8">
        <v>-74.102506399999996</v>
      </c>
    </row>
    <row r="3881" spans="1:10" x14ac:dyDescent="0.35">
      <c r="A3881" s="5" t="s">
        <v>10</v>
      </c>
      <c r="B3881" s="6">
        <v>236311</v>
      </c>
      <c r="C3881" s="6" t="s">
        <v>68</v>
      </c>
      <c r="D3881" s="6" t="s">
        <v>69</v>
      </c>
      <c r="E3881" s="6">
        <v>11001</v>
      </c>
      <c r="F3881" s="6" t="s">
        <v>13</v>
      </c>
      <c r="G3881" s="6" t="s">
        <v>7879</v>
      </c>
      <c r="H3881" s="6" t="s">
        <v>7880</v>
      </c>
      <c r="I3881" s="7">
        <v>4.6105236999999999</v>
      </c>
      <c r="J3881" s="8">
        <v>-74.203680399999996</v>
      </c>
    </row>
    <row r="3882" spans="1:10" x14ac:dyDescent="0.35">
      <c r="A3882" s="5" t="s">
        <v>10</v>
      </c>
      <c r="B3882" s="6">
        <v>239282</v>
      </c>
      <c r="C3882" s="6" t="s">
        <v>302</v>
      </c>
      <c r="D3882" s="6" t="s">
        <v>359</v>
      </c>
      <c r="E3882" s="6">
        <v>8001</v>
      </c>
      <c r="F3882" s="6" t="s">
        <v>18</v>
      </c>
      <c r="G3882" s="6" t="s">
        <v>7881</v>
      </c>
      <c r="H3882" s="6" t="s">
        <v>7882</v>
      </c>
      <c r="I3882" s="7">
        <v>10.9304161</v>
      </c>
      <c r="J3882" s="8">
        <v>-74.801008999999993</v>
      </c>
    </row>
    <row r="3883" spans="1:10" x14ac:dyDescent="0.35">
      <c r="A3883" s="5" t="s">
        <v>10</v>
      </c>
      <c r="B3883" s="6">
        <v>244712</v>
      </c>
      <c r="C3883" s="6" t="s">
        <v>68</v>
      </c>
      <c r="D3883" s="6" t="s">
        <v>69</v>
      </c>
      <c r="E3883" s="6">
        <v>11001</v>
      </c>
      <c r="F3883" s="6" t="s">
        <v>18</v>
      </c>
      <c r="G3883" s="6" t="s">
        <v>7883</v>
      </c>
      <c r="H3883" s="6" t="s">
        <v>7884</v>
      </c>
      <c r="I3883" s="7">
        <v>4.6936973999999996</v>
      </c>
      <c r="J3883" s="8">
        <v>-74.1043691</v>
      </c>
    </row>
    <row r="3884" spans="1:10" x14ac:dyDescent="0.35">
      <c r="A3884" s="5" t="s">
        <v>10</v>
      </c>
      <c r="B3884" s="6">
        <v>244710</v>
      </c>
      <c r="C3884" s="6" t="s">
        <v>68</v>
      </c>
      <c r="D3884" s="6" t="s">
        <v>69</v>
      </c>
      <c r="E3884" s="6">
        <v>11001</v>
      </c>
      <c r="F3884" s="6" t="s">
        <v>18</v>
      </c>
      <c r="G3884" s="6" t="s">
        <v>7885</v>
      </c>
      <c r="H3884" s="6" t="s">
        <v>7886</v>
      </c>
      <c r="I3884" s="7">
        <v>4.7128696999999997</v>
      </c>
      <c r="J3884" s="8">
        <v>-74.102525700000001</v>
      </c>
    </row>
    <row r="3885" spans="1:10" x14ac:dyDescent="0.35">
      <c r="A3885" s="5" t="s">
        <v>10</v>
      </c>
      <c r="B3885" s="6">
        <v>217421</v>
      </c>
      <c r="C3885" s="6" t="s">
        <v>16</v>
      </c>
      <c r="D3885" s="6" t="s">
        <v>2825</v>
      </c>
      <c r="E3885" s="6">
        <v>68276</v>
      </c>
      <c r="F3885" s="6" t="s">
        <v>18</v>
      </c>
      <c r="G3885" s="6" t="s">
        <v>7887</v>
      </c>
      <c r="H3885" s="6" t="s">
        <v>7888</v>
      </c>
      <c r="I3885" s="7">
        <v>7.0720567999999897</v>
      </c>
      <c r="J3885" s="8">
        <v>-73.106822699999995</v>
      </c>
    </row>
    <row r="3886" spans="1:10" x14ac:dyDescent="0.35">
      <c r="A3886" s="5" t="s">
        <v>10</v>
      </c>
      <c r="B3886" s="6">
        <v>129992</v>
      </c>
      <c r="C3886" s="6" t="s">
        <v>11</v>
      </c>
      <c r="D3886" s="6" t="s">
        <v>4089</v>
      </c>
      <c r="E3886" s="6">
        <v>25777</v>
      </c>
      <c r="F3886" s="6" t="s">
        <v>18</v>
      </c>
      <c r="G3886" s="6" t="s">
        <v>7889</v>
      </c>
      <c r="H3886" s="6" t="s">
        <v>7890</v>
      </c>
      <c r="I3886" s="7">
        <v>5.0616070000000004</v>
      </c>
      <c r="J3886" s="8">
        <v>-74.235545999999999</v>
      </c>
    </row>
    <row r="3887" spans="1:10" x14ac:dyDescent="0.35">
      <c r="A3887" s="5" t="s">
        <v>10</v>
      </c>
      <c r="B3887" s="6">
        <v>167083</v>
      </c>
      <c r="C3887" s="6" t="s">
        <v>68</v>
      </c>
      <c r="D3887" s="6" t="s">
        <v>69</v>
      </c>
      <c r="E3887" s="6">
        <v>11001</v>
      </c>
      <c r="F3887" s="6" t="s">
        <v>18</v>
      </c>
      <c r="G3887" s="6" t="s">
        <v>7891</v>
      </c>
      <c r="H3887" s="6" t="s">
        <v>7892</v>
      </c>
      <c r="I3887" s="7">
        <v>4.5521292000000004</v>
      </c>
      <c r="J3887" s="8">
        <v>-74.088020499999999</v>
      </c>
    </row>
    <row r="3888" spans="1:10" x14ac:dyDescent="0.35">
      <c r="A3888" s="5" t="s">
        <v>10</v>
      </c>
      <c r="B3888" s="6">
        <v>179458</v>
      </c>
      <c r="C3888" s="6" t="s">
        <v>11</v>
      </c>
      <c r="D3888" s="6" t="s">
        <v>431</v>
      </c>
      <c r="E3888" s="6">
        <v>25402</v>
      </c>
      <c r="F3888" s="6" t="s">
        <v>18</v>
      </c>
      <c r="G3888" s="6" t="s">
        <v>7893</v>
      </c>
      <c r="H3888" s="6" t="s">
        <v>7894</v>
      </c>
      <c r="I3888" s="7">
        <v>5.0005280000000001</v>
      </c>
      <c r="J3888" s="8">
        <v>-74.339438999999999</v>
      </c>
    </row>
    <row r="3889" spans="1:10" x14ac:dyDescent="0.35">
      <c r="A3889" s="5" t="s">
        <v>10</v>
      </c>
      <c r="B3889" s="6">
        <v>209457</v>
      </c>
      <c r="C3889" s="6" t="s">
        <v>11</v>
      </c>
      <c r="D3889" s="6" t="s">
        <v>12</v>
      </c>
      <c r="E3889" s="6">
        <v>25899</v>
      </c>
      <c r="F3889" s="6" t="s">
        <v>18</v>
      </c>
      <c r="G3889" s="6" t="s">
        <v>7895</v>
      </c>
      <c r="H3889" s="6" t="s">
        <v>7896</v>
      </c>
      <c r="I3889" s="7">
        <v>5.0226224000000004</v>
      </c>
      <c r="J3889" s="8">
        <v>-74.005062199999998</v>
      </c>
    </row>
    <row r="3890" spans="1:10" x14ac:dyDescent="0.35">
      <c r="A3890" s="5" t="s">
        <v>10</v>
      </c>
      <c r="B3890" s="6">
        <v>204316</v>
      </c>
      <c r="C3890" s="6" t="s">
        <v>11</v>
      </c>
      <c r="D3890" s="6" t="s">
        <v>1633</v>
      </c>
      <c r="E3890" s="6">
        <v>25151</v>
      </c>
      <c r="F3890" s="6" t="s">
        <v>18</v>
      </c>
      <c r="G3890" s="6" t="s">
        <v>7897</v>
      </c>
      <c r="H3890" s="6" t="s">
        <v>7898</v>
      </c>
      <c r="I3890" s="7">
        <v>4.4056369000000002</v>
      </c>
      <c r="J3890" s="8">
        <v>-73.946686</v>
      </c>
    </row>
    <row r="3891" spans="1:10" x14ac:dyDescent="0.35">
      <c r="A3891" s="5" t="s">
        <v>10</v>
      </c>
      <c r="B3891" s="6">
        <v>222295</v>
      </c>
      <c r="C3891" s="6" t="s">
        <v>302</v>
      </c>
      <c r="D3891" s="6" t="s">
        <v>303</v>
      </c>
      <c r="E3891" s="6">
        <v>8638</v>
      </c>
      <c r="F3891" s="6" t="s">
        <v>18</v>
      </c>
      <c r="G3891" s="6" t="s">
        <v>7899</v>
      </c>
      <c r="H3891" s="6" t="s">
        <v>7900</v>
      </c>
      <c r="I3891" s="7">
        <v>10.6265331</v>
      </c>
      <c r="J3891" s="8">
        <v>-74.916858199999993</v>
      </c>
    </row>
    <row r="3892" spans="1:10" x14ac:dyDescent="0.35">
      <c r="A3892" s="5" t="s">
        <v>10</v>
      </c>
      <c r="B3892" s="6">
        <v>203422</v>
      </c>
      <c r="C3892" s="6" t="s">
        <v>302</v>
      </c>
      <c r="D3892" s="6" t="s">
        <v>4041</v>
      </c>
      <c r="E3892" s="6">
        <v>8758</v>
      </c>
      <c r="F3892" s="6" t="s">
        <v>18</v>
      </c>
      <c r="G3892" s="6" t="s">
        <v>7901</v>
      </c>
      <c r="H3892" s="6" t="s">
        <v>7902</v>
      </c>
      <c r="I3892" s="7">
        <v>10.935064300000001</v>
      </c>
      <c r="J3892" s="8">
        <v>-74.777932800000002</v>
      </c>
    </row>
    <row r="3893" spans="1:10" x14ac:dyDescent="0.35">
      <c r="A3893" s="5" t="s">
        <v>10</v>
      </c>
      <c r="B3893" s="6">
        <v>228639</v>
      </c>
      <c r="C3893" s="6" t="s">
        <v>38</v>
      </c>
      <c r="D3893" s="6" t="s">
        <v>4754</v>
      </c>
      <c r="E3893" s="6">
        <v>19455</v>
      </c>
      <c r="F3893" s="6" t="s">
        <v>18</v>
      </c>
      <c r="G3893" s="6" t="s">
        <v>7903</v>
      </c>
      <c r="H3893" s="6" t="s">
        <v>7904</v>
      </c>
      <c r="I3893" s="7">
        <v>3.2135541999999999</v>
      </c>
      <c r="J3893" s="8">
        <v>-76.213147399999997</v>
      </c>
    </row>
    <row r="3894" spans="1:10" x14ac:dyDescent="0.35">
      <c r="A3894" s="5" t="s">
        <v>10</v>
      </c>
      <c r="B3894" s="6">
        <v>243778</v>
      </c>
      <c r="C3894" s="6" t="s">
        <v>38</v>
      </c>
      <c r="D3894" s="6" t="s">
        <v>39</v>
      </c>
      <c r="E3894" s="6">
        <v>19001</v>
      </c>
      <c r="F3894" s="6" t="s">
        <v>18</v>
      </c>
      <c r="G3894" s="6" t="s">
        <v>7905</v>
      </c>
      <c r="H3894" s="6" t="s">
        <v>7906</v>
      </c>
      <c r="I3894" s="7">
        <v>2.4424670000000002</v>
      </c>
      <c r="J3894" s="8">
        <v>-76.612654199999994</v>
      </c>
    </row>
    <row r="3895" spans="1:10" x14ac:dyDescent="0.35">
      <c r="A3895" s="5" t="s">
        <v>10</v>
      </c>
      <c r="B3895" s="6">
        <v>243773</v>
      </c>
      <c r="C3895" s="6" t="s">
        <v>38</v>
      </c>
      <c r="D3895" s="6" t="s">
        <v>6300</v>
      </c>
      <c r="E3895" s="6">
        <v>19698</v>
      </c>
      <c r="F3895" s="6" t="s">
        <v>18</v>
      </c>
      <c r="G3895" s="6" t="s">
        <v>7907</v>
      </c>
      <c r="H3895" s="6" t="s">
        <v>7908</v>
      </c>
      <c r="I3895" s="7">
        <v>3.0138555</v>
      </c>
      <c r="J3895" s="8">
        <v>-76.490839399999999</v>
      </c>
    </row>
    <row r="3896" spans="1:10" x14ac:dyDescent="0.35">
      <c r="A3896" s="5" t="s">
        <v>10</v>
      </c>
      <c r="B3896" s="6">
        <v>243253</v>
      </c>
      <c r="C3896" s="6" t="s">
        <v>7527</v>
      </c>
      <c r="D3896" s="6" t="s">
        <v>7909</v>
      </c>
      <c r="E3896" s="6">
        <v>27361</v>
      </c>
      <c r="F3896" s="6" t="s">
        <v>18</v>
      </c>
      <c r="G3896" s="6" t="s">
        <v>7910</v>
      </c>
      <c r="H3896" s="6" t="s">
        <v>7911</v>
      </c>
      <c r="I3896" s="7">
        <v>5.1509904000000004</v>
      </c>
      <c r="J3896" s="8">
        <v>-76.685371000000004</v>
      </c>
    </row>
    <row r="3897" spans="1:10" x14ac:dyDescent="0.35">
      <c r="A3897" s="5" t="s">
        <v>10</v>
      </c>
      <c r="B3897" s="6">
        <v>157436</v>
      </c>
      <c r="C3897" s="6" t="s">
        <v>3788</v>
      </c>
      <c r="D3897" s="6" t="s">
        <v>3974</v>
      </c>
      <c r="E3897" s="6">
        <v>18001</v>
      </c>
      <c r="F3897" s="6" t="s">
        <v>18</v>
      </c>
      <c r="G3897" s="6" t="s">
        <v>7912</v>
      </c>
      <c r="H3897" s="6" t="s">
        <v>7913</v>
      </c>
      <c r="I3897" s="7">
        <v>1.6153858000000001</v>
      </c>
      <c r="J3897" s="8">
        <v>-75.604236399999905</v>
      </c>
    </row>
    <row r="3898" spans="1:10" x14ac:dyDescent="0.35">
      <c r="A3898" s="5" t="s">
        <v>10</v>
      </c>
      <c r="B3898" s="6">
        <v>236209</v>
      </c>
      <c r="C3898" s="6" t="s">
        <v>24</v>
      </c>
      <c r="D3898" s="6" t="s">
        <v>317</v>
      </c>
      <c r="E3898" s="6">
        <v>15176</v>
      </c>
      <c r="F3898" s="6" t="s">
        <v>18</v>
      </c>
      <c r="G3898" s="6" t="s">
        <v>7914</v>
      </c>
      <c r="H3898" s="6" t="s">
        <v>7915</v>
      </c>
      <c r="I3898" s="7">
        <v>5.6138310000000002</v>
      </c>
      <c r="J3898" s="8">
        <v>-73.818779300000003</v>
      </c>
    </row>
    <row r="3899" spans="1:10" x14ac:dyDescent="0.35">
      <c r="A3899" s="5" t="s">
        <v>10</v>
      </c>
      <c r="B3899" s="6">
        <v>75775</v>
      </c>
      <c r="C3899" s="6" t="s">
        <v>294</v>
      </c>
      <c r="D3899" s="6" t="s">
        <v>703</v>
      </c>
      <c r="E3899" s="6">
        <v>41001</v>
      </c>
      <c r="F3899" s="6" t="s">
        <v>18</v>
      </c>
      <c r="G3899" s="6" t="s">
        <v>7916</v>
      </c>
      <c r="H3899" s="6" t="s">
        <v>7917</v>
      </c>
      <c r="I3899" s="7">
        <v>2.9379213000000002</v>
      </c>
      <c r="J3899" s="8">
        <v>-75.251959599999907</v>
      </c>
    </row>
    <row r="3900" spans="1:10" x14ac:dyDescent="0.35">
      <c r="A3900" s="5" t="s">
        <v>10</v>
      </c>
      <c r="B3900" s="6">
        <v>244747</v>
      </c>
      <c r="C3900" s="6" t="s">
        <v>68</v>
      </c>
      <c r="D3900" s="6" t="s">
        <v>69</v>
      </c>
      <c r="E3900" s="6">
        <v>11001</v>
      </c>
      <c r="F3900" s="6" t="s">
        <v>18</v>
      </c>
      <c r="G3900" s="6" t="s">
        <v>7918</v>
      </c>
      <c r="H3900" s="6" t="s">
        <v>7919</v>
      </c>
      <c r="I3900" s="7">
        <v>4.5567074999999999</v>
      </c>
      <c r="J3900" s="8">
        <v>-74.120878599999998</v>
      </c>
    </row>
    <row r="3901" spans="1:10" x14ac:dyDescent="0.35">
      <c r="A3901" s="5" t="s">
        <v>10</v>
      </c>
      <c r="B3901" s="6">
        <v>225833</v>
      </c>
      <c r="C3901" s="6" t="s">
        <v>68</v>
      </c>
      <c r="D3901" s="6" t="s">
        <v>69</v>
      </c>
      <c r="E3901" s="6">
        <v>11001</v>
      </c>
      <c r="F3901" s="6" t="s">
        <v>18</v>
      </c>
      <c r="G3901" s="6" t="s">
        <v>7920</v>
      </c>
      <c r="H3901" s="6" t="s">
        <v>7921</v>
      </c>
      <c r="I3901" s="7">
        <v>4.6455503999999896</v>
      </c>
      <c r="J3901" s="8">
        <v>-74.169382099999893</v>
      </c>
    </row>
    <row r="3902" spans="1:10" x14ac:dyDescent="0.35">
      <c r="A3902" s="5" t="s">
        <v>10</v>
      </c>
      <c r="B3902" s="6">
        <v>202641</v>
      </c>
      <c r="C3902" s="6" t="s">
        <v>302</v>
      </c>
      <c r="D3902" s="6" t="s">
        <v>4041</v>
      </c>
      <c r="E3902" s="6">
        <v>8758</v>
      </c>
      <c r="F3902" s="6" t="s">
        <v>18</v>
      </c>
      <c r="G3902" s="6" t="s">
        <v>7922</v>
      </c>
      <c r="H3902" s="6" t="s">
        <v>7923</v>
      </c>
      <c r="I3902" s="7">
        <v>10.8640267</v>
      </c>
      <c r="J3902" s="8">
        <v>-74.785352000000003</v>
      </c>
    </row>
    <row r="3903" spans="1:10" x14ac:dyDescent="0.35">
      <c r="A3903" s="5" t="s">
        <v>10</v>
      </c>
      <c r="B3903" s="6">
        <v>203230</v>
      </c>
      <c r="C3903" s="6" t="s">
        <v>366</v>
      </c>
      <c r="D3903" s="6" t="s">
        <v>7555</v>
      </c>
      <c r="E3903" s="6">
        <v>44078</v>
      </c>
      <c r="F3903" s="6" t="s">
        <v>18</v>
      </c>
      <c r="G3903" s="6" t="s">
        <v>7924</v>
      </c>
      <c r="H3903" s="6" t="s">
        <v>7925</v>
      </c>
      <c r="I3903" s="7">
        <v>10.9556419</v>
      </c>
      <c r="J3903" s="8">
        <v>-72.795542999999995</v>
      </c>
    </row>
    <row r="3904" spans="1:10" x14ac:dyDescent="0.35">
      <c r="A3904" s="5" t="s">
        <v>10</v>
      </c>
      <c r="B3904" s="6">
        <v>233571</v>
      </c>
      <c r="C3904" s="6" t="s">
        <v>302</v>
      </c>
      <c r="D3904" s="6" t="s">
        <v>359</v>
      </c>
      <c r="E3904" s="6">
        <v>8001</v>
      </c>
      <c r="F3904" s="6" t="s">
        <v>18</v>
      </c>
      <c r="G3904" s="6" t="s">
        <v>7926</v>
      </c>
      <c r="H3904" s="6" t="s">
        <v>7927</v>
      </c>
      <c r="I3904" s="7">
        <v>10.9825</v>
      </c>
      <c r="J3904" s="8">
        <v>-74.787520000000001</v>
      </c>
    </row>
    <row r="3905" spans="1:10" x14ac:dyDescent="0.35">
      <c r="A3905" s="5" t="s">
        <v>10</v>
      </c>
      <c r="B3905" s="6">
        <v>243804</v>
      </c>
      <c r="C3905" s="6" t="s">
        <v>38</v>
      </c>
      <c r="D3905" s="6" t="s">
        <v>7928</v>
      </c>
      <c r="E3905" s="6">
        <v>19300</v>
      </c>
      <c r="F3905" s="6" t="s">
        <v>18</v>
      </c>
      <c r="G3905" s="6" t="s">
        <v>7929</v>
      </c>
      <c r="H3905" s="6" t="s">
        <v>7930</v>
      </c>
      <c r="I3905" s="7">
        <v>3.1349672000000002</v>
      </c>
      <c r="J3905" s="8">
        <v>-76.394441799999996</v>
      </c>
    </row>
    <row r="3906" spans="1:10" x14ac:dyDescent="0.35">
      <c r="A3906" s="5" t="s">
        <v>10</v>
      </c>
      <c r="B3906" s="6">
        <v>206032</v>
      </c>
      <c r="C3906" s="6" t="s">
        <v>16</v>
      </c>
      <c r="D3906" s="6" t="s">
        <v>78</v>
      </c>
      <c r="E3906" s="6">
        <v>68001</v>
      </c>
      <c r="F3906" s="6" t="s">
        <v>18</v>
      </c>
      <c r="G3906" s="6" t="s">
        <v>7931</v>
      </c>
      <c r="H3906" s="6" t="s">
        <v>7932</v>
      </c>
      <c r="I3906" s="7">
        <v>7.0863928999999999</v>
      </c>
      <c r="J3906" s="8">
        <v>-73.123678200000001</v>
      </c>
    </row>
    <row r="3907" spans="1:10" x14ac:dyDescent="0.35">
      <c r="A3907" s="5" t="s">
        <v>10</v>
      </c>
      <c r="B3907" s="6">
        <v>221255</v>
      </c>
      <c r="C3907" s="6" t="s">
        <v>16</v>
      </c>
      <c r="D3907" s="6" t="s">
        <v>78</v>
      </c>
      <c r="E3907" s="6">
        <v>68001</v>
      </c>
      <c r="F3907" s="6" t="s">
        <v>18</v>
      </c>
      <c r="G3907" s="6" t="s">
        <v>7933</v>
      </c>
      <c r="H3907" s="6" t="s">
        <v>7934</v>
      </c>
      <c r="I3907" s="7">
        <v>7.1172712999999996</v>
      </c>
      <c r="J3907" s="8">
        <v>-73.127192399999998</v>
      </c>
    </row>
    <row r="3908" spans="1:10" x14ac:dyDescent="0.35">
      <c r="A3908" s="5" t="s">
        <v>10</v>
      </c>
      <c r="B3908" s="6">
        <v>226023</v>
      </c>
      <c r="C3908" s="6" t="s">
        <v>68</v>
      </c>
      <c r="D3908" s="6" t="s">
        <v>69</v>
      </c>
      <c r="E3908" s="6">
        <v>11001</v>
      </c>
      <c r="F3908" s="6" t="s">
        <v>13</v>
      </c>
      <c r="G3908" s="6" t="s">
        <v>7935</v>
      </c>
      <c r="H3908" s="6" t="s">
        <v>7936</v>
      </c>
      <c r="I3908" s="7">
        <v>4.7184054</v>
      </c>
      <c r="J3908" s="8">
        <v>-74.109773599999997</v>
      </c>
    </row>
    <row r="3909" spans="1:10" x14ac:dyDescent="0.35">
      <c r="A3909" s="5" t="s">
        <v>10</v>
      </c>
      <c r="B3909" s="6">
        <v>233718</v>
      </c>
      <c r="C3909" s="6" t="s">
        <v>68</v>
      </c>
      <c r="D3909" s="6" t="s">
        <v>69</v>
      </c>
      <c r="E3909" s="6">
        <v>11001</v>
      </c>
      <c r="F3909" s="6" t="s">
        <v>13</v>
      </c>
      <c r="G3909" s="6" t="s">
        <v>7937</v>
      </c>
      <c r="H3909" s="6" t="s">
        <v>7938</v>
      </c>
      <c r="I3909" s="7">
        <v>4.6179100000000002</v>
      </c>
      <c r="J3909" s="8">
        <v>-74.210549999999998</v>
      </c>
    </row>
    <row r="3910" spans="1:10" x14ac:dyDescent="0.35">
      <c r="A3910" s="5" t="s">
        <v>10</v>
      </c>
      <c r="B3910" s="6">
        <v>243957</v>
      </c>
      <c r="C3910" s="6" t="s">
        <v>24</v>
      </c>
      <c r="D3910" s="6" t="s">
        <v>137</v>
      </c>
      <c r="E3910" s="6">
        <v>15238</v>
      </c>
      <c r="F3910" s="6" t="s">
        <v>18</v>
      </c>
      <c r="G3910" s="6" t="s">
        <v>7939</v>
      </c>
      <c r="H3910" s="6" t="s">
        <v>7940</v>
      </c>
      <c r="I3910" s="7">
        <v>5.8232179999999998</v>
      </c>
      <c r="J3910" s="8">
        <v>-73.036084000000002</v>
      </c>
    </row>
    <row r="3911" spans="1:10" x14ac:dyDescent="0.35">
      <c r="A3911" s="5" t="s">
        <v>10</v>
      </c>
      <c r="B3911" s="6">
        <v>247662</v>
      </c>
      <c r="C3911" s="6" t="s">
        <v>55</v>
      </c>
      <c r="D3911" s="6" t="s">
        <v>165</v>
      </c>
      <c r="E3911" s="6">
        <v>73449</v>
      </c>
      <c r="F3911" s="6" t="s">
        <v>18</v>
      </c>
      <c r="G3911" s="6" t="s">
        <v>7941</v>
      </c>
      <c r="H3911" s="6" t="s">
        <v>7942</v>
      </c>
      <c r="I3911" s="7">
        <v>4.2033040000000002</v>
      </c>
      <c r="J3911" s="8">
        <v>-74.641971999999996</v>
      </c>
    </row>
    <row r="3912" spans="1:10" x14ac:dyDescent="0.35">
      <c r="A3912" s="5" t="s">
        <v>10</v>
      </c>
      <c r="B3912" s="6">
        <v>233047</v>
      </c>
      <c r="C3912" s="6" t="s">
        <v>68</v>
      </c>
      <c r="D3912" s="6" t="s">
        <v>69</v>
      </c>
      <c r="E3912" s="6">
        <v>11001</v>
      </c>
      <c r="F3912" s="6" t="s">
        <v>18</v>
      </c>
      <c r="G3912" s="6" t="s">
        <v>7943</v>
      </c>
      <c r="H3912" s="6" t="s">
        <v>7944</v>
      </c>
      <c r="I3912" s="7">
        <v>4.7109899999999998</v>
      </c>
      <c r="J3912" s="8">
        <v>-74.072090000000003</v>
      </c>
    </row>
    <row r="3913" spans="1:10" x14ac:dyDescent="0.35">
      <c r="A3913" s="5" t="s">
        <v>10</v>
      </c>
      <c r="B3913" s="6">
        <v>237163</v>
      </c>
      <c r="C3913" s="6" t="s">
        <v>68</v>
      </c>
      <c r="D3913" s="6" t="s">
        <v>69</v>
      </c>
      <c r="E3913" s="6">
        <v>11001</v>
      </c>
      <c r="F3913" s="6" t="s">
        <v>18</v>
      </c>
      <c r="G3913" s="6" t="s">
        <v>7945</v>
      </c>
      <c r="H3913" s="6" t="s">
        <v>7946</v>
      </c>
      <c r="I3913" s="7">
        <v>4.6731984000000004</v>
      </c>
      <c r="J3913" s="8">
        <v>-74.113105500000003</v>
      </c>
    </row>
    <row r="3914" spans="1:10" x14ac:dyDescent="0.35">
      <c r="A3914" s="5" t="s">
        <v>10</v>
      </c>
      <c r="B3914" s="6">
        <v>177573</v>
      </c>
      <c r="C3914" s="6" t="s">
        <v>68</v>
      </c>
      <c r="D3914" s="6" t="s">
        <v>69</v>
      </c>
      <c r="E3914" s="6">
        <v>11001</v>
      </c>
      <c r="F3914" s="6" t="s">
        <v>18</v>
      </c>
      <c r="G3914" s="6" t="s">
        <v>7947</v>
      </c>
      <c r="H3914" s="6" t="s">
        <v>7948</v>
      </c>
      <c r="I3914" s="7">
        <v>4.5739386</v>
      </c>
      <c r="J3914" s="8">
        <v>-74.112957800000004</v>
      </c>
    </row>
    <row r="3915" spans="1:10" x14ac:dyDescent="0.35">
      <c r="A3915" s="5" t="s">
        <v>10</v>
      </c>
      <c r="B3915" s="6">
        <v>241515</v>
      </c>
      <c r="C3915" s="6" t="s">
        <v>308</v>
      </c>
      <c r="D3915" s="6" t="s">
        <v>7949</v>
      </c>
      <c r="E3915" s="6">
        <v>23182</v>
      </c>
      <c r="F3915" s="6" t="s">
        <v>18</v>
      </c>
      <c r="G3915" s="6" t="s">
        <v>7950</v>
      </c>
      <c r="H3915" s="6" t="s">
        <v>7951</v>
      </c>
      <c r="I3915" s="7">
        <v>4.6013845</v>
      </c>
      <c r="J3915" s="8">
        <v>-74.072309399999995</v>
      </c>
    </row>
    <row r="3916" spans="1:10" x14ac:dyDescent="0.35">
      <c r="A3916" s="5" t="s">
        <v>10</v>
      </c>
      <c r="B3916" s="6">
        <v>219582</v>
      </c>
      <c r="C3916" s="6" t="s">
        <v>294</v>
      </c>
      <c r="D3916" s="6" t="s">
        <v>5931</v>
      </c>
      <c r="E3916" s="6">
        <v>41770</v>
      </c>
      <c r="F3916" s="6" t="s">
        <v>18</v>
      </c>
      <c r="G3916" s="6" t="s">
        <v>7952</v>
      </c>
      <c r="H3916" s="6" t="s">
        <v>7953</v>
      </c>
      <c r="I3916" s="7">
        <v>1.9769565</v>
      </c>
      <c r="J3916" s="8">
        <v>-75.795039599999996</v>
      </c>
    </row>
    <row r="3917" spans="1:10" x14ac:dyDescent="0.35">
      <c r="A3917" s="5" t="s">
        <v>10</v>
      </c>
      <c r="B3917" s="6">
        <v>235763</v>
      </c>
      <c r="C3917" s="6" t="s">
        <v>3788</v>
      </c>
      <c r="D3917" s="6" t="s">
        <v>3974</v>
      </c>
      <c r="E3917" s="6">
        <v>18001</v>
      </c>
      <c r="F3917" s="6" t="s">
        <v>18</v>
      </c>
      <c r="G3917" s="6" t="s">
        <v>7954</v>
      </c>
      <c r="H3917" s="6" t="s">
        <v>7955</v>
      </c>
      <c r="I3917" s="7">
        <v>1.6107990999999999</v>
      </c>
      <c r="J3917" s="8">
        <v>-75.598330799999999</v>
      </c>
    </row>
    <row r="3918" spans="1:10" x14ac:dyDescent="0.35">
      <c r="A3918" s="5" t="s">
        <v>10</v>
      </c>
      <c r="B3918" s="6">
        <v>244574</v>
      </c>
      <c r="C3918" s="6" t="s">
        <v>68</v>
      </c>
      <c r="D3918" s="6" t="s">
        <v>69</v>
      </c>
      <c r="E3918" s="6">
        <v>11001</v>
      </c>
      <c r="F3918" s="6" t="s">
        <v>13</v>
      </c>
      <c r="G3918" s="6" t="s">
        <v>7956</v>
      </c>
      <c r="H3918" s="6" t="s">
        <v>7957</v>
      </c>
      <c r="I3918" s="7">
        <v>4.5777194000000003</v>
      </c>
      <c r="J3918" s="8">
        <v>-74.084099300000005</v>
      </c>
    </row>
    <row r="3919" spans="1:10" x14ac:dyDescent="0.35">
      <c r="A3919" s="5" t="s">
        <v>10</v>
      </c>
      <c r="B3919" s="6">
        <v>225207</v>
      </c>
      <c r="C3919" s="6" t="s">
        <v>68</v>
      </c>
      <c r="D3919" s="6" t="s">
        <v>69</v>
      </c>
      <c r="E3919" s="6">
        <v>11001</v>
      </c>
      <c r="F3919" s="6" t="s">
        <v>13</v>
      </c>
      <c r="G3919" s="6" t="s">
        <v>7958</v>
      </c>
      <c r="H3919" s="6" t="s">
        <v>7959</v>
      </c>
      <c r="I3919" s="7">
        <v>4.6017030999999999</v>
      </c>
      <c r="J3919" s="8">
        <v>-74.080755499999995</v>
      </c>
    </row>
    <row r="3920" spans="1:10" x14ac:dyDescent="0.35">
      <c r="A3920" s="5" t="s">
        <v>10</v>
      </c>
      <c r="B3920" s="6">
        <v>232682</v>
      </c>
      <c r="C3920" s="6" t="s">
        <v>68</v>
      </c>
      <c r="D3920" s="6" t="s">
        <v>69</v>
      </c>
      <c r="E3920" s="6">
        <v>11001</v>
      </c>
      <c r="F3920" s="6" t="s">
        <v>13</v>
      </c>
      <c r="G3920" s="6" t="s">
        <v>7960</v>
      </c>
      <c r="H3920" s="6" t="s">
        <v>7961</v>
      </c>
      <c r="I3920" s="7">
        <v>4.6839399999999998</v>
      </c>
      <c r="J3920" s="8">
        <v>-74.045770000000005</v>
      </c>
    </row>
    <row r="3921" spans="1:10" x14ac:dyDescent="0.35">
      <c r="A3921" s="5" t="s">
        <v>10</v>
      </c>
      <c r="B3921" s="6">
        <v>245899</v>
      </c>
      <c r="C3921" s="6" t="s">
        <v>2130</v>
      </c>
      <c r="D3921" s="6" t="s">
        <v>2131</v>
      </c>
      <c r="E3921" s="6">
        <v>85001</v>
      </c>
      <c r="F3921" s="6" t="s">
        <v>18</v>
      </c>
      <c r="G3921" s="6" t="s">
        <v>7962</v>
      </c>
      <c r="H3921" s="6" t="s">
        <v>7963</v>
      </c>
      <c r="I3921" s="7">
        <v>5.3124908</v>
      </c>
      <c r="J3921" s="8">
        <v>-72.402302199999994</v>
      </c>
    </row>
    <row r="3922" spans="1:10" x14ac:dyDescent="0.35">
      <c r="A3922" s="5" t="s">
        <v>10</v>
      </c>
      <c r="B3922" s="6">
        <v>237263</v>
      </c>
      <c r="C3922" s="6" t="s">
        <v>68</v>
      </c>
      <c r="D3922" s="6" t="s">
        <v>69</v>
      </c>
      <c r="E3922" s="6">
        <v>11001</v>
      </c>
      <c r="F3922" s="6" t="s">
        <v>18</v>
      </c>
      <c r="G3922" s="6" t="s">
        <v>7964</v>
      </c>
      <c r="H3922" s="6" t="s">
        <v>7965</v>
      </c>
      <c r="I3922" s="7">
        <v>4.7225210999999998</v>
      </c>
      <c r="J3922" s="8">
        <v>-74.052358600000005</v>
      </c>
    </row>
    <row r="3923" spans="1:10" x14ac:dyDescent="0.35">
      <c r="A3923" s="5" t="s">
        <v>10</v>
      </c>
      <c r="B3923" s="6">
        <v>216802</v>
      </c>
      <c r="C3923" s="6" t="s">
        <v>68</v>
      </c>
      <c r="D3923" s="6" t="s">
        <v>69</v>
      </c>
      <c r="E3923" s="6">
        <v>11001</v>
      </c>
      <c r="F3923" s="6" t="s">
        <v>18</v>
      </c>
      <c r="G3923" s="6" t="s">
        <v>7966</v>
      </c>
      <c r="H3923" s="6" t="s">
        <v>7967</v>
      </c>
      <c r="I3923" s="7">
        <v>4.5616737000000001</v>
      </c>
      <c r="J3923" s="8">
        <v>-74.143103600000003</v>
      </c>
    </row>
    <row r="3924" spans="1:10" x14ac:dyDescent="0.35">
      <c r="A3924" s="5" t="s">
        <v>10</v>
      </c>
      <c r="B3924" s="6">
        <v>235440</v>
      </c>
      <c r="C3924" s="6" t="s">
        <v>68</v>
      </c>
      <c r="D3924" s="6" t="s">
        <v>69</v>
      </c>
      <c r="E3924" s="6">
        <v>11001</v>
      </c>
      <c r="F3924" s="6" t="s">
        <v>18</v>
      </c>
      <c r="G3924" s="6" t="s">
        <v>7968</v>
      </c>
      <c r="H3924" s="6" t="s">
        <v>7969</v>
      </c>
      <c r="I3924" s="7">
        <v>4.6175478999999999</v>
      </c>
      <c r="J3924" s="8">
        <v>-74.152983399999997</v>
      </c>
    </row>
    <row r="3925" spans="1:10" x14ac:dyDescent="0.35">
      <c r="A3925" s="5" t="s">
        <v>10</v>
      </c>
      <c r="B3925" s="6">
        <v>174057</v>
      </c>
      <c r="C3925" s="6" t="s">
        <v>11</v>
      </c>
      <c r="D3925" s="6" t="s">
        <v>12</v>
      </c>
      <c r="E3925" s="6">
        <v>25899</v>
      </c>
      <c r="F3925" s="6" t="s">
        <v>18</v>
      </c>
      <c r="G3925" s="6" t="s">
        <v>7970</v>
      </c>
      <c r="H3925" s="6" t="s">
        <v>7971</v>
      </c>
      <c r="I3925" s="7">
        <v>5.0214759999999998</v>
      </c>
      <c r="J3925" s="8">
        <v>-73.990955</v>
      </c>
    </row>
    <row r="3926" spans="1:10" x14ac:dyDescent="0.35">
      <c r="A3926" s="5" t="s">
        <v>10</v>
      </c>
      <c r="B3926" s="6">
        <v>229082</v>
      </c>
      <c r="C3926" s="6" t="s">
        <v>55</v>
      </c>
      <c r="D3926" s="6" t="s">
        <v>56</v>
      </c>
      <c r="E3926" s="6">
        <v>73001</v>
      </c>
      <c r="F3926" s="6" t="s">
        <v>18</v>
      </c>
      <c r="G3926" s="6" t="s">
        <v>7972</v>
      </c>
      <c r="H3926" s="6" t="s">
        <v>7973</v>
      </c>
      <c r="I3926" s="7">
        <v>4.4395654999999996</v>
      </c>
      <c r="J3926" s="8">
        <v>-75.223226800000006</v>
      </c>
    </row>
    <row r="3927" spans="1:10" x14ac:dyDescent="0.35">
      <c r="A3927" s="5" t="s">
        <v>10</v>
      </c>
      <c r="B3927" s="6">
        <v>228171</v>
      </c>
      <c r="C3927" s="6" t="s">
        <v>302</v>
      </c>
      <c r="D3927" s="6" t="s">
        <v>359</v>
      </c>
      <c r="E3927" s="6">
        <v>8001</v>
      </c>
      <c r="F3927" s="6" t="s">
        <v>18</v>
      </c>
      <c r="G3927" s="6" t="s">
        <v>7974</v>
      </c>
      <c r="H3927" s="6" t="s">
        <v>7975</v>
      </c>
      <c r="I3927" s="7">
        <v>10.9461779</v>
      </c>
      <c r="J3927" s="8">
        <v>-74.801924099999994</v>
      </c>
    </row>
    <row r="3928" spans="1:10" x14ac:dyDescent="0.35">
      <c r="A3928" s="5" t="s">
        <v>10</v>
      </c>
      <c r="B3928" s="6">
        <v>230761</v>
      </c>
      <c r="C3928" s="6" t="s">
        <v>302</v>
      </c>
      <c r="D3928" s="6" t="s">
        <v>359</v>
      </c>
      <c r="E3928" s="6">
        <v>8001</v>
      </c>
      <c r="F3928" s="6" t="s">
        <v>18</v>
      </c>
      <c r="G3928" s="6" t="s">
        <v>7976</v>
      </c>
      <c r="H3928" s="6" t="s">
        <v>7977</v>
      </c>
      <c r="I3928" s="7">
        <v>10.9871908</v>
      </c>
      <c r="J3928" s="8">
        <v>-74.809876000000003</v>
      </c>
    </row>
    <row r="3929" spans="1:10" x14ac:dyDescent="0.35">
      <c r="A3929" s="5" t="s">
        <v>10</v>
      </c>
      <c r="B3929" s="6">
        <v>239953</v>
      </c>
      <c r="C3929" s="6" t="s">
        <v>302</v>
      </c>
      <c r="D3929" s="6" t="s">
        <v>7978</v>
      </c>
      <c r="E3929" s="6">
        <v>8433</v>
      </c>
      <c r="F3929" s="6" t="s">
        <v>18</v>
      </c>
      <c r="G3929" s="6" t="s">
        <v>7979</v>
      </c>
      <c r="H3929" s="6" t="s">
        <v>7980</v>
      </c>
      <c r="I3929" s="7">
        <v>10.8538093</v>
      </c>
      <c r="J3929" s="8">
        <v>-74.781697199999996</v>
      </c>
    </row>
    <row r="3930" spans="1:10" x14ac:dyDescent="0.35">
      <c r="A3930" s="5" t="s">
        <v>10</v>
      </c>
      <c r="B3930" s="6">
        <v>213694</v>
      </c>
      <c r="C3930" s="6" t="s">
        <v>16</v>
      </c>
      <c r="D3930" s="6" t="s">
        <v>78</v>
      </c>
      <c r="E3930" s="6">
        <v>68001</v>
      </c>
      <c r="F3930" s="6" t="s">
        <v>18</v>
      </c>
      <c r="G3930" s="6" t="s">
        <v>7981</v>
      </c>
      <c r="H3930" s="6" t="s">
        <v>7982</v>
      </c>
      <c r="I3930" s="7">
        <v>7.1272873999999904</v>
      </c>
      <c r="J3930" s="8">
        <v>-73.121891199999993</v>
      </c>
    </row>
    <row r="3931" spans="1:10" x14ac:dyDescent="0.35">
      <c r="A3931" s="5" t="s">
        <v>10</v>
      </c>
      <c r="B3931" s="6">
        <v>210101</v>
      </c>
      <c r="C3931" s="6" t="s">
        <v>68</v>
      </c>
      <c r="D3931" s="6" t="s">
        <v>69</v>
      </c>
      <c r="E3931" s="6">
        <v>11001</v>
      </c>
      <c r="F3931" s="6" t="s">
        <v>13</v>
      </c>
      <c r="G3931" s="6" t="s">
        <v>7983</v>
      </c>
      <c r="H3931" s="6" t="s">
        <v>7984</v>
      </c>
      <c r="I3931" s="7">
        <v>4.5997162999999999</v>
      </c>
      <c r="J3931" s="8">
        <v>-74.165330900000001</v>
      </c>
    </row>
    <row r="3932" spans="1:10" x14ac:dyDescent="0.35">
      <c r="A3932" s="5" t="s">
        <v>10</v>
      </c>
      <c r="B3932" s="6">
        <v>231479</v>
      </c>
      <c r="C3932" s="6" t="s">
        <v>117</v>
      </c>
      <c r="D3932" s="6" t="s">
        <v>1334</v>
      </c>
      <c r="E3932" s="6">
        <v>76001</v>
      </c>
      <c r="F3932" s="6" t="s">
        <v>13</v>
      </c>
      <c r="G3932" s="6" t="s">
        <v>7985</v>
      </c>
      <c r="H3932" s="6" t="s">
        <v>7986</v>
      </c>
      <c r="I3932" s="7">
        <v>3.471813</v>
      </c>
      <c r="J3932" s="8">
        <v>-76.530460000000005</v>
      </c>
    </row>
    <row r="3933" spans="1:10" x14ac:dyDescent="0.35">
      <c r="A3933" s="5" t="s">
        <v>10</v>
      </c>
      <c r="B3933" s="6">
        <v>220379</v>
      </c>
      <c r="C3933" s="6" t="s">
        <v>11</v>
      </c>
      <c r="D3933" s="6" t="s">
        <v>334</v>
      </c>
      <c r="E3933" s="6">
        <v>25754</v>
      </c>
      <c r="F3933" s="6" t="s">
        <v>18</v>
      </c>
      <c r="G3933" s="6" t="s">
        <v>7987</v>
      </c>
      <c r="H3933" s="6" t="s">
        <v>7988</v>
      </c>
      <c r="I3933" s="7">
        <v>4.5809360999999997</v>
      </c>
      <c r="J3933" s="8">
        <v>-74.199600799999999</v>
      </c>
    </row>
    <row r="3934" spans="1:10" x14ac:dyDescent="0.35">
      <c r="A3934" s="5" t="s">
        <v>10</v>
      </c>
      <c r="B3934" s="6">
        <v>230555</v>
      </c>
      <c r="C3934" s="6" t="s">
        <v>68</v>
      </c>
      <c r="D3934" s="6" t="s">
        <v>69</v>
      </c>
      <c r="E3934" s="6">
        <v>11001</v>
      </c>
      <c r="F3934" s="6" t="s">
        <v>18</v>
      </c>
      <c r="G3934" s="6" t="s">
        <v>7989</v>
      </c>
      <c r="H3934" s="6" t="s">
        <v>7990</v>
      </c>
      <c r="I3934" s="7">
        <v>4.5783370000000003</v>
      </c>
      <c r="J3934" s="8">
        <v>-74.102210999999997</v>
      </c>
    </row>
    <row r="3935" spans="1:10" x14ac:dyDescent="0.35">
      <c r="A3935" s="5" t="s">
        <v>10</v>
      </c>
      <c r="B3935" s="6">
        <v>243607</v>
      </c>
      <c r="C3935" s="6" t="s">
        <v>28</v>
      </c>
      <c r="D3935" s="6" t="s">
        <v>29</v>
      </c>
      <c r="E3935" s="6">
        <v>54001</v>
      </c>
      <c r="F3935" s="6" t="s">
        <v>18</v>
      </c>
      <c r="G3935" s="6" t="s">
        <v>7991</v>
      </c>
      <c r="H3935" s="6" t="s">
        <v>7992</v>
      </c>
      <c r="I3935" s="7">
        <v>7.9009714999999998</v>
      </c>
      <c r="J3935" s="8">
        <v>-72.540490300000002</v>
      </c>
    </row>
    <row r="3936" spans="1:10" x14ac:dyDescent="0.35">
      <c r="A3936" s="5" t="s">
        <v>10</v>
      </c>
      <c r="B3936" s="6">
        <v>234142</v>
      </c>
      <c r="C3936" s="6" t="s">
        <v>68</v>
      </c>
      <c r="D3936" s="6" t="s">
        <v>69</v>
      </c>
      <c r="E3936" s="6">
        <v>11001</v>
      </c>
      <c r="F3936" s="6" t="s">
        <v>18</v>
      </c>
      <c r="G3936" s="6" t="s">
        <v>7993</v>
      </c>
      <c r="H3936" s="6" t="s">
        <v>7994</v>
      </c>
      <c r="I3936" s="7">
        <v>4.6806323000000001</v>
      </c>
      <c r="J3936" s="8">
        <v>-74.151304100000004</v>
      </c>
    </row>
    <row r="3937" spans="1:10" x14ac:dyDescent="0.35">
      <c r="A3937" s="5" t="s">
        <v>10</v>
      </c>
      <c r="B3937" s="6">
        <v>239281</v>
      </c>
      <c r="C3937" s="6" t="s">
        <v>4364</v>
      </c>
      <c r="D3937" s="6" t="s">
        <v>7995</v>
      </c>
      <c r="E3937" s="6">
        <v>70508</v>
      </c>
      <c r="F3937" s="6" t="s">
        <v>18</v>
      </c>
      <c r="G3937" s="6" t="s">
        <v>7996</v>
      </c>
      <c r="H3937" s="6" t="s">
        <v>7997</v>
      </c>
      <c r="I3937" s="7">
        <v>9.5249392999999998</v>
      </c>
      <c r="J3937" s="8">
        <v>-75.230561199999997</v>
      </c>
    </row>
    <row r="3938" spans="1:10" x14ac:dyDescent="0.35">
      <c r="A3938" s="5" t="s">
        <v>10</v>
      </c>
      <c r="B3938" s="6">
        <v>229322</v>
      </c>
      <c r="C3938" s="6" t="s">
        <v>308</v>
      </c>
      <c r="D3938" s="6" t="s">
        <v>7998</v>
      </c>
      <c r="E3938" s="6">
        <v>23855</v>
      </c>
      <c r="F3938" s="6" t="s">
        <v>18</v>
      </c>
      <c r="G3938" s="6" t="s">
        <v>7999</v>
      </c>
      <c r="H3938" s="6" t="s">
        <v>8000</v>
      </c>
      <c r="I3938" s="7">
        <v>8.2594349999999999</v>
      </c>
      <c r="J3938" s="8">
        <v>-76.139881000000003</v>
      </c>
    </row>
    <row r="3939" spans="1:10" x14ac:dyDescent="0.35">
      <c r="A3939" s="5" t="s">
        <v>10</v>
      </c>
      <c r="B3939" s="6">
        <v>202461</v>
      </c>
      <c r="C3939" s="6" t="s">
        <v>4364</v>
      </c>
      <c r="D3939" s="6" t="s">
        <v>8001</v>
      </c>
      <c r="E3939" s="6">
        <v>70713</v>
      </c>
      <c r="F3939" s="6" t="s">
        <v>18</v>
      </c>
      <c r="G3939" s="6" t="s">
        <v>8002</v>
      </c>
      <c r="H3939" s="6" t="s">
        <v>8003</v>
      </c>
      <c r="I3939" s="7">
        <v>9.7408400000000004</v>
      </c>
      <c r="J3939" s="8">
        <v>-75.519872000000007</v>
      </c>
    </row>
    <row r="3940" spans="1:10" x14ac:dyDescent="0.35">
      <c r="A3940" s="5" t="s">
        <v>10</v>
      </c>
      <c r="B3940" s="6">
        <v>243770</v>
      </c>
      <c r="C3940" s="6" t="s">
        <v>38</v>
      </c>
      <c r="D3940" s="6" t="s">
        <v>39</v>
      </c>
      <c r="E3940" s="6">
        <v>19001</v>
      </c>
      <c r="F3940" s="6" t="s">
        <v>18</v>
      </c>
      <c r="G3940" s="6" t="s">
        <v>3528</v>
      </c>
      <c r="H3940" s="6" t="s">
        <v>8004</v>
      </c>
      <c r="I3940" s="7">
        <v>2.4477139000000001</v>
      </c>
      <c r="J3940" s="8">
        <v>-76.618795000000006</v>
      </c>
    </row>
    <row r="3941" spans="1:10" x14ac:dyDescent="0.35">
      <c r="A3941" s="5" t="s">
        <v>10</v>
      </c>
      <c r="B3941" s="6">
        <v>210698</v>
      </c>
      <c r="C3941" s="6" t="s">
        <v>16</v>
      </c>
      <c r="D3941" s="6" t="s">
        <v>2825</v>
      </c>
      <c r="E3941" s="6">
        <v>68276</v>
      </c>
      <c r="F3941" s="6" t="s">
        <v>18</v>
      </c>
      <c r="G3941" s="6" t="s">
        <v>8005</v>
      </c>
      <c r="H3941" s="6" t="s">
        <v>8006</v>
      </c>
      <c r="I3941" s="7">
        <v>7.0746150999999999</v>
      </c>
      <c r="J3941" s="8">
        <v>-73.087567899999996</v>
      </c>
    </row>
    <row r="3942" spans="1:10" x14ac:dyDescent="0.35">
      <c r="A3942" s="5" t="s">
        <v>10</v>
      </c>
      <c r="B3942" s="6">
        <v>200933</v>
      </c>
      <c r="C3942" s="6" t="s">
        <v>16</v>
      </c>
      <c r="D3942" s="6" t="s">
        <v>1266</v>
      </c>
      <c r="E3942" s="6">
        <v>68081</v>
      </c>
      <c r="F3942" s="6" t="s">
        <v>18</v>
      </c>
      <c r="G3942" s="6" t="s">
        <v>8007</v>
      </c>
      <c r="H3942" s="6" t="s">
        <v>8008</v>
      </c>
      <c r="I3942" s="7">
        <v>7.0698388999999997</v>
      </c>
      <c r="J3942" s="8">
        <v>-73.859126799999999</v>
      </c>
    </row>
    <row r="3943" spans="1:10" x14ac:dyDescent="0.35">
      <c r="A3943" s="5" t="s">
        <v>10</v>
      </c>
      <c r="B3943" s="6">
        <v>242874</v>
      </c>
      <c r="C3943" s="6" t="s">
        <v>16</v>
      </c>
      <c r="D3943" s="6" t="s">
        <v>1942</v>
      </c>
      <c r="E3943" s="6">
        <v>68406</v>
      </c>
      <c r="F3943" s="6" t="s">
        <v>18</v>
      </c>
      <c r="G3943" s="6" t="s">
        <v>8009</v>
      </c>
      <c r="H3943" s="6" t="s">
        <v>8010</v>
      </c>
      <c r="I3943" s="7">
        <v>7.1142352000000004</v>
      </c>
      <c r="J3943" s="8">
        <v>-73.217103300000005</v>
      </c>
    </row>
    <row r="3944" spans="1:10" x14ac:dyDescent="0.35">
      <c r="A3944" s="5" t="s">
        <v>10</v>
      </c>
      <c r="B3944" s="6">
        <v>235990</v>
      </c>
      <c r="C3944" s="6" t="s">
        <v>68</v>
      </c>
      <c r="D3944" s="6" t="s">
        <v>69</v>
      </c>
      <c r="E3944" s="6">
        <v>11001</v>
      </c>
      <c r="F3944" s="6" t="s">
        <v>18</v>
      </c>
      <c r="G3944" s="6" t="s">
        <v>8011</v>
      </c>
      <c r="H3944" s="6" t="s">
        <v>8012</v>
      </c>
      <c r="I3944" s="7">
        <v>4.7468196000000002</v>
      </c>
      <c r="J3944" s="8">
        <v>-74.101481300000003</v>
      </c>
    </row>
    <row r="3945" spans="1:10" x14ac:dyDescent="0.35">
      <c r="A3945" s="5" t="s">
        <v>10</v>
      </c>
      <c r="B3945" s="6">
        <v>246004</v>
      </c>
      <c r="C3945" s="6" t="s">
        <v>11</v>
      </c>
      <c r="D3945" s="6" t="s">
        <v>334</v>
      </c>
      <c r="E3945" s="6">
        <v>25754</v>
      </c>
      <c r="F3945" s="6" t="s">
        <v>18</v>
      </c>
      <c r="G3945" s="6" t="s">
        <v>8013</v>
      </c>
      <c r="H3945" s="6" t="s">
        <v>8014</v>
      </c>
      <c r="I3945" s="7">
        <v>4.5623649000000004</v>
      </c>
      <c r="J3945" s="8">
        <v>-74.2391176</v>
      </c>
    </row>
    <row r="3946" spans="1:10" x14ac:dyDescent="0.35">
      <c r="A3946" s="5" t="s">
        <v>10</v>
      </c>
      <c r="B3946" s="6">
        <v>238672</v>
      </c>
      <c r="C3946" s="6" t="s">
        <v>2130</v>
      </c>
      <c r="D3946" s="6" t="s">
        <v>5723</v>
      </c>
      <c r="E3946" s="6">
        <v>85250</v>
      </c>
      <c r="F3946" s="6" t="s">
        <v>18</v>
      </c>
      <c r="G3946" s="6" t="s">
        <v>8015</v>
      </c>
      <c r="H3946" s="6" t="s">
        <v>8016</v>
      </c>
      <c r="I3946" s="7">
        <v>5.8815264999999997</v>
      </c>
      <c r="J3946" s="8">
        <v>-71.893606000000005</v>
      </c>
    </row>
    <row r="3947" spans="1:10" x14ac:dyDescent="0.35">
      <c r="A3947" s="5" t="s">
        <v>10</v>
      </c>
      <c r="B3947" s="6">
        <v>234517</v>
      </c>
      <c r="C3947" s="6" t="s">
        <v>294</v>
      </c>
      <c r="D3947" s="6" t="s">
        <v>703</v>
      </c>
      <c r="E3947" s="6">
        <v>41001</v>
      </c>
      <c r="F3947" s="6" t="s">
        <v>18</v>
      </c>
      <c r="G3947" s="6" t="s">
        <v>8017</v>
      </c>
      <c r="H3947" s="6" t="s">
        <v>8018</v>
      </c>
      <c r="I3947" s="7">
        <v>2.9219822</v>
      </c>
      <c r="J3947" s="8">
        <v>-75.290134600000002</v>
      </c>
    </row>
    <row r="3948" spans="1:10" x14ac:dyDescent="0.35">
      <c r="A3948" s="5" t="s">
        <v>10</v>
      </c>
      <c r="B3948" s="6">
        <v>241468</v>
      </c>
      <c r="C3948" s="6" t="s">
        <v>4364</v>
      </c>
      <c r="D3948" s="6" t="s">
        <v>8019</v>
      </c>
      <c r="E3948" s="6">
        <v>70670</v>
      </c>
      <c r="F3948" s="6" t="s">
        <v>18</v>
      </c>
      <c r="G3948" s="6" t="s">
        <v>8020</v>
      </c>
      <c r="H3948" s="6" t="s">
        <v>8021</v>
      </c>
      <c r="I3948" s="7">
        <v>9.1836108999999997</v>
      </c>
      <c r="J3948" s="8">
        <v>-75.3775385</v>
      </c>
    </row>
    <row r="3949" spans="1:10" x14ac:dyDescent="0.35">
      <c r="A3949" s="5" t="s">
        <v>10</v>
      </c>
      <c r="B3949" s="6">
        <v>178892</v>
      </c>
      <c r="C3949" s="6" t="s">
        <v>302</v>
      </c>
      <c r="D3949" s="6" t="s">
        <v>359</v>
      </c>
      <c r="E3949" s="6">
        <v>8001</v>
      </c>
      <c r="F3949" s="6" t="s">
        <v>18</v>
      </c>
      <c r="G3949" s="6" t="s">
        <v>8022</v>
      </c>
      <c r="H3949" s="6" t="s">
        <v>8023</v>
      </c>
      <c r="I3949" s="7">
        <v>10.963329999999999</v>
      </c>
      <c r="J3949" s="8">
        <v>-74.774244199999998</v>
      </c>
    </row>
    <row r="3950" spans="1:10" x14ac:dyDescent="0.35">
      <c r="A3950" s="5" t="s">
        <v>10</v>
      </c>
      <c r="B3950" s="6">
        <v>199547</v>
      </c>
      <c r="C3950" s="6" t="s">
        <v>302</v>
      </c>
      <c r="D3950" s="6" t="s">
        <v>8024</v>
      </c>
      <c r="E3950" s="6">
        <v>8078</v>
      </c>
      <c r="F3950" s="6" t="s">
        <v>18</v>
      </c>
      <c r="G3950" s="6" t="s">
        <v>8025</v>
      </c>
      <c r="H3950" s="6" t="s">
        <v>8026</v>
      </c>
      <c r="I3950" s="7">
        <v>10.9526393</v>
      </c>
      <c r="J3950" s="8">
        <v>-74.774117099999998</v>
      </c>
    </row>
    <row r="3951" spans="1:10" x14ac:dyDescent="0.35">
      <c r="A3951" s="5" t="s">
        <v>10</v>
      </c>
      <c r="B3951" s="6">
        <v>227441</v>
      </c>
      <c r="C3951" s="6" t="s">
        <v>38</v>
      </c>
      <c r="D3951" s="6" t="s">
        <v>7839</v>
      </c>
      <c r="E3951" s="6">
        <v>19573</v>
      </c>
      <c r="F3951" s="6" t="s">
        <v>18</v>
      </c>
      <c r="G3951" s="6" t="s">
        <v>8027</v>
      </c>
      <c r="H3951" s="6" t="s">
        <v>8028</v>
      </c>
      <c r="I3951" s="7">
        <v>3.2205900000000001</v>
      </c>
      <c r="J3951" s="8">
        <v>-76.415464999999998</v>
      </c>
    </row>
    <row r="3952" spans="1:10" x14ac:dyDescent="0.35">
      <c r="A3952" s="5" t="s">
        <v>10</v>
      </c>
      <c r="B3952" s="6">
        <v>110923</v>
      </c>
      <c r="C3952" s="6" t="s">
        <v>16</v>
      </c>
      <c r="D3952" s="6" t="s">
        <v>1942</v>
      </c>
      <c r="E3952" s="6">
        <v>68406</v>
      </c>
      <c r="F3952" s="6" t="s">
        <v>18</v>
      </c>
      <c r="G3952" s="6" t="s">
        <v>8029</v>
      </c>
      <c r="H3952" s="6" t="s">
        <v>8030</v>
      </c>
      <c r="I3952" s="7">
        <v>11.2450242</v>
      </c>
      <c r="J3952" s="8">
        <v>-74.206125</v>
      </c>
    </row>
    <row r="3953" spans="1:10" x14ac:dyDescent="0.35">
      <c r="A3953" s="5" t="s">
        <v>10</v>
      </c>
      <c r="B3953" s="6">
        <v>69619</v>
      </c>
      <c r="C3953" s="6" t="s">
        <v>11</v>
      </c>
      <c r="D3953" s="6" t="s">
        <v>3724</v>
      </c>
      <c r="E3953" s="6">
        <v>25513</v>
      </c>
      <c r="F3953" s="6" t="s">
        <v>18</v>
      </c>
      <c r="G3953" s="6" t="s">
        <v>8031</v>
      </c>
      <c r="H3953" s="6" t="s">
        <v>8032</v>
      </c>
      <c r="I3953" s="7">
        <v>5.1323061999999897</v>
      </c>
      <c r="J3953" s="8">
        <v>-74.157700699999907</v>
      </c>
    </row>
    <row r="3954" spans="1:10" x14ac:dyDescent="0.35">
      <c r="A3954" s="5" t="s">
        <v>10</v>
      </c>
      <c r="B3954" s="6">
        <v>151766</v>
      </c>
      <c r="C3954" s="6" t="s">
        <v>11</v>
      </c>
      <c r="D3954" s="6" t="s">
        <v>337</v>
      </c>
      <c r="E3954" s="6">
        <v>25290</v>
      </c>
      <c r="F3954" s="6" t="s">
        <v>18</v>
      </c>
      <c r="G3954" s="6" t="s">
        <v>8033</v>
      </c>
      <c r="H3954" s="6" t="s">
        <v>8034</v>
      </c>
      <c r="I3954" s="7">
        <v>4.3349598999999897</v>
      </c>
      <c r="J3954" s="8">
        <v>-74.367691999999906</v>
      </c>
    </row>
    <row r="3955" spans="1:10" x14ac:dyDescent="0.35">
      <c r="A3955" s="5" t="s">
        <v>10</v>
      </c>
      <c r="B3955" s="6">
        <v>116867</v>
      </c>
      <c r="C3955" s="6" t="s">
        <v>302</v>
      </c>
      <c r="D3955" s="6" t="s">
        <v>4041</v>
      </c>
      <c r="E3955" s="6">
        <v>8758</v>
      </c>
      <c r="F3955" s="6" t="s">
        <v>18</v>
      </c>
      <c r="G3955" s="6" t="s">
        <v>8035</v>
      </c>
      <c r="H3955" s="6" t="s">
        <v>8036</v>
      </c>
      <c r="I3955" s="7">
        <v>10.8474662</v>
      </c>
      <c r="J3955" s="8">
        <v>-74.775388300000003</v>
      </c>
    </row>
    <row r="3956" spans="1:10" x14ac:dyDescent="0.35">
      <c r="A3956" s="5" t="s">
        <v>10</v>
      </c>
      <c r="B3956" s="6">
        <v>186379</v>
      </c>
      <c r="C3956" s="6" t="s">
        <v>302</v>
      </c>
      <c r="D3956" s="6" t="s">
        <v>359</v>
      </c>
      <c r="E3956" s="6">
        <v>8001</v>
      </c>
      <c r="F3956" s="6" t="s">
        <v>18</v>
      </c>
      <c r="G3956" s="6" t="s">
        <v>8037</v>
      </c>
      <c r="H3956" s="6" t="s">
        <v>8038</v>
      </c>
      <c r="I3956" s="7">
        <v>10.919730400000001</v>
      </c>
      <c r="J3956" s="8">
        <v>-74.823921299999995</v>
      </c>
    </row>
    <row r="3957" spans="1:10" x14ac:dyDescent="0.35">
      <c r="A3957" s="5" t="s">
        <v>10</v>
      </c>
      <c r="B3957" s="6">
        <v>233265</v>
      </c>
      <c r="C3957" s="6" t="s">
        <v>302</v>
      </c>
      <c r="D3957" s="6" t="s">
        <v>359</v>
      </c>
      <c r="E3957" s="6">
        <v>8001</v>
      </c>
      <c r="F3957" s="6" t="s">
        <v>18</v>
      </c>
      <c r="G3957" s="6" t="s">
        <v>8039</v>
      </c>
      <c r="H3957" s="6" t="s">
        <v>8040</v>
      </c>
      <c r="I3957" s="7">
        <v>10.954700000000001</v>
      </c>
      <c r="J3957" s="8">
        <v>-74.828599999999994</v>
      </c>
    </row>
    <row r="3958" spans="1:10" x14ac:dyDescent="0.35">
      <c r="A3958" s="5" t="s">
        <v>10</v>
      </c>
      <c r="B3958" s="6">
        <v>246379</v>
      </c>
      <c r="C3958" s="6" t="s">
        <v>38</v>
      </c>
      <c r="D3958" s="6" t="s">
        <v>7839</v>
      </c>
      <c r="E3958" s="6">
        <v>19573</v>
      </c>
      <c r="F3958" s="6" t="s">
        <v>18</v>
      </c>
      <c r="G3958" s="6" t="s">
        <v>8041</v>
      </c>
      <c r="H3958" s="6" t="s">
        <v>8042</v>
      </c>
      <c r="I3958" s="7">
        <v>3.2307801999999999</v>
      </c>
      <c r="J3958" s="8">
        <v>-76.416662500000001</v>
      </c>
    </row>
    <row r="3959" spans="1:10" x14ac:dyDescent="0.35">
      <c r="A3959" s="5" t="s">
        <v>10</v>
      </c>
      <c r="B3959" s="6">
        <v>235942</v>
      </c>
      <c r="C3959" s="6" t="s">
        <v>16</v>
      </c>
      <c r="D3959" s="6" t="s">
        <v>78</v>
      </c>
      <c r="E3959" s="6">
        <v>68001</v>
      </c>
      <c r="F3959" s="6" t="s">
        <v>18</v>
      </c>
      <c r="G3959" s="6" t="s">
        <v>8043</v>
      </c>
      <c r="H3959" s="6" t="s">
        <v>8044</v>
      </c>
      <c r="I3959" s="7">
        <v>7.1133335000000004</v>
      </c>
      <c r="J3959" s="8">
        <v>-73.126095399999997</v>
      </c>
    </row>
    <row r="3960" spans="1:10" x14ac:dyDescent="0.35">
      <c r="A3960" s="5" t="s">
        <v>10</v>
      </c>
      <c r="B3960" s="6">
        <v>244685</v>
      </c>
      <c r="C3960" s="6" t="s">
        <v>294</v>
      </c>
      <c r="D3960" s="6" t="s">
        <v>447</v>
      </c>
      <c r="E3960" s="6">
        <v>41551</v>
      </c>
      <c r="F3960" s="6" t="s">
        <v>18</v>
      </c>
      <c r="G3960" s="6" t="s">
        <v>1945</v>
      </c>
      <c r="H3960" s="6" t="s">
        <v>8045</v>
      </c>
      <c r="I3960" s="7">
        <v>1.8499886000000001</v>
      </c>
      <c r="J3960" s="8">
        <v>-76.044260300000005</v>
      </c>
    </row>
    <row r="3961" spans="1:10" x14ac:dyDescent="0.35">
      <c r="A3961" s="5" t="s">
        <v>10</v>
      </c>
      <c r="B3961" s="6">
        <v>217097</v>
      </c>
      <c r="C3961" s="6" t="s">
        <v>11</v>
      </c>
      <c r="D3961" s="6" t="s">
        <v>334</v>
      </c>
      <c r="E3961" s="6">
        <v>25754</v>
      </c>
      <c r="F3961" s="6" t="s">
        <v>13</v>
      </c>
      <c r="G3961" s="6" t="s">
        <v>8046</v>
      </c>
      <c r="H3961" s="6" t="s">
        <v>8047</v>
      </c>
      <c r="I3961" s="7">
        <v>4.5950894</v>
      </c>
      <c r="J3961" s="8">
        <v>-74.184945499999998</v>
      </c>
    </row>
    <row r="3962" spans="1:10" x14ac:dyDescent="0.35">
      <c r="A3962" s="5" t="s">
        <v>10</v>
      </c>
      <c r="B3962" s="6">
        <v>234629</v>
      </c>
      <c r="C3962" s="6" t="s">
        <v>68</v>
      </c>
      <c r="D3962" s="6" t="s">
        <v>69</v>
      </c>
      <c r="E3962" s="6">
        <v>11001</v>
      </c>
      <c r="F3962" s="6" t="s">
        <v>18</v>
      </c>
      <c r="G3962" s="6" t="s">
        <v>8048</v>
      </c>
      <c r="H3962" s="6" t="s">
        <v>8049</v>
      </c>
      <c r="I3962" s="7">
        <v>4.6243673999999997</v>
      </c>
      <c r="J3962" s="8">
        <v>-74.197660299999995</v>
      </c>
    </row>
    <row r="3963" spans="1:10" x14ac:dyDescent="0.35">
      <c r="A3963" s="5" t="s">
        <v>10</v>
      </c>
      <c r="B3963" s="6">
        <v>228078</v>
      </c>
      <c r="C3963" s="6" t="s">
        <v>278</v>
      </c>
      <c r="D3963" s="6" t="s">
        <v>279</v>
      </c>
      <c r="E3963" s="6">
        <v>50001</v>
      </c>
      <c r="F3963" s="6" t="s">
        <v>18</v>
      </c>
      <c r="G3963" s="6" t="s">
        <v>8050</v>
      </c>
      <c r="H3963" s="6" t="s">
        <v>8051</v>
      </c>
      <c r="I3963" s="7">
        <v>4.1399515999999998</v>
      </c>
      <c r="J3963" s="8">
        <v>-73.593988799999906</v>
      </c>
    </row>
    <row r="3964" spans="1:10" x14ac:dyDescent="0.35">
      <c r="A3964" s="5" t="s">
        <v>10</v>
      </c>
      <c r="B3964" s="6">
        <v>235794</v>
      </c>
      <c r="C3964" s="6" t="s">
        <v>68</v>
      </c>
      <c r="D3964" s="6" t="s">
        <v>69</v>
      </c>
      <c r="E3964" s="6">
        <v>11001</v>
      </c>
      <c r="F3964" s="6" t="s">
        <v>18</v>
      </c>
      <c r="G3964" s="6" t="s">
        <v>8052</v>
      </c>
      <c r="H3964" s="6" t="s">
        <v>8053</v>
      </c>
      <c r="I3964" s="7">
        <v>4.6208779</v>
      </c>
      <c r="J3964" s="8">
        <v>-74.126838100000001</v>
      </c>
    </row>
    <row r="3965" spans="1:10" x14ac:dyDescent="0.35">
      <c r="A3965" s="5" t="s">
        <v>10</v>
      </c>
      <c r="B3965" s="6">
        <v>213972</v>
      </c>
      <c r="C3965" s="6" t="s">
        <v>68</v>
      </c>
      <c r="D3965" s="6" t="s">
        <v>69</v>
      </c>
      <c r="E3965" s="6">
        <v>11001</v>
      </c>
      <c r="F3965" s="6" t="s">
        <v>18</v>
      </c>
      <c r="G3965" s="6" t="s">
        <v>8054</v>
      </c>
      <c r="H3965" s="6" t="s">
        <v>8055</v>
      </c>
      <c r="I3965" s="7">
        <v>4.555383</v>
      </c>
      <c r="J3965" s="8">
        <v>-74.142716100000001</v>
      </c>
    </row>
    <row r="3966" spans="1:10" x14ac:dyDescent="0.35">
      <c r="A3966" s="5" t="s">
        <v>10</v>
      </c>
      <c r="B3966" s="6">
        <v>237538</v>
      </c>
      <c r="C3966" s="6" t="s">
        <v>68</v>
      </c>
      <c r="D3966" s="6" t="s">
        <v>69</v>
      </c>
      <c r="E3966" s="6">
        <v>11001</v>
      </c>
      <c r="F3966" s="6" t="s">
        <v>18</v>
      </c>
      <c r="G3966" s="6" t="s">
        <v>8056</v>
      </c>
      <c r="H3966" s="6" t="s">
        <v>8057</v>
      </c>
      <c r="I3966" s="7">
        <v>4.7101645000000003</v>
      </c>
      <c r="J3966" s="8">
        <v>-74.141486599999993</v>
      </c>
    </row>
    <row r="3967" spans="1:10" x14ac:dyDescent="0.35">
      <c r="A3967" s="5" t="s">
        <v>10</v>
      </c>
      <c r="B3967" s="6">
        <v>205136</v>
      </c>
      <c r="C3967" s="6" t="s">
        <v>16</v>
      </c>
      <c r="D3967" s="6" t="s">
        <v>2825</v>
      </c>
      <c r="E3967" s="6">
        <v>68276</v>
      </c>
      <c r="F3967" s="6" t="s">
        <v>18</v>
      </c>
      <c r="G3967" s="6" t="s">
        <v>8058</v>
      </c>
      <c r="H3967" s="6" t="s">
        <v>8059</v>
      </c>
      <c r="I3967" s="7">
        <v>7.0905345000000004</v>
      </c>
      <c r="J3967" s="8">
        <v>-73.097696900000003</v>
      </c>
    </row>
    <row r="3968" spans="1:10" x14ac:dyDescent="0.35">
      <c r="A3968" s="5" t="s">
        <v>10</v>
      </c>
      <c r="B3968" s="6">
        <v>167082</v>
      </c>
      <c r="C3968" s="6" t="s">
        <v>68</v>
      </c>
      <c r="D3968" s="6" t="s">
        <v>69</v>
      </c>
      <c r="E3968" s="6">
        <v>11001</v>
      </c>
      <c r="F3968" s="6" t="s">
        <v>18</v>
      </c>
      <c r="G3968" s="6" t="s">
        <v>8060</v>
      </c>
      <c r="H3968" s="6" t="s">
        <v>8061</v>
      </c>
      <c r="I3968" s="7">
        <v>4.5879557999999996</v>
      </c>
      <c r="J3968" s="8">
        <v>-74.111881299999993</v>
      </c>
    </row>
    <row r="3969" spans="1:10" x14ac:dyDescent="0.35">
      <c r="A3969" s="5" t="s">
        <v>10</v>
      </c>
      <c r="B3969" s="6">
        <v>243000</v>
      </c>
      <c r="C3969" s="6" t="s">
        <v>16</v>
      </c>
      <c r="D3969" s="6" t="s">
        <v>8062</v>
      </c>
      <c r="E3969" s="6">
        <v>68575</v>
      </c>
      <c r="F3969" s="6" t="s">
        <v>18</v>
      </c>
      <c r="G3969" s="6" t="s">
        <v>8063</v>
      </c>
      <c r="H3969" s="6" t="s">
        <v>8064</v>
      </c>
      <c r="I3969" s="7">
        <v>6.9879519999999999</v>
      </c>
      <c r="J3969" s="8">
        <v>-73.054390299999994</v>
      </c>
    </row>
    <row r="3970" spans="1:10" x14ac:dyDescent="0.35">
      <c r="A3970" s="5" t="s">
        <v>10</v>
      </c>
      <c r="B3970" s="6">
        <v>203691</v>
      </c>
      <c r="C3970" s="6" t="s">
        <v>16</v>
      </c>
      <c r="D3970" s="6" t="s">
        <v>510</v>
      </c>
      <c r="E3970" s="6">
        <v>68547</v>
      </c>
      <c r="F3970" s="6" t="s">
        <v>18</v>
      </c>
      <c r="G3970" s="6" t="s">
        <v>8065</v>
      </c>
      <c r="H3970" s="6" t="s">
        <v>8066</v>
      </c>
      <c r="I3970" s="7">
        <v>6.9915390000000004</v>
      </c>
      <c r="J3970" s="8">
        <v>-73.053997999999893</v>
      </c>
    </row>
    <row r="3971" spans="1:10" x14ac:dyDescent="0.35">
      <c r="A3971" s="5" t="s">
        <v>10</v>
      </c>
      <c r="B3971" s="6">
        <v>233328</v>
      </c>
      <c r="C3971" s="6" t="s">
        <v>16</v>
      </c>
      <c r="D3971" s="6" t="s">
        <v>78</v>
      </c>
      <c r="E3971" s="6">
        <v>68001</v>
      </c>
      <c r="F3971" s="6" t="s">
        <v>18</v>
      </c>
      <c r="G3971" s="6" t="s">
        <v>8067</v>
      </c>
      <c r="H3971" s="6" t="s">
        <v>8068</v>
      </c>
      <c r="I3971" s="7">
        <v>7.0861200000000002</v>
      </c>
      <c r="J3971" s="8">
        <v>-73.123440000000002</v>
      </c>
    </row>
    <row r="3972" spans="1:10" x14ac:dyDescent="0.35">
      <c r="A3972" s="5" t="s">
        <v>10</v>
      </c>
      <c r="B3972" s="6">
        <v>230675</v>
      </c>
      <c r="C3972" s="6" t="s">
        <v>294</v>
      </c>
      <c r="D3972" s="6" t="s">
        <v>543</v>
      </c>
      <c r="E3972" s="6">
        <v>41396</v>
      </c>
      <c r="F3972" s="6" t="s">
        <v>18</v>
      </c>
      <c r="G3972" s="6" t="s">
        <v>8069</v>
      </c>
      <c r="H3972" s="6" t="s">
        <v>8070</v>
      </c>
      <c r="I3972" s="7">
        <v>2.9181173</v>
      </c>
      <c r="J3972" s="8">
        <v>-75.288790700000007</v>
      </c>
    </row>
    <row r="3973" spans="1:10" x14ac:dyDescent="0.35">
      <c r="A3973" s="5" t="s">
        <v>10</v>
      </c>
      <c r="B3973" s="6">
        <v>171967</v>
      </c>
      <c r="C3973" s="6" t="s">
        <v>16</v>
      </c>
      <c r="D3973" s="6" t="s">
        <v>78</v>
      </c>
      <c r="E3973" s="6">
        <v>68001</v>
      </c>
      <c r="F3973" s="6" t="s">
        <v>18</v>
      </c>
      <c r="G3973" s="6" t="s">
        <v>8071</v>
      </c>
      <c r="H3973" s="6" t="s">
        <v>8072</v>
      </c>
      <c r="I3973" s="7">
        <v>7.0901879000000001</v>
      </c>
      <c r="J3973" s="8">
        <v>-73.111814999999893</v>
      </c>
    </row>
    <row r="3974" spans="1:10" x14ac:dyDescent="0.35">
      <c r="A3974" s="5" t="s">
        <v>10</v>
      </c>
      <c r="B3974" s="6">
        <v>212426</v>
      </c>
      <c r="C3974" s="6" t="s">
        <v>68</v>
      </c>
      <c r="D3974" s="6" t="s">
        <v>69</v>
      </c>
      <c r="E3974" s="6">
        <v>11001</v>
      </c>
      <c r="F3974" s="6" t="s">
        <v>18</v>
      </c>
      <c r="G3974" s="6" t="s">
        <v>8073</v>
      </c>
      <c r="H3974" s="6" t="s">
        <v>8074</v>
      </c>
      <c r="I3974" s="7">
        <v>4.6866491999999997</v>
      </c>
      <c r="J3974" s="8">
        <v>-74.145980499999993</v>
      </c>
    </row>
    <row r="3975" spans="1:10" x14ac:dyDescent="0.35">
      <c r="A3975" s="5" t="s">
        <v>10</v>
      </c>
      <c r="B3975" s="6">
        <v>112569</v>
      </c>
      <c r="C3975" s="6" t="s">
        <v>68</v>
      </c>
      <c r="D3975" s="6" t="s">
        <v>69</v>
      </c>
      <c r="E3975" s="6">
        <v>11001</v>
      </c>
      <c r="F3975" s="6" t="s">
        <v>18</v>
      </c>
      <c r="G3975" s="6" t="s">
        <v>8075</v>
      </c>
      <c r="H3975" s="6" t="s">
        <v>8076</v>
      </c>
      <c r="I3975" s="7">
        <v>4.6871071999999998</v>
      </c>
      <c r="J3975" s="8">
        <v>-74.039715000000001</v>
      </c>
    </row>
    <row r="3976" spans="1:10" x14ac:dyDescent="0.35">
      <c r="A3976" s="5" t="s">
        <v>10</v>
      </c>
      <c r="B3976" s="6">
        <v>230321</v>
      </c>
      <c r="C3976" s="6" t="s">
        <v>117</v>
      </c>
      <c r="D3976" s="6" t="s">
        <v>1334</v>
      </c>
      <c r="E3976" s="6">
        <v>76001</v>
      </c>
      <c r="F3976" s="6" t="s">
        <v>18</v>
      </c>
      <c r="G3976" s="6" t="s">
        <v>8077</v>
      </c>
      <c r="H3976" s="6" t="s">
        <v>8078</v>
      </c>
      <c r="I3976" s="7">
        <v>3.4422250000000001</v>
      </c>
      <c r="J3976" s="8">
        <v>-76.512486999999993</v>
      </c>
    </row>
    <row r="3977" spans="1:10" x14ac:dyDescent="0.35">
      <c r="A3977" s="5" t="s">
        <v>10</v>
      </c>
      <c r="B3977" s="6">
        <v>241386</v>
      </c>
      <c r="C3977" s="6" t="s">
        <v>4364</v>
      </c>
      <c r="D3977" s="6" t="s">
        <v>8079</v>
      </c>
      <c r="E3977" s="6">
        <v>70215</v>
      </c>
      <c r="F3977" s="6" t="s">
        <v>18</v>
      </c>
      <c r="G3977" s="6" t="s">
        <v>8080</v>
      </c>
      <c r="H3977" s="6" t="s">
        <v>8081</v>
      </c>
      <c r="I3977" s="7">
        <v>9.3174299999999999</v>
      </c>
      <c r="J3977" s="8">
        <v>-75.291249100000002</v>
      </c>
    </row>
    <row r="3978" spans="1:10" x14ac:dyDescent="0.35">
      <c r="A3978" s="5" t="s">
        <v>10</v>
      </c>
      <c r="B3978" s="6">
        <v>242988</v>
      </c>
      <c r="C3978" s="6" t="s">
        <v>16</v>
      </c>
      <c r="D3978" s="6" t="s">
        <v>2825</v>
      </c>
      <c r="E3978" s="6">
        <v>68276</v>
      </c>
      <c r="F3978" s="6" t="s">
        <v>18</v>
      </c>
      <c r="G3978" s="6" t="s">
        <v>8082</v>
      </c>
      <c r="H3978" s="6" t="s">
        <v>8083</v>
      </c>
      <c r="I3978" s="7">
        <v>7.0901778999999996</v>
      </c>
      <c r="J3978" s="8">
        <v>-73.104752199999993</v>
      </c>
    </row>
    <row r="3979" spans="1:10" x14ac:dyDescent="0.35">
      <c r="A3979" s="5" t="s">
        <v>10</v>
      </c>
      <c r="B3979" s="6">
        <v>244541</v>
      </c>
      <c r="C3979" s="6" t="s">
        <v>94</v>
      </c>
      <c r="D3979" s="6" t="s">
        <v>98</v>
      </c>
      <c r="E3979" s="6">
        <v>66001</v>
      </c>
      <c r="F3979" s="6" t="s">
        <v>18</v>
      </c>
      <c r="G3979" s="6" t="s">
        <v>8084</v>
      </c>
      <c r="H3979" s="6" t="s">
        <v>8085</v>
      </c>
      <c r="I3979" s="7">
        <v>4.7982598000000003</v>
      </c>
      <c r="J3979" s="8">
        <v>-75.711527799999999</v>
      </c>
    </row>
    <row r="3980" spans="1:10" x14ac:dyDescent="0.35">
      <c r="A3980" s="5" t="s">
        <v>10</v>
      </c>
      <c r="B3980" s="6">
        <v>224674</v>
      </c>
      <c r="C3980" s="6" t="s">
        <v>68</v>
      </c>
      <c r="D3980" s="6" t="s">
        <v>69</v>
      </c>
      <c r="E3980" s="6">
        <v>11001</v>
      </c>
      <c r="F3980" s="6" t="s">
        <v>13</v>
      </c>
      <c r="G3980" s="6" t="s">
        <v>8086</v>
      </c>
      <c r="H3980" s="6" t="s">
        <v>8087</v>
      </c>
      <c r="I3980" s="7">
        <v>4.7589220000000001</v>
      </c>
      <c r="J3980" s="8">
        <v>-74.029090800000006</v>
      </c>
    </row>
    <row r="3981" spans="1:10" x14ac:dyDescent="0.35">
      <c r="A3981" s="5" t="s">
        <v>10</v>
      </c>
      <c r="B3981" s="6">
        <v>236341</v>
      </c>
      <c r="C3981" s="6" t="s">
        <v>117</v>
      </c>
      <c r="D3981" s="6" t="s">
        <v>118</v>
      </c>
      <c r="E3981" s="6">
        <v>76400</v>
      </c>
      <c r="F3981" s="6" t="s">
        <v>18</v>
      </c>
      <c r="G3981" s="6" t="s">
        <v>8088</v>
      </c>
      <c r="H3981" s="6" t="s">
        <v>8089</v>
      </c>
      <c r="I3981" s="7">
        <v>4.5317609000000001</v>
      </c>
      <c r="J3981" s="8">
        <v>-76.101944900000007</v>
      </c>
    </row>
    <row r="3982" spans="1:10" x14ac:dyDescent="0.35">
      <c r="A3982" s="5" t="s">
        <v>10</v>
      </c>
      <c r="B3982" s="6">
        <v>233733</v>
      </c>
      <c r="C3982" s="6" t="s">
        <v>68</v>
      </c>
      <c r="D3982" s="6" t="s">
        <v>69</v>
      </c>
      <c r="E3982" s="6">
        <v>11001</v>
      </c>
      <c r="F3982" s="6" t="s">
        <v>18</v>
      </c>
      <c r="G3982" s="6" t="s">
        <v>8090</v>
      </c>
      <c r="H3982" s="6" t="s">
        <v>8091</v>
      </c>
      <c r="I3982" s="7">
        <v>4.5675800000000004</v>
      </c>
      <c r="J3982" s="8">
        <v>-74.10539</v>
      </c>
    </row>
    <row r="3983" spans="1:10" x14ac:dyDescent="0.35">
      <c r="A3983" s="5" t="s">
        <v>10</v>
      </c>
      <c r="B3983" s="6">
        <v>104345</v>
      </c>
      <c r="C3983" s="6" t="s">
        <v>294</v>
      </c>
      <c r="D3983" s="6" t="s">
        <v>703</v>
      </c>
      <c r="E3983" s="6">
        <v>41001</v>
      </c>
      <c r="F3983" s="6" t="s">
        <v>18</v>
      </c>
      <c r="G3983" s="6" t="s">
        <v>8092</v>
      </c>
      <c r="H3983" s="6" t="s">
        <v>8093</v>
      </c>
      <c r="I3983" s="7">
        <v>2.9722042000000002</v>
      </c>
      <c r="J3983" s="8">
        <v>-75.285424699999993</v>
      </c>
    </row>
    <row r="3984" spans="1:10" x14ac:dyDescent="0.35">
      <c r="A3984" s="5" t="s">
        <v>10</v>
      </c>
      <c r="B3984" s="6">
        <v>224441</v>
      </c>
      <c r="C3984" s="6" t="s">
        <v>294</v>
      </c>
      <c r="D3984" s="6" t="s">
        <v>703</v>
      </c>
      <c r="E3984" s="6">
        <v>41001</v>
      </c>
      <c r="F3984" s="6" t="s">
        <v>18</v>
      </c>
      <c r="G3984" s="6" t="s">
        <v>8094</v>
      </c>
      <c r="H3984" s="6" t="s">
        <v>8095</v>
      </c>
      <c r="I3984" s="7">
        <v>2.9092012999999999</v>
      </c>
      <c r="J3984" s="8">
        <v>-75.262416299999998</v>
      </c>
    </row>
    <row r="3985" spans="1:10" x14ac:dyDescent="0.35">
      <c r="A3985" s="5" t="s">
        <v>10</v>
      </c>
      <c r="B3985" s="6">
        <v>231233</v>
      </c>
      <c r="C3985" s="6" t="s">
        <v>294</v>
      </c>
      <c r="D3985" s="6" t="s">
        <v>703</v>
      </c>
      <c r="E3985" s="6">
        <v>41001</v>
      </c>
      <c r="F3985" s="6" t="s">
        <v>18</v>
      </c>
      <c r="G3985" s="6" t="s">
        <v>8096</v>
      </c>
      <c r="H3985" s="6" t="s">
        <v>8097</v>
      </c>
      <c r="I3985" s="7">
        <v>2.9293870000000002</v>
      </c>
      <c r="J3985" s="8">
        <v>-75.276971000000003</v>
      </c>
    </row>
    <row r="3986" spans="1:10" x14ac:dyDescent="0.35">
      <c r="A3986" s="5" t="s">
        <v>10</v>
      </c>
      <c r="B3986" s="6">
        <v>145713</v>
      </c>
      <c r="C3986" s="6" t="s">
        <v>294</v>
      </c>
      <c r="D3986" s="6" t="s">
        <v>4244</v>
      </c>
      <c r="E3986" s="6">
        <v>41298</v>
      </c>
      <c r="F3986" s="6" t="s">
        <v>18</v>
      </c>
      <c r="G3986" s="6" t="s">
        <v>8098</v>
      </c>
      <c r="H3986" s="6" t="s">
        <v>8099</v>
      </c>
      <c r="I3986" s="7">
        <v>2.1952272000000002</v>
      </c>
      <c r="J3986" s="8">
        <v>-75.639522399999905</v>
      </c>
    </row>
    <row r="3987" spans="1:10" x14ac:dyDescent="0.35">
      <c r="A3987" s="5" t="s">
        <v>10</v>
      </c>
      <c r="B3987" s="6">
        <v>184923</v>
      </c>
      <c r="C3987" s="6" t="s">
        <v>11</v>
      </c>
      <c r="D3987" s="6" t="s">
        <v>3054</v>
      </c>
      <c r="E3987" s="6">
        <v>25269</v>
      </c>
      <c r="F3987" s="6" t="s">
        <v>18</v>
      </c>
      <c r="G3987" s="6" t="s">
        <v>8100</v>
      </c>
      <c r="H3987" s="6" t="s">
        <v>8101</v>
      </c>
      <c r="I3987" s="7">
        <v>4.7989267</v>
      </c>
      <c r="J3987" s="8">
        <v>-74.323143299999998</v>
      </c>
    </row>
    <row r="3988" spans="1:10" x14ac:dyDescent="0.35">
      <c r="A3988" s="5" t="s">
        <v>10</v>
      </c>
      <c r="B3988" s="6">
        <v>201052</v>
      </c>
      <c r="C3988" s="6" t="s">
        <v>308</v>
      </c>
      <c r="D3988" s="6" t="s">
        <v>8102</v>
      </c>
      <c r="E3988" s="6">
        <v>23417</v>
      </c>
      <c r="F3988" s="6" t="s">
        <v>18</v>
      </c>
      <c r="G3988" s="6" t="s">
        <v>8103</v>
      </c>
      <c r="H3988" s="6" t="s">
        <v>8104</v>
      </c>
      <c r="I3988" s="7">
        <v>9.2386014999999997</v>
      </c>
      <c r="J3988" s="8">
        <v>-75.813494300000002</v>
      </c>
    </row>
    <row r="3989" spans="1:10" x14ac:dyDescent="0.35">
      <c r="A3989" s="5" t="s">
        <v>10</v>
      </c>
      <c r="B3989" s="6">
        <v>238097</v>
      </c>
      <c r="C3989" s="6" t="s">
        <v>302</v>
      </c>
      <c r="D3989" s="6" t="s">
        <v>359</v>
      </c>
      <c r="E3989" s="6">
        <v>8001</v>
      </c>
      <c r="F3989" s="6" t="s">
        <v>18</v>
      </c>
      <c r="G3989" s="6" t="s">
        <v>8105</v>
      </c>
      <c r="H3989" s="6" t="s">
        <v>8106</v>
      </c>
      <c r="I3989" s="7">
        <v>10.977649100000001</v>
      </c>
      <c r="J3989" s="8">
        <v>-74.842324300000001</v>
      </c>
    </row>
    <row r="3990" spans="1:10" x14ac:dyDescent="0.35">
      <c r="A3990" s="5" t="s">
        <v>10</v>
      </c>
      <c r="B3990" s="6">
        <v>214059</v>
      </c>
      <c r="C3990" s="6" t="s">
        <v>308</v>
      </c>
      <c r="D3990" s="6" t="s">
        <v>7998</v>
      </c>
      <c r="E3990" s="6">
        <v>23855</v>
      </c>
      <c r="F3990" s="6" t="s">
        <v>18</v>
      </c>
      <c r="G3990" s="6" t="s">
        <v>8107</v>
      </c>
      <c r="H3990" s="6" t="s">
        <v>8108</v>
      </c>
      <c r="I3990" s="7">
        <v>8.2600807999999901</v>
      </c>
      <c r="J3990" s="8">
        <v>-76.148061799999994</v>
      </c>
    </row>
    <row r="3991" spans="1:10" x14ac:dyDescent="0.35">
      <c r="A3991" s="5" t="s">
        <v>10</v>
      </c>
      <c r="B3991" s="6">
        <v>239536</v>
      </c>
      <c r="C3991" s="6" t="s">
        <v>2821</v>
      </c>
      <c r="D3991" s="6" t="s">
        <v>2822</v>
      </c>
      <c r="E3991" s="6">
        <v>47001</v>
      </c>
      <c r="F3991" s="6" t="s">
        <v>18</v>
      </c>
      <c r="G3991" s="6" t="s">
        <v>8109</v>
      </c>
      <c r="H3991" s="6" t="s">
        <v>8110</v>
      </c>
      <c r="I3991" s="7">
        <v>11.2172403</v>
      </c>
      <c r="J3991" s="8">
        <v>-74.186315399999998</v>
      </c>
    </row>
    <row r="3992" spans="1:10" x14ac:dyDescent="0.35">
      <c r="A3992" s="5" t="s">
        <v>10</v>
      </c>
      <c r="B3992" s="6">
        <v>221937</v>
      </c>
      <c r="C3992" s="6" t="s">
        <v>38</v>
      </c>
      <c r="D3992" s="6" t="s">
        <v>39</v>
      </c>
      <c r="E3992" s="6">
        <v>19001</v>
      </c>
      <c r="F3992" s="6" t="s">
        <v>18</v>
      </c>
      <c r="G3992" s="6" t="s">
        <v>8111</v>
      </c>
      <c r="H3992" s="6" t="s">
        <v>8112</v>
      </c>
      <c r="I3992" s="7">
        <v>2.4411276000000002</v>
      </c>
      <c r="J3992" s="8">
        <v>-76.614159299999997</v>
      </c>
    </row>
    <row r="3993" spans="1:10" x14ac:dyDescent="0.35">
      <c r="A3993" s="5" t="s">
        <v>10</v>
      </c>
      <c r="B3993" s="6">
        <v>216124</v>
      </c>
      <c r="C3993" s="6" t="s">
        <v>16</v>
      </c>
      <c r="D3993" s="6" t="s">
        <v>510</v>
      </c>
      <c r="E3993" s="6">
        <v>68547</v>
      </c>
      <c r="F3993" s="6" t="s">
        <v>18</v>
      </c>
      <c r="G3993" s="6" t="s">
        <v>8113</v>
      </c>
      <c r="H3993" s="6" t="s">
        <v>8114</v>
      </c>
      <c r="I3993" s="7">
        <v>6.9908671999999896</v>
      </c>
      <c r="J3993" s="8">
        <v>-73.055539899999999</v>
      </c>
    </row>
    <row r="3994" spans="1:10" x14ac:dyDescent="0.35">
      <c r="A3994" s="5" t="s">
        <v>10</v>
      </c>
      <c r="B3994" s="6">
        <v>155357</v>
      </c>
      <c r="C3994" s="6" t="s">
        <v>16</v>
      </c>
      <c r="D3994" s="6" t="s">
        <v>2825</v>
      </c>
      <c r="E3994" s="6">
        <v>68276</v>
      </c>
      <c r="F3994" s="6" t="s">
        <v>18</v>
      </c>
      <c r="G3994" s="6" t="s">
        <v>8115</v>
      </c>
      <c r="H3994" s="6" t="s">
        <v>8116</v>
      </c>
      <c r="I3994" s="7">
        <v>7.096641</v>
      </c>
      <c r="J3994" s="8">
        <v>-73.096714399999996</v>
      </c>
    </row>
    <row r="3995" spans="1:10" x14ac:dyDescent="0.35">
      <c r="A3995" s="5" t="s">
        <v>10</v>
      </c>
      <c r="B3995" s="6">
        <v>244001</v>
      </c>
      <c r="C3995" s="6" t="s">
        <v>16</v>
      </c>
      <c r="D3995" s="6" t="s">
        <v>1266</v>
      </c>
      <c r="E3995" s="6">
        <v>68081</v>
      </c>
      <c r="F3995" s="6" t="s">
        <v>18</v>
      </c>
      <c r="G3995" s="6" t="s">
        <v>8117</v>
      </c>
      <c r="H3995" s="6" t="s">
        <v>8118</v>
      </c>
      <c r="I3995" s="7">
        <v>7.0346463999999997</v>
      </c>
      <c r="J3995" s="8">
        <v>-73.839110099999999</v>
      </c>
    </row>
    <row r="3996" spans="1:10" x14ac:dyDescent="0.35">
      <c r="A3996" s="5" t="s">
        <v>10</v>
      </c>
      <c r="B3996" s="6">
        <v>223170</v>
      </c>
      <c r="C3996" s="6" t="s">
        <v>190</v>
      </c>
      <c r="D3996" s="6" t="s">
        <v>303</v>
      </c>
      <c r="E3996" s="6">
        <v>5628</v>
      </c>
      <c r="F3996" s="6" t="s">
        <v>18</v>
      </c>
      <c r="G3996" s="6" t="s">
        <v>8119</v>
      </c>
      <c r="H3996" s="6" t="s">
        <v>8120</v>
      </c>
      <c r="I3996" s="7">
        <v>6.8543086000000004</v>
      </c>
      <c r="J3996" s="8">
        <v>-75.8133342</v>
      </c>
    </row>
    <row r="3997" spans="1:10" x14ac:dyDescent="0.35">
      <c r="A3997" s="5" t="s">
        <v>10</v>
      </c>
      <c r="B3997" s="6">
        <v>210440</v>
      </c>
      <c r="C3997" s="6" t="s">
        <v>302</v>
      </c>
      <c r="D3997" s="6" t="s">
        <v>359</v>
      </c>
      <c r="E3997" s="6">
        <v>8001</v>
      </c>
      <c r="F3997" s="6" t="s">
        <v>18</v>
      </c>
      <c r="G3997" s="6" t="s">
        <v>8121</v>
      </c>
      <c r="H3997" s="6" t="s">
        <v>8122</v>
      </c>
      <c r="I3997" s="7">
        <v>10.95321</v>
      </c>
      <c r="J3997" s="8">
        <v>-74.827872200000002</v>
      </c>
    </row>
    <row r="3998" spans="1:10" x14ac:dyDescent="0.35">
      <c r="A3998" s="5" t="s">
        <v>10</v>
      </c>
      <c r="B3998" s="6">
        <v>248048</v>
      </c>
      <c r="C3998" s="6" t="s">
        <v>302</v>
      </c>
      <c r="D3998" s="6" t="s">
        <v>7633</v>
      </c>
      <c r="E3998" s="6">
        <v>8634</v>
      </c>
      <c r="F3998" s="6" t="s">
        <v>18</v>
      </c>
      <c r="G3998" s="6" t="s">
        <v>8123</v>
      </c>
      <c r="H3998" s="6" t="s">
        <v>8124</v>
      </c>
      <c r="I3998" s="7">
        <v>10.7964064</v>
      </c>
      <c r="J3998" s="8">
        <v>-74.914968299999998</v>
      </c>
    </row>
    <row r="3999" spans="1:10" x14ac:dyDescent="0.35">
      <c r="A3999" s="5" t="s">
        <v>10</v>
      </c>
      <c r="B3999" s="6">
        <v>235233</v>
      </c>
      <c r="C3999" s="6" t="s">
        <v>16</v>
      </c>
      <c r="D3999" s="6" t="s">
        <v>1348</v>
      </c>
      <c r="E3999" s="6">
        <v>68167</v>
      </c>
      <c r="F3999" s="6" t="s">
        <v>18</v>
      </c>
      <c r="G3999" s="6" t="s">
        <v>8125</v>
      </c>
      <c r="H3999" s="6" t="s">
        <v>8126</v>
      </c>
      <c r="I3999" s="7">
        <v>6.2859226000000001</v>
      </c>
      <c r="J3999" s="8">
        <v>-73.147033100000002</v>
      </c>
    </row>
    <row r="4000" spans="1:10" x14ac:dyDescent="0.35">
      <c r="A4000" s="5" t="s">
        <v>10</v>
      </c>
      <c r="B4000" s="6">
        <v>203678</v>
      </c>
      <c r="C4000" s="6" t="s">
        <v>3788</v>
      </c>
      <c r="D4000" s="6" t="s">
        <v>3974</v>
      </c>
      <c r="E4000" s="6">
        <v>18001</v>
      </c>
      <c r="F4000" s="6" t="s">
        <v>18</v>
      </c>
      <c r="G4000" s="6" t="s">
        <v>8127</v>
      </c>
      <c r="H4000" s="6" t="s">
        <v>8128</v>
      </c>
      <c r="I4000" s="7">
        <v>1.614128</v>
      </c>
      <c r="J4000" s="8">
        <v>-75.60051</v>
      </c>
    </row>
    <row r="4001" spans="1:10" x14ac:dyDescent="0.35">
      <c r="A4001" s="5" t="s">
        <v>10</v>
      </c>
      <c r="B4001" s="6">
        <v>153389</v>
      </c>
      <c r="C4001" s="6" t="s">
        <v>3788</v>
      </c>
      <c r="D4001" s="6" t="s">
        <v>3974</v>
      </c>
      <c r="E4001" s="6">
        <v>18001</v>
      </c>
      <c r="F4001" s="6" t="s">
        <v>18</v>
      </c>
      <c r="G4001" s="6" t="s">
        <v>8129</v>
      </c>
      <c r="H4001" s="6" t="s">
        <v>8130</v>
      </c>
      <c r="I4001" s="7">
        <v>1.6186545000000001</v>
      </c>
      <c r="J4001" s="8">
        <v>-75.605133600000002</v>
      </c>
    </row>
    <row r="4002" spans="1:10" x14ac:dyDescent="0.35">
      <c r="A4002" s="5" t="s">
        <v>10</v>
      </c>
      <c r="B4002" s="6">
        <v>217099</v>
      </c>
      <c r="C4002" s="6" t="s">
        <v>68</v>
      </c>
      <c r="D4002" s="6" t="s">
        <v>69</v>
      </c>
      <c r="E4002" s="6">
        <v>11001</v>
      </c>
      <c r="F4002" s="6" t="s">
        <v>13</v>
      </c>
      <c r="G4002" s="6" t="s">
        <v>8131</v>
      </c>
      <c r="H4002" s="6" t="s">
        <v>8132</v>
      </c>
      <c r="I4002" s="7">
        <v>4.5955471000000001</v>
      </c>
      <c r="J4002" s="8">
        <v>-74.163444699999999</v>
      </c>
    </row>
    <row r="4003" spans="1:10" x14ac:dyDescent="0.35">
      <c r="A4003" s="5" t="s">
        <v>10</v>
      </c>
      <c r="B4003" s="6">
        <v>227440</v>
      </c>
      <c r="C4003" s="6" t="s">
        <v>68</v>
      </c>
      <c r="D4003" s="6" t="s">
        <v>69</v>
      </c>
      <c r="E4003" s="6">
        <v>11001</v>
      </c>
      <c r="F4003" s="6" t="s">
        <v>18</v>
      </c>
      <c r="G4003" s="6" t="s">
        <v>8133</v>
      </c>
      <c r="H4003" s="6" t="s">
        <v>8134</v>
      </c>
      <c r="I4003" s="7">
        <v>4.5854474999999999</v>
      </c>
      <c r="J4003" s="8">
        <v>-74.1350154</v>
      </c>
    </row>
    <row r="4004" spans="1:10" x14ac:dyDescent="0.35">
      <c r="A4004" s="5" t="s">
        <v>10</v>
      </c>
      <c r="B4004" s="6">
        <v>245944</v>
      </c>
      <c r="C4004" s="6" t="s">
        <v>68</v>
      </c>
      <c r="D4004" s="6" t="s">
        <v>69</v>
      </c>
      <c r="E4004" s="6">
        <v>11001</v>
      </c>
      <c r="F4004" s="6" t="s">
        <v>18</v>
      </c>
      <c r="G4004" s="6" t="s">
        <v>8135</v>
      </c>
      <c r="H4004" s="6" t="s">
        <v>8136</v>
      </c>
      <c r="I4004" s="7">
        <v>4.5939230000000002</v>
      </c>
      <c r="J4004" s="8">
        <v>-74.076448999999997</v>
      </c>
    </row>
    <row r="4005" spans="1:10" x14ac:dyDescent="0.35">
      <c r="A4005" s="5" t="s">
        <v>10</v>
      </c>
      <c r="B4005" s="6">
        <v>188527</v>
      </c>
      <c r="C4005" s="6" t="s">
        <v>68</v>
      </c>
      <c r="D4005" s="6" t="s">
        <v>69</v>
      </c>
      <c r="E4005" s="6">
        <v>11001</v>
      </c>
      <c r="F4005" s="6" t="s">
        <v>18</v>
      </c>
      <c r="G4005" s="6" t="s">
        <v>8137</v>
      </c>
      <c r="H4005" s="6" t="s">
        <v>8138</v>
      </c>
      <c r="I4005" s="7">
        <v>4.5995644999999996</v>
      </c>
      <c r="J4005" s="8">
        <v>-74.161432699999907</v>
      </c>
    </row>
    <row r="4006" spans="1:10" x14ac:dyDescent="0.35">
      <c r="A4006" s="5" t="s">
        <v>10</v>
      </c>
      <c r="B4006" s="6">
        <v>234233</v>
      </c>
      <c r="C4006" s="6" t="s">
        <v>16</v>
      </c>
      <c r="D4006" s="6" t="s">
        <v>510</v>
      </c>
      <c r="E4006" s="6">
        <v>68547</v>
      </c>
      <c r="F4006" s="6" t="s">
        <v>18</v>
      </c>
      <c r="G4006" s="6" t="s">
        <v>8139</v>
      </c>
      <c r="H4006" s="6" t="s">
        <v>8140</v>
      </c>
      <c r="I4006" s="7">
        <v>6.9909689000000004</v>
      </c>
      <c r="J4006" s="8">
        <v>-73.054552099999995</v>
      </c>
    </row>
    <row r="4007" spans="1:10" x14ac:dyDescent="0.35">
      <c r="A4007" s="5" t="s">
        <v>10</v>
      </c>
      <c r="B4007" s="6">
        <v>242912</v>
      </c>
      <c r="C4007" s="6" t="s">
        <v>16</v>
      </c>
      <c r="D4007" s="6" t="s">
        <v>78</v>
      </c>
      <c r="E4007" s="6">
        <v>68001</v>
      </c>
      <c r="F4007" s="6" t="s">
        <v>18</v>
      </c>
      <c r="G4007" s="6" t="s">
        <v>8141</v>
      </c>
      <c r="H4007" s="6" t="s">
        <v>8142</v>
      </c>
      <c r="I4007" s="7">
        <v>7.1158144999999999</v>
      </c>
      <c r="J4007" s="8">
        <v>-73.129351700000001</v>
      </c>
    </row>
    <row r="4008" spans="1:10" x14ac:dyDescent="0.35">
      <c r="A4008" s="5" t="s">
        <v>10</v>
      </c>
      <c r="B4008" s="6">
        <v>204056</v>
      </c>
      <c r="C4008" s="6" t="s">
        <v>16</v>
      </c>
      <c r="D4008" s="6" t="s">
        <v>1401</v>
      </c>
      <c r="E4008" s="6">
        <v>68307</v>
      </c>
      <c r="F4008" s="6" t="s">
        <v>18</v>
      </c>
      <c r="G4008" s="6" t="s">
        <v>8143</v>
      </c>
      <c r="H4008" s="6" t="s">
        <v>8144</v>
      </c>
      <c r="I4008" s="7">
        <v>7.0528998999999999</v>
      </c>
      <c r="J4008" s="8">
        <v>-73.165991199999993</v>
      </c>
    </row>
    <row r="4009" spans="1:10" x14ac:dyDescent="0.35">
      <c r="A4009" s="5" t="s">
        <v>10</v>
      </c>
      <c r="B4009" s="6">
        <v>239984</v>
      </c>
      <c r="C4009" s="6" t="s">
        <v>68</v>
      </c>
      <c r="D4009" s="6" t="s">
        <v>69</v>
      </c>
      <c r="E4009" s="6">
        <v>11001</v>
      </c>
      <c r="F4009" s="6" t="s">
        <v>18</v>
      </c>
      <c r="G4009" s="6" t="s">
        <v>8145</v>
      </c>
      <c r="H4009" s="6" t="s">
        <v>8146</v>
      </c>
      <c r="I4009" s="7">
        <v>4.5682928</v>
      </c>
      <c r="J4009" s="8">
        <v>-74.071022299999996</v>
      </c>
    </row>
    <row r="4010" spans="1:10" x14ac:dyDescent="0.35">
      <c r="A4010" s="5" t="s">
        <v>10</v>
      </c>
      <c r="B4010" s="6">
        <v>230522</v>
      </c>
      <c r="C4010" s="6" t="s">
        <v>68</v>
      </c>
      <c r="D4010" s="6" t="s">
        <v>69</v>
      </c>
      <c r="E4010" s="6">
        <v>11001</v>
      </c>
      <c r="F4010" s="6" t="s">
        <v>18</v>
      </c>
      <c r="G4010" s="6" t="s">
        <v>8147</v>
      </c>
      <c r="H4010" s="6" t="s">
        <v>8148</v>
      </c>
      <c r="I4010" s="7">
        <v>4.6226995000000004</v>
      </c>
      <c r="J4010" s="8">
        <v>-74.164646899999994</v>
      </c>
    </row>
    <row r="4011" spans="1:10" x14ac:dyDescent="0.35">
      <c r="A4011" s="5" t="s">
        <v>10</v>
      </c>
      <c r="B4011" s="6">
        <v>232818</v>
      </c>
      <c r="C4011" s="6" t="s">
        <v>68</v>
      </c>
      <c r="D4011" s="6" t="s">
        <v>69</v>
      </c>
      <c r="E4011" s="6">
        <v>11001</v>
      </c>
      <c r="F4011" s="6" t="s">
        <v>18</v>
      </c>
      <c r="G4011" s="6" t="s">
        <v>8149</v>
      </c>
      <c r="H4011" s="6" t="s">
        <v>8150</v>
      </c>
      <c r="I4011" s="7">
        <v>4.5741300000000003</v>
      </c>
      <c r="J4011" s="8">
        <v>-74.125439999999998</v>
      </c>
    </row>
    <row r="4012" spans="1:10" x14ac:dyDescent="0.35">
      <c r="A4012" s="5" t="s">
        <v>10</v>
      </c>
      <c r="B4012" s="6">
        <v>223760</v>
      </c>
      <c r="C4012" s="6" t="s">
        <v>16</v>
      </c>
      <c r="D4012" s="6" t="s">
        <v>78</v>
      </c>
      <c r="E4012" s="6">
        <v>68001</v>
      </c>
      <c r="F4012" s="6" t="s">
        <v>18</v>
      </c>
      <c r="G4012" s="6" t="s">
        <v>8151</v>
      </c>
      <c r="H4012" s="6" t="s">
        <v>8152</v>
      </c>
      <c r="I4012" s="7">
        <v>7.1339074999999896</v>
      </c>
      <c r="J4012" s="8">
        <v>-73.122831599999998</v>
      </c>
    </row>
    <row r="4013" spans="1:10" x14ac:dyDescent="0.35">
      <c r="A4013" s="5" t="s">
        <v>10</v>
      </c>
      <c r="B4013" s="6">
        <v>197907</v>
      </c>
      <c r="C4013" s="6" t="s">
        <v>68</v>
      </c>
      <c r="D4013" s="6" t="s">
        <v>69</v>
      </c>
      <c r="E4013" s="6">
        <v>11001</v>
      </c>
      <c r="F4013" s="6" t="s">
        <v>18</v>
      </c>
      <c r="G4013" s="6" t="s">
        <v>8153</v>
      </c>
      <c r="H4013" s="6" t="s">
        <v>8154</v>
      </c>
      <c r="I4013" s="7">
        <v>4.5702252999999997</v>
      </c>
      <c r="J4013" s="8">
        <v>-74.093945699999907</v>
      </c>
    </row>
    <row r="4014" spans="1:10" x14ac:dyDescent="0.35">
      <c r="A4014" s="5" t="s">
        <v>10</v>
      </c>
      <c r="B4014" s="6">
        <v>219296</v>
      </c>
      <c r="C4014" s="6" t="s">
        <v>68</v>
      </c>
      <c r="D4014" s="6" t="s">
        <v>69</v>
      </c>
      <c r="E4014" s="6">
        <v>11001</v>
      </c>
      <c r="F4014" s="6" t="s">
        <v>18</v>
      </c>
      <c r="G4014" s="6" t="s">
        <v>8155</v>
      </c>
      <c r="H4014" s="6" t="s">
        <v>8156</v>
      </c>
      <c r="I4014" s="7">
        <v>4.5487422999999998</v>
      </c>
      <c r="J4014" s="8">
        <v>-74.160340099999999</v>
      </c>
    </row>
    <row r="4015" spans="1:10" x14ac:dyDescent="0.35">
      <c r="A4015" s="5" t="s">
        <v>10</v>
      </c>
      <c r="B4015" s="6">
        <v>230964</v>
      </c>
      <c r="C4015" s="6" t="s">
        <v>68</v>
      </c>
      <c r="D4015" s="6" t="s">
        <v>69</v>
      </c>
      <c r="E4015" s="6">
        <v>11001</v>
      </c>
      <c r="F4015" s="6" t="s">
        <v>18</v>
      </c>
      <c r="G4015" s="6" t="s">
        <v>8157</v>
      </c>
      <c r="H4015" s="6" t="s">
        <v>8158</v>
      </c>
      <c r="I4015" s="7">
        <v>4.6241070000000004</v>
      </c>
      <c r="J4015" s="8">
        <v>-74.211625600000005</v>
      </c>
    </row>
    <row r="4016" spans="1:10" x14ac:dyDescent="0.35">
      <c r="A4016" s="5" t="s">
        <v>10</v>
      </c>
      <c r="B4016" s="6">
        <v>154559</v>
      </c>
      <c r="C4016" s="6" t="s">
        <v>11</v>
      </c>
      <c r="D4016" s="6" t="s">
        <v>3104</v>
      </c>
      <c r="E4016" s="6">
        <v>25245</v>
      </c>
      <c r="F4016" s="6" t="s">
        <v>18</v>
      </c>
      <c r="G4016" s="6" t="s">
        <v>8159</v>
      </c>
      <c r="H4016" s="6" t="s">
        <v>8160</v>
      </c>
      <c r="I4016" s="7">
        <v>4.6004858000000004</v>
      </c>
      <c r="J4016" s="8">
        <v>-74.392769000000001</v>
      </c>
    </row>
    <row r="4017" spans="1:10" x14ac:dyDescent="0.35">
      <c r="A4017" s="5" t="s">
        <v>10</v>
      </c>
      <c r="B4017" s="6">
        <v>245229</v>
      </c>
      <c r="C4017" s="6" t="s">
        <v>16</v>
      </c>
      <c r="D4017" s="6" t="s">
        <v>2825</v>
      </c>
      <c r="E4017" s="6">
        <v>68276</v>
      </c>
      <c r="F4017" s="6" t="s">
        <v>18</v>
      </c>
      <c r="G4017" s="6" t="s">
        <v>8161</v>
      </c>
      <c r="H4017" s="6" t="s">
        <v>8162</v>
      </c>
      <c r="I4017" s="7">
        <v>7.0617200000000002</v>
      </c>
      <c r="J4017" s="8">
        <v>-73.08193</v>
      </c>
    </row>
    <row r="4018" spans="1:10" x14ac:dyDescent="0.35">
      <c r="A4018" s="5" t="s">
        <v>10</v>
      </c>
      <c r="B4018" s="6">
        <v>246253</v>
      </c>
      <c r="C4018" s="6" t="s">
        <v>94</v>
      </c>
      <c r="D4018" s="6" t="s">
        <v>98</v>
      </c>
      <c r="E4018" s="6">
        <v>66001</v>
      </c>
      <c r="F4018" s="6" t="s">
        <v>18</v>
      </c>
      <c r="G4018" s="6" t="s">
        <v>8163</v>
      </c>
      <c r="H4018" s="6" t="s">
        <v>8164</v>
      </c>
      <c r="I4018" s="7">
        <v>4.8086798000000002</v>
      </c>
      <c r="J4018" s="8">
        <v>-75.690879300000006</v>
      </c>
    </row>
    <row r="4019" spans="1:10" x14ac:dyDescent="0.35">
      <c r="A4019" s="5" t="s">
        <v>10</v>
      </c>
      <c r="B4019" s="6">
        <v>238993</v>
      </c>
      <c r="C4019" s="6" t="s">
        <v>11</v>
      </c>
      <c r="D4019" s="6" t="s">
        <v>334</v>
      </c>
      <c r="E4019" s="6">
        <v>25754</v>
      </c>
      <c r="F4019" s="6" t="s">
        <v>13</v>
      </c>
      <c r="G4019" s="6" t="s">
        <v>8165</v>
      </c>
      <c r="H4019" s="6" t="s">
        <v>8166</v>
      </c>
      <c r="I4019" s="7">
        <v>4.5797736999999996</v>
      </c>
      <c r="J4019" s="8">
        <v>-74.244435300000006</v>
      </c>
    </row>
    <row r="4020" spans="1:10" x14ac:dyDescent="0.35">
      <c r="A4020" s="5" t="s">
        <v>10</v>
      </c>
      <c r="B4020" s="6">
        <v>231405</v>
      </c>
      <c r="C4020" s="6" t="s">
        <v>68</v>
      </c>
      <c r="D4020" s="6" t="s">
        <v>69</v>
      </c>
      <c r="E4020" s="6">
        <v>11001</v>
      </c>
      <c r="F4020" s="6" t="s">
        <v>18</v>
      </c>
      <c r="G4020" s="6" t="s">
        <v>8167</v>
      </c>
      <c r="H4020" s="6" t="s">
        <v>8168</v>
      </c>
      <c r="I4020" s="7">
        <v>4.591933</v>
      </c>
      <c r="J4020" s="8">
        <v>-74.113303999999999</v>
      </c>
    </row>
    <row r="4021" spans="1:10" x14ac:dyDescent="0.35">
      <c r="A4021" s="5" t="s">
        <v>10</v>
      </c>
      <c r="B4021" s="6">
        <v>239059</v>
      </c>
      <c r="C4021" s="6" t="s">
        <v>11</v>
      </c>
      <c r="D4021" s="6" t="s">
        <v>5259</v>
      </c>
      <c r="E4021" s="6">
        <v>25320</v>
      </c>
      <c r="F4021" s="6" t="s">
        <v>18</v>
      </c>
      <c r="G4021" s="6" t="s">
        <v>8169</v>
      </c>
      <c r="H4021" s="6" t="s">
        <v>8170</v>
      </c>
      <c r="I4021" s="7">
        <v>5.0678087999999999</v>
      </c>
      <c r="J4021" s="8">
        <v>-74.5953205</v>
      </c>
    </row>
    <row r="4022" spans="1:10" x14ac:dyDescent="0.35">
      <c r="A4022" s="5" t="s">
        <v>10</v>
      </c>
      <c r="B4022" s="6">
        <v>203706</v>
      </c>
      <c r="C4022" s="6" t="s">
        <v>294</v>
      </c>
      <c r="D4022" s="6" t="s">
        <v>703</v>
      </c>
      <c r="E4022" s="6">
        <v>41001</v>
      </c>
      <c r="F4022" s="6" t="s">
        <v>18</v>
      </c>
      <c r="G4022" s="6" t="s">
        <v>8171</v>
      </c>
      <c r="H4022" s="6" t="s">
        <v>8172</v>
      </c>
      <c r="I4022" s="7">
        <v>2.8953484999999999</v>
      </c>
      <c r="J4022" s="8">
        <v>-75.264014099999997</v>
      </c>
    </row>
    <row r="4023" spans="1:10" x14ac:dyDescent="0.35">
      <c r="A4023" s="5" t="s">
        <v>10</v>
      </c>
      <c r="B4023" s="6">
        <v>144065</v>
      </c>
      <c r="C4023" s="6" t="s">
        <v>11</v>
      </c>
      <c r="D4023" s="6" t="s">
        <v>857</v>
      </c>
      <c r="E4023" s="6">
        <v>25758</v>
      </c>
      <c r="F4023" s="6" t="s">
        <v>18</v>
      </c>
      <c r="G4023" s="6" t="s">
        <v>8173</v>
      </c>
      <c r="H4023" s="6" t="s">
        <v>8174</v>
      </c>
      <c r="I4023" s="7">
        <v>4.9086112999999996</v>
      </c>
      <c r="J4023" s="8">
        <v>-73.941448899999997</v>
      </c>
    </row>
    <row r="4024" spans="1:10" x14ac:dyDescent="0.35">
      <c r="A4024" s="5" t="s">
        <v>10</v>
      </c>
      <c r="B4024" s="6">
        <v>236976</v>
      </c>
      <c r="C4024" s="6" t="s">
        <v>16</v>
      </c>
      <c r="D4024" s="6" t="s">
        <v>78</v>
      </c>
      <c r="E4024" s="6">
        <v>68001</v>
      </c>
      <c r="F4024" s="6" t="s">
        <v>18</v>
      </c>
      <c r="G4024" s="6" t="s">
        <v>8175</v>
      </c>
      <c r="H4024" s="6" t="s">
        <v>8176</v>
      </c>
      <c r="I4024" s="7">
        <v>7.1352938000000004</v>
      </c>
      <c r="J4024" s="8">
        <v>-73.1193873</v>
      </c>
    </row>
    <row r="4025" spans="1:10" x14ac:dyDescent="0.35">
      <c r="A4025" s="5" t="s">
        <v>10</v>
      </c>
      <c r="B4025" s="6">
        <v>227272</v>
      </c>
      <c r="C4025" s="6" t="s">
        <v>11</v>
      </c>
      <c r="D4025" s="6" t="s">
        <v>3054</v>
      </c>
      <c r="E4025" s="6">
        <v>25269</v>
      </c>
      <c r="F4025" s="6" t="s">
        <v>13</v>
      </c>
      <c r="G4025" s="6" t="s">
        <v>8177</v>
      </c>
      <c r="H4025" s="6" t="s">
        <v>8178</v>
      </c>
      <c r="I4025" s="7">
        <v>4.8093842999999996</v>
      </c>
      <c r="J4025" s="8">
        <v>-74.353131200000007</v>
      </c>
    </row>
    <row r="4026" spans="1:10" x14ac:dyDescent="0.35">
      <c r="A4026" s="5" t="s">
        <v>10</v>
      </c>
      <c r="B4026" s="6">
        <v>229144</v>
      </c>
      <c r="C4026" s="6" t="s">
        <v>11</v>
      </c>
      <c r="D4026" s="6" t="s">
        <v>5259</v>
      </c>
      <c r="E4026" s="6">
        <v>25320</v>
      </c>
      <c r="F4026" s="6" t="s">
        <v>18</v>
      </c>
      <c r="G4026" s="6" t="s">
        <v>2666</v>
      </c>
      <c r="H4026" s="6" t="s">
        <v>8179</v>
      </c>
      <c r="I4026" s="7">
        <v>5.0654513000000003</v>
      </c>
      <c r="J4026" s="8">
        <v>-74.600292199999998</v>
      </c>
    </row>
    <row r="4027" spans="1:10" x14ac:dyDescent="0.35">
      <c r="A4027" s="5" t="s">
        <v>10</v>
      </c>
      <c r="B4027" s="6">
        <v>232059</v>
      </c>
      <c r="C4027" s="6" t="s">
        <v>38</v>
      </c>
      <c r="D4027" s="6" t="s">
        <v>39</v>
      </c>
      <c r="E4027" s="6">
        <v>19001</v>
      </c>
      <c r="F4027" s="6" t="s">
        <v>18</v>
      </c>
      <c r="G4027" s="6" t="s">
        <v>8180</v>
      </c>
      <c r="H4027" s="6" t="s">
        <v>8181</v>
      </c>
      <c r="I4027" s="7">
        <v>2.4442140000000001</v>
      </c>
      <c r="J4027" s="8">
        <v>-76.612835000000004</v>
      </c>
    </row>
    <row r="4028" spans="1:10" x14ac:dyDescent="0.35">
      <c r="A4028" s="5" t="s">
        <v>10</v>
      </c>
      <c r="B4028" s="6">
        <v>214155</v>
      </c>
      <c r="C4028" s="6" t="s">
        <v>11</v>
      </c>
      <c r="D4028" s="6" t="s">
        <v>334</v>
      </c>
      <c r="E4028" s="6">
        <v>25754</v>
      </c>
      <c r="F4028" s="6" t="s">
        <v>18</v>
      </c>
      <c r="G4028" s="6" t="s">
        <v>8182</v>
      </c>
      <c r="H4028" s="6" t="s">
        <v>8183</v>
      </c>
      <c r="I4028" s="7">
        <v>4.5714268999999996</v>
      </c>
      <c r="J4028" s="8">
        <v>-74.232537100000002</v>
      </c>
    </row>
    <row r="4029" spans="1:10" x14ac:dyDescent="0.35">
      <c r="A4029" s="5" t="s">
        <v>10</v>
      </c>
      <c r="B4029" s="6">
        <v>231232</v>
      </c>
      <c r="C4029" s="6" t="s">
        <v>294</v>
      </c>
      <c r="D4029" s="6" t="s">
        <v>5497</v>
      </c>
      <c r="E4029" s="6">
        <v>41013</v>
      </c>
      <c r="F4029" s="6" t="s">
        <v>18</v>
      </c>
      <c r="G4029" s="6" t="s">
        <v>8184</v>
      </c>
      <c r="H4029" s="6" t="s">
        <v>8185</v>
      </c>
      <c r="I4029" s="7">
        <v>2.9238219999999999</v>
      </c>
      <c r="J4029" s="8">
        <v>-75.289420000000007</v>
      </c>
    </row>
    <row r="4030" spans="1:10" x14ac:dyDescent="0.35">
      <c r="A4030" s="5" t="s">
        <v>10</v>
      </c>
      <c r="B4030" s="6">
        <v>243639</v>
      </c>
      <c r="C4030" s="6" t="s">
        <v>16</v>
      </c>
      <c r="D4030" s="6" t="s">
        <v>78</v>
      </c>
      <c r="E4030" s="6">
        <v>68001</v>
      </c>
      <c r="F4030" s="6" t="s">
        <v>18</v>
      </c>
      <c r="G4030" s="6" t="s">
        <v>8186</v>
      </c>
      <c r="H4030" s="6" t="s">
        <v>8187</v>
      </c>
      <c r="I4030" s="7">
        <v>7.1141287000000002</v>
      </c>
      <c r="J4030" s="8">
        <v>-73.118146699999997</v>
      </c>
    </row>
    <row r="4031" spans="1:10" x14ac:dyDescent="0.35">
      <c r="A4031" s="5" t="s">
        <v>10</v>
      </c>
      <c r="B4031" s="6">
        <v>197512</v>
      </c>
      <c r="C4031" s="6" t="s">
        <v>68</v>
      </c>
      <c r="D4031" s="6" t="s">
        <v>69</v>
      </c>
      <c r="E4031" s="6">
        <v>11001</v>
      </c>
      <c r="F4031" s="6" t="s">
        <v>18</v>
      </c>
      <c r="G4031" s="6" t="s">
        <v>8188</v>
      </c>
      <c r="H4031" s="6" t="s">
        <v>8189</v>
      </c>
      <c r="I4031" s="7">
        <v>4.5814617000000002</v>
      </c>
      <c r="J4031" s="8">
        <v>-74.087577799999906</v>
      </c>
    </row>
    <row r="4032" spans="1:10" x14ac:dyDescent="0.35">
      <c r="A4032" s="5" t="s">
        <v>10</v>
      </c>
      <c r="B4032" s="6">
        <v>192439</v>
      </c>
      <c r="C4032" s="6" t="s">
        <v>11</v>
      </c>
      <c r="D4032" s="6" t="s">
        <v>106</v>
      </c>
      <c r="E4032" s="6">
        <v>25843</v>
      </c>
      <c r="F4032" s="6" t="s">
        <v>18</v>
      </c>
      <c r="G4032" s="6" t="s">
        <v>8190</v>
      </c>
      <c r="H4032" s="6" t="s">
        <v>8191</v>
      </c>
      <c r="I4032" s="7">
        <v>5.3086671999999897</v>
      </c>
      <c r="J4032" s="8">
        <v>-73.814326800000003</v>
      </c>
    </row>
    <row r="4033" spans="1:10" x14ac:dyDescent="0.35">
      <c r="A4033" s="5" t="s">
        <v>10</v>
      </c>
      <c r="B4033" s="6">
        <v>186249</v>
      </c>
      <c r="C4033" s="6" t="s">
        <v>302</v>
      </c>
      <c r="D4033" s="6" t="s">
        <v>7833</v>
      </c>
      <c r="E4033" s="6">
        <v>8685</v>
      </c>
      <c r="F4033" s="6" t="s">
        <v>18</v>
      </c>
      <c r="G4033" s="6" t="s">
        <v>8192</v>
      </c>
      <c r="H4033" s="6" t="s">
        <v>8193</v>
      </c>
      <c r="I4033" s="7">
        <v>10.7643833</v>
      </c>
      <c r="J4033" s="8">
        <v>-74.756695499999907</v>
      </c>
    </row>
    <row r="4034" spans="1:10" x14ac:dyDescent="0.35">
      <c r="A4034" s="5" t="s">
        <v>10</v>
      </c>
      <c r="B4034" s="6">
        <v>192054</v>
      </c>
      <c r="C4034" s="6" t="s">
        <v>16</v>
      </c>
      <c r="D4034" s="6" t="s">
        <v>8062</v>
      </c>
      <c r="E4034" s="6">
        <v>68575</v>
      </c>
      <c r="F4034" s="6" t="s">
        <v>18</v>
      </c>
      <c r="G4034" s="6" t="s">
        <v>8194</v>
      </c>
      <c r="H4034" s="6" t="s">
        <v>8195</v>
      </c>
      <c r="I4034" s="7">
        <v>7.3483695000000004</v>
      </c>
      <c r="J4034" s="8">
        <v>-73.902995399999995</v>
      </c>
    </row>
    <row r="4035" spans="1:10" x14ac:dyDescent="0.35">
      <c r="A4035" s="5" t="s">
        <v>10</v>
      </c>
      <c r="B4035" s="6">
        <v>242999</v>
      </c>
      <c r="C4035" s="6" t="s">
        <v>16</v>
      </c>
      <c r="D4035" s="6" t="s">
        <v>2386</v>
      </c>
      <c r="E4035" s="6">
        <v>68522</v>
      </c>
      <c r="F4035" s="6" t="s">
        <v>18</v>
      </c>
      <c r="G4035" s="6" t="s">
        <v>8196</v>
      </c>
      <c r="H4035" s="6" t="s">
        <v>8197</v>
      </c>
      <c r="I4035" s="7">
        <v>6.5386905999999998</v>
      </c>
      <c r="J4035" s="8">
        <v>-73.291250700000006</v>
      </c>
    </row>
    <row r="4036" spans="1:10" x14ac:dyDescent="0.35">
      <c r="A4036" s="5" t="s">
        <v>10</v>
      </c>
      <c r="B4036" s="6">
        <v>154328</v>
      </c>
      <c r="C4036" s="6" t="s">
        <v>3788</v>
      </c>
      <c r="D4036" s="6" t="s">
        <v>3974</v>
      </c>
      <c r="E4036" s="6">
        <v>18001</v>
      </c>
      <c r="F4036" s="6" t="s">
        <v>18</v>
      </c>
      <c r="G4036" s="6" t="s">
        <v>8198</v>
      </c>
      <c r="H4036" s="6" t="s">
        <v>8199</v>
      </c>
      <c r="I4036" s="7">
        <v>1.6153858000000001</v>
      </c>
      <c r="J4036" s="8">
        <v>-75.604236399999905</v>
      </c>
    </row>
    <row r="4037" spans="1:10" x14ac:dyDescent="0.35">
      <c r="A4037" s="5" t="s">
        <v>10</v>
      </c>
      <c r="B4037" s="6">
        <v>102099</v>
      </c>
      <c r="C4037" s="6" t="s">
        <v>38</v>
      </c>
      <c r="D4037" s="6" t="s">
        <v>2510</v>
      </c>
      <c r="E4037" s="6">
        <v>19517</v>
      </c>
      <c r="F4037" s="6" t="s">
        <v>18</v>
      </c>
      <c r="G4037" s="6" t="s">
        <v>8200</v>
      </c>
      <c r="H4037" s="6" t="s">
        <v>8201</v>
      </c>
      <c r="I4037" s="7">
        <v>2.7342499999999998</v>
      </c>
      <c r="J4037" s="8">
        <v>-75.978809999999996</v>
      </c>
    </row>
    <row r="4038" spans="1:10" x14ac:dyDescent="0.35">
      <c r="A4038" s="5" t="s">
        <v>10</v>
      </c>
      <c r="B4038" s="6">
        <v>227829</v>
      </c>
      <c r="C4038" s="6" t="s">
        <v>68</v>
      </c>
      <c r="D4038" s="6" t="s">
        <v>69</v>
      </c>
      <c r="E4038" s="6">
        <v>11001</v>
      </c>
      <c r="F4038" s="6" t="s">
        <v>18</v>
      </c>
      <c r="G4038" s="6" t="s">
        <v>8202</v>
      </c>
      <c r="H4038" s="6" t="s">
        <v>8203</v>
      </c>
      <c r="I4038" s="7">
        <v>4.6719616999999998</v>
      </c>
      <c r="J4038" s="8">
        <v>-74.147085599999997</v>
      </c>
    </row>
    <row r="4039" spans="1:10" x14ac:dyDescent="0.35">
      <c r="A4039" s="5" t="s">
        <v>10</v>
      </c>
      <c r="B4039" s="6">
        <v>209116</v>
      </c>
      <c r="C4039" s="6" t="s">
        <v>2821</v>
      </c>
      <c r="D4039" s="6" t="s">
        <v>8204</v>
      </c>
      <c r="E4039" s="6">
        <v>47053</v>
      </c>
      <c r="F4039" s="6" t="s">
        <v>18</v>
      </c>
      <c r="G4039" s="6" t="s">
        <v>8205</v>
      </c>
      <c r="H4039" s="6" t="s">
        <v>8206</v>
      </c>
      <c r="I4039" s="7">
        <v>10.5894326</v>
      </c>
      <c r="J4039" s="8">
        <v>-74.1840835</v>
      </c>
    </row>
    <row r="4040" spans="1:10" x14ac:dyDescent="0.35">
      <c r="A4040" s="5" t="s">
        <v>10</v>
      </c>
      <c r="B4040" s="6">
        <v>231567</v>
      </c>
      <c r="C4040" s="6" t="s">
        <v>3788</v>
      </c>
      <c r="D4040" s="6" t="s">
        <v>3974</v>
      </c>
      <c r="E4040" s="6">
        <v>18001</v>
      </c>
      <c r="F4040" s="6" t="s">
        <v>18</v>
      </c>
      <c r="G4040" s="6" t="s">
        <v>8207</v>
      </c>
      <c r="H4040" s="6" t="s">
        <v>8208</v>
      </c>
      <c r="I4040" s="7">
        <v>1.5937129999999999</v>
      </c>
      <c r="J4040" s="8">
        <v>-75.583550000000002</v>
      </c>
    </row>
    <row r="4041" spans="1:10" x14ac:dyDescent="0.35">
      <c r="A4041" s="5" t="s">
        <v>10</v>
      </c>
      <c r="B4041" s="6">
        <v>233013</v>
      </c>
      <c r="C4041" s="6" t="s">
        <v>68</v>
      </c>
      <c r="D4041" s="6" t="s">
        <v>69</v>
      </c>
      <c r="E4041" s="6">
        <v>11001</v>
      </c>
      <c r="F4041" s="6" t="s">
        <v>18</v>
      </c>
      <c r="G4041" s="6" t="s">
        <v>8209</v>
      </c>
      <c r="H4041" s="6" t="s">
        <v>8210</v>
      </c>
      <c r="I4041" s="7">
        <v>4.5777099999999997</v>
      </c>
      <c r="J4041" s="8">
        <v>-74.101619999999997</v>
      </c>
    </row>
    <row r="4042" spans="1:10" x14ac:dyDescent="0.35">
      <c r="A4042" s="5" t="s">
        <v>10</v>
      </c>
      <c r="B4042" s="6">
        <v>234340</v>
      </c>
      <c r="C4042" s="6" t="s">
        <v>4364</v>
      </c>
      <c r="D4042" s="6" t="s">
        <v>4365</v>
      </c>
      <c r="E4042" s="6">
        <v>70001</v>
      </c>
      <c r="F4042" s="6" t="s">
        <v>18</v>
      </c>
      <c r="G4042" s="6" t="s">
        <v>8211</v>
      </c>
      <c r="H4042" s="6" t="s">
        <v>8212</v>
      </c>
      <c r="I4042" s="7">
        <v>9.3127955999999994</v>
      </c>
      <c r="J4042" s="8">
        <v>-75.383171700000005</v>
      </c>
    </row>
    <row r="4043" spans="1:10" x14ac:dyDescent="0.35">
      <c r="A4043" s="5" t="s">
        <v>10</v>
      </c>
      <c r="B4043" s="6">
        <v>126294</v>
      </c>
      <c r="C4043" s="6" t="s">
        <v>3819</v>
      </c>
      <c r="D4043" s="6" t="s">
        <v>5557</v>
      </c>
      <c r="E4043" s="6">
        <v>86568</v>
      </c>
      <c r="F4043" s="6" t="s">
        <v>18</v>
      </c>
      <c r="G4043" s="6" t="s">
        <v>8213</v>
      </c>
      <c r="H4043" s="6" t="s">
        <v>8214</v>
      </c>
      <c r="I4043" s="7">
        <v>0.49467060000000002</v>
      </c>
      <c r="J4043" s="8">
        <v>-76.4996431</v>
      </c>
    </row>
    <row r="4044" spans="1:10" x14ac:dyDescent="0.35">
      <c r="A4044" s="5" t="s">
        <v>10</v>
      </c>
      <c r="B4044" s="6">
        <v>163226</v>
      </c>
      <c r="C4044" s="6" t="s">
        <v>11</v>
      </c>
      <c r="D4044" s="6" t="s">
        <v>337</v>
      </c>
      <c r="E4044" s="6">
        <v>25290</v>
      </c>
      <c r="F4044" s="6" t="s">
        <v>18</v>
      </c>
      <c r="G4044" s="6" t="s">
        <v>8215</v>
      </c>
      <c r="H4044" s="6" t="s">
        <v>8216</v>
      </c>
      <c r="I4044" s="7">
        <v>4.3340068</v>
      </c>
      <c r="J4044" s="8">
        <v>-74.364306999999997</v>
      </c>
    </row>
    <row r="4045" spans="1:10" x14ac:dyDescent="0.35">
      <c r="A4045" s="5" t="s">
        <v>10</v>
      </c>
      <c r="B4045" s="6">
        <v>166805</v>
      </c>
      <c r="C4045" s="6" t="s">
        <v>11</v>
      </c>
      <c r="D4045" s="6" t="s">
        <v>1547</v>
      </c>
      <c r="E4045" s="6">
        <v>25817</v>
      </c>
      <c r="F4045" s="6" t="s">
        <v>18</v>
      </c>
      <c r="G4045" s="6" t="s">
        <v>8217</v>
      </c>
      <c r="H4045" s="6" t="s">
        <v>8218</v>
      </c>
      <c r="I4045" s="7">
        <v>4.9659372999999896</v>
      </c>
      <c r="J4045" s="8">
        <v>-73.913059899999993</v>
      </c>
    </row>
    <row r="4046" spans="1:10" x14ac:dyDescent="0.35">
      <c r="A4046" s="5" t="s">
        <v>10</v>
      </c>
      <c r="B4046" s="6">
        <v>235784</v>
      </c>
      <c r="C4046" s="6" t="s">
        <v>11</v>
      </c>
      <c r="D4046" s="6" t="s">
        <v>21</v>
      </c>
      <c r="E4046" s="6">
        <v>25386</v>
      </c>
      <c r="F4046" s="6" t="s">
        <v>18</v>
      </c>
      <c r="G4046" s="6" t="s">
        <v>8219</v>
      </c>
      <c r="H4046" s="6" t="s">
        <v>8220</v>
      </c>
      <c r="I4046" s="7">
        <v>4.6263752</v>
      </c>
      <c r="J4046" s="8">
        <v>-74.468142499999999</v>
      </c>
    </row>
    <row r="4047" spans="1:10" x14ac:dyDescent="0.35">
      <c r="A4047" s="5" t="s">
        <v>10</v>
      </c>
      <c r="B4047" s="6">
        <v>225620</v>
      </c>
      <c r="C4047" s="6" t="s">
        <v>68</v>
      </c>
      <c r="D4047" s="6" t="s">
        <v>69</v>
      </c>
      <c r="E4047" s="6">
        <v>11001</v>
      </c>
      <c r="F4047" s="6" t="s">
        <v>18</v>
      </c>
      <c r="G4047" s="6" t="s">
        <v>8221</v>
      </c>
      <c r="H4047" s="6" t="s">
        <v>8222</v>
      </c>
      <c r="I4047" s="7">
        <v>4.5648917000000004</v>
      </c>
      <c r="J4047" s="8">
        <v>-74.133467600000003</v>
      </c>
    </row>
    <row r="4048" spans="1:10" x14ac:dyDescent="0.35">
      <c r="A4048" s="5" t="s">
        <v>10</v>
      </c>
      <c r="B4048" s="6">
        <v>215453</v>
      </c>
      <c r="C4048" s="6" t="s">
        <v>16</v>
      </c>
      <c r="D4048" s="6" t="s">
        <v>78</v>
      </c>
      <c r="E4048" s="6">
        <v>68001</v>
      </c>
      <c r="F4048" s="6" t="s">
        <v>18</v>
      </c>
      <c r="G4048" s="6" t="s">
        <v>8223</v>
      </c>
      <c r="H4048" s="6" t="s">
        <v>8224</v>
      </c>
      <c r="I4048" s="7">
        <v>7.0810876</v>
      </c>
      <c r="J4048" s="8">
        <v>-73.1180162</v>
      </c>
    </row>
    <row r="4049" spans="1:10" x14ac:dyDescent="0.35">
      <c r="A4049" s="5" t="s">
        <v>10</v>
      </c>
      <c r="B4049" s="6">
        <v>233703</v>
      </c>
      <c r="C4049" s="6" t="s">
        <v>16</v>
      </c>
      <c r="D4049" s="6" t="s">
        <v>1266</v>
      </c>
      <c r="E4049" s="6">
        <v>68081</v>
      </c>
      <c r="F4049" s="6" t="s">
        <v>18</v>
      </c>
      <c r="G4049" s="6" t="s">
        <v>8225</v>
      </c>
      <c r="H4049" s="6" t="s">
        <v>8226</v>
      </c>
      <c r="I4049" s="7">
        <v>7.06046</v>
      </c>
      <c r="J4049" s="8">
        <v>-73.863919999999993</v>
      </c>
    </row>
    <row r="4050" spans="1:10" x14ac:dyDescent="0.35">
      <c r="A4050" s="5" t="s">
        <v>10</v>
      </c>
      <c r="B4050" s="6">
        <v>241679</v>
      </c>
      <c r="C4050" s="6" t="s">
        <v>190</v>
      </c>
      <c r="D4050" s="6" t="s">
        <v>62</v>
      </c>
      <c r="E4050" s="6">
        <v>5059</v>
      </c>
      <c r="F4050" s="6" t="s">
        <v>18</v>
      </c>
      <c r="G4050" s="6" t="s">
        <v>8227</v>
      </c>
      <c r="H4050" s="6" t="s">
        <v>8228</v>
      </c>
      <c r="I4050" s="7">
        <v>4.5427020999999996</v>
      </c>
      <c r="J4050" s="8">
        <v>-75.690099799999999</v>
      </c>
    </row>
    <row r="4051" spans="1:10" x14ac:dyDescent="0.35">
      <c r="A4051" s="5" t="s">
        <v>10</v>
      </c>
      <c r="B4051" s="6">
        <v>217235</v>
      </c>
      <c r="C4051" s="6" t="s">
        <v>302</v>
      </c>
      <c r="D4051" s="6" t="s">
        <v>4041</v>
      </c>
      <c r="E4051" s="6">
        <v>8758</v>
      </c>
      <c r="F4051" s="6" t="s">
        <v>13</v>
      </c>
      <c r="G4051" s="6" t="s">
        <v>8229</v>
      </c>
      <c r="H4051" s="6" t="s">
        <v>8230</v>
      </c>
      <c r="I4051" s="7">
        <v>10.913087600000001</v>
      </c>
      <c r="J4051" s="8">
        <v>-74.792654499999998</v>
      </c>
    </row>
    <row r="4052" spans="1:10" x14ac:dyDescent="0.35">
      <c r="A4052" s="5" t="s">
        <v>10</v>
      </c>
      <c r="B4052" s="6">
        <v>222644</v>
      </c>
      <c r="C4052" s="6" t="s">
        <v>11</v>
      </c>
      <c r="D4052" s="6" t="s">
        <v>334</v>
      </c>
      <c r="E4052" s="6">
        <v>25754</v>
      </c>
      <c r="F4052" s="6" t="s">
        <v>18</v>
      </c>
      <c r="G4052" s="6" t="s">
        <v>8231</v>
      </c>
      <c r="H4052" s="6" t="s">
        <v>8232</v>
      </c>
      <c r="I4052" s="7">
        <v>4.572533</v>
      </c>
      <c r="J4052" s="8">
        <v>-74.232526499999906</v>
      </c>
    </row>
    <row r="4053" spans="1:10" x14ac:dyDescent="0.35">
      <c r="A4053" s="5" t="s">
        <v>10</v>
      </c>
      <c r="B4053" s="6">
        <v>234396</v>
      </c>
      <c r="C4053" s="6" t="s">
        <v>68</v>
      </c>
      <c r="D4053" s="6" t="s">
        <v>69</v>
      </c>
      <c r="E4053" s="6">
        <v>11001</v>
      </c>
      <c r="F4053" s="6" t="s">
        <v>18</v>
      </c>
      <c r="G4053" s="6" t="s">
        <v>8233</v>
      </c>
      <c r="H4053" s="6" t="s">
        <v>8234</v>
      </c>
      <c r="I4053" s="7">
        <v>4.5919112000000002</v>
      </c>
      <c r="J4053" s="8">
        <v>-74.174283200000005</v>
      </c>
    </row>
    <row r="4054" spans="1:10" x14ac:dyDescent="0.35">
      <c r="A4054" s="5" t="s">
        <v>10</v>
      </c>
      <c r="B4054" s="6">
        <v>226736</v>
      </c>
      <c r="C4054" s="6" t="s">
        <v>294</v>
      </c>
      <c r="D4054" s="6" t="s">
        <v>703</v>
      </c>
      <c r="E4054" s="6">
        <v>41001</v>
      </c>
      <c r="F4054" s="6" t="s">
        <v>18</v>
      </c>
      <c r="G4054" s="6" t="s">
        <v>8235</v>
      </c>
      <c r="H4054" s="6" t="s">
        <v>8236</v>
      </c>
      <c r="I4054" s="7">
        <v>2.8981914</v>
      </c>
      <c r="J4054" s="8">
        <v>-75.265573899999893</v>
      </c>
    </row>
    <row r="4055" spans="1:10" x14ac:dyDescent="0.35">
      <c r="A4055" s="5" t="s">
        <v>10</v>
      </c>
      <c r="B4055" s="6">
        <v>154255</v>
      </c>
      <c r="C4055" s="6" t="s">
        <v>294</v>
      </c>
      <c r="D4055" s="6" t="s">
        <v>703</v>
      </c>
      <c r="E4055" s="6">
        <v>41001</v>
      </c>
      <c r="F4055" s="6" t="s">
        <v>18</v>
      </c>
      <c r="G4055" s="6" t="s">
        <v>8237</v>
      </c>
      <c r="H4055" s="6" t="s">
        <v>8238</v>
      </c>
      <c r="I4055" s="7">
        <v>2.9461217</v>
      </c>
      <c r="J4055" s="8">
        <v>-75.3017222</v>
      </c>
    </row>
    <row r="4056" spans="1:10" x14ac:dyDescent="0.35">
      <c r="A4056" s="5" t="s">
        <v>10</v>
      </c>
      <c r="B4056" s="6">
        <v>188525</v>
      </c>
      <c r="C4056" s="6" t="s">
        <v>68</v>
      </c>
      <c r="D4056" s="6" t="s">
        <v>69</v>
      </c>
      <c r="E4056" s="6">
        <v>11001</v>
      </c>
      <c r="F4056" s="6" t="s">
        <v>18</v>
      </c>
      <c r="G4056" s="6" t="s">
        <v>8239</v>
      </c>
      <c r="H4056" s="6" t="s">
        <v>8240</v>
      </c>
      <c r="I4056" s="7">
        <v>4.6383885999999999</v>
      </c>
      <c r="J4056" s="8">
        <v>-74.173171799999906</v>
      </c>
    </row>
    <row r="4057" spans="1:10" x14ac:dyDescent="0.35">
      <c r="A4057" s="5" t="s">
        <v>10</v>
      </c>
      <c r="B4057" s="6">
        <v>235783</v>
      </c>
      <c r="C4057" s="6" t="s">
        <v>11</v>
      </c>
      <c r="D4057" s="6" t="s">
        <v>5259</v>
      </c>
      <c r="E4057" s="6">
        <v>25320</v>
      </c>
      <c r="F4057" s="6" t="s">
        <v>18</v>
      </c>
      <c r="G4057" s="6" t="s">
        <v>8241</v>
      </c>
      <c r="H4057" s="6" t="s">
        <v>8242</v>
      </c>
      <c r="I4057" s="7">
        <v>4.5870515000000003</v>
      </c>
      <c r="J4057" s="8">
        <v>-74.081434299999998</v>
      </c>
    </row>
    <row r="4058" spans="1:10" x14ac:dyDescent="0.35">
      <c r="A4058" s="5" t="s">
        <v>10</v>
      </c>
      <c r="B4058" s="6">
        <v>210121</v>
      </c>
      <c r="C4058" s="6" t="s">
        <v>2821</v>
      </c>
      <c r="D4058" s="6" t="s">
        <v>2822</v>
      </c>
      <c r="E4058" s="6">
        <v>47001</v>
      </c>
      <c r="F4058" s="6" t="s">
        <v>18</v>
      </c>
      <c r="G4058" s="6" t="s">
        <v>8243</v>
      </c>
      <c r="H4058" s="6" t="s">
        <v>8244</v>
      </c>
      <c r="I4058" s="7">
        <v>11.142811999999999</v>
      </c>
      <c r="J4058" s="8">
        <v>-74.116676999999996</v>
      </c>
    </row>
    <row r="4059" spans="1:10" x14ac:dyDescent="0.35">
      <c r="A4059" s="5" t="s">
        <v>10</v>
      </c>
      <c r="B4059" s="6">
        <v>217156</v>
      </c>
      <c r="C4059" s="6" t="s">
        <v>302</v>
      </c>
      <c r="D4059" s="6" t="s">
        <v>359</v>
      </c>
      <c r="E4059" s="6">
        <v>8001</v>
      </c>
      <c r="F4059" s="6" t="s">
        <v>18</v>
      </c>
      <c r="G4059" s="6" t="s">
        <v>8245</v>
      </c>
      <c r="H4059" s="6" t="s">
        <v>8246</v>
      </c>
      <c r="I4059" s="7">
        <v>10.954385</v>
      </c>
      <c r="J4059" s="8">
        <v>-74.852769799999905</v>
      </c>
    </row>
    <row r="4060" spans="1:10" x14ac:dyDescent="0.35">
      <c r="A4060" s="5" t="s">
        <v>10</v>
      </c>
      <c r="B4060" s="6">
        <v>186051</v>
      </c>
      <c r="C4060" s="6" t="s">
        <v>302</v>
      </c>
      <c r="D4060" s="6" t="s">
        <v>4041</v>
      </c>
      <c r="E4060" s="6">
        <v>8758</v>
      </c>
      <c r="F4060" s="6" t="s">
        <v>18</v>
      </c>
      <c r="G4060" s="6" t="s">
        <v>8247</v>
      </c>
      <c r="H4060" s="6" t="s">
        <v>8248</v>
      </c>
      <c r="I4060" s="7">
        <v>10.917119100000001</v>
      </c>
      <c r="J4060" s="8">
        <v>-74.799150599999905</v>
      </c>
    </row>
    <row r="4061" spans="1:10" x14ac:dyDescent="0.35">
      <c r="A4061" s="5" t="s">
        <v>10</v>
      </c>
      <c r="B4061" s="6">
        <v>229664</v>
      </c>
      <c r="C4061" s="6" t="s">
        <v>7527</v>
      </c>
      <c r="D4061" s="6" t="s">
        <v>8249</v>
      </c>
      <c r="E4061" s="6">
        <v>27077</v>
      </c>
      <c r="F4061" s="6" t="s">
        <v>18</v>
      </c>
      <c r="G4061" s="6" t="s">
        <v>8250</v>
      </c>
      <c r="H4061" s="6" t="s">
        <v>8251</v>
      </c>
      <c r="I4061" s="7">
        <v>4.9716800000000001</v>
      </c>
      <c r="J4061" s="8">
        <v>-77.365607999999995</v>
      </c>
    </row>
    <row r="4062" spans="1:10" x14ac:dyDescent="0.35">
      <c r="A4062" s="5" t="s">
        <v>10</v>
      </c>
      <c r="B4062" s="6">
        <v>239132</v>
      </c>
      <c r="C4062" s="6" t="s">
        <v>16</v>
      </c>
      <c r="D4062" s="6" t="s">
        <v>8252</v>
      </c>
      <c r="E4062" s="6">
        <v>68327</v>
      </c>
      <c r="F4062" s="6" t="s">
        <v>18</v>
      </c>
      <c r="G4062" s="6" t="s">
        <v>8253</v>
      </c>
      <c r="H4062" s="6" t="s">
        <v>8254</v>
      </c>
      <c r="I4062" s="7">
        <v>6.0246211000000001</v>
      </c>
      <c r="J4062" s="8">
        <v>-73.572857600000006</v>
      </c>
    </row>
    <row r="4063" spans="1:10" x14ac:dyDescent="0.35">
      <c r="A4063" s="5" t="s">
        <v>10</v>
      </c>
      <c r="B4063" s="6">
        <v>242959</v>
      </c>
      <c r="C4063" s="6" t="s">
        <v>16</v>
      </c>
      <c r="D4063" s="6" t="s">
        <v>78</v>
      </c>
      <c r="E4063" s="6">
        <v>68001</v>
      </c>
      <c r="F4063" s="6" t="s">
        <v>18</v>
      </c>
      <c r="G4063" s="6" t="s">
        <v>8255</v>
      </c>
      <c r="H4063" s="6" t="s">
        <v>8256</v>
      </c>
      <c r="I4063" s="7">
        <v>7.3208735999999996</v>
      </c>
      <c r="J4063" s="8">
        <v>-73.017483799999994</v>
      </c>
    </row>
    <row r="4064" spans="1:10" x14ac:dyDescent="0.35">
      <c r="A4064" s="5" t="s">
        <v>10</v>
      </c>
      <c r="B4064" s="6">
        <v>237001</v>
      </c>
      <c r="C4064" s="6" t="s">
        <v>16</v>
      </c>
      <c r="D4064" s="6" t="s">
        <v>78</v>
      </c>
      <c r="E4064" s="6">
        <v>68001</v>
      </c>
      <c r="F4064" s="6" t="s">
        <v>18</v>
      </c>
      <c r="G4064" s="6" t="s">
        <v>8257</v>
      </c>
      <c r="H4064" s="6" t="s">
        <v>8258</v>
      </c>
      <c r="I4064" s="7">
        <v>7.1032412999999996</v>
      </c>
      <c r="J4064" s="8">
        <v>-73.129724800000005</v>
      </c>
    </row>
    <row r="4065" spans="1:10" x14ac:dyDescent="0.35">
      <c r="A4065" s="5" t="s">
        <v>10</v>
      </c>
      <c r="B4065" s="6">
        <v>241735</v>
      </c>
      <c r="C4065" s="6" t="s">
        <v>61</v>
      </c>
      <c r="D4065" s="6" t="s">
        <v>723</v>
      </c>
      <c r="E4065" s="6">
        <v>63470</v>
      </c>
      <c r="F4065" s="6" t="s">
        <v>18</v>
      </c>
      <c r="G4065" s="6" t="s">
        <v>8259</v>
      </c>
      <c r="H4065" s="6" t="s">
        <v>8260</v>
      </c>
      <c r="I4065" s="7">
        <v>4.5668325999999997</v>
      </c>
      <c r="J4065" s="8">
        <v>-75.754537999999997</v>
      </c>
    </row>
    <row r="4066" spans="1:10" x14ac:dyDescent="0.35">
      <c r="A4066" s="5" t="s">
        <v>10</v>
      </c>
      <c r="B4066" s="6">
        <v>243684</v>
      </c>
      <c r="C4066" s="6" t="s">
        <v>466</v>
      </c>
      <c r="D4066" s="6" t="s">
        <v>467</v>
      </c>
      <c r="E4066" s="6">
        <v>81736</v>
      </c>
      <c r="F4066" s="6" t="s">
        <v>18</v>
      </c>
      <c r="G4066" s="6" t="s">
        <v>8261</v>
      </c>
      <c r="H4066" s="6" t="s">
        <v>8262</v>
      </c>
      <c r="I4066" s="7">
        <v>3.4373849999999999</v>
      </c>
      <c r="J4066" s="8">
        <v>-76.520427699999999</v>
      </c>
    </row>
    <row r="4067" spans="1:10" x14ac:dyDescent="0.35">
      <c r="A4067" s="5" t="s">
        <v>10</v>
      </c>
      <c r="B4067" s="6">
        <v>245235</v>
      </c>
      <c r="C4067" s="6" t="s">
        <v>11</v>
      </c>
      <c r="D4067" s="6" t="s">
        <v>3724</v>
      </c>
      <c r="E4067" s="6">
        <v>25513</v>
      </c>
      <c r="F4067" s="6" t="s">
        <v>13</v>
      </c>
      <c r="G4067" s="6" t="s">
        <v>8263</v>
      </c>
      <c r="H4067" s="6" t="s">
        <v>8264</v>
      </c>
      <c r="I4067" s="7">
        <v>5.1299334999999999</v>
      </c>
      <c r="J4067" s="8">
        <v>-74.158046299999995</v>
      </c>
    </row>
    <row r="4068" spans="1:10" x14ac:dyDescent="0.35">
      <c r="A4068" s="5" t="s">
        <v>10</v>
      </c>
      <c r="B4068" s="6">
        <v>233678</v>
      </c>
      <c r="C4068" s="6" t="s">
        <v>68</v>
      </c>
      <c r="D4068" s="6" t="s">
        <v>69</v>
      </c>
      <c r="E4068" s="6">
        <v>11001</v>
      </c>
      <c r="F4068" s="6" t="s">
        <v>13</v>
      </c>
      <c r="G4068" s="6" t="s">
        <v>8265</v>
      </c>
      <c r="H4068" s="6" t="s">
        <v>8266</v>
      </c>
      <c r="I4068" s="7">
        <v>4.6404199999999998</v>
      </c>
      <c r="J4068" s="8">
        <v>-74.161150000000006</v>
      </c>
    </row>
    <row r="4069" spans="1:10" x14ac:dyDescent="0.35">
      <c r="A4069" s="5" t="s">
        <v>10</v>
      </c>
      <c r="B4069" s="6">
        <v>229355</v>
      </c>
      <c r="C4069" s="6" t="s">
        <v>68</v>
      </c>
      <c r="D4069" s="6" t="s">
        <v>69</v>
      </c>
      <c r="E4069" s="6">
        <v>11001</v>
      </c>
      <c r="F4069" s="6" t="s">
        <v>18</v>
      </c>
      <c r="G4069" s="6" t="s">
        <v>8267</v>
      </c>
      <c r="H4069" s="6" t="s">
        <v>8268</v>
      </c>
      <c r="I4069" s="7">
        <v>4.5776640000000004</v>
      </c>
      <c r="J4069" s="8">
        <v>-74.152153200000001</v>
      </c>
    </row>
    <row r="4070" spans="1:10" x14ac:dyDescent="0.35">
      <c r="A4070" s="5" t="s">
        <v>10</v>
      </c>
      <c r="B4070" s="6">
        <v>235575</v>
      </c>
      <c r="C4070" s="6" t="s">
        <v>16</v>
      </c>
      <c r="D4070" s="6" t="s">
        <v>78</v>
      </c>
      <c r="E4070" s="6">
        <v>68001</v>
      </c>
      <c r="F4070" s="6" t="s">
        <v>18</v>
      </c>
      <c r="G4070" s="6" t="s">
        <v>8269</v>
      </c>
      <c r="H4070" s="6" t="s">
        <v>8270</v>
      </c>
      <c r="I4070" s="7">
        <v>7.1348824999999998</v>
      </c>
      <c r="J4070" s="8">
        <v>-73.129041400000006</v>
      </c>
    </row>
    <row r="4071" spans="1:10" x14ac:dyDescent="0.35">
      <c r="A4071" s="5" t="s">
        <v>10</v>
      </c>
      <c r="B4071" s="6">
        <v>145759</v>
      </c>
      <c r="C4071" s="6" t="s">
        <v>294</v>
      </c>
      <c r="D4071" s="6" t="s">
        <v>3201</v>
      </c>
      <c r="E4071" s="6">
        <v>41378</v>
      </c>
      <c r="F4071" s="6" t="s">
        <v>18</v>
      </c>
      <c r="G4071" s="6" t="s">
        <v>8271</v>
      </c>
      <c r="H4071" s="6" t="s">
        <v>8272</v>
      </c>
      <c r="I4071" s="7">
        <v>2.1984439999999998</v>
      </c>
      <c r="J4071" s="8">
        <v>-75.978780999999998</v>
      </c>
    </row>
    <row r="4072" spans="1:10" x14ac:dyDescent="0.35">
      <c r="A4072" s="5" t="s">
        <v>10</v>
      </c>
      <c r="B4072" s="6">
        <v>198470</v>
      </c>
      <c r="C4072" s="6" t="s">
        <v>2821</v>
      </c>
      <c r="D4072" s="6" t="s">
        <v>2822</v>
      </c>
      <c r="E4072" s="6">
        <v>47001</v>
      </c>
      <c r="F4072" s="6" t="s">
        <v>18</v>
      </c>
      <c r="G4072" s="6" t="s">
        <v>8273</v>
      </c>
      <c r="H4072" s="6" t="s">
        <v>8274</v>
      </c>
      <c r="I4072" s="7">
        <v>11.240354699999999</v>
      </c>
      <c r="J4072" s="8">
        <v>-74.211022700000001</v>
      </c>
    </row>
    <row r="4073" spans="1:10" x14ac:dyDescent="0.35">
      <c r="A4073" s="5" t="s">
        <v>10</v>
      </c>
      <c r="B4073" s="6">
        <v>180895</v>
      </c>
      <c r="C4073" s="6" t="s">
        <v>2821</v>
      </c>
      <c r="D4073" s="6" t="s">
        <v>2822</v>
      </c>
      <c r="E4073" s="6">
        <v>47001</v>
      </c>
      <c r="F4073" s="6" t="s">
        <v>18</v>
      </c>
      <c r="G4073" s="6" t="s">
        <v>8275</v>
      </c>
      <c r="H4073" s="6" t="s">
        <v>8276</v>
      </c>
      <c r="I4073" s="7">
        <v>11.240354699999999</v>
      </c>
      <c r="J4073" s="8">
        <v>-74.211022700000001</v>
      </c>
    </row>
    <row r="4074" spans="1:10" x14ac:dyDescent="0.35">
      <c r="A4074" s="5" t="s">
        <v>10</v>
      </c>
      <c r="B4074" s="6">
        <v>206541</v>
      </c>
      <c r="C4074" s="6" t="s">
        <v>16</v>
      </c>
      <c r="D4074" s="6" t="s">
        <v>2825</v>
      </c>
      <c r="E4074" s="6">
        <v>68276</v>
      </c>
      <c r="F4074" s="6" t="s">
        <v>18</v>
      </c>
      <c r="G4074" s="6" t="s">
        <v>8277</v>
      </c>
      <c r="H4074" s="6" t="s">
        <v>8278</v>
      </c>
      <c r="I4074" s="7">
        <v>7.0774029000000001</v>
      </c>
      <c r="J4074" s="8">
        <v>-73.089979200000002</v>
      </c>
    </row>
    <row r="4075" spans="1:10" x14ac:dyDescent="0.35">
      <c r="A4075" s="5" t="s">
        <v>10</v>
      </c>
      <c r="B4075" s="6">
        <v>209647</v>
      </c>
      <c r="C4075" s="6" t="s">
        <v>68</v>
      </c>
      <c r="D4075" s="6" t="s">
        <v>69</v>
      </c>
      <c r="E4075" s="6">
        <v>11001</v>
      </c>
      <c r="F4075" s="6" t="s">
        <v>13</v>
      </c>
      <c r="G4075" s="6" t="s">
        <v>8279</v>
      </c>
      <c r="H4075" s="6" t="s">
        <v>8280</v>
      </c>
      <c r="I4075" s="7">
        <v>4.5969797999999997</v>
      </c>
      <c r="J4075" s="8">
        <v>-74.076166099999995</v>
      </c>
    </row>
    <row r="4076" spans="1:10" x14ac:dyDescent="0.35">
      <c r="A4076" s="5" t="s">
        <v>10</v>
      </c>
      <c r="B4076" s="6">
        <v>231877</v>
      </c>
      <c r="C4076" s="6" t="s">
        <v>68</v>
      </c>
      <c r="D4076" s="6" t="s">
        <v>69</v>
      </c>
      <c r="E4076" s="6">
        <v>11001</v>
      </c>
      <c r="F4076" s="6" t="s">
        <v>18</v>
      </c>
      <c r="G4076" s="6" t="s">
        <v>8281</v>
      </c>
      <c r="H4076" s="6" t="s">
        <v>8282</v>
      </c>
      <c r="I4076" s="7">
        <v>4.5760709999999998</v>
      </c>
      <c r="J4076" s="8">
        <v>-74.173188999999994</v>
      </c>
    </row>
    <row r="4077" spans="1:10" x14ac:dyDescent="0.35">
      <c r="A4077" s="5" t="s">
        <v>10</v>
      </c>
      <c r="B4077" s="6">
        <v>239042</v>
      </c>
      <c r="C4077" s="6" t="s">
        <v>11</v>
      </c>
      <c r="D4077" s="6" t="s">
        <v>4661</v>
      </c>
      <c r="E4077" s="6">
        <v>25662</v>
      </c>
      <c r="F4077" s="6" t="s">
        <v>18</v>
      </c>
      <c r="G4077" s="6" t="s">
        <v>8283</v>
      </c>
      <c r="H4077" s="6" t="s">
        <v>8284</v>
      </c>
      <c r="I4077" s="7">
        <v>4.8468910000000003</v>
      </c>
      <c r="J4077" s="8">
        <v>-74.622303000000002</v>
      </c>
    </row>
    <row r="4078" spans="1:10" x14ac:dyDescent="0.35">
      <c r="A4078" s="5" t="s">
        <v>10</v>
      </c>
      <c r="B4078" s="6">
        <v>206567</v>
      </c>
      <c r="C4078" s="6" t="s">
        <v>278</v>
      </c>
      <c r="D4078" s="6" t="s">
        <v>1331</v>
      </c>
      <c r="E4078" s="6">
        <v>50006</v>
      </c>
      <c r="F4078" s="6" t="s">
        <v>18</v>
      </c>
      <c r="G4078" s="6" t="s">
        <v>8285</v>
      </c>
      <c r="H4078" s="6" t="s">
        <v>8286</v>
      </c>
      <c r="I4078" s="7">
        <v>3.991663</v>
      </c>
      <c r="J4078" s="8">
        <v>-73.766128999999907</v>
      </c>
    </row>
    <row r="4079" spans="1:10" x14ac:dyDescent="0.35">
      <c r="A4079" s="5" t="s">
        <v>10</v>
      </c>
      <c r="B4079" s="6">
        <v>94518</v>
      </c>
      <c r="C4079" s="6" t="s">
        <v>11</v>
      </c>
      <c r="D4079" s="6" t="s">
        <v>8287</v>
      </c>
      <c r="E4079" s="6">
        <v>25491</v>
      </c>
      <c r="F4079" s="6" t="s">
        <v>18</v>
      </c>
      <c r="G4079" s="6" t="s">
        <v>8288</v>
      </c>
      <c r="H4079" s="6" t="s">
        <v>8289</v>
      </c>
      <c r="I4079" s="7">
        <v>5.0694349999999897</v>
      </c>
      <c r="J4079" s="8">
        <v>-74.380304999999893</v>
      </c>
    </row>
    <row r="4080" spans="1:10" x14ac:dyDescent="0.35">
      <c r="A4080" s="5" t="s">
        <v>10</v>
      </c>
      <c r="B4080" s="6">
        <v>182623</v>
      </c>
      <c r="C4080" s="6" t="s">
        <v>68</v>
      </c>
      <c r="D4080" s="6" t="s">
        <v>69</v>
      </c>
      <c r="E4080" s="6">
        <v>11001</v>
      </c>
      <c r="F4080" s="6" t="s">
        <v>18</v>
      </c>
      <c r="G4080" s="6" t="s">
        <v>8290</v>
      </c>
      <c r="H4080" s="6" t="s">
        <v>8291</v>
      </c>
      <c r="I4080" s="7">
        <v>4.6424063000000002</v>
      </c>
      <c r="J4080" s="8">
        <v>-74.191219599999997</v>
      </c>
    </row>
    <row r="4081" spans="1:10" x14ac:dyDescent="0.35">
      <c r="A4081" s="5" t="s">
        <v>10</v>
      </c>
      <c r="B4081" s="6">
        <v>219882</v>
      </c>
      <c r="C4081" s="6" t="s">
        <v>302</v>
      </c>
      <c r="D4081" s="6" t="s">
        <v>303</v>
      </c>
      <c r="E4081" s="6">
        <v>8638</v>
      </c>
      <c r="F4081" s="6" t="s">
        <v>18</v>
      </c>
      <c r="G4081" s="6" t="s">
        <v>8292</v>
      </c>
      <c r="H4081" s="6" t="s">
        <v>8293</v>
      </c>
      <c r="I4081" s="7">
        <v>6.8986599999999996</v>
      </c>
      <c r="J4081" s="8">
        <v>-75.783658899999907</v>
      </c>
    </row>
    <row r="4082" spans="1:10" x14ac:dyDescent="0.35">
      <c r="A4082" s="5" t="s">
        <v>10</v>
      </c>
      <c r="B4082" s="6">
        <v>202074</v>
      </c>
      <c r="C4082" s="6" t="s">
        <v>302</v>
      </c>
      <c r="D4082" s="6" t="s">
        <v>4041</v>
      </c>
      <c r="E4082" s="6">
        <v>8758</v>
      </c>
      <c r="F4082" s="6" t="s">
        <v>18</v>
      </c>
      <c r="G4082" s="6" t="s">
        <v>8294</v>
      </c>
      <c r="H4082" s="6" t="s">
        <v>8295</v>
      </c>
      <c r="I4082" s="7">
        <v>10.9666523</v>
      </c>
      <c r="J4082" s="8">
        <v>-74.785632300000003</v>
      </c>
    </row>
    <row r="4083" spans="1:10" x14ac:dyDescent="0.35">
      <c r="A4083" s="5" t="s">
        <v>10</v>
      </c>
      <c r="B4083" s="6">
        <v>225062</v>
      </c>
      <c r="C4083" s="6" t="s">
        <v>366</v>
      </c>
      <c r="D4083" s="6" t="s">
        <v>8296</v>
      </c>
      <c r="E4083" s="6">
        <v>44001</v>
      </c>
      <c r="F4083" s="6" t="s">
        <v>18</v>
      </c>
      <c r="G4083" s="6" t="s">
        <v>8297</v>
      </c>
      <c r="H4083" s="6" t="s">
        <v>8298</v>
      </c>
      <c r="I4083" s="7">
        <v>11.542453200000001</v>
      </c>
      <c r="J4083" s="8">
        <v>-72.921544699999998</v>
      </c>
    </row>
    <row r="4084" spans="1:10" x14ac:dyDescent="0.35">
      <c r="A4084" s="5" t="s">
        <v>10</v>
      </c>
      <c r="B4084" s="6">
        <v>236196</v>
      </c>
      <c r="C4084" s="6" t="s">
        <v>38</v>
      </c>
      <c r="D4084" s="6" t="s">
        <v>39</v>
      </c>
      <c r="E4084" s="6">
        <v>19001</v>
      </c>
      <c r="F4084" s="6" t="s">
        <v>18</v>
      </c>
      <c r="G4084" s="6" t="s">
        <v>8299</v>
      </c>
      <c r="H4084" s="6" t="s">
        <v>8300</v>
      </c>
      <c r="I4084" s="7">
        <v>2.4458334000000002</v>
      </c>
      <c r="J4084" s="8">
        <v>-76.613597799999994</v>
      </c>
    </row>
    <row r="4085" spans="1:10" x14ac:dyDescent="0.35">
      <c r="A4085" s="5" t="s">
        <v>10</v>
      </c>
      <c r="B4085" s="6">
        <v>243020</v>
      </c>
      <c r="C4085" s="6" t="s">
        <v>16</v>
      </c>
      <c r="D4085" s="6" t="s">
        <v>1942</v>
      </c>
      <c r="E4085" s="6">
        <v>68406</v>
      </c>
      <c r="F4085" s="6" t="s">
        <v>18</v>
      </c>
      <c r="G4085" s="6" t="s">
        <v>8301</v>
      </c>
      <c r="H4085" s="6" t="s">
        <v>8302</v>
      </c>
      <c r="I4085" s="7">
        <v>6.9871724000000004</v>
      </c>
      <c r="J4085" s="8">
        <v>-73.048657399999996</v>
      </c>
    </row>
    <row r="4086" spans="1:10" x14ac:dyDescent="0.35">
      <c r="A4086" s="5" t="s">
        <v>10</v>
      </c>
      <c r="B4086" s="6">
        <v>231042</v>
      </c>
      <c r="C4086" s="6" t="s">
        <v>16</v>
      </c>
      <c r="D4086" s="6" t="s">
        <v>2825</v>
      </c>
      <c r="E4086" s="6">
        <v>68276</v>
      </c>
      <c r="F4086" s="6" t="s">
        <v>18</v>
      </c>
      <c r="G4086" s="6" t="s">
        <v>8303</v>
      </c>
      <c r="H4086" s="6" t="s">
        <v>8304</v>
      </c>
      <c r="I4086" s="7">
        <v>7.0938391000000003</v>
      </c>
      <c r="J4086" s="8">
        <v>-73.090058999999997</v>
      </c>
    </row>
    <row r="4087" spans="1:10" x14ac:dyDescent="0.35">
      <c r="A4087" s="5" t="s">
        <v>10</v>
      </c>
      <c r="B4087" s="6">
        <v>233179</v>
      </c>
      <c r="C4087" s="6" t="s">
        <v>3788</v>
      </c>
      <c r="D4087" s="6" t="s">
        <v>3974</v>
      </c>
      <c r="E4087" s="6">
        <v>18001</v>
      </c>
      <c r="F4087" s="6" t="s">
        <v>18</v>
      </c>
      <c r="G4087" s="6" t="s">
        <v>8305</v>
      </c>
      <c r="H4087" s="6" t="s">
        <v>8306</v>
      </c>
      <c r="I4087" s="7">
        <v>1.6099600000000001</v>
      </c>
      <c r="J4087" s="8">
        <v>-75.612189999999998</v>
      </c>
    </row>
    <row r="4088" spans="1:10" x14ac:dyDescent="0.35">
      <c r="A4088" s="5" t="s">
        <v>10</v>
      </c>
      <c r="B4088" s="6">
        <v>207064</v>
      </c>
      <c r="C4088" s="6" t="s">
        <v>3788</v>
      </c>
      <c r="D4088" s="6" t="s">
        <v>3974</v>
      </c>
      <c r="E4088" s="6">
        <v>18001</v>
      </c>
      <c r="F4088" s="6" t="s">
        <v>18</v>
      </c>
      <c r="G4088" s="6" t="s">
        <v>3075</v>
      </c>
      <c r="H4088" s="6" t="s">
        <v>8307</v>
      </c>
      <c r="I4088" s="7">
        <v>1.5961211</v>
      </c>
      <c r="J4088" s="8">
        <v>-75.583791499999904</v>
      </c>
    </row>
    <row r="4089" spans="1:10" x14ac:dyDescent="0.35">
      <c r="A4089" s="5" t="s">
        <v>10</v>
      </c>
      <c r="B4089" s="6">
        <v>232227</v>
      </c>
      <c r="C4089" s="6" t="s">
        <v>24</v>
      </c>
      <c r="D4089" s="6" t="s">
        <v>137</v>
      </c>
      <c r="E4089" s="6">
        <v>15238</v>
      </c>
      <c r="F4089" s="6" t="s">
        <v>18</v>
      </c>
      <c r="G4089" s="6" t="s">
        <v>8308</v>
      </c>
      <c r="H4089" s="6" t="s">
        <v>8309</v>
      </c>
      <c r="I4089" s="7">
        <v>5.8292599999999997</v>
      </c>
      <c r="J4089" s="8">
        <v>-73.033601000000004</v>
      </c>
    </row>
    <row r="4090" spans="1:10" x14ac:dyDescent="0.35">
      <c r="A4090" s="5" t="s">
        <v>10</v>
      </c>
      <c r="B4090" s="6">
        <v>232841</v>
      </c>
      <c r="C4090" s="6" t="s">
        <v>16</v>
      </c>
      <c r="D4090" s="6" t="s">
        <v>224</v>
      </c>
      <c r="E4090" s="6">
        <v>68755</v>
      </c>
      <c r="F4090" s="6" t="s">
        <v>18</v>
      </c>
      <c r="G4090" s="6" t="s">
        <v>8310</v>
      </c>
      <c r="H4090" s="6" t="s">
        <v>8311</v>
      </c>
      <c r="I4090" s="7">
        <v>6.4450900000000004</v>
      </c>
      <c r="J4090" s="8">
        <v>-73.252949999999998</v>
      </c>
    </row>
    <row r="4091" spans="1:10" x14ac:dyDescent="0.35">
      <c r="A4091" s="5" t="s">
        <v>10</v>
      </c>
      <c r="B4091" s="6">
        <v>237589</v>
      </c>
      <c r="C4091" s="6" t="s">
        <v>294</v>
      </c>
      <c r="D4091" s="6" t="s">
        <v>8312</v>
      </c>
      <c r="E4091" s="6">
        <v>41026</v>
      </c>
      <c r="F4091" s="6" t="s">
        <v>18</v>
      </c>
      <c r="G4091" s="6" t="s">
        <v>8313</v>
      </c>
      <c r="H4091" s="6" t="s">
        <v>8314</v>
      </c>
      <c r="I4091" s="7">
        <v>2.0639794999999999</v>
      </c>
      <c r="J4091" s="8">
        <v>-75.787018099999997</v>
      </c>
    </row>
    <row r="4092" spans="1:10" x14ac:dyDescent="0.35">
      <c r="A4092" s="5" t="s">
        <v>10</v>
      </c>
      <c r="B4092" s="6">
        <v>145114</v>
      </c>
      <c r="C4092" s="6" t="s">
        <v>68</v>
      </c>
      <c r="D4092" s="6" t="s">
        <v>69</v>
      </c>
      <c r="E4092" s="6">
        <v>11001</v>
      </c>
      <c r="F4092" s="6" t="s">
        <v>18</v>
      </c>
      <c r="G4092" s="6" t="s">
        <v>8315</v>
      </c>
      <c r="H4092" s="6" t="s">
        <v>8316</v>
      </c>
      <c r="I4092" s="7">
        <v>4.7009717999999996</v>
      </c>
      <c r="J4092" s="8">
        <v>-74.1460972</v>
      </c>
    </row>
    <row r="4093" spans="1:10" x14ac:dyDescent="0.35">
      <c r="A4093" s="5" t="s">
        <v>10</v>
      </c>
      <c r="B4093" s="6">
        <v>237470</v>
      </c>
      <c r="C4093" s="6" t="s">
        <v>302</v>
      </c>
      <c r="D4093" s="6" t="s">
        <v>8024</v>
      </c>
      <c r="E4093" s="6">
        <v>8078</v>
      </c>
      <c r="F4093" s="6" t="s">
        <v>18</v>
      </c>
      <c r="G4093" s="6" t="s">
        <v>113</v>
      </c>
      <c r="H4093" s="6" t="s">
        <v>8317</v>
      </c>
      <c r="I4093" s="7">
        <v>10.792869700000001</v>
      </c>
      <c r="J4093" s="8">
        <v>-74.910720100000006</v>
      </c>
    </row>
    <row r="4094" spans="1:10" x14ac:dyDescent="0.35">
      <c r="A4094" s="5" t="s">
        <v>10</v>
      </c>
      <c r="B4094" s="6">
        <v>236270</v>
      </c>
      <c r="C4094" s="6" t="s">
        <v>2821</v>
      </c>
      <c r="D4094" s="6" t="s">
        <v>8318</v>
      </c>
      <c r="E4094" s="6">
        <v>47545</v>
      </c>
      <c r="F4094" s="6" t="s">
        <v>18</v>
      </c>
      <c r="G4094" s="6" t="s">
        <v>8319</v>
      </c>
      <c r="H4094" s="6" t="s">
        <v>8320</v>
      </c>
      <c r="I4094" s="7">
        <v>10.411301399999999</v>
      </c>
      <c r="J4094" s="8">
        <v>-74.405661199999997</v>
      </c>
    </row>
    <row r="4095" spans="1:10" x14ac:dyDescent="0.35">
      <c r="A4095" s="5" t="s">
        <v>10</v>
      </c>
      <c r="B4095" s="6">
        <v>210497</v>
      </c>
      <c r="C4095" s="6" t="s">
        <v>308</v>
      </c>
      <c r="D4095" s="6" t="s">
        <v>8321</v>
      </c>
      <c r="E4095" s="6">
        <v>23162</v>
      </c>
      <c r="F4095" s="6" t="s">
        <v>18</v>
      </c>
      <c r="G4095" s="6" t="s">
        <v>8322</v>
      </c>
      <c r="H4095" s="6" t="s">
        <v>8323</v>
      </c>
      <c r="I4095" s="7">
        <v>8.8889206999999999</v>
      </c>
      <c r="J4095" s="8">
        <v>-75.789587499999996</v>
      </c>
    </row>
    <row r="4096" spans="1:10" x14ac:dyDescent="0.35">
      <c r="A4096" s="5" t="s">
        <v>10</v>
      </c>
      <c r="B4096" s="6">
        <v>201707</v>
      </c>
      <c r="C4096" s="6" t="s">
        <v>68</v>
      </c>
      <c r="D4096" s="6" t="s">
        <v>69</v>
      </c>
      <c r="E4096" s="6">
        <v>11001</v>
      </c>
      <c r="F4096" s="6" t="s">
        <v>13</v>
      </c>
      <c r="G4096" s="6" t="s">
        <v>8324</v>
      </c>
      <c r="H4096" s="6" t="s">
        <v>8325</v>
      </c>
      <c r="I4096" s="7">
        <v>4.6084788999999997</v>
      </c>
      <c r="J4096" s="8">
        <v>-74.072753899999995</v>
      </c>
    </row>
    <row r="4097" spans="1:10" x14ac:dyDescent="0.35">
      <c r="A4097" s="5" t="s">
        <v>10</v>
      </c>
      <c r="B4097" s="6">
        <v>247542</v>
      </c>
      <c r="C4097" s="6" t="s">
        <v>11</v>
      </c>
      <c r="D4097" s="6" t="s">
        <v>101</v>
      </c>
      <c r="E4097" s="6">
        <v>25473</v>
      </c>
      <c r="F4097" s="6" t="s">
        <v>18</v>
      </c>
      <c r="G4097" s="6" t="s">
        <v>8326</v>
      </c>
      <c r="H4097" s="6" t="s">
        <v>8327</v>
      </c>
      <c r="I4097" s="7">
        <v>4.7133387999999998</v>
      </c>
      <c r="J4097" s="8">
        <v>-74.220821400000005</v>
      </c>
    </row>
    <row r="4098" spans="1:10" x14ac:dyDescent="0.35">
      <c r="A4098" s="5" t="s">
        <v>10</v>
      </c>
      <c r="B4098" s="6">
        <v>235627</v>
      </c>
      <c r="C4098" s="6" t="s">
        <v>68</v>
      </c>
      <c r="D4098" s="6" t="s">
        <v>69</v>
      </c>
      <c r="E4098" s="6">
        <v>11001</v>
      </c>
      <c r="F4098" s="6" t="s">
        <v>18</v>
      </c>
      <c r="G4098" s="6" t="s">
        <v>8328</v>
      </c>
      <c r="H4098" s="6" t="s">
        <v>8329</v>
      </c>
      <c r="I4098" s="7">
        <v>4.7000305999999998</v>
      </c>
      <c r="J4098" s="8">
        <v>-74.089751300000003</v>
      </c>
    </row>
    <row r="4099" spans="1:10" x14ac:dyDescent="0.35">
      <c r="A4099" s="5" t="s">
        <v>10</v>
      </c>
      <c r="B4099" s="6">
        <v>206898</v>
      </c>
      <c r="C4099" s="6" t="s">
        <v>68</v>
      </c>
      <c r="D4099" s="6" t="s">
        <v>69</v>
      </c>
      <c r="E4099" s="6">
        <v>11001</v>
      </c>
      <c r="F4099" s="6" t="s">
        <v>18</v>
      </c>
      <c r="G4099" s="6" t="s">
        <v>8330</v>
      </c>
      <c r="H4099" s="6" t="s">
        <v>8331</v>
      </c>
      <c r="I4099" s="7">
        <v>4.5389211999999999</v>
      </c>
      <c r="J4099" s="8">
        <v>-74.117152099999998</v>
      </c>
    </row>
    <row r="4100" spans="1:10" x14ac:dyDescent="0.35">
      <c r="A4100" s="5" t="s">
        <v>10</v>
      </c>
      <c r="B4100" s="6">
        <v>240206</v>
      </c>
      <c r="C4100" s="6" t="s">
        <v>68</v>
      </c>
      <c r="D4100" s="6" t="s">
        <v>69</v>
      </c>
      <c r="E4100" s="6">
        <v>11001</v>
      </c>
      <c r="F4100" s="6" t="s">
        <v>18</v>
      </c>
      <c r="G4100" s="6" t="s">
        <v>8332</v>
      </c>
      <c r="H4100" s="6" t="s">
        <v>8333</v>
      </c>
      <c r="I4100" s="7">
        <v>4.6056637</v>
      </c>
      <c r="J4100" s="8">
        <v>-74.193266800000004</v>
      </c>
    </row>
    <row r="4101" spans="1:10" x14ac:dyDescent="0.35">
      <c r="A4101" s="5" t="s">
        <v>10</v>
      </c>
      <c r="B4101" s="6">
        <v>213656</v>
      </c>
      <c r="C4101" s="6" t="s">
        <v>68</v>
      </c>
      <c r="D4101" s="6" t="s">
        <v>69</v>
      </c>
      <c r="E4101" s="6">
        <v>11001</v>
      </c>
      <c r="F4101" s="6" t="s">
        <v>18</v>
      </c>
      <c r="G4101" s="6" t="s">
        <v>8334</v>
      </c>
      <c r="H4101" s="6" t="s">
        <v>8335</v>
      </c>
      <c r="I4101" s="7">
        <v>4.7103605000000002</v>
      </c>
      <c r="J4101" s="8">
        <v>-74.032177699999906</v>
      </c>
    </row>
    <row r="4102" spans="1:10" x14ac:dyDescent="0.35">
      <c r="A4102" s="5" t="s">
        <v>10</v>
      </c>
      <c r="B4102" s="6">
        <v>153450</v>
      </c>
      <c r="C4102" s="6" t="s">
        <v>11</v>
      </c>
      <c r="D4102" s="6" t="s">
        <v>12</v>
      </c>
      <c r="E4102" s="6">
        <v>25899</v>
      </c>
      <c r="F4102" s="6" t="s">
        <v>18</v>
      </c>
      <c r="G4102" s="6" t="s">
        <v>8336</v>
      </c>
      <c r="H4102" s="6" t="s">
        <v>8337</v>
      </c>
      <c r="I4102" s="7">
        <v>5.0279027999999997</v>
      </c>
      <c r="J4102" s="8">
        <v>-73.993987599999997</v>
      </c>
    </row>
    <row r="4103" spans="1:10" x14ac:dyDescent="0.35">
      <c r="A4103" s="5" t="s">
        <v>10</v>
      </c>
      <c r="B4103" s="6">
        <v>207882</v>
      </c>
      <c r="C4103" s="6" t="s">
        <v>308</v>
      </c>
      <c r="D4103" s="6" t="s">
        <v>8338</v>
      </c>
      <c r="E4103" s="6">
        <v>23555</v>
      </c>
      <c r="F4103" s="6" t="s">
        <v>18</v>
      </c>
      <c r="G4103" s="6" t="s">
        <v>8339</v>
      </c>
      <c r="H4103" s="6" t="s">
        <v>8340</v>
      </c>
      <c r="I4103" s="7">
        <v>8.4127489999999998</v>
      </c>
      <c r="J4103" s="8">
        <v>-75.584047999999996</v>
      </c>
    </row>
    <row r="4104" spans="1:10" x14ac:dyDescent="0.35">
      <c r="A4104" s="5" t="s">
        <v>10</v>
      </c>
      <c r="B4104" s="6">
        <v>228667</v>
      </c>
      <c r="C4104" s="6" t="s">
        <v>16</v>
      </c>
      <c r="D4104" s="6" t="s">
        <v>2825</v>
      </c>
      <c r="E4104" s="6">
        <v>68276</v>
      </c>
      <c r="F4104" s="6" t="s">
        <v>18</v>
      </c>
      <c r="G4104" s="6" t="s">
        <v>8341</v>
      </c>
      <c r="H4104" s="6" t="s">
        <v>8342</v>
      </c>
      <c r="I4104" s="7">
        <v>7.0888268999999999</v>
      </c>
      <c r="J4104" s="8">
        <v>-73.100252099999906</v>
      </c>
    </row>
    <row r="4105" spans="1:10" x14ac:dyDescent="0.35">
      <c r="A4105" s="5" t="s">
        <v>10</v>
      </c>
      <c r="B4105" s="6">
        <v>216527</v>
      </c>
      <c r="C4105" s="6" t="s">
        <v>16</v>
      </c>
      <c r="D4105" s="6" t="s">
        <v>78</v>
      </c>
      <c r="E4105" s="6">
        <v>68001</v>
      </c>
      <c r="F4105" s="6" t="s">
        <v>18</v>
      </c>
      <c r="G4105" s="6" t="s">
        <v>8343</v>
      </c>
      <c r="H4105" s="6" t="s">
        <v>8344</v>
      </c>
      <c r="I4105" s="7">
        <v>7.1289273999999896</v>
      </c>
      <c r="J4105" s="8">
        <v>-73.131581299999993</v>
      </c>
    </row>
    <row r="4106" spans="1:10" x14ac:dyDescent="0.35">
      <c r="A4106" s="5" t="s">
        <v>10</v>
      </c>
      <c r="B4106" s="6">
        <v>231628</v>
      </c>
      <c r="C4106" s="6" t="s">
        <v>11</v>
      </c>
      <c r="D4106" s="6" t="s">
        <v>334</v>
      </c>
      <c r="E4106" s="6">
        <v>25754</v>
      </c>
      <c r="F4106" s="6" t="s">
        <v>13</v>
      </c>
      <c r="G4106" s="6" t="s">
        <v>8345</v>
      </c>
      <c r="H4106" s="6" t="s">
        <v>8346</v>
      </c>
      <c r="I4106" s="7">
        <v>4.5670149999999996</v>
      </c>
      <c r="J4106" s="8">
        <v>-74.188675000000003</v>
      </c>
    </row>
    <row r="4107" spans="1:10" x14ac:dyDescent="0.35">
      <c r="A4107" s="5" t="s">
        <v>10</v>
      </c>
      <c r="B4107" s="6">
        <v>223381</v>
      </c>
      <c r="C4107" s="6" t="s">
        <v>117</v>
      </c>
      <c r="D4107" s="6" t="s">
        <v>3686</v>
      </c>
      <c r="E4107" s="6">
        <v>76111</v>
      </c>
      <c r="F4107" s="6" t="s">
        <v>13</v>
      </c>
      <c r="G4107" s="6" t="s">
        <v>8347</v>
      </c>
      <c r="H4107" s="6" t="s">
        <v>8348</v>
      </c>
      <c r="I4107" s="7">
        <v>3.9130031999999999</v>
      </c>
      <c r="J4107" s="8">
        <v>-76.308052900000007</v>
      </c>
    </row>
    <row r="4108" spans="1:10" x14ac:dyDescent="0.35">
      <c r="A4108" s="5" t="s">
        <v>10</v>
      </c>
      <c r="B4108" s="6">
        <v>233256</v>
      </c>
      <c r="C4108" s="6" t="s">
        <v>55</v>
      </c>
      <c r="D4108" s="6" t="s">
        <v>56</v>
      </c>
      <c r="E4108" s="6">
        <v>73001</v>
      </c>
      <c r="F4108" s="6" t="s">
        <v>18</v>
      </c>
      <c r="G4108" s="6" t="s">
        <v>8349</v>
      </c>
      <c r="H4108" s="6" t="s">
        <v>8350</v>
      </c>
      <c r="I4108" s="7">
        <v>4.4328099999999999</v>
      </c>
      <c r="J4108" s="8">
        <v>-75.186670000000007</v>
      </c>
    </row>
    <row r="4109" spans="1:10" x14ac:dyDescent="0.35">
      <c r="A4109" s="5" t="s">
        <v>10</v>
      </c>
      <c r="B4109" s="6">
        <v>233728</v>
      </c>
      <c r="C4109" s="6" t="s">
        <v>117</v>
      </c>
      <c r="D4109" s="6" t="s">
        <v>1334</v>
      </c>
      <c r="E4109" s="6">
        <v>76001</v>
      </c>
      <c r="F4109" s="6" t="s">
        <v>18</v>
      </c>
      <c r="G4109" s="6" t="s">
        <v>8351</v>
      </c>
      <c r="H4109" s="6" t="s">
        <v>8352</v>
      </c>
      <c r="I4109" s="7">
        <v>3.4345300000000001</v>
      </c>
      <c r="J4109" s="8">
        <v>-76.470290000000006</v>
      </c>
    </row>
    <row r="4110" spans="1:10" x14ac:dyDescent="0.35">
      <c r="A4110" s="5" t="s">
        <v>10</v>
      </c>
      <c r="B4110" s="6">
        <v>238319</v>
      </c>
      <c r="C4110" s="6" t="s">
        <v>68</v>
      </c>
      <c r="D4110" s="6" t="s">
        <v>69</v>
      </c>
      <c r="E4110" s="6">
        <v>11001</v>
      </c>
      <c r="F4110" s="6" t="s">
        <v>18</v>
      </c>
      <c r="G4110" s="6" t="s">
        <v>8353</v>
      </c>
      <c r="H4110" s="6" t="s">
        <v>8354</v>
      </c>
      <c r="I4110" s="7">
        <v>4.6204045999999996</v>
      </c>
      <c r="J4110" s="8">
        <v>-74.118968800000005</v>
      </c>
    </row>
    <row r="4111" spans="1:10" x14ac:dyDescent="0.35">
      <c r="A4111" s="5" t="s">
        <v>10</v>
      </c>
      <c r="B4111" s="6">
        <v>244776</v>
      </c>
      <c r="C4111" s="6" t="s">
        <v>16</v>
      </c>
      <c r="D4111" s="6" t="s">
        <v>510</v>
      </c>
      <c r="E4111" s="6">
        <v>68547</v>
      </c>
      <c r="F4111" s="6" t="s">
        <v>18</v>
      </c>
      <c r="G4111" s="6" t="s">
        <v>8355</v>
      </c>
      <c r="H4111" s="6" t="s">
        <v>8356</v>
      </c>
      <c r="I4111" s="7">
        <v>6.9915390000000004</v>
      </c>
      <c r="J4111" s="8">
        <v>-73.053998000000007</v>
      </c>
    </row>
    <row r="4112" spans="1:10" x14ac:dyDescent="0.35">
      <c r="A4112" s="5" t="s">
        <v>10</v>
      </c>
      <c r="B4112" s="6">
        <v>205421</v>
      </c>
      <c r="C4112" s="6" t="s">
        <v>16</v>
      </c>
      <c r="D4112" s="6" t="s">
        <v>2825</v>
      </c>
      <c r="E4112" s="6">
        <v>68276</v>
      </c>
      <c r="F4112" s="6" t="s">
        <v>18</v>
      </c>
      <c r="G4112" s="6" t="s">
        <v>8357</v>
      </c>
      <c r="H4112" s="6" t="s">
        <v>8358</v>
      </c>
      <c r="I4112" s="7">
        <v>7.0720567999999897</v>
      </c>
      <c r="J4112" s="8">
        <v>-73.106822699999995</v>
      </c>
    </row>
    <row r="4113" spans="1:10" x14ac:dyDescent="0.35">
      <c r="A4113" s="5" t="s">
        <v>10</v>
      </c>
      <c r="B4113" s="6">
        <v>175635</v>
      </c>
      <c r="C4113" s="6" t="s">
        <v>294</v>
      </c>
      <c r="D4113" s="6" t="s">
        <v>703</v>
      </c>
      <c r="E4113" s="6">
        <v>41001</v>
      </c>
      <c r="F4113" s="6" t="s">
        <v>18</v>
      </c>
      <c r="G4113" s="6" t="s">
        <v>8359</v>
      </c>
      <c r="H4113" s="6" t="s">
        <v>8360</v>
      </c>
      <c r="I4113" s="7">
        <v>2.9183191000000002</v>
      </c>
      <c r="J4113" s="8">
        <v>-75.283576199999999</v>
      </c>
    </row>
    <row r="4114" spans="1:10" x14ac:dyDescent="0.35">
      <c r="A4114" s="5" t="s">
        <v>10</v>
      </c>
      <c r="B4114" s="6">
        <v>163908</v>
      </c>
      <c r="C4114" s="6" t="s">
        <v>16</v>
      </c>
      <c r="D4114" s="6" t="s">
        <v>78</v>
      </c>
      <c r="E4114" s="6">
        <v>68001</v>
      </c>
      <c r="F4114" s="6" t="s">
        <v>18</v>
      </c>
      <c r="G4114" s="6" t="s">
        <v>8361</v>
      </c>
      <c r="H4114" s="6" t="s">
        <v>8362</v>
      </c>
      <c r="I4114" s="7">
        <v>7.1048027999999999</v>
      </c>
      <c r="J4114" s="8">
        <v>-73.118663499999997</v>
      </c>
    </row>
    <row r="4115" spans="1:10" x14ac:dyDescent="0.35">
      <c r="A4115" s="5" t="s">
        <v>10</v>
      </c>
      <c r="B4115" s="6">
        <v>99149</v>
      </c>
      <c r="C4115" s="6" t="s">
        <v>68</v>
      </c>
      <c r="D4115" s="6" t="s">
        <v>69</v>
      </c>
      <c r="E4115" s="6">
        <v>11001</v>
      </c>
      <c r="F4115" s="6" t="s">
        <v>18</v>
      </c>
      <c r="G4115" s="6" t="s">
        <v>8363</v>
      </c>
      <c r="H4115" s="6" t="s">
        <v>8364</v>
      </c>
      <c r="I4115" s="7">
        <v>4.5019780000000003</v>
      </c>
      <c r="J4115" s="8">
        <v>-74.116962400000006</v>
      </c>
    </row>
    <row r="4116" spans="1:10" x14ac:dyDescent="0.35">
      <c r="A4116" s="5" t="s">
        <v>10</v>
      </c>
      <c r="B4116" s="6">
        <v>234476</v>
      </c>
      <c r="C4116" s="6" t="s">
        <v>68</v>
      </c>
      <c r="D4116" s="6" t="s">
        <v>69</v>
      </c>
      <c r="E4116" s="6">
        <v>11001</v>
      </c>
      <c r="F4116" s="6" t="s">
        <v>18</v>
      </c>
      <c r="G4116" s="6" t="s">
        <v>8365</v>
      </c>
      <c r="H4116" s="6" t="s">
        <v>8366</v>
      </c>
      <c r="I4116" s="7">
        <v>4.6430026</v>
      </c>
      <c r="J4116" s="8">
        <v>-74.166055600000007</v>
      </c>
    </row>
    <row r="4117" spans="1:10" x14ac:dyDescent="0.35">
      <c r="A4117" s="5" t="s">
        <v>10</v>
      </c>
      <c r="B4117" s="6">
        <v>127370</v>
      </c>
      <c r="C4117" s="6" t="s">
        <v>68</v>
      </c>
      <c r="D4117" s="6" t="s">
        <v>69</v>
      </c>
      <c r="E4117" s="6">
        <v>11001</v>
      </c>
      <c r="F4117" s="6" t="s">
        <v>18</v>
      </c>
      <c r="G4117" s="6" t="s">
        <v>8367</v>
      </c>
      <c r="H4117" s="6" t="s">
        <v>8368</v>
      </c>
      <c r="I4117" s="7">
        <v>4.4736720999999999</v>
      </c>
      <c r="J4117" s="8">
        <v>-74.123009600000003</v>
      </c>
    </row>
    <row r="4118" spans="1:10" x14ac:dyDescent="0.35">
      <c r="A4118" s="5" t="s">
        <v>10</v>
      </c>
      <c r="B4118" s="6">
        <v>135972</v>
      </c>
      <c r="C4118" s="6" t="s">
        <v>11</v>
      </c>
      <c r="D4118" s="6" t="s">
        <v>337</v>
      </c>
      <c r="E4118" s="6">
        <v>25290</v>
      </c>
      <c r="F4118" s="6" t="s">
        <v>18</v>
      </c>
      <c r="G4118" s="6" t="s">
        <v>8369</v>
      </c>
      <c r="H4118" s="6" t="s">
        <v>8370</v>
      </c>
      <c r="I4118" s="7">
        <v>4.3391456000000002</v>
      </c>
      <c r="J4118" s="8">
        <v>-74.363748399999906</v>
      </c>
    </row>
    <row r="4119" spans="1:10" x14ac:dyDescent="0.35">
      <c r="A4119" s="5" t="s">
        <v>10</v>
      </c>
      <c r="B4119" s="6">
        <v>218353</v>
      </c>
      <c r="C4119" s="6" t="s">
        <v>366</v>
      </c>
      <c r="D4119" s="6" t="s">
        <v>8371</v>
      </c>
      <c r="E4119" s="6">
        <v>44650</v>
      </c>
      <c r="F4119" s="6" t="s">
        <v>18</v>
      </c>
      <c r="G4119" s="6" t="s">
        <v>1087</v>
      </c>
      <c r="H4119" s="6" t="s">
        <v>8372</v>
      </c>
      <c r="I4119" s="7">
        <v>10.7786461</v>
      </c>
      <c r="J4119" s="8">
        <v>-73.005839600000002</v>
      </c>
    </row>
    <row r="4120" spans="1:10" x14ac:dyDescent="0.35">
      <c r="A4120" s="5" t="s">
        <v>10</v>
      </c>
      <c r="B4120" s="6">
        <v>243774</v>
      </c>
      <c r="C4120" s="6" t="s">
        <v>38</v>
      </c>
      <c r="D4120" s="6" t="s">
        <v>7928</v>
      </c>
      <c r="E4120" s="6">
        <v>19300</v>
      </c>
      <c r="F4120" s="6" t="s">
        <v>18</v>
      </c>
      <c r="G4120" s="6" t="s">
        <v>8373</v>
      </c>
      <c r="H4120" s="6" t="s">
        <v>8374</v>
      </c>
      <c r="I4120" s="7">
        <v>3.1330092</v>
      </c>
      <c r="J4120" s="8">
        <v>-76.393720500000001</v>
      </c>
    </row>
    <row r="4121" spans="1:10" x14ac:dyDescent="0.35">
      <c r="A4121" s="5" t="s">
        <v>10</v>
      </c>
      <c r="B4121" s="6">
        <v>219439</v>
      </c>
      <c r="C4121" s="6" t="s">
        <v>61</v>
      </c>
      <c r="D4121" s="6" t="s">
        <v>62</v>
      </c>
      <c r="E4121" s="6">
        <v>63001</v>
      </c>
      <c r="F4121" s="6" t="s">
        <v>18</v>
      </c>
      <c r="G4121" s="6" t="s">
        <v>8375</v>
      </c>
      <c r="H4121" s="6" t="s">
        <v>8376</v>
      </c>
      <c r="I4121" s="7">
        <v>4.5544118999999998</v>
      </c>
      <c r="J4121" s="8">
        <v>-75.654721300000006</v>
      </c>
    </row>
    <row r="4122" spans="1:10" x14ac:dyDescent="0.35">
      <c r="A4122" s="5" t="s">
        <v>10</v>
      </c>
      <c r="B4122" s="6">
        <v>223082</v>
      </c>
      <c r="C4122" s="6" t="s">
        <v>68</v>
      </c>
      <c r="D4122" s="6" t="s">
        <v>69</v>
      </c>
      <c r="E4122" s="6">
        <v>11001</v>
      </c>
      <c r="F4122" s="6" t="s">
        <v>13</v>
      </c>
      <c r="G4122" s="6" t="s">
        <v>8377</v>
      </c>
      <c r="H4122" s="6" t="s">
        <v>8378</v>
      </c>
      <c r="I4122" s="7">
        <v>4.6223628000000003</v>
      </c>
      <c r="J4122" s="8">
        <v>-74.186770800000005</v>
      </c>
    </row>
    <row r="4123" spans="1:10" x14ac:dyDescent="0.35">
      <c r="A4123" s="5" t="s">
        <v>10</v>
      </c>
      <c r="B4123" s="6">
        <v>236377</v>
      </c>
      <c r="C4123" s="6" t="s">
        <v>68</v>
      </c>
      <c r="D4123" s="6" t="s">
        <v>69</v>
      </c>
      <c r="E4123" s="6">
        <v>11001</v>
      </c>
      <c r="F4123" s="6" t="s">
        <v>18</v>
      </c>
      <c r="G4123" s="6" t="s">
        <v>8379</v>
      </c>
      <c r="H4123" s="6" t="s">
        <v>8380</v>
      </c>
      <c r="I4123" s="7">
        <v>4.5682421</v>
      </c>
      <c r="J4123" s="8">
        <v>-74.105559200000002</v>
      </c>
    </row>
    <row r="4124" spans="1:10" x14ac:dyDescent="0.35">
      <c r="A4124" s="5" t="s">
        <v>10</v>
      </c>
      <c r="B4124" s="6">
        <v>69362</v>
      </c>
      <c r="C4124" s="6" t="s">
        <v>294</v>
      </c>
      <c r="D4124" s="6" t="s">
        <v>703</v>
      </c>
      <c r="E4124" s="6">
        <v>41001</v>
      </c>
      <c r="F4124" s="6" t="s">
        <v>18</v>
      </c>
      <c r="G4124" s="6" t="s">
        <v>7849</v>
      </c>
      <c r="H4124" s="6" t="s">
        <v>7850</v>
      </c>
      <c r="I4124" s="7">
        <v>2.9567022999999999</v>
      </c>
      <c r="J4124" s="8">
        <v>-75.282984400000004</v>
      </c>
    </row>
    <row r="4125" spans="1:10" x14ac:dyDescent="0.35">
      <c r="A4125" s="5" t="s">
        <v>10</v>
      </c>
      <c r="B4125" s="6">
        <v>154083</v>
      </c>
      <c r="C4125" s="6" t="s">
        <v>294</v>
      </c>
      <c r="D4125" s="6" t="s">
        <v>4244</v>
      </c>
      <c r="E4125" s="6">
        <v>41298</v>
      </c>
      <c r="F4125" s="6" t="s">
        <v>18</v>
      </c>
      <c r="G4125" s="6" t="s">
        <v>8381</v>
      </c>
      <c r="H4125" s="6" t="s">
        <v>8382</v>
      </c>
      <c r="I4125" s="7">
        <v>2.1919591999999999</v>
      </c>
      <c r="J4125" s="8">
        <v>-75.624926000000002</v>
      </c>
    </row>
    <row r="4126" spans="1:10" x14ac:dyDescent="0.35">
      <c r="A4126" s="5" t="s">
        <v>10</v>
      </c>
      <c r="B4126" s="6">
        <v>204673</v>
      </c>
      <c r="C4126" s="6" t="s">
        <v>11</v>
      </c>
      <c r="D4126" s="6" t="s">
        <v>334</v>
      </c>
      <c r="E4126" s="6">
        <v>25754</v>
      </c>
      <c r="F4126" s="6" t="s">
        <v>18</v>
      </c>
      <c r="G4126" s="6" t="s">
        <v>8383</v>
      </c>
      <c r="H4126" s="6" t="s">
        <v>8384</v>
      </c>
      <c r="I4126" s="7">
        <v>4.5694007000000001</v>
      </c>
      <c r="J4126" s="8">
        <v>-74.237936300000001</v>
      </c>
    </row>
    <row r="4127" spans="1:10" x14ac:dyDescent="0.35">
      <c r="A4127" s="5" t="s">
        <v>10</v>
      </c>
      <c r="B4127" s="6">
        <v>197053</v>
      </c>
      <c r="C4127" s="6" t="s">
        <v>2821</v>
      </c>
      <c r="D4127" s="6" t="s">
        <v>2822</v>
      </c>
      <c r="E4127" s="6">
        <v>47001</v>
      </c>
      <c r="F4127" s="6" t="s">
        <v>18</v>
      </c>
      <c r="G4127" s="6" t="s">
        <v>8385</v>
      </c>
      <c r="H4127" s="6" t="s">
        <v>8386</v>
      </c>
      <c r="I4127" s="7">
        <v>11.2326335</v>
      </c>
      <c r="J4127" s="8">
        <v>-74.194842699999995</v>
      </c>
    </row>
    <row r="4128" spans="1:10" x14ac:dyDescent="0.35">
      <c r="A4128" s="5" t="s">
        <v>10</v>
      </c>
      <c r="B4128" s="6">
        <v>235276</v>
      </c>
      <c r="C4128" s="6" t="s">
        <v>2821</v>
      </c>
      <c r="D4128" s="6" t="s">
        <v>2822</v>
      </c>
      <c r="E4128" s="6">
        <v>47001</v>
      </c>
      <c r="F4128" s="6" t="s">
        <v>18</v>
      </c>
      <c r="G4128" s="6" t="s">
        <v>8387</v>
      </c>
      <c r="H4128" s="6" t="s">
        <v>8388</v>
      </c>
      <c r="I4128" s="7">
        <v>11.242210999999999</v>
      </c>
      <c r="J4128" s="8">
        <v>-74.183439100000001</v>
      </c>
    </row>
    <row r="4129" spans="1:10" x14ac:dyDescent="0.35">
      <c r="A4129" s="5" t="s">
        <v>10</v>
      </c>
      <c r="B4129" s="6">
        <v>216539</v>
      </c>
      <c r="C4129" s="6" t="s">
        <v>302</v>
      </c>
      <c r="D4129" s="6" t="s">
        <v>359</v>
      </c>
      <c r="E4129" s="6">
        <v>8001</v>
      </c>
      <c r="F4129" s="6" t="s">
        <v>18</v>
      </c>
      <c r="G4129" s="6" t="s">
        <v>8389</v>
      </c>
      <c r="H4129" s="6" t="s">
        <v>8390</v>
      </c>
      <c r="I4129" s="7">
        <v>10.9414067</v>
      </c>
      <c r="J4129" s="8">
        <v>-74.787085500000003</v>
      </c>
    </row>
    <row r="4130" spans="1:10" x14ac:dyDescent="0.35">
      <c r="A4130" s="5" t="s">
        <v>10</v>
      </c>
      <c r="B4130" s="6">
        <v>235011</v>
      </c>
      <c r="C4130" s="6" t="s">
        <v>38</v>
      </c>
      <c r="D4130" s="6" t="s">
        <v>7839</v>
      </c>
      <c r="E4130" s="6">
        <v>19573</v>
      </c>
      <c r="F4130" s="6" t="s">
        <v>18</v>
      </c>
      <c r="G4130" s="6" t="s">
        <v>8391</v>
      </c>
      <c r="H4130" s="6" t="s">
        <v>8392</v>
      </c>
      <c r="I4130" s="7">
        <v>3.2354020999999999</v>
      </c>
      <c r="J4130" s="8">
        <v>-76.422432099999995</v>
      </c>
    </row>
    <row r="4131" spans="1:10" x14ac:dyDescent="0.35">
      <c r="A4131" s="5" t="s">
        <v>10</v>
      </c>
      <c r="B4131" s="6">
        <v>184474</v>
      </c>
      <c r="C4131" s="6" t="s">
        <v>16</v>
      </c>
      <c r="D4131" s="6" t="s">
        <v>2825</v>
      </c>
      <c r="E4131" s="6">
        <v>68276</v>
      </c>
      <c r="F4131" s="6" t="s">
        <v>18</v>
      </c>
      <c r="G4131" s="6" t="s">
        <v>8393</v>
      </c>
      <c r="H4131" s="6" t="s">
        <v>8394</v>
      </c>
      <c r="I4131" s="7">
        <v>7.1330169999999997</v>
      </c>
      <c r="J4131" s="8">
        <v>-73.124506600000004</v>
      </c>
    </row>
    <row r="4132" spans="1:10" x14ac:dyDescent="0.35">
      <c r="A4132" s="5" t="s">
        <v>10</v>
      </c>
      <c r="B4132" s="6">
        <v>205522</v>
      </c>
      <c r="C4132" s="6" t="s">
        <v>16</v>
      </c>
      <c r="D4132" s="6" t="s">
        <v>78</v>
      </c>
      <c r="E4132" s="6">
        <v>68001</v>
      </c>
      <c r="F4132" s="6" t="s">
        <v>18</v>
      </c>
      <c r="G4132" s="6" t="s">
        <v>8395</v>
      </c>
      <c r="H4132" s="6" t="s">
        <v>8396</v>
      </c>
      <c r="I4132" s="7">
        <v>7.1363354000000001</v>
      </c>
      <c r="J4132" s="8">
        <v>-73.125067299999998</v>
      </c>
    </row>
    <row r="4133" spans="1:10" x14ac:dyDescent="0.35">
      <c r="A4133" s="5" t="s">
        <v>10</v>
      </c>
      <c r="B4133" s="6">
        <v>231715</v>
      </c>
      <c r="C4133" s="6" t="s">
        <v>16</v>
      </c>
      <c r="D4133" s="6" t="s">
        <v>8062</v>
      </c>
      <c r="E4133" s="6">
        <v>68575</v>
      </c>
      <c r="F4133" s="6" t="s">
        <v>18</v>
      </c>
      <c r="G4133" s="6" t="s">
        <v>8397</v>
      </c>
      <c r="H4133" s="6" t="s">
        <v>8398</v>
      </c>
      <c r="I4133" s="7">
        <v>7.3484775000000004</v>
      </c>
      <c r="J4133" s="8">
        <v>-73.893217800000002</v>
      </c>
    </row>
    <row r="4134" spans="1:10" x14ac:dyDescent="0.35">
      <c r="A4134" s="5" t="s">
        <v>10</v>
      </c>
      <c r="B4134" s="6">
        <v>242890</v>
      </c>
      <c r="C4134" s="6" t="s">
        <v>16</v>
      </c>
      <c r="D4134" s="6" t="s">
        <v>7820</v>
      </c>
      <c r="E4134" s="6">
        <v>68780</v>
      </c>
      <c r="F4134" s="6" t="s">
        <v>18</v>
      </c>
      <c r="G4134" s="6" t="s">
        <v>8399</v>
      </c>
      <c r="H4134" s="6" t="s">
        <v>8400</v>
      </c>
      <c r="I4134" s="7">
        <v>7.3236236000000003</v>
      </c>
      <c r="J4134" s="8">
        <v>-73.014479399999999</v>
      </c>
    </row>
    <row r="4135" spans="1:10" x14ac:dyDescent="0.35">
      <c r="A4135" s="5" t="s">
        <v>10</v>
      </c>
      <c r="B4135" s="6">
        <v>242911</v>
      </c>
      <c r="C4135" s="6" t="s">
        <v>16</v>
      </c>
      <c r="D4135" s="6" t="s">
        <v>2730</v>
      </c>
      <c r="E4135" s="6">
        <v>68549</v>
      </c>
      <c r="F4135" s="6" t="s">
        <v>18</v>
      </c>
      <c r="G4135" s="6" t="s">
        <v>8401</v>
      </c>
      <c r="H4135" s="6" t="s">
        <v>8402</v>
      </c>
      <c r="I4135" s="7">
        <v>6.5416385000000004</v>
      </c>
      <c r="J4135" s="8">
        <v>-73.166127099999997</v>
      </c>
    </row>
    <row r="4136" spans="1:10" x14ac:dyDescent="0.35">
      <c r="A4136" s="5" t="s">
        <v>10</v>
      </c>
      <c r="B4136" s="6">
        <v>235402</v>
      </c>
      <c r="C4136" s="6" t="s">
        <v>68</v>
      </c>
      <c r="D4136" s="6" t="s">
        <v>69</v>
      </c>
      <c r="E4136" s="6">
        <v>11001</v>
      </c>
      <c r="F4136" s="6" t="s">
        <v>13</v>
      </c>
      <c r="G4136" s="6" t="s">
        <v>8403</v>
      </c>
      <c r="H4136" s="6" t="s">
        <v>8404</v>
      </c>
      <c r="I4136" s="7">
        <v>4.6805392000000001</v>
      </c>
      <c r="J4136" s="8">
        <v>-74.049422100000001</v>
      </c>
    </row>
    <row r="4137" spans="1:10" x14ac:dyDescent="0.35">
      <c r="A4137" s="5" t="s">
        <v>10</v>
      </c>
      <c r="B4137" s="6">
        <v>224662</v>
      </c>
      <c r="C4137" s="6" t="s">
        <v>294</v>
      </c>
      <c r="D4137" s="6" t="s">
        <v>447</v>
      </c>
      <c r="E4137" s="6">
        <v>41551</v>
      </c>
      <c r="F4137" s="6" t="s">
        <v>13</v>
      </c>
      <c r="G4137" s="6" t="s">
        <v>8405</v>
      </c>
      <c r="H4137" s="6" t="s">
        <v>8406</v>
      </c>
      <c r="I4137" s="7">
        <v>1.8555119</v>
      </c>
      <c r="J4137" s="8">
        <v>-76.044049400000006</v>
      </c>
    </row>
    <row r="4138" spans="1:10" x14ac:dyDescent="0.35">
      <c r="A4138" s="5" t="s">
        <v>10</v>
      </c>
      <c r="B4138" s="6">
        <v>232107</v>
      </c>
      <c r="C4138" s="6" t="s">
        <v>68</v>
      </c>
      <c r="D4138" s="6" t="s">
        <v>69</v>
      </c>
      <c r="E4138" s="6">
        <v>11001</v>
      </c>
      <c r="F4138" s="6" t="s">
        <v>18</v>
      </c>
      <c r="G4138" s="6" t="s">
        <v>8407</v>
      </c>
      <c r="H4138" s="6" t="s">
        <v>8408</v>
      </c>
      <c r="I4138" s="7">
        <v>4.6062209999999997</v>
      </c>
      <c r="J4138" s="8">
        <v>-74.154497000000006</v>
      </c>
    </row>
    <row r="4139" spans="1:10" x14ac:dyDescent="0.35">
      <c r="A4139" s="5" t="s">
        <v>10</v>
      </c>
      <c r="B4139" s="6">
        <v>146433</v>
      </c>
      <c r="C4139" s="6" t="s">
        <v>294</v>
      </c>
      <c r="D4139" s="6" t="s">
        <v>3777</v>
      </c>
      <c r="E4139" s="6">
        <v>41132</v>
      </c>
      <c r="F4139" s="6" t="s">
        <v>18</v>
      </c>
      <c r="G4139" s="6" t="s">
        <v>8409</v>
      </c>
      <c r="H4139" s="6" t="s">
        <v>8410</v>
      </c>
      <c r="I4139" s="7">
        <v>2.4322484000000002</v>
      </c>
      <c r="J4139" s="8">
        <v>-76.611308699999995</v>
      </c>
    </row>
    <row r="4140" spans="1:10" x14ac:dyDescent="0.35">
      <c r="A4140" s="5" t="s">
        <v>10</v>
      </c>
      <c r="B4140" s="6">
        <v>215394</v>
      </c>
      <c r="C4140" s="6" t="s">
        <v>294</v>
      </c>
      <c r="D4140" s="6" t="s">
        <v>703</v>
      </c>
      <c r="E4140" s="6">
        <v>41001</v>
      </c>
      <c r="F4140" s="6" t="s">
        <v>18</v>
      </c>
      <c r="G4140" s="6" t="s">
        <v>8411</v>
      </c>
      <c r="H4140" s="6" t="s">
        <v>8412</v>
      </c>
      <c r="I4140" s="7">
        <v>2.9388665999999999</v>
      </c>
      <c r="J4140" s="8">
        <v>-75.295347199999995</v>
      </c>
    </row>
    <row r="4141" spans="1:10" x14ac:dyDescent="0.35">
      <c r="A4141" s="5" t="s">
        <v>10</v>
      </c>
      <c r="B4141" s="6">
        <v>220303</v>
      </c>
      <c r="C4141" s="6" t="s">
        <v>68</v>
      </c>
      <c r="D4141" s="6" t="s">
        <v>69</v>
      </c>
      <c r="E4141" s="6">
        <v>11001</v>
      </c>
      <c r="F4141" s="6" t="s">
        <v>18</v>
      </c>
      <c r="G4141" s="6" t="s">
        <v>8413</v>
      </c>
      <c r="H4141" s="6" t="s">
        <v>8414</v>
      </c>
      <c r="I4141" s="7">
        <v>4.5411827000000002</v>
      </c>
      <c r="J4141" s="8">
        <v>-74.084911099999999</v>
      </c>
    </row>
    <row r="4142" spans="1:10" x14ac:dyDescent="0.35">
      <c r="A4142" s="5" t="s">
        <v>10</v>
      </c>
      <c r="B4142" s="6">
        <v>204298</v>
      </c>
      <c r="C4142" s="6" t="s">
        <v>11</v>
      </c>
      <c r="D4142" s="6" t="s">
        <v>5942</v>
      </c>
      <c r="E4142" s="6">
        <v>25718</v>
      </c>
      <c r="F4142" s="6" t="s">
        <v>18</v>
      </c>
      <c r="G4142" s="6" t="s">
        <v>8415</v>
      </c>
      <c r="H4142" s="6" t="s">
        <v>8416</v>
      </c>
      <c r="I4142" s="7">
        <v>4.9644214</v>
      </c>
      <c r="J4142" s="8">
        <v>-74.4346405</v>
      </c>
    </row>
    <row r="4143" spans="1:10" x14ac:dyDescent="0.35">
      <c r="A4143" s="5" t="s">
        <v>10</v>
      </c>
      <c r="B4143" s="6">
        <v>211703</v>
      </c>
      <c r="C4143" s="6" t="s">
        <v>302</v>
      </c>
      <c r="D4143" s="6" t="s">
        <v>359</v>
      </c>
      <c r="E4143" s="6">
        <v>8001</v>
      </c>
      <c r="F4143" s="6" t="s">
        <v>18</v>
      </c>
      <c r="G4143" s="6" t="s">
        <v>8417</v>
      </c>
      <c r="H4143" s="6" t="s">
        <v>8418</v>
      </c>
      <c r="I4143" s="7">
        <v>10.916026199999999</v>
      </c>
      <c r="J4143" s="8">
        <v>-74.801754700000004</v>
      </c>
    </row>
    <row r="4144" spans="1:10" x14ac:dyDescent="0.35">
      <c r="A4144" s="5" t="s">
        <v>10</v>
      </c>
      <c r="B4144" s="6">
        <v>243233</v>
      </c>
      <c r="C4144" s="6" t="s">
        <v>7527</v>
      </c>
      <c r="D4144" s="6" t="s">
        <v>8419</v>
      </c>
      <c r="E4144" s="6">
        <v>27205</v>
      </c>
      <c r="F4144" s="6" t="s">
        <v>18</v>
      </c>
      <c r="G4144" s="6" t="s">
        <v>8420</v>
      </c>
      <c r="H4144" s="6" t="s">
        <v>8421</v>
      </c>
      <c r="I4144" s="7">
        <v>5.0938642999999999</v>
      </c>
      <c r="J4144" s="8">
        <v>-76.648639200000005</v>
      </c>
    </row>
    <row r="4145" spans="1:10" x14ac:dyDescent="0.35">
      <c r="A4145" s="5" t="s">
        <v>10</v>
      </c>
      <c r="B4145" s="6">
        <v>232991</v>
      </c>
      <c r="C4145" s="6" t="s">
        <v>68</v>
      </c>
      <c r="D4145" s="6" t="s">
        <v>69</v>
      </c>
      <c r="E4145" s="6">
        <v>11001</v>
      </c>
      <c r="F4145" s="6" t="s">
        <v>18</v>
      </c>
      <c r="G4145" s="6" t="s">
        <v>8422</v>
      </c>
      <c r="H4145" s="6" t="s">
        <v>8423</v>
      </c>
      <c r="I4145" s="7">
        <v>4.57463</v>
      </c>
      <c r="J4145" s="8">
        <v>-74.156469999999999</v>
      </c>
    </row>
    <row r="4146" spans="1:10" x14ac:dyDescent="0.35">
      <c r="A4146" s="5" t="s">
        <v>10</v>
      </c>
      <c r="B4146" s="6">
        <v>232177</v>
      </c>
      <c r="C4146" s="6" t="s">
        <v>294</v>
      </c>
      <c r="D4146" s="6" t="s">
        <v>5054</v>
      </c>
      <c r="E4146" s="6">
        <v>41615</v>
      </c>
      <c r="F4146" s="6" t="s">
        <v>18</v>
      </c>
      <c r="G4146" s="6" t="s">
        <v>8424</v>
      </c>
      <c r="H4146" s="6" t="s">
        <v>8425</v>
      </c>
      <c r="I4146" s="7">
        <v>2.7777810000000001</v>
      </c>
      <c r="J4146" s="8">
        <v>-75.259435999999994</v>
      </c>
    </row>
    <row r="4147" spans="1:10" x14ac:dyDescent="0.35">
      <c r="A4147" s="5" t="s">
        <v>10</v>
      </c>
      <c r="B4147" s="6">
        <v>86357</v>
      </c>
      <c r="C4147" s="6" t="s">
        <v>294</v>
      </c>
      <c r="D4147" s="6" t="s">
        <v>4257</v>
      </c>
      <c r="E4147" s="6">
        <v>41524</v>
      </c>
      <c r="F4147" s="6" t="s">
        <v>18</v>
      </c>
      <c r="G4147" s="6" t="s">
        <v>8426</v>
      </c>
      <c r="H4147" s="6" t="s">
        <v>8427</v>
      </c>
      <c r="I4147" s="7">
        <v>2.9275566</v>
      </c>
      <c r="J4147" s="8">
        <v>-75.285582899999994</v>
      </c>
    </row>
    <row r="4148" spans="1:10" x14ac:dyDescent="0.35">
      <c r="A4148" s="5" t="s">
        <v>10</v>
      </c>
      <c r="B4148" s="6">
        <v>229321</v>
      </c>
      <c r="C4148" s="6" t="s">
        <v>294</v>
      </c>
      <c r="D4148" s="6" t="s">
        <v>703</v>
      </c>
      <c r="E4148" s="6">
        <v>41001</v>
      </c>
      <c r="F4148" s="6" t="s">
        <v>18</v>
      </c>
      <c r="G4148" s="6" t="s">
        <v>8428</v>
      </c>
      <c r="H4148" s="6" t="s">
        <v>8429</v>
      </c>
      <c r="I4148" s="7">
        <v>2.9344836999999999</v>
      </c>
      <c r="J4148" s="8">
        <v>-75.280900099999997</v>
      </c>
    </row>
    <row r="4149" spans="1:10" x14ac:dyDescent="0.35">
      <c r="A4149" s="5" t="s">
        <v>10</v>
      </c>
      <c r="B4149" s="6">
        <v>248584</v>
      </c>
      <c r="C4149" s="6" t="s">
        <v>294</v>
      </c>
      <c r="D4149" s="6" t="s">
        <v>703</v>
      </c>
      <c r="E4149" s="6">
        <v>41001</v>
      </c>
      <c r="F4149" s="6" t="s">
        <v>18</v>
      </c>
      <c r="G4149" s="6" t="s">
        <v>8430</v>
      </c>
      <c r="H4149" s="6" t="s">
        <v>8431</v>
      </c>
      <c r="I4149" s="7">
        <v>2.9468079</v>
      </c>
      <c r="J4149" s="8">
        <v>-75.307438200000007</v>
      </c>
    </row>
    <row r="4150" spans="1:10" x14ac:dyDescent="0.35">
      <c r="A4150" s="5" t="s">
        <v>10</v>
      </c>
      <c r="B4150" s="6">
        <v>201521</v>
      </c>
      <c r="C4150" s="6" t="s">
        <v>68</v>
      </c>
      <c r="D4150" s="6" t="s">
        <v>69</v>
      </c>
      <c r="E4150" s="6">
        <v>11001</v>
      </c>
      <c r="F4150" s="6" t="s">
        <v>18</v>
      </c>
      <c r="G4150" s="6" t="s">
        <v>8432</v>
      </c>
      <c r="H4150" s="6" t="s">
        <v>8433</v>
      </c>
      <c r="I4150" s="7">
        <v>4.6430647</v>
      </c>
      <c r="J4150" s="8">
        <v>-74.164245600000001</v>
      </c>
    </row>
    <row r="4151" spans="1:10" x14ac:dyDescent="0.35">
      <c r="A4151" s="5" t="s">
        <v>10</v>
      </c>
      <c r="B4151" s="6">
        <v>233016</v>
      </c>
      <c r="C4151" s="6" t="s">
        <v>68</v>
      </c>
      <c r="D4151" s="6" t="s">
        <v>69</v>
      </c>
      <c r="E4151" s="6">
        <v>11001</v>
      </c>
      <c r="F4151" s="6" t="s">
        <v>18</v>
      </c>
      <c r="G4151" s="6" t="s">
        <v>8434</v>
      </c>
      <c r="H4151" s="6" t="s">
        <v>8435</v>
      </c>
      <c r="I4151" s="7">
        <v>4.6798070000000003</v>
      </c>
      <c r="J4151" s="8">
        <v>-74.047697499999998</v>
      </c>
    </row>
    <row r="4152" spans="1:10" x14ac:dyDescent="0.35">
      <c r="A4152" s="5" t="s">
        <v>10</v>
      </c>
      <c r="B4152" s="6">
        <v>161921</v>
      </c>
      <c r="C4152" s="6" t="s">
        <v>68</v>
      </c>
      <c r="D4152" s="6" t="s">
        <v>69</v>
      </c>
      <c r="E4152" s="6">
        <v>11001</v>
      </c>
      <c r="F4152" s="6" t="s">
        <v>18</v>
      </c>
      <c r="G4152" s="6" t="s">
        <v>8436</v>
      </c>
      <c r="H4152" s="6" t="s">
        <v>8437</v>
      </c>
      <c r="I4152" s="7">
        <v>4.6790950999999996</v>
      </c>
      <c r="J4152" s="8">
        <v>-74.125119999999995</v>
      </c>
    </row>
    <row r="4153" spans="1:10" x14ac:dyDescent="0.35">
      <c r="A4153" s="5" t="s">
        <v>10</v>
      </c>
      <c r="B4153" s="6">
        <v>190845</v>
      </c>
      <c r="C4153" s="6" t="s">
        <v>308</v>
      </c>
      <c r="D4153" s="6" t="s">
        <v>8438</v>
      </c>
      <c r="E4153" s="6">
        <v>23686</v>
      </c>
      <c r="F4153" s="6" t="s">
        <v>18</v>
      </c>
      <c r="G4153" s="6" t="s">
        <v>8439</v>
      </c>
      <c r="H4153" s="6" t="s">
        <v>8440</v>
      </c>
      <c r="I4153" s="7">
        <v>8.9581921999999992</v>
      </c>
      <c r="J4153" s="8">
        <v>-75.838164699999993</v>
      </c>
    </row>
    <row r="4154" spans="1:10" x14ac:dyDescent="0.35">
      <c r="A4154" s="5" t="s">
        <v>10</v>
      </c>
      <c r="B4154" s="6">
        <v>191018</v>
      </c>
      <c r="C4154" s="6" t="s">
        <v>4364</v>
      </c>
      <c r="D4154" s="6" t="s">
        <v>8441</v>
      </c>
      <c r="E4154" s="6">
        <v>70708</v>
      </c>
      <c r="F4154" s="6" t="s">
        <v>18</v>
      </c>
      <c r="G4154" s="6" t="s">
        <v>8442</v>
      </c>
      <c r="H4154" s="6" t="s">
        <v>8443</v>
      </c>
      <c r="I4154" s="7">
        <v>8.7014899999999997</v>
      </c>
      <c r="J4154" s="8">
        <v>-75.114409999999907</v>
      </c>
    </row>
    <row r="4155" spans="1:10" x14ac:dyDescent="0.35">
      <c r="A4155" s="5" t="s">
        <v>10</v>
      </c>
      <c r="B4155" s="6">
        <v>207208</v>
      </c>
      <c r="C4155" s="6" t="s">
        <v>16</v>
      </c>
      <c r="D4155" s="6" t="s">
        <v>78</v>
      </c>
      <c r="E4155" s="6">
        <v>68001</v>
      </c>
      <c r="F4155" s="6" t="s">
        <v>18</v>
      </c>
      <c r="G4155" s="6" t="s">
        <v>8444</v>
      </c>
      <c r="H4155" s="6" t="s">
        <v>8445</v>
      </c>
      <c r="I4155" s="7">
        <v>7.1303795999999897</v>
      </c>
      <c r="J4155" s="8">
        <v>-73.119447299999905</v>
      </c>
    </row>
    <row r="4156" spans="1:10" x14ac:dyDescent="0.35">
      <c r="A4156" s="5" t="s">
        <v>10</v>
      </c>
      <c r="B4156" s="6">
        <v>220348</v>
      </c>
      <c r="C4156" s="6" t="s">
        <v>16</v>
      </c>
      <c r="D4156" s="6" t="s">
        <v>78</v>
      </c>
      <c r="E4156" s="6">
        <v>68001</v>
      </c>
      <c r="F4156" s="6" t="s">
        <v>18</v>
      </c>
      <c r="G4156" s="6" t="s">
        <v>8446</v>
      </c>
      <c r="H4156" s="6" t="s">
        <v>8447</v>
      </c>
      <c r="I4156" s="7">
        <v>7.1358705999999996</v>
      </c>
      <c r="J4156" s="8">
        <v>-73.123368299999996</v>
      </c>
    </row>
    <row r="4157" spans="1:10" x14ac:dyDescent="0.35">
      <c r="A4157" s="5" t="s">
        <v>10</v>
      </c>
      <c r="B4157" s="6">
        <v>225895</v>
      </c>
      <c r="C4157" s="6" t="s">
        <v>61</v>
      </c>
      <c r="D4157" s="6" t="s">
        <v>121</v>
      </c>
      <c r="E4157" s="6">
        <v>63130</v>
      </c>
      <c r="F4157" s="6" t="s">
        <v>18</v>
      </c>
      <c r="G4157" s="6" t="s">
        <v>8448</v>
      </c>
      <c r="H4157" s="6" t="s">
        <v>8449</v>
      </c>
      <c r="I4157" s="7">
        <v>4.5260487999999999</v>
      </c>
      <c r="J4157" s="8">
        <v>-75.642724799999996</v>
      </c>
    </row>
    <row r="4158" spans="1:10" x14ac:dyDescent="0.35">
      <c r="A4158" s="5" t="s">
        <v>10</v>
      </c>
      <c r="B4158" s="6">
        <v>232412</v>
      </c>
      <c r="C4158" s="6" t="s">
        <v>3788</v>
      </c>
      <c r="D4158" s="6" t="s">
        <v>3974</v>
      </c>
      <c r="E4158" s="6">
        <v>18001</v>
      </c>
      <c r="F4158" s="6" t="s">
        <v>18</v>
      </c>
      <c r="G4158" s="6" t="s">
        <v>8450</v>
      </c>
      <c r="H4158" s="6" t="s">
        <v>8451</v>
      </c>
      <c r="I4158" s="7">
        <v>1.6084901</v>
      </c>
      <c r="J4158" s="8">
        <v>-75.597889600000002</v>
      </c>
    </row>
    <row r="4159" spans="1:10" x14ac:dyDescent="0.35">
      <c r="A4159" s="5" t="s">
        <v>10</v>
      </c>
      <c r="B4159" s="6">
        <v>233674</v>
      </c>
      <c r="C4159" s="6" t="s">
        <v>68</v>
      </c>
      <c r="D4159" s="6" t="s">
        <v>69</v>
      </c>
      <c r="E4159" s="6">
        <v>11001</v>
      </c>
      <c r="F4159" s="6" t="s">
        <v>13</v>
      </c>
      <c r="G4159" s="6" t="s">
        <v>8452</v>
      </c>
      <c r="H4159" s="6" t="s">
        <v>8453</v>
      </c>
      <c r="I4159" s="7">
        <v>4.7551300000000003</v>
      </c>
      <c r="J4159" s="8">
        <v>-74.080240000000003</v>
      </c>
    </row>
    <row r="4160" spans="1:10" x14ac:dyDescent="0.35">
      <c r="A4160" s="5" t="s">
        <v>10</v>
      </c>
      <c r="B4160" s="6">
        <v>220954</v>
      </c>
      <c r="C4160" s="6" t="s">
        <v>68</v>
      </c>
      <c r="D4160" s="6" t="s">
        <v>69</v>
      </c>
      <c r="E4160" s="6">
        <v>11001</v>
      </c>
      <c r="F4160" s="6" t="s">
        <v>18</v>
      </c>
      <c r="G4160" s="6" t="s">
        <v>8454</v>
      </c>
      <c r="H4160" s="6" t="s">
        <v>8455</v>
      </c>
      <c r="I4160" s="7">
        <v>4.538284</v>
      </c>
      <c r="J4160" s="8">
        <v>-74.134539200000006</v>
      </c>
    </row>
    <row r="4161" spans="1:10" x14ac:dyDescent="0.35">
      <c r="A4161" s="5" t="s">
        <v>10</v>
      </c>
      <c r="B4161" s="6">
        <v>240076</v>
      </c>
      <c r="C4161" s="6" t="s">
        <v>55</v>
      </c>
      <c r="D4161" s="6" t="s">
        <v>56</v>
      </c>
      <c r="E4161" s="6">
        <v>73001</v>
      </c>
      <c r="F4161" s="6" t="s">
        <v>18</v>
      </c>
      <c r="G4161" s="6" t="s">
        <v>8456</v>
      </c>
      <c r="H4161" s="6" t="s">
        <v>8457</v>
      </c>
      <c r="I4161" s="7">
        <v>4.4452303999999998</v>
      </c>
      <c r="J4161" s="8">
        <v>-75.242379900000003</v>
      </c>
    </row>
    <row r="4162" spans="1:10" x14ac:dyDescent="0.35">
      <c r="A4162" s="5" t="s">
        <v>10</v>
      </c>
      <c r="B4162" s="6">
        <v>218078</v>
      </c>
      <c r="C4162" s="6" t="s">
        <v>11</v>
      </c>
      <c r="D4162" s="6" t="s">
        <v>4279</v>
      </c>
      <c r="E4162" s="6">
        <v>25099</v>
      </c>
      <c r="F4162" s="6" t="s">
        <v>18</v>
      </c>
      <c r="G4162" s="6" t="s">
        <v>8458</v>
      </c>
      <c r="H4162" s="6" t="s">
        <v>8459</v>
      </c>
      <c r="I4162" s="7">
        <v>4.7326809999999897</v>
      </c>
      <c r="J4162" s="8">
        <v>-74.342647999999997</v>
      </c>
    </row>
    <row r="4163" spans="1:10" x14ac:dyDescent="0.35">
      <c r="A4163" s="5" t="s">
        <v>10</v>
      </c>
      <c r="B4163" s="6">
        <v>244715</v>
      </c>
      <c r="C4163" s="6" t="s">
        <v>117</v>
      </c>
      <c r="D4163" s="6" t="s">
        <v>1334</v>
      </c>
      <c r="E4163" s="6">
        <v>76001</v>
      </c>
      <c r="F4163" s="6" t="s">
        <v>18</v>
      </c>
      <c r="G4163" s="6" t="s">
        <v>8460</v>
      </c>
      <c r="H4163" s="6" t="s">
        <v>8461</v>
      </c>
      <c r="I4163" s="7">
        <v>3.4436469000000001</v>
      </c>
      <c r="J4163" s="8">
        <v>-76.488794400000003</v>
      </c>
    </row>
    <row r="4164" spans="1:10" x14ac:dyDescent="0.35">
      <c r="A4164" s="5" t="s">
        <v>10</v>
      </c>
      <c r="B4164" s="6">
        <v>205633</v>
      </c>
      <c r="C4164" s="6" t="s">
        <v>278</v>
      </c>
      <c r="D4164" s="6" t="s">
        <v>1331</v>
      </c>
      <c r="E4164" s="6">
        <v>50006</v>
      </c>
      <c r="F4164" s="6" t="s">
        <v>18</v>
      </c>
      <c r="G4164" s="6" t="s">
        <v>8462</v>
      </c>
      <c r="H4164" s="6" t="s">
        <v>8463</v>
      </c>
      <c r="I4164" s="7">
        <v>3.9855721000000002</v>
      </c>
      <c r="J4164" s="8">
        <v>-73.758687499999994</v>
      </c>
    </row>
    <row r="4165" spans="1:10" x14ac:dyDescent="0.35">
      <c r="A4165" s="5" t="s">
        <v>10</v>
      </c>
      <c r="B4165" s="6">
        <v>153906</v>
      </c>
      <c r="C4165" s="6" t="s">
        <v>68</v>
      </c>
      <c r="D4165" s="6" t="s">
        <v>69</v>
      </c>
      <c r="E4165" s="6">
        <v>11001</v>
      </c>
      <c r="F4165" s="6" t="s">
        <v>18</v>
      </c>
      <c r="G4165" s="6" t="s">
        <v>8464</v>
      </c>
      <c r="H4165" s="6" t="s">
        <v>8465</v>
      </c>
      <c r="I4165" s="7">
        <v>4.6843079999999997</v>
      </c>
      <c r="J4165" s="8">
        <v>-74.0915313</v>
      </c>
    </row>
    <row r="4166" spans="1:10" x14ac:dyDescent="0.35">
      <c r="A4166" s="5" t="s">
        <v>10</v>
      </c>
      <c r="B4166" s="6">
        <v>198093</v>
      </c>
      <c r="C4166" s="6" t="s">
        <v>302</v>
      </c>
      <c r="D4166" s="6" t="s">
        <v>303</v>
      </c>
      <c r="E4166" s="6">
        <v>8638</v>
      </c>
      <c r="F4166" s="6" t="s">
        <v>18</v>
      </c>
      <c r="G4166" s="6" t="s">
        <v>8466</v>
      </c>
      <c r="H4166" s="6" t="s">
        <v>8467</v>
      </c>
      <c r="I4166" s="7">
        <v>6.8986599999999996</v>
      </c>
      <c r="J4166" s="8">
        <v>-75.783658899999907</v>
      </c>
    </row>
    <row r="4167" spans="1:10" x14ac:dyDescent="0.35">
      <c r="A4167" s="5" t="s">
        <v>10</v>
      </c>
      <c r="B4167" s="6">
        <v>207648</v>
      </c>
      <c r="C4167" s="6" t="s">
        <v>2821</v>
      </c>
      <c r="D4167" s="6" t="s">
        <v>2822</v>
      </c>
      <c r="E4167" s="6">
        <v>47001</v>
      </c>
      <c r="F4167" s="6" t="s">
        <v>18</v>
      </c>
      <c r="G4167" s="6" t="s">
        <v>8468</v>
      </c>
      <c r="H4167" s="6" t="s">
        <v>8469</v>
      </c>
      <c r="I4167" s="7">
        <v>11.234795800000001</v>
      </c>
      <c r="J4167" s="8">
        <v>-74.204794899999996</v>
      </c>
    </row>
    <row r="4168" spans="1:10" x14ac:dyDescent="0.35">
      <c r="A4168" s="5" t="s">
        <v>10</v>
      </c>
      <c r="B4168" s="6">
        <v>234923</v>
      </c>
      <c r="C4168" s="6" t="s">
        <v>16</v>
      </c>
      <c r="D4168" s="6" t="s">
        <v>1266</v>
      </c>
      <c r="E4168" s="6">
        <v>68081</v>
      </c>
      <c r="F4168" s="6" t="s">
        <v>18</v>
      </c>
      <c r="G4168" s="6" t="s">
        <v>8470</v>
      </c>
      <c r="H4168" s="6" t="s">
        <v>8471</v>
      </c>
      <c r="I4168" s="7">
        <v>7.0717591000000004</v>
      </c>
      <c r="J4168" s="8">
        <v>-73.843874799999995</v>
      </c>
    </row>
    <row r="4169" spans="1:10" x14ac:dyDescent="0.35">
      <c r="A4169" s="5" t="s">
        <v>10</v>
      </c>
      <c r="B4169" s="6">
        <v>237325</v>
      </c>
      <c r="C4169" s="6" t="s">
        <v>16</v>
      </c>
      <c r="D4169" s="6" t="s">
        <v>2257</v>
      </c>
      <c r="E4169" s="6">
        <v>68377</v>
      </c>
      <c r="F4169" s="6" t="s">
        <v>18</v>
      </c>
      <c r="G4169" s="6" t="s">
        <v>8472</v>
      </c>
      <c r="H4169" s="6" t="s">
        <v>8473</v>
      </c>
      <c r="I4169" s="7">
        <v>5.8588043000000001</v>
      </c>
      <c r="J4169" s="8">
        <v>-73.965489500000004</v>
      </c>
    </row>
    <row r="4170" spans="1:10" x14ac:dyDescent="0.35">
      <c r="A4170" s="5" t="s">
        <v>10</v>
      </c>
      <c r="B4170" s="6">
        <v>204081</v>
      </c>
      <c r="C4170" s="6" t="s">
        <v>16</v>
      </c>
      <c r="D4170" s="6" t="s">
        <v>78</v>
      </c>
      <c r="E4170" s="6">
        <v>68001</v>
      </c>
      <c r="F4170" s="6" t="s">
        <v>18</v>
      </c>
      <c r="G4170" s="6" t="s">
        <v>8474</v>
      </c>
      <c r="H4170" s="6" t="s">
        <v>8475</v>
      </c>
      <c r="I4170" s="7">
        <v>7.1303091999999904</v>
      </c>
      <c r="J4170" s="8">
        <v>-73.116352500000005</v>
      </c>
    </row>
    <row r="4171" spans="1:10" x14ac:dyDescent="0.35">
      <c r="A4171" s="5" t="s">
        <v>10</v>
      </c>
      <c r="B4171" s="6">
        <v>214346</v>
      </c>
      <c r="C4171" s="6" t="s">
        <v>16</v>
      </c>
      <c r="D4171" s="6" t="s">
        <v>2825</v>
      </c>
      <c r="E4171" s="6">
        <v>68276</v>
      </c>
      <c r="F4171" s="6" t="s">
        <v>18</v>
      </c>
      <c r="G4171" s="6" t="s">
        <v>8476</v>
      </c>
      <c r="H4171" s="6" t="s">
        <v>8477</v>
      </c>
      <c r="I4171" s="7">
        <v>7.0902601999999897</v>
      </c>
      <c r="J4171" s="8">
        <v>-73.093643499999999</v>
      </c>
    </row>
    <row r="4172" spans="1:10" x14ac:dyDescent="0.35">
      <c r="A4172" s="5" t="s">
        <v>10</v>
      </c>
      <c r="B4172" s="6">
        <v>236239</v>
      </c>
      <c r="C4172" s="6" t="s">
        <v>16</v>
      </c>
      <c r="D4172" s="6" t="s">
        <v>78</v>
      </c>
      <c r="E4172" s="6">
        <v>68001</v>
      </c>
      <c r="F4172" s="6" t="s">
        <v>18</v>
      </c>
      <c r="G4172" s="6" t="s">
        <v>8478</v>
      </c>
      <c r="H4172" s="6" t="s">
        <v>8479</v>
      </c>
      <c r="I4172" s="7">
        <v>7.1031649000000003</v>
      </c>
      <c r="J4172" s="8">
        <v>-73.124201900000003</v>
      </c>
    </row>
    <row r="4173" spans="1:10" x14ac:dyDescent="0.35">
      <c r="A4173" s="5" t="s">
        <v>10</v>
      </c>
      <c r="B4173" s="6">
        <v>219937</v>
      </c>
      <c r="C4173" s="6" t="s">
        <v>38</v>
      </c>
      <c r="D4173" s="6" t="s">
        <v>7839</v>
      </c>
      <c r="E4173" s="6">
        <v>19573</v>
      </c>
      <c r="F4173" s="6" t="s">
        <v>13</v>
      </c>
      <c r="G4173" s="6" t="s">
        <v>8480</v>
      </c>
      <c r="H4173" s="6" t="s">
        <v>8481</v>
      </c>
      <c r="I4173" s="7">
        <v>4.732316</v>
      </c>
      <c r="J4173" s="8">
        <v>-75.909823799999998</v>
      </c>
    </row>
    <row r="4174" spans="1:10" x14ac:dyDescent="0.35">
      <c r="A4174" s="5" t="s">
        <v>10</v>
      </c>
      <c r="B4174" s="6">
        <v>232131</v>
      </c>
      <c r="C4174" s="6" t="s">
        <v>16</v>
      </c>
      <c r="D4174" s="6" t="s">
        <v>1401</v>
      </c>
      <c r="E4174" s="6">
        <v>68307</v>
      </c>
      <c r="F4174" s="6" t="s">
        <v>18</v>
      </c>
      <c r="G4174" s="6" t="s">
        <v>8482</v>
      </c>
      <c r="H4174" s="6" t="s">
        <v>8483</v>
      </c>
      <c r="I4174" s="7">
        <v>7.0672740000000003</v>
      </c>
      <c r="J4174" s="8">
        <v>-73.169830000000005</v>
      </c>
    </row>
    <row r="4175" spans="1:10" x14ac:dyDescent="0.35">
      <c r="A4175" s="5" t="s">
        <v>10</v>
      </c>
      <c r="B4175" s="6">
        <v>244127</v>
      </c>
      <c r="C4175" s="6" t="s">
        <v>16</v>
      </c>
      <c r="D4175" s="6" t="s">
        <v>78</v>
      </c>
      <c r="E4175" s="6">
        <v>68001</v>
      </c>
      <c r="F4175" s="6" t="s">
        <v>18</v>
      </c>
      <c r="G4175" s="6" t="s">
        <v>8484</v>
      </c>
      <c r="H4175" s="6" t="s">
        <v>8485</v>
      </c>
      <c r="I4175" s="7">
        <v>7.1260706000000003</v>
      </c>
      <c r="J4175" s="8">
        <v>-73.118086700000006</v>
      </c>
    </row>
    <row r="4176" spans="1:10" x14ac:dyDescent="0.35">
      <c r="A4176" s="5" t="s">
        <v>10</v>
      </c>
      <c r="B4176" s="6">
        <v>187845</v>
      </c>
      <c r="C4176" s="6" t="s">
        <v>68</v>
      </c>
      <c r="D4176" s="6" t="s">
        <v>69</v>
      </c>
      <c r="E4176" s="6">
        <v>11001</v>
      </c>
      <c r="F4176" s="6" t="s">
        <v>18</v>
      </c>
      <c r="G4176" s="6" t="s">
        <v>8486</v>
      </c>
      <c r="H4176" s="6" t="s">
        <v>8487</v>
      </c>
      <c r="I4176" s="7">
        <v>4.5715199000000002</v>
      </c>
      <c r="J4176" s="8">
        <v>-74.1583112</v>
      </c>
    </row>
    <row r="4177" spans="1:10" x14ac:dyDescent="0.35">
      <c r="A4177" s="5" t="s">
        <v>10</v>
      </c>
      <c r="B4177" s="6">
        <v>206172</v>
      </c>
      <c r="C4177" s="6" t="s">
        <v>68</v>
      </c>
      <c r="D4177" s="6" t="s">
        <v>69</v>
      </c>
      <c r="E4177" s="6">
        <v>11001</v>
      </c>
      <c r="F4177" s="6" t="s">
        <v>18</v>
      </c>
      <c r="G4177" s="6" t="s">
        <v>8488</v>
      </c>
      <c r="H4177" s="6" t="s">
        <v>8489</v>
      </c>
      <c r="I4177" s="7">
        <v>4.6205043999999997</v>
      </c>
      <c r="J4177" s="8">
        <v>-74.185923599999995</v>
      </c>
    </row>
    <row r="4178" spans="1:10" x14ac:dyDescent="0.35">
      <c r="A4178" s="5" t="s">
        <v>10</v>
      </c>
      <c r="B4178" s="6">
        <v>136909</v>
      </c>
      <c r="C4178" s="6" t="s">
        <v>11</v>
      </c>
      <c r="D4178" s="6" t="s">
        <v>337</v>
      </c>
      <c r="E4178" s="6">
        <v>25290</v>
      </c>
      <c r="F4178" s="6" t="s">
        <v>18</v>
      </c>
      <c r="G4178" s="6" t="s">
        <v>8490</v>
      </c>
      <c r="H4178" s="6" t="s">
        <v>8491</v>
      </c>
      <c r="I4178" s="7">
        <v>4.3225730000000002</v>
      </c>
      <c r="J4178" s="8">
        <v>-74.363151999999999</v>
      </c>
    </row>
    <row r="4179" spans="1:10" x14ac:dyDescent="0.35">
      <c r="A4179" s="5" t="s">
        <v>10</v>
      </c>
      <c r="B4179" s="6">
        <v>175592</v>
      </c>
      <c r="C4179" s="6" t="s">
        <v>11</v>
      </c>
      <c r="D4179" s="6" t="s">
        <v>337</v>
      </c>
      <c r="E4179" s="6">
        <v>25290</v>
      </c>
      <c r="F4179" s="6" t="s">
        <v>18</v>
      </c>
      <c r="G4179" s="6" t="s">
        <v>8492</v>
      </c>
      <c r="H4179" s="6" t="s">
        <v>8493</v>
      </c>
      <c r="I4179" s="7">
        <v>4.3294813999999997</v>
      </c>
      <c r="J4179" s="8">
        <v>-74.364683999999997</v>
      </c>
    </row>
    <row r="4180" spans="1:10" x14ac:dyDescent="0.35">
      <c r="A4180" s="5" t="s">
        <v>10</v>
      </c>
      <c r="B4180" s="6">
        <v>243796</v>
      </c>
      <c r="C4180" s="6" t="s">
        <v>38</v>
      </c>
      <c r="D4180" s="6" t="s">
        <v>8494</v>
      </c>
      <c r="E4180" s="6">
        <v>19821</v>
      </c>
      <c r="F4180" s="6" t="s">
        <v>18</v>
      </c>
      <c r="G4180" s="6" t="s">
        <v>8495</v>
      </c>
      <c r="H4180" s="6" t="s">
        <v>8496</v>
      </c>
      <c r="I4180" s="7">
        <v>2.9562908999999999</v>
      </c>
      <c r="J4180" s="8">
        <v>-76.270399999999995</v>
      </c>
    </row>
    <row r="4181" spans="1:10" x14ac:dyDescent="0.35">
      <c r="A4181" s="5" t="s">
        <v>10</v>
      </c>
      <c r="B4181" s="6">
        <v>204309</v>
      </c>
      <c r="C4181" s="6" t="s">
        <v>16</v>
      </c>
      <c r="D4181" s="6" t="s">
        <v>510</v>
      </c>
      <c r="E4181" s="6">
        <v>68547</v>
      </c>
      <c r="F4181" s="6" t="s">
        <v>18</v>
      </c>
      <c r="G4181" s="6" t="s">
        <v>8497</v>
      </c>
      <c r="H4181" s="6" t="s">
        <v>8498</v>
      </c>
      <c r="I4181" s="7">
        <v>6.9977725</v>
      </c>
      <c r="J4181" s="8">
        <v>-73.055425399999905</v>
      </c>
    </row>
    <row r="4182" spans="1:10" x14ac:dyDescent="0.35">
      <c r="A4182" s="5" t="s">
        <v>10</v>
      </c>
      <c r="B4182" s="6">
        <v>110923</v>
      </c>
      <c r="C4182" s="6" t="s">
        <v>16</v>
      </c>
      <c r="D4182" s="6" t="s">
        <v>1942</v>
      </c>
      <c r="E4182" s="6">
        <v>68406</v>
      </c>
      <c r="F4182" s="6" t="s">
        <v>18</v>
      </c>
      <c r="G4182" s="6" t="s">
        <v>8029</v>
      </c>
      <c r="H4182" s="6" t="s">
        <v>8030</v>
      </c>
      <c r="I4182" s="7">
        <v>11.2450242</v>
      </c>
      <c r="J4182" s="8">
        <v>-74.206125</v>
      </c>
    </row>
    <row r="4183" spans="1:10" x14ac:dyDescent="0.35">
      <c r="A4183" s="5" t="s">
        <v>10</v>
      </c>
      <c r="B4183" s="6">
        <v>238973</v>
      </c>
      <c r="C4183" s="6" t="s">
        <v>68</v>
      </c>
      <c r="D4183" s="6" t="s">
        <v>69</v>
      </c>
      <c r="E4183" s="6">
        <v>11001</v>
      </c>
      <c r="F4183" s="6" t="s">
        <v>18</v>
      </c>
      <c r="G4183" s="6" t="s">
        <v>8499</v>
      </c>
      <c r="H4183" s="6" t="s">
        <v>8500</v>
      </c>
      <c r="I4183" s="7">
        <v>4.6830243999999999</v>
      </c>
      <c r="J4183" s="8">
        <v>-74.099286800000002</v>
      </c>
    </row>
    <row r="4184" spans="1:10" x14ac:dyDescent="0.35">
      <c r="A4184" s="5" t="s">
        <v>10</v>
      </c>
      <c r="B4184" s="6">
        <v>246575</v>
      </c>
      <c r="C4184" s="6" t="s">
        <v>117</v>
      </c>
      <c r="D4184" s="6" t="s">
        <v>1334</v>
      </c>
      <c r="E4184" s="6">
        <v>76001</v>
      </c>
      <c r="F4184" s="6" t="s">
        <v>18</v>
      </c>
      <c r="G4184" s="6" t="s">
        <v>8501</v>
      </c>
      <c r="H4184" s="6" t="s">
        <v>8502</v>
      </c>
      <c r="I4184" s="7">
        <v>3.4009160999999999</v>
      </c>
      <c r="J4184" s="8">
        <v>-76.506657899999993</v>
      </c>
    </row>
    <row r="4185" spans="1:10" x14ac:dyDescent="0.35">
      <c r="A4185" s="5" t="s">
        <v>10</v>
      </c>
      <c r="B4185" s="6">
        <v>221868</v>
      </c>
      <c r="C4185" s="6" t="s">
        <v>294</v>
      </c>
      <c r="D4185" s="6" t="s">
        <v>703</v>
      </c>
      <c r="E4185" s="6">
        <v>41001</v>
      </c>
      <c r="F4185" s="6" t="s">
        <v>18</v>
      </c>
      <c r="G4185" s="6" t="s">
        <v>8503</v>
      </c>
      <c r="H4185" s="6" t="s">
        <v>8504</v>
      </c>
      <c r="I4185" s="7">
        <v>2.9413501000000002</v>
      </c>
      <c r="J4185" s="8">
        <v>-75.2592997</v>
      </c>
    </row>
    <row r="4186" spans="1:10" x14ac:dyDescent="0.35">
      <c r="A4186" s="5" t="s">
        <v>10</v>
      </c>
      <c r="B4186" s="6">
        <v>144064</v>
      </c>
      <c r="C4186" s="6" t="s">
        <v>11</v>
      </c>
      <c r="D4186" s="6" t="s">
        <v>106</v>
      </c>
      <c r="E4186" s="6">
        <v>25843</v>
      </c>
      <c r="F4186" s="6" t="s">
        <v>18</v>
      </c>
      <c r="G4186" s="6" t="s">
        <v>8505</v>
      </c>
      <c r="H4186" s="6" t="s">
        <v>8506</v>
      </c>
      <c r="I4186" s="7">
        <v>5.3120240000000001</v>
      </c>
      <c r="J4186" s="8">
        <v>-73.818221999999906</v>
      </c>
    </row>
    <row r="4187" spans="1:10" x14ac:dyDescent="0.35">
      <c r="A4187" s="5" t="s">
        <v>10</v>
      </c>
      <c r="B4187" s="6">
        <v>204665</v>
      </c>
      <c r="C4187" s="6" t="s">
        <v>11</v>
      </c>
      <c r="D4187" s="6" t="s">
        <v>3054</v>
      </c>
      <c r="E4187" s="6">
        <v>25269</v>
      </c>
      <c r="F4187" s="6" t="s">
        <v>18</v>
      </c>
      <c r="G4187" s="6" t="s">
        <v>8507</v>
      </c>
      <c r="H4187" s="6" t="s">
        <v>8508</v>
      </c>
      <c r="I4187" s="7">
        <v>4.8099951999999897</v>
      </c>
      <c r="J4187" s="8">
        <v>-74.358313600000002</v>
      </c>
    </row>
    <row r="4188" spans="1:10" x14ac:dyDescent="0.35">
      <c r="A4188" s="5" t="s">
        <v>10</v>
      </c>
      <c r="B4188" s="6">
        <v>241493</v>
      </c>
      <c r="C4188" s="6" t="s">
        <v>2821</v>
      </c>
      <c r="D4188" s="6" t="s">
        <v>2822</v>
      </c>
      <c r="E4188" s="6">
        <v>47001</v>
      </c>
      <c r="F4188" s="6" t="s">
        <v>18</v>
      </c>
      <c r="G4188" s="6" t="s">
        <v>8509</v>
      </c>
      <c r="H4188" s="6" t="s">
        <v>8510</v>
      </c>
      <c r="I4188" s="7">
        <v>11.2471604</v>
      </c>
      <c r="J4188" s="8">
        <v>-74.210975700000006</v>
      </c>
    </row>
    <row r="4189" spans="1:10" x14ac:dyDescent="0.35">
      <c r="A4189" s="5" t="s">
        <v>10</v>
      </c>
      <c r="B4189" s="6">
        <v>237273</v>
      </c>
      <c r="C4189" s="6" t="s">
        <v>16</v>
      </c>
      <c r="D4189" s="6" t="s">
        <v>1401</v>
      </c>
      <c r="E4189" s="6">
        <v>68307</v>
      </c>
      <c r="F4189" s="6" t="s">
        <v>18</v>
      </c>
      <c r="G4189" s="6" t="s">
        <v>8511</v>
      </c>
      <c r="H4189" s="6" t="s">
        <v>8512</v>
      </c>
      <c r="I4189" s="7">
        <v>7.0716675999999996</v>
      </c>
      <c r="J4189" s="8">
        <v>-73.177340299999997</v>
      </c>
    </row>
    <row r="4190" spans="1:10" x14ac:dyDescent="0.35">
      <c r="A4190" s="5" t="s">
        <v>10</v>
      </c>
      <c r="B4190" s="6">
        <v>238352</v>
      </c>
      <c r="C4190" s="6" t="s">
        <v>16</v>
      </c>
      <c r="D4190" s="6" t="s">
        <v>78</v>
      </c>
      <c r="E4190" s="6">
        <v>68001</v>
      </c>
      <c r="F4190" s="6" t="s">
        <v>18</v>
      </c>
      <c r="G4190" s="6" t="s">
        <v>8513</v>
      </c>
      <c r="H4190" s="6" t="s">
        <v>8514</v>
      </c>
      <c r="I4190" s="7">
        <v>7.1122528000000003</v>
      </c>
      <c r="J4190" s="8">
        <v>-73.107776400000006</v>
      </c>
    </row>
    <row r="4191" spans="1:10" x14ac:dyDescent="0.35">
      <c r="A4191" s="5" t="s">
        <v>10</v>
      </c>
      <c r="B4191" s="6">
        <v>231191</v>
      </c>
      <c r="C4191" s="6" t="s">
        <v>94</v>
      </c>
      <c r="D4191" s="6" t="s">
        <v>98</v>
      </c>
      <c r="E4191" s="6">
        <v>66001</v>
      </c>
      <c r="F4191" s="6" t="s">
        <v>18</v>
      </c>
      <c r="G4191" s="6" t="s">
        <v>8515</v>
      </c>
      <c r="H4191" s="6" t="s">
        <v>8516</v>
      </c>
      <c r="I4191" s="7">
        <v>4.8155716999999996</v>
      </c>
      <c r="J4191" s="8">
        <v>-75.725668200000001</v>
      </c>
    </row>
    <row r="4192" spans="1:10" x14ac:dyDescent="0.35">
      <c r="A4192" s="5" t="s">
        <v>10</v>
      </c>
      <c r="B4192" s="6">
        <v>153389</v>
      </c>
      <c r="C4192" s="6" t="s">
        <v>3788</v>
      </c>
      <c r="D4192" s="6" t="s">
        <v>3974</v>
      </c>
      <c r="E4192" s="6">
        <v>18001</v>
      </c>
      <c r="F4192" s="6" t="s">
        <v>18</v>
      </c>
      <c r="G4192" s="6" t="s">
        <v>8129</v>
      </c>
      <c r="H4192" s="6" t="s">
        <v>8130</v>
      </c>
      <c r="I4192" s="7">
        <v>1.6186545000000001</v>
      </c>
      <c r="J4192" s="8">
        <v>-75.605133600000002</v>
      </c>
    </row>
    <row r="4193" spans="1:10" x14ac:dyDescent="0.35">
      <c r="A4193" s="5" t="s">
        <v>10</v>
      </c>
      <c r="B4193" s="6">
        <v>229611</v>
      </c>
      <c r="C4193" s="6" t="s">
        <v>294</v>
      </c>
      <c r="D4193" s="6" t="s">
        <v>4244</v>
      </c>
      <c r="E4193" s="6">
        <v>41298</v>
      </c>
      <c r="F4193" s="6" t="s">
        <v>18</v>
      </c>
      <c r="G4193" s="6" t="s">
        <v>8517</v>
      </c>
      <c r="H4193" s="6" t="s">
        <v>8518</v>
      </c>
      <c r="I4193" s="7">
        <v>2.1990823000000002</v>
      </c>
      <c r="J4193" s="8">
        <v>-75.629187799999997</v>
      </c>
    </row>
    <row r="4194" spans="1:10" x14ac:dyDescent="0.35">
      <c r="A4194" s="5" t="s">
        <v>10</v>
      </c>
      <c r="B4194" s="6">
        <v>226737</v>
      </c>
      <c r="C4194" s="6" t="s">
        <v>294</v>
      </c>
      <c r="D4194" s="6" t="s">
        <v>703</v>
      </c>
      <c r="E4194" s="6">
        <v>41001</v>
      </c>
      <c r="F4194" s="6" t="s">
        <v>18</v>
      </c>
      <c r="G4194" s="6" t="s">
        <v>8519</v>
      </c>
      <c r="H4194" s="6" t="s">
        <v>8520</v>
      </c>
      <c r="I4194" s="7">
        <v>2.9610207000000002</v>
      </c>
      <c r="J4194" s="8">
        <v>-75.273329099999998</v>
      </c>
    </row>
    <row r="4195" spans="1:10" x14ac:dyDescent="0.35">
      <c r="A4195" s="5" t="s">
        <v>10</v>
      </c>
      <c r="B4195" s="6">
        <v>218351</v>
      </c>
      <c r="C4195" s="6" t="s">
        <v>294</v>
      </c>
      <c r="D4195" s="6" t="s">
        <v>703</v>
      </c>
      <c r="E4195" s="6">
        <v>41001</v>
      </c>
      <c r="F4195" s="6" t="s">
        <v>18</v>
      </c>
      <c r="G4195" s="6" t="s">
        <v>8521</v>
      </c>
      <c r="H4195" s="6" t="s">
        <v>8522</v>
      </c>
      <c r="I4195" s="7">
        <v>2.9078667999999999</v>
      </c>
      <c r="J4195" s="8">
        <v>-75.270339300000003</v>
      </c>
    </row>
    <row r="4196" spans="1:10" x14ac:dyDescent="0.35">
      <c r="A4196" s="5" t="s">
        <v>10</v>
      </c>
      <c r="B4196" s="6">
        <v>232877</v>
      </c>
      <c r="C4196" s="6" t="s">
        <v>16</v>
      </c>
      <c r="D4196" s="6" t="s">
        <v>1401</v>
      </c>
      <c r="E4196" s="6">
        <v>68307</v>
      </c>
      <c r="F4196" s="6" t="s">
        <v>18</v>
      </c>
      <c r="G4196" s="6" t="s">
        <v>8523</v>
      </c>
      <c r="H4196" s="6" t="s">
        <v>8524</v>
      </c>
      <c r="I4196" s="7">
        <v>7.0731862000000003</v>
      </c>
      <c r="J4196" s="8">
        <v>-73.169210399999997</v>
      </c>
    </row>
    <row r="4197" spans="1:10" x14ac:dyDescent="0.35">
      <c r="A4197" s="5" t="s">
        <v>10</v>
      </c>
      <c r="B4197" s="6">
        <v>237267</v>
      </c>
      <c r="C4197" s="6" t="s">
        <v>68</v>
      </c>
      <c r="D4197" s="6" t="s">
        <v>69</v>
      </c>
      <c r="E4197" s="6">
        <v>11001</v>
      </c>
      <c r="F4197" s="6" t="s">
        <v>18</v>
      </c>
      <c r="G4197" s="6" t="s">
        <v>8525</v>
      </c>
      <c r="H4197" s="6" t="s">
        <v>8526</v>
      </c>
      <c r="I4197" s="7">
        <v>4.5794639999999998</v>
      </c>
      <c r="J4197" s="8">
        <v>-74.167665099999994</v>
      </c>
    </row>
    <row r="4198" spans="1:10" x14ac:dyDescent="0.35">
      <c r="A4198" s="5" t="s">
        <v>10</v>
      </c>
      <c r="B4198" s="6">
        <v>188488</v>
      </c>
      <c r="C4198" s="6" t="s">
        <v>68</v>
      </c>
      <c r="D4198" s="6" t="s">
        <v>69</v>
      </c>
      <c r="E4198" s="6">
        <v>11001</v>
      </c>
      <c r="F4198" s="6" t="s">
        <v>18</v>
      </c>
      <c r="G4198" s="6" t="s">
        <v>8527</v>
      </c>
      <c r="H4198" s="6" t="s">
        <v>8528</v>
      </c>
      <c r="I4198" s="7">
        <v>4.6263426999999897</v>
      </c>
      <c r="J4198" s="8">
        <v>-74.185047099999906</v>
      </c>
    </row>
    <row r="4199" spans="1:10" x14ac:dyDescent="0.35">
      <c r="A4199" s="5" t="s">
        <v>10</v>
      </c>
      <c r="B4199" s="6">
        <v>239077</v>
      </c>
      <c r="C4199" s="6" t="s">
        <v>366</v>
      </c>
      <c r="D4199" s="6" t="s">
        <v>367</v>
      </c>
      <c r="E4199" s="6">
        <v>44430</v>
      </c>
      <c r="F4199" s="6" t="s">
        <v>18</v>
      </c>
      <c r="G4199" s="6" t="s">
        <v>8529</v>
      </c>
      <c r="H4199" s="6" t="s">
        <v>8530</v>
      </c>
      <c r="I4199" s="7">
        <v>11.376602</v>
      </c>
      <c r="J4199" s="8">
        <v>-72.241350600000004</v>
      </c>
    </row>
    <row r="4200" spans="1:10" x14ac:dyDescent="0.35">
      <c r="A4200" s="5" t="s">
        <v>10</v>
      </c>
      <c r="B4200" s="6">
        <v>241340</v>
      </c>
      <c r="C4200" s="6" t="s">
        <v>366</v>
      </c>
      <c r="D4200" s="6" t="s">
        <v>367</v>
      </c>
      <c r="E4200" s="6">
        <v>44430</v>
      </c>
      <c r="F4200" s="6" t="s">
        <v>18</v>
      </c>
      <c r="G4200" s="6" t="s">
        <v>8531</v>
      </c>
      <c r="H4200" s="6" t="s">
        <v>8532</v>
      </c>
      <c r="I4200" s="7">
        <v>11.380054299999999</v>
      </c>
      <c r="J4200" s="8">
        <v>-72.242246499999993</v>
      </c>
    </row>
    <row r="4201" spans="1:10" x14ac:dyDescent="0.35">
      <c r="A4201" s="5" t="s">
        <v>10</v>
      </c>
      <c r="B4201" s="6">
        <v>223322</v>
      </c>
      <c r="C4201" s="6" t="s">
        <v>308</v>
      </c>
      <c r="D4201" s="6" t="s">
        <v>1922</v>
      </c>
      <c r="E4201" s="6">
        <v>23079</v>
      </c>
      <c r="F4201" s="6" t="s">
        <v>13</v>
      </c>
      <c r="G4201" s="6" t="s">
        <v>8533</v>
      </c>
      <c r="H4201" s="6" t="s">
        <v>8534</v>
      </c>
      <c r="I4201" s="7">
        <v>8.2229843000000002</v>
      </c>
      <c r="J4201" s="8">
        <v>-75.482331599999995</v>
      </c>
    </row>
    <row r="4202" spans="1:10" x14ac:dyDescent="0.35">
      <c r="A4202" s="5" t="s">
        <v>10</v>
      </c>
      <c r="B4202" s="6">
        <v>236073</v>
      </c>
      <c r="C4202" s="6" t="s">
        <v>2821</v>
      </c>
      <c r="D4202" s="6" t="s">
        <v>2822</v>
      </c>
      <c r="E4202" s="6">
        <v>47001</v>
      </c>
      <c r="F4202" s="6" t="s">
        <v>18</v>
      </c>
      <c r="G4202" s="6" t="s">
        <v>8535</v>
      </c>
      <c r="H4202" s="6" t="s">
        <v>8536</v>
      </c>
      <c r="I4202" s="7">
        <v>11.2481062</v>
      </c>
      <c r="J4202" s="8">
        <v>-74.2139217</v>
      </c>
    </row>
    <row r="4203" spans="1:10" x14ac:dyDescent="0.35">
      <c r="A4203" s="5" t="s">
        <v>10</v>
      </c>
      <c r="B4203" s="6">
        <v>166846</v>
      </c>
      <c r="C4203" s="6" t="s">
        <v>294</v>
      </c>
      <c r="D4203" s="6" t="s">
        <v>703</v>
      </c>
      <c r="E4203" s="6">
        <v>41001</v>
      </c>
      <c r="F4203" s="6" t="s">
        <v>18</v>
      </c>
      <c r="G4203" s="6" t="s">
        <v>8537</v>
      </c>
      <c r="H4203" s="6" t="s">
        <v>8538</v>
      </c>
      <c r="I4203" s="7">
        <v>2.9155701000000001</v>
      </c>
      <c r="J4203" s="8">
        <v>-75.280262899999997</v>
      </c>
    </row>
    <row r="4204" spans="1:10" x14ac:dyDescent="0.35">
      <c r="A4204" s="5" t="s">
        <v>10</v>
      </c>
      <c r="B4204" s="6">
        <v>204317</v>
      </c>
      <c r="C4204" s="6" t="s">
        <v>11</v>
      </c>
      <c r="D4204" s="6" t="s">
        <v>12</v>
      </c>
      <c r="E4204" s="6">
        <v>25899</v>
      </c>
      <c r="F4204" s="6" t="s">
        <v>18</v>
      </c>
      <c r="G4204" s="6" t="s">
        <v>8539</v>
      </c>
      <c r="H4204" s="6" t="s">
        <v>8540</v>
      </c>
      <c r="I4204" s="7">
        <v>5.0235016999999997</v>
      </c>
      <c r="J4204" s="8">
        <v>-73.986402099999907</v>
      </c>
    </row>
    <row r="4205" spans="1:10" x14ac:dyDescent="0.35">
      <c r="A4205" s="5" t="s">
        <v>10</v>
      </c>
      <c r="B4205" s="6">
        <v>176517</v>
      </c>
      <c r="C4205" s="6" t="s">
        <v>302</v>
      </c>
      <c r="D4205" s="6" t="s">
        <v>8024</v>
      </c>
      <c r="E4205" s="6">
        <v>8078</v>
      </c>
      <c r="F4205" s="6" t="s">
        <v>18</v>
      </c>
      <c r="G4205" s="6" t="s">
        <v>8541</v>
      </c>
      <c r="H4205" s="6" t="s">
        <v>8542</v>
      </c>
      <c r="I4205" s="7">
        <v>10.7949448</v>
      </c>
      <c r="J4205" s="8">
        <v>-74.909915999999996</v>
      </c>
    </row>
    <row r="4206" spans="1:10" x14ac:dyDescent="0.35">
      <c r="A4206" s="5" t="s">
        <v>10</v>
      </c>
      <c r="B4206" s="6">
        <v>203627</v>
      </c>
      <c r="C4206" s="6" t="s">
        <v>308</v>
      </c>
      <c r="D4206" s="6" t="s">
        <v>309</v>
      </c>
      <c r="E4206" s="6">
        <v>23001</v>
      </c>
      <c r="F4206" s="6" t="s">
        <v>18</v>
      </c>
      <c r="G4206" s="6" t="s">
        <v>8543</v>
      </c>
      <c r="H4206" s="6" t="s">
        <v>8544</v>
      </c>
      <c r="I4206" s="7">
        <v>8.7359720000000003</v>
      </c>
      <c r="J4206" s="8">
        <v>-75.865845399999998</v>
      </c>
    </row>
    <row r="4207" spans="1:10" x14ac:dyDescent="0.35">
      <c r="A4207" s="5" t="s">
        <v>10</v>
      </c>
      <c r="B4207" s="6">
        <v>235604</v>
      </c>
      <c r="C4207" s="6" t="s">
        <v>2821</v>
      </c>
      <c r="D4207" s="6" t="s">
        <v>2822</v>
      </c>
      <c r="E4207" s="6">
        <v>47001</v>
      </c>
      <c r="F4207" s="6" t="s">
        <v>18</v>
      </c>
      <c r="G4207" s="6" t="s">
        <v>8545</v>
      </c>
      <c r="H4207" s="6" t="s">
        <v>8546</v>
      </c>
      <c r="I4207" s="7">
        <v>11.249844400000001</v>
      </c>
      <c r="J4207" s="8">
        <v>-74.198660599999997</v>
      </c>
    </row>
    <row r="4208" spans="1:10" x14ac:dyDescent="0.35">
      <c r="A4208" s="5" t="s">
        <v>10</v>
      </c>
      <c r="B4208" s="6">
        <v>231622</v>
      </c>
      <c r="C4208" s="6" t="s">
        <v>16</v>
      </c>
      <c r="D4208" s="6" t="s">
        <v>1266</v>
      </c>
      <c r="E4208" s="6">
        <v>68081</v>
      </c>
      <c r="F4208" s="6" t="s">
        <v>18</v>
      </c>
      <c r="G4208" s="6" t="s">
        <v>8547</v>
      </c>
      <c r="H4208" s="6" t="s">
        <v>8548</v>
      </c>
      <c r="I4208" s="7">
        <v>7.0605086000000004</v>
      </c>
      <c r="J4208" s="8">
        <v>-73.865433499999995</v>
      </c>
    </row>
    <row r="4209" spans="1:10" x14ac:dyDescent="0.35">
      <c r="A4209" s="5" t="s">
        <v>10</v>
      </c>
      <c r="B4209" s="6">
        <v>239108</v>
      </c>
      <c r="C4209" s="6" t="s">
        <v>94</v>
      </c>
      <c r="D4209" s="6" t="s">
        <v>95</v>
      </c>
      <c r="E4209" s="6">
        <v>66170</v>
      </c>
      <c r="F4209" s="6" t="s">
        <v>18</v>
      </c>
      <c r="G4209" s="6" t="s">
        <v>8549</v>
      </c>
      <c r="H4209" s="6" t="s">
        <v>8550</v>
      </c>
      <c r="I4209" s="7">
        <v>4.8361177</v>
      </c>
      <c r="J4209" s="8">
        <v>-75.669796899999994</v>
      </c>
    </row>
    <row r="4210" spans="1:10" x14ac:dyDescent="0.35">
      <c r="A4210" s="5" t="s">
        <v>10</v>
      </c>
      <c r="B4210" s="6">
        <v>182425</v>
      </c>
      <c r="C4210" s="6" t="s">
        <v>3788</v>
      </c>
      <c r="D4210" s="6" t="s">
        <v>3974</v>
      </c>
      <c r="E4210" s="6">
        <v>18001</v>
      </c>
      <c r="F4210" s="6" t="s">
        <v>18</v>
      </c>
      <c r="G4210" s="6" t="s">
        <v>8551</v>
      </c>
      <c r="H4210" s="6" t="s">
        <v>8552</v>
      </c>
      <c r="I4210" s="7">
        <v>1.6265191000000001</v>
      </c>
      <c r="J4210" s="8">
        <v>-75.606239099999996</v>
      </c>
    </row>
    <row r="4211" spans="1:10" x14ac:dyDescent="0.35">
      <c r="A4211" s="5" t="s">
        <v>10</v>
      </c>
      <c r="B4211" s="6">
        <v>232563</v>
      </c>
      <c r="C4211" s="6" t="s">
        <v>3788</v>
      </c>
      <c r="D4211" s="6" t="s">
        <v>3974</v>
      </c>
      <c r="E4211" s="6">
        <v>18001</v>
      </c>
      <c r="F4211" s="6" t="s">
        <v>18</v>
      </c>
      <c r="G4211" s="6" t="s">
        <v>8553</v>
      </c>
      <c r="H4211" s="6" t="s">
        <v>8554</v>
      </c>
      <c r="I4211" s="7">
        <v>1.606813</v>
      </c>
      <c r="J4211" s="8">
        <v>-75.603054799999995</v>
      </c>
    </row>
    <row r="4212" spans="1:10" x14ac:dyDescent="0.35">
      <c r="A4212" s="5" t="s">
        <v>10</v>
      </c>
      <c r="B4212" s="6">
        <v>230374</v>
      </c>
      <c r="C4212" s="6" t="s">
        <v>68</v>
      </c>
      <c r="D4212" s="6" t="s">
        <v>69</v>
      </c>
      <c r="E4212" s="6">
        <v>11001</v>
      </c>
      <c r="F4212" s="6" t="s">
        <v>13</v>
      </c>
      <c r="G4212" s="6" t="s">
        <v>8555</v>
      </c>
      <c r="H4212" s="6" t="s">
        <v>8556</v>
      </c>
      <c r="I4212" s="7">
        <v>4.6120362000000004</v>
      </c>
      <c r="J4212" s="8">
        <v>-74.168061699999996</v>
      </c>
    </row>
    <row r="4213" spans="1:10" x14ac:dyDescent="0.35">
      <c r="A4213" s="5" t="s">
        <v>10</v>
      </c>
      <c r="B4213" s="6">
        <v>233327</v>
      </c>
      <c r="C4213" s="6" t="s">
        <v>68</v>
      </c>
      <c r="D4213" s="6" t="s">
        <v>69</v>
      </c>
      <c r="E4213" s="6">
        <v>11001</v>
      </c>
      <c r="F4213" s="6" t="s">
        <v>18</v>
      </c>
      <c r="G4213" s="6" t="s">
        <v>8557</v>
      </c>
      <c r="H4213" s="6" t="s">
        <v>8558</v>
      </c>
      <c r="I4213" s="7">
        <v>4.5904299999999996</v>
      </c>
      <c r="J4213" s="8">
        <v>-74.072900000000004</v>
      </c>
    </row>
    <row r="4214" spans="1:10" x14ac:dyDescent="0.35">
      <c r="A4214" s="5" t="s">
        <v>10</v>
      </c>
      <c r="B4214" s="6">
        <v>213813</v>
      </c>
      <c r="C4214" s="6" t="s">
        <v>68</v>
      </c>
      <c r="D4214" s="6" t="s">
        <v>69</v>
      </c>
      <c r="E4214" s="6">
        <v>11001</v>
      </c>
      <c r="F4214" s="6" t="s">
        <v>18</v>
      </c>
      <c r="G4214" s="6" t="s">
        <v>8559</v>
      </c>
      <c r="H4214" s="6" t="s">
        <v>8560</v>
      </c>
      <c r="I4214" s="7">
        <v>4.6003394000000002</v>
      </c>
      <c r="J4214" s="8">
        <v>-74.2018001</v>
      </c>
    </row>
    <row r="4215" spans="1:10" x14ac:dyDescent="0.35">
      <c r="A4215" s="5" t="s">
        <v>10</v>
      </c>
      <c r="B4215" s="6">
        <v>215075</v>
      </c>
      <c r="C4215" s="6" t="s">
        <v>68</v>
      </c>
      <c r="D4215" s="6" t="s">
        <v>69</v>
      </c>
      <c r="E4215" s="6">
        <v>11001</v>
      </c>
      <c r="F4215" s="6" t="s">
        <v>18</v>
      </c>
      <c r="G4215" s="6" t="s">
        <v>8561</v>
      </c>
      <c r="H4215" s="6" t="s">
        <v>8562</v>
      </c>
      <c r="I4215" s="7">
        <v>4.6099053999999997</v>
      </c>
      <c r="J4215" s="8">
        <v>-74.206904399999999</v>
      </c>
    </row>
    <row r="4216" spans="1:10" x14ac:dyDescent="0.35">
      <c r="A4216" s="5" t="s">
        <v>10</v>
      </c>
      <c r="B4216" s="6">
        <v>235374</v>
      </c>
      <c r="C4216" s="6" t="s">
        <v>278</v>
      </c>
      <c r="D4216" s="6" t="s">
        <v>1331</v>
      </c>
      <c r="E4216" s="6">
        <v>50006</v>
      </c>
      <c r="F4216" s="6" t="s">
        <v>18</v>
      </c>
      <c r="G4216" s="6" t="s">
        <v>8563</v>
      </c>
      <c r="H4216" s="6" t="s">
        <v>8564</v>
      </c>
      <c r="I4216" s="7">
        <v>3.989449</v>
      </c>
      <c r="J4216" s="8">
        <v>-73.751837499999993</v>
      </c>
    </row>
    <row r="4217" spans="1:10" x14ac:dyDescent="0.35">
      <c r="A4217" s="5" t="s">
        <v>10</v>
      </c>
      <c r="B4217" s="6">
        <v>232037</v>
      </c>
      <c r="C4217" s="6" t="s">
        <v>11</v>
      </c>
      <c r="D4217" s="6" t="s">
        <v>3917</v>
      </c>
      <c r="E4217" s="6">
        <v>25649</v>
      </c>
      <c r="F4217" s="6" t="s">
        <v>18</v>
      </c>
      <c r="G4217" s="6" t="s">
        <v>8565</v>
      </c>
      <c r="H4217" s="6" t="s">
        <v>8566</v>
      </c>
      <c r="I4217" s="7">
        <v>4.1794440000000002</v>
      </c>
      <c r="J4217" s="8">
        <v>-74.421565999999999</v>
      </c>
    </row>
    <row r="4218" spans="1:10" x14ac:dyDescent="0.35">
      <c r="A4218" s="5" t="s">
        <v>10</v>
      </c>
      <c r="B4218" s="6">
        <v>170200</v>
      </c>
      <c r="C4218" s="6" t="s">
        <v>294</v>
      </c>
      <c r="D4218" s="6" t="s">
        <v>447</v>
      </c>
      <c r="E4218" s="6">
        <v>41551</v>
      </c>
      <c r="F4218" s="6" t="s">
        <v>18</v>
      </c>
      <c r="G4218" s="6" t="s">
        <v>8567</v>
      </c>
      <c r="H4218" s="6" t="s">
        <v>1858</v>
      </c>
      <c r="I4218" s="7">
        <v>1.8563308999999999</v>
      </c>
      <c r="J4218" s="8">
        <v>-76.046161099999907</v>
      </c>
    </row>
    <row r="4219" spans="1:10" x14ac:dyDescent="0.35">
      <c r="A4219" s="5" t="s">
        <v>10</v>
      </c>
      <c r="B4219" s="6">
        <v>233981</v>
      </c>
      <c r="C4219" s="6" t="s">
        <v>16</v>
      </c>
      <c r="D4219" s="6" t="s">
        <v>6972</v>
      </c>
      <c r="E4219" s="6">
        <v>68573</v>
      </c>
      <c r="F4219" s="6" t="s">
        <v>18</v>
      </c>
      <c r="G4219" s="6" t="s">
        <v>8568</v>
      </c>
      <c r="H4219" s="6" t="s">
        <v>8569</v>
      </c>
      <c r="I4219" s="7">
        <v>6.6507969999999998</v>
      </c>
      <c r="J4219" s="8">
        <v>-74.055933899999999</v>
      </c>
    </row>
    <row r="4220" spans="1:10" x14ac:dyDescent="0.35">
      <c r="A4220" s="5" t="s">
        <v>10</v>
      </c>
      <c r="B4220" s="6">
        <v>188673</v>
      </c>
      <c r="C4220" s="6" t="s">
        <v>68</v>
      </c>
      <c r="D4220" s="6" t="s">
        <v>69</v>
      </c>
      <c r="E4220" s="6">
        <v>11001</v>
      </c>
      <c r="F4220" s="6" t="s">
        <v>18</v>
      </c>
      <c r="G4220" s="6" t="s">
        <v>8570</v>
      </c>
      <c r="H4220" s="6" t="s">
        <v>8571</v>
      </c>
      <c r="I4220" s="7">
        <v>4.6328997000000003</v>
      </c>
      <c r="J4220" s="8">
        <v>-74.203664699999905</v>
      </c>
    </row>
    <row r="4221" spans="1:10" x14ac:dyDescent="0.35">
      <c r="A4221" s="5" t="s">
        <v>10</v>
      </c>
      <c r="B4221" s="6">
        <v>94044</v>
      </c>
      <c r="C4221" s="6" t="s">
        <v>11</v>
      </c>
      <c r="D4221" s="6" t="s">
        <v>106</v>
      </c>
      <c r="E4221" s="6">
        <v>25843</v>
      </c>
      <c r="F4221" s="6" t="s">
        <v>18</v>
      </c>
      <c r="G4221" s="6" t="s">
        <v>8572</v>
      </c>
      <c r="H4221" s="6" t="s">
        <v>8573</v>
      </c>
      <c r="I4221" s="7">
        <v>5.3101091999999896</v>
      </c>
      <c r="J4221" s="8">
        <v>-73.8120464</v>
      </c>
    </row>
    <row r="4222" spans="1:10" x14ac:dyDescent="0.35">
      <c r="A4222" s="5" t="s">
        <v>10</v>
      </c>
      <c r="B4222" s="6">
        <v>169500</v>
      </c>
      <c r="C4222" s="6" t="s">
        <v>11</v>
      </c>
      <c r="D4222" s="6" t="s">
        <v>337</v>
      </c>
      <c r="E4222" s="6">
        <v>25290</v>
      </c>
      <c r="F4222" s="6" t="s">
        <v>18</v>
      </c>
      <c r="G4222" s="6" t="s">
        <v>8574</v>
      </c>
      <c r="H4222" s="6" t="s">
        <v>8575</v>
      </c>
      <c r="I4222" s="7">
        <v>4.3331663999999996</v>
      </c>
      <c r="J4222" s="8">
        <v>-74.369737599999993</v>
      </c>
    </row>
    <row r="4223" spans="1:10" x14ac:dyDescent="0.35">
      <c r="A4223" s="5" t="s">
        <v>10</v>
      </c>
      <c r="B4223" s="6">
        <v>247530</v>
      </c>
      <c r="C4223" s="6" t="s">
        <v>2821</v>
      </c>
      <c r="D4223" s="6" t="s">
        <v>2822</v>
      </c>
      <c r="E4223" s="6">
        <v>47001</v>
      </c>
      <c r="F4223" s="6" t="s">
        <v>18</v>
      </c>
      <c r="G4223" s="6" t="s">
        <v>8277</v>
      </c>
      <c r="H4223" s="6" t="s">
        <v>8576</v>
      </c>
      <c r="I4223" s="7">
        <v>11.222939500000001</v>
      </c>
      <c r="J4223" s="8">
        <v>-74.204269100000005</v>
      </c>
    </row>
    <row r="4224" spans="1:10" x14ac:dyDescent="0.35">
      <c r="A4224" s="5" t="s">
        <v>10</v>
      </c>
      <c r="B4224" s="6">
        <v>211036</v>
      </c>
      <c r="C4224" s="6" t="s">
        <v>38</v>
      </c>
      <c r="D4224" s="6" t="s">
        <v>6300</v>
      </c>
      <c r="E4224" s="6">
        <v>19698</v>
      </c>
      <c r="F4224" s="6" t="s">
        <v>18</v>
      </c>
      <c r="G4224" s="6" t="s">
        <v>8577</v>
      </c>
      <c r="H4224" s="6" t="s">
        <v>8578</v>
      </c>
      <c r="I4224" s="7">
        <v>3.0071032999999998</v>
      </c>
      <c r="J4224" s="8">
        <v>-76.484790500000003</v>
      </c>
    </row>
    <row r="4225" spans="1:10" x14ac:dyDescent="0.35">
      <c r="A4225" s="5" t="s">
        <v>10</v>
      </c>
      <c r="B4225" s="6">
        <v>208595</v>
      </c>
      <c r="C4225" s="6" t="s">
        <v>16</v>
      </c>
      <c r="D4225" s="6" t="s">
        <v>78</v>
      </c>
      <c r="E4225" s="6">
        <v>68001</v>
      </c>
      <c r="F4225" s="6" t="s">
        <v>18</v>
      </c>
      <c r="G4225" s="6" t="s">
        <v>8579</v>
      </c>
      <c r="H4225" s="6" t="s">
        <v>8580</v>
      </c>
      <c r="I4225" s="7">
        <v>7.0998083999999997</v>
      </c>
      <c r="J4225" s="8">
        <v>-73.112808299999998</v>
      </c>
    </row>
    <row r="4226" spans="1:10" x14ac:dyDescent="0.35">
      <c r="A4226" s="5" t="s">
        <v>10</v>
      </c>
      <c r="B4226" s="6">
        <v>243015</v>
      </c>
      <c r="C4226" s="6" t="s">
        <v>16</v>
      </c>
      <c r="D4226" s="6" t="s">
        <v>1942</v>
      </c>
      <c r="E4226" s="6">
        <v>68406</v>
      </c>
      <c r="F4226" s="6" t="s">
        <v>18</v>
      </c>
      <c r="G4226" s="6" t="s">
        <v>8581</v>
      </c>
      <c r="H4226" s="6" t="s">
        <v>8582</v>
      </c>
      <c r="I4226" s="7">
        <v>7.1144869999999996</v>
      </c>
      <c r="J4226" s="8">
        <v>-73.216990999999993</v>
      </c>
    </row>
    <row r="4227" spans="1:10" x14ac:dyDescent="0.35">
      <c r="A4227" s="5" t="s">
        <v>10</v>
      </c>
      <c r="B4227" s="6">
        <v>239156</v>
      </c>
      <c r="C4227" s="6" t="s">
        <v>94</v>
      </c>
      <c r="D4227" s="6" t="s">
        <v>98</v>
      </c>
      <c r="E4227" s="6">
        <v>66001</v>
      </c>
      <c r="F4227" s="6" t="s">
        <v>18</v>
      </c>
      <c r="G4227" s="6" t="s">
        <v>8583</v>
      </c>
      <c r="H4227" s="6" t="s">
        <v>8584</v>
      </c>
      <c r="I4227" s="7">
        <v>4.8130423999999996</v>
      </c>
      <c r="J4227" s="8">
        <v>-75.702946900000001</v>
      </c>
    </row>
    <row r="4228" spans="1:10" x14ac:dyDescent="0.35">
      <c r="A4228" s="5" t="s">
        <v>10</v>
      </c>
      <c r="B4228" s="6">
        <v>238875</v>
      </c>
      <c r="C4228" s="6" t="s">
        <v>55</v>
      </c>
      <c r="D4228" s="6" t="s">
        <v>56</v>
      </c>
      <c r="E4228" s="6">
        <v>73001</v>
      </c>
      <c r="F4228" s="6" t="s">
        <v>18</v>
      </c>
      <c r="G4228" s="6" t="s">
        <v>8585</v>
      </c>
      <c r="H4228" s="6" t="s">
        <v>8586</v>
      </c>
      <c r="I4228" s="7">
        <v>4.4426316000000003</v>
      </c>
      <c r="J4228" s="8">
        <v>-75.229685900000007</v>
      </c>
    </row>
    <row r="4229" spans="1:10" x14ac:dyDescent="0.35">
      <c r="A4229" s="5" t="s">
        <v>10</v>
      </c>
      <c r="B4229" s="6">
        <v>233414</v>
      </c>
      <c r="C4229" s="6" t="s">
        <v>11</v>
      </c>
      <c r="D4229" s="6" t="s">
        <v>337</v>
      </c>
      <c r="E4229" s="6">
        <v>25290</v>
      </c>
      <c r="F4229" s="6" t="s">
        <v>18</v>
      </c>
      <c r="G4229" s="6" t="s">
        <v>8587</v>
      </c>
      <c r="H4229" s="6" t="s">
        <v>8588</v>
      </c>
      <c r="I4229" s="7">
        <v>4.5858699999999999</v>
      </c>
      <c r="J4229" s="8">
        <v>-74.089799999999997</v>
      </c>
    </row>
    <row r="4230" spans="1:10" x14ac:dyDescent="0.35">
      <c r="A4230" s="5" t="s">
        <v>10</v>
      </c>
      <c r="B4230" s="6">
        <v>209581</v>
      </c>
      <c r="C4230" s="6" t="s">
        <v>294</v>
      </c>
      <c r="D4230" s="6" t="s">
        <v>3777</v>
      </c>
      <c r="E4230" s="6">
        <v>41132</v>
      </c>
      <c r="F4230" s="6" t="s">
        <v>18</v>
      </c>
      <c r="G4230" s="6" t="s">
        <v>8589</v>
      </c>
      <c r="H4230" s="6" t="s">
        <v>8590</v>
      </c>
      <c r="I4230" s="7">
        <v>2.6851058000000001</v>
      </c>
      <c r="J4230" s="8">
        <v>-75.326641600000002</v>
      </c>
    </row>
    <row r="4231" spans="1:10" x14ac:dyDescent="0.35">
      <c r="A4231" s="5" t="s">
        <v>10</v>
      </c>
      <c r="B4231" s="6">
        <v>209590</v>
      </c>
      <c r="C4231" s="6" t="s">
        <v>68</v>
      </c>
      <c r="D4231" s="6" t="s">
        <v>69</v>
      </c>
      <c r="E4231" s="6">
        <v>11001</v>
      </c>
      <c r="F4231" s="6" t="s">
        <v>18</v>
      </c>
      <c r="G4231" s="6" t="s">
        <v>8591</v>
      </c>
      <c r="H4231" s="6" t="s">
        <v>8592</v>
      </c>
      <c r="I4231" s="7">
        <v>4.6630726999999998</v>
      </c>
      <c r="J4231" s="8">
        <v>-74.0583934</v>
      </c>
    </row>
    <row r="4232" spans="1:10" x14ac:dyDescent="0.35">
      <c r="A4232" s="5" t="s">
        <v>10</v>
      </c>
      <c r="B4232" s="6">
        <v>97425</v>
      </c>
      <c r="C4232" s="6" t="s">
        <v>11</v>
      </c>
      <c r="D4232" s="6" t="s">
        <v>4541</v>
      </c>
      <c r="E4232" s="6">
        <v>25489</v>
      </c>
      <c r="F4232" s="6" t="s">
        <v>18</v>
      </c>
      <c r="G4232" s="6" t="s">
        <v>8593</v>
      </c>
      <c r="H4232" s="6" t="s">
        <v>8594</v>
      </c>
      <c r="I4232" s="7">
        <v>5.1253666000000004</v>
      </c>
      <c r="J4232" s="8">
        <v>-74.386680900000002</v>
      </c>
    </row>
    <row r="4233" spans="1:10" x14ac:dyDescent="0.35">
      <c r="A4233" s="5" t="s">
        <v>10</v>
      </c>
      <c r="B4233" s="6">
        <v>233361</v>
      </c>
      <c r="C4233" s="6" t="s">
        <v>551</v>
      </c>
      <c r="D4233" s="6" t="s">
        <v>3868</v>
      </c>
      <c r="E4233" s="6">
        <v>20001</v>
      </c>
      <c r="F4233" s="6" t="s">
        <v>18</v>
      </c>
      <c r="G4233" s="6" t="s">
        <v>8595</v>
      </c>
      <c r="H4233" s="6" t="s">
        <v>8596</v>
      </c>
      <c r="I4233" s="7">
        <v>10.4726</v>
      </c>
      <c r="J4233" s="8">
        <v>-73.240319999999997</v>
      </c>
    </row>
    <row r="4234" spans="1:10" x14ac:dyDescent="0.35">
      <c r="A4234" s="5" t="s">
        <v>10</v>
      </c>
      <c r="B4234" s="6">
        <v>206901</v>
      </c>
      <c r="C4234" s="6" t="s">
        <v>2821</v>
      </c>
      <c r="D4234" s="6" t="s">
        <v>2822</v>
      </c>
      <c r="E4234" s="6">
        <v>47001</v>
      </c>
      <c r="F4234" s="6" t="s">
        <v>18</v>
      </c>
      <c r="G4234" s="6" t="s">
        <v>8597</v>
      </c>
      <c r="H4234" s="6" t="s">
        <v>8598</v>
      </c>
      <c r="I4234" s="7">
        <v>11.240354699999999</v>
      </c>
      <c r="J4234" s="8">
        <v>-74.211022700000001</v>
      </c>
    </row>
    <row r="4235" spans="1:10" x14ac:dyDescent="0.35">
      <c r="A4235" s="5" t="s">
        <v>10</v>
      </c>
      <c r="B4235" s="6">
        <v>241329</v>
      </c>
      <c r="C4235" s="6" t="s">
        <v>308</v>
      </c>
      <c r="D4235" s="6" t="s">
        <v>8599</v>
      </c>
      <c r="E4235" s="6">
        <v>23815</v>
      </c>
      <c r="F4235" s="6" t="s">
        <v>18</v>
      </c>
      <c r="G4235" s="6" t="s">
        <v>8600</v>
      </c>
      <c r="H4235" s="6" t="s">
        <v>8601</v>
      </c>
      <c r="I4235" s="7">
        <v>9.1871899999999993</v>
      </c>
      <c r="J4235" s="8">
        <v>-75.554159999999996</v>
      </c>
    </row>
    <row r="4236" spans="1:10" x14ac:dyDescent="0.35">
      <c r="A4236" s="5" t="s">
        <v>10</v>
      </c>
      <c r="B4236" s="6">
        <v>197912</v>
      </c>
      <c r="C4236" s="6" t="s">
        <v>2821</v>
      </c>
      <c r="D4236" s="6" t="s">
        <v>8602</v>
      </c>
      <c r="E4236" s="6">
        <v>47980</v>
      </c>
      <c r="F4236" s="6" t="s">
        <v>18</v>
      </c>
      <c r="G4236" s="6" t="s">
        <v>8603</v>
      </c>
      <c r="H4236" s="6" t="s">
        <v>8604</v>
      </c>
      <c r="I4236" s="7">
        <v>10.8525078</v>
      </c>
      <c r="J4236" s="8">
        <v>-74.138317399999906</v>
      </c>
    </row>
    <row r="4237" spans="1:10" x14ac:dyDescent="0.35">
      <c r="A4237" s="5" t="s">
        <v>10</v>
      </c>
      <c r="B4237" s="6">
        <v>232970</v>
      </c>
      <c r="C4237" s="6" t="s">
        <v>16</v>
      </c>
      <c r="D4237" s="6" t="s">
        <v>8605</v>
      </c>
      <c r="E4237" s="6">
        <v>68444</v>
      </c>
      <c r="F4237" s="6" t="s">
        <v>18</v>
      </c>
      <c r="G4237" s="6" t="s">
        <v>8606</v>
      </c>
      <c r="H4237" s="6" t="s">
        <v>8607</v>
      </c>
      <c r="I4237" s="7">
        <v>7.3209923000000003</v>
      </c>
      <c r="J4237" s="8">
        <v>-73.016493199999999</v>
      </c>
    </row>
    <row r="4238" spans="1:10" x14ac:dyDescent="0.35">
      <c r="A4238" s="5" t="s">
        <v>10</v>
      </c>
      <c r="B4238" s="6">
        <v>230991</v>
      </c>
      <c r="C4238" s="6" t="s">
        <v>11</v>
      </c>
      <c r="D4238" s="6" t="s">
        <v>334</v>
      </c>
      <c r="E4238" s="6">
        <v>25754</v>
      </c>
      <c r="F4238" s="6" t="s">
        <v>18</v>
      </c>
      <c r="G4238" s="6" t="s">
        <v>8608</v>
      </c>
      <c r="H4238" s="6" t="s">
        <v>8609</v>
      </c>
      <c r="I4238" s="7">
        <v>4.6086122999999999</v>
      </c>
      <c r="J4238" s="8">
        <v>-74.214034299999994</v>
      </c>
    </row>
    <row r="4239" spans="1:10" x14ac:dyDescent="0.35">
      <c r="A4239" s="5" t="s">
        <v>10</v>
      </c>
      <c r="B4239" s="6">
        <v>141894</v>
      </c>
      <c r="C4239" s="6" t="s">
        <v>294</v>
      </c>
      <c r="D4239" s="6" t="s">
        <v>703</v>
      </c>
      <c r="E4239" s="6">
        <v>41001</v>
      </c>
      <c r="F4239" s="6" t="s">
        <v>18</v>
      </c>
      <c r="G4239" s="6" t="s">
        <v>8610</v>
      </c>
      <c r="H4239" s="6" t="s">
        <v>8611</v>
      </c>
      <c r="I4239" s="7">
        <v>2.9344836999999999</v>
      </c>
      <c r="J4239" s="8">
        <v>-75.280900099999997</v>
      </c>
    </row>
    <row r="4240" spans="1:10" x14ac:dyDescent="0.35">
      <c r="A4240" s="5" t="s">
        <v>10</v>
      </c>
      <c r="B4240" s="6">
        <v>188990</v>
      </c>
      <c r="C4240" s="6" t="s">
        <v>68</v>
      </c>
      <c r="D4240" s="6" t="s">
        <v>69</v>
      </c>
      <c r="E4240" s="6">
        <v>11001</v>
      </c>
      <c r="F4240" s="6" t="s">
        <v>18</v>
      </c>
      <c r="G4240" s="6" t="s">
        <v>8612</v>
      </c>
      <c r="H4240" s="6" t="s">
        <v>8613</v>
      </c>
      <c r="I4240" s="7">
        <v>4.6348079999999996</v>
      </c>
      <c r="J4240" s="8">
        <v>-74.169272899999996</v>
      </c>
    </row>
    <row r="4241" spans="1:10" x14ac:dyDescent="0.35">
      <c r="A4241" s="5" t="s">
        <v>10</v>
      </c>
      <c r="B4241" s="6">
        <v>105459</v>
      </c>
      <c r="C4241" s="6" t="s">
        <v>11</v>
      </c>
      <c r="D4241" s="6" t="s">
        <v>1906</v>
      </c>
      <c r="E4241" s="6">
        <v>25793</v>
      </c>
      <c r="F4241" s="6" t="s">
        <v>18</v>
      </c>
      <c r="G4241" s="6" t="s">
        <v>8614</v>
      </c>
      <c r="H4241" s="6" t="s">
        <v>8615</v>
      </c>
      <c r="I4241" s="7">
        <v>5.1961819999999896</v>
      </c>
      <c r="J4241" s="8">
        <v>-73.8865409</v>
      </c>
    </row>
    <row r="4242" spans="1:10" x14ac:dyDescent="0.35">
      <c r="A4242" s="5" t="s">
        <v>10</v>
      </c>
      <c r="B4242" s="6">
        <v>224193</v>
      </c>
      <c r="C4242" s="6" t="s">
        <v>308</v>
      </c>
      <c r="D4242" s="6" t="s">
        <v>7949</v>
      </c>
      <c r="E4242" s="6">
        <v>23182</v>
      </c>
      <c r="F4242" s="6" t="s">
        <v>18</v>
      </c>
      <c r="G4242" s="6" t="s">
        <v>8616</v>
      </c>
      <c r="H4242" s="6" t="s">
        <v>8617</v>
      </c>
      <c r="I4242" s="7">
        <v>9.1059640000000002</v>
      </c>
      <c r="J4242" s="8">
        <v>-75.401527000000002</v>
      </c>
    </row>
    <row r="4243" spans="1:10" x14ac:dyDescent="0.35">
      <c r="A4243" s="5" t="s">
        <v>10</v>
      </c>
      <c r="B4243" s="6">
        <v>206408</v>
      </c>
      <c r="C4243" s="6" t="s">
        <v>68</v>
      </c>
      <c r="D4243" s="6" t="s">
        <v>69</v>
      </c>
      <c r="E4243" s="6">
        <v>11001</v>
      </c>
      <c r="F4243" s="6" t="s">
        <v>13</v>
      </c>
      <c r="G4243" s="6" t="s">
        <v>8618</v>
      </c>
      <c r="H4243" s="6" t="s">
        <v>8619</v>
      </c>
      <c r="I4243" s="7">
        <v>4.7003136999999997</v>
      </c>
      <c r="J4243" s="8">
        <v>-74.102878500000003</v>
      </c>
    </row>
    <row r="4244" spans="1:10" x14ac:dyDescent="0.35">
      <c r="A4244" s="5" t="s">
        <v>10</v>
      </c>
      <c r="B4244" s="6">
        <v>239153</v>
      </c>
      <c r="C4244" s="6" t="s">
        <v>38</v>
      </c>
      <c r="D4244" s="6" t="s">
        <v>6300</v>
      </c>
      <c r="E4244" s="6">
        <v>19698</v>
      </c>
      <c r="F4244" s="6" t="s">
        <v>18</v>
      </c>
      <c r="G4244" s="6" t="s">
        <v>8620</v>
      </c>
      <c r="H4244" s="6" t="s">
        <v>8621</v>
      </c>
      <c r="I4244" s="7">
        <v>3.0066191999999998</v>
      </c>
      <c r="J4244" s="8">
        <v>-76.487823000000006</v>
      </c>
    </row>
    <row r="4245" spans="1:10" x14ac:dyDescent="0.35">
      <c r="A4245" s="5" t="s">
        <v>10</v>
      </c>
      <c r="B4245" s="6">
        <v>239558</v>
      </c>
      <c r="C4245" s="6" t="s">
        <v>94</v>
      </c>
      <c r="D4245" s="6" t="s">
        <v>98</v>
      </c>
      <c r="E4245" s="6">
        <v>66001</v>
      </c>
      <c r="F4245" s="6" t="s">
        <v>18</v>
      </c>
      <c r="G4245" s="6" t="s">
        <v>8622</v>
      </c>
      <c r="H4245" s="6" t="s">
        <v>8623</v>
      </c>
      <c r="I4245" s="7">
        <v>4.8086798000000002</v>
      </c>
      <c r="J4245" s="8">
        <v>-75.690879300000006</v>
      </c>
    </row>
    <row r="4246" spans="1:10" x14ac:dyDescent="0.35">
      <c r="A4246" s="5" t="s">
        <v>10</v>
      </c>
      <c r="B4246" s="6">
        <v>201975</v>
      </c>
      <c r="C4246" s="6" t="s">
        <v>68</v>
      </c>
      <c r="D4246" s="6" t="s">
        <v>69</v>
      </c>
      <c r="E4246" s="6">
        <v>11001</v>
      </c>
      <c r="F4246" s="6" t="s">
        <v>13</v>
      </c>
      <c r="G4246" s="6" t="s">
        <v>8624</v>
      </c>
      <c r="H4246" s="6" t="s">
        <v>8625</v>
      </c>
      <c r="I4246" s="7">
        <v>4.6765023000000001</v>
      </c>
      <c r="J4246" s="8">
        <v>-74.099117000000007</v>
      </c>
    </row>
    <row r="4247" spans="1:10" x14ac:dyDescent="0.35">
      <c r="A4247" s="5" t="s">
        <v>10</v>
      </c>
      <c r="B4247" s="6">
        <v>118004</v>
      </c>
      <c r="C4247" s="6" t="s">
        <v>294</v>
      </c>
      <c r="D4247" s="6" t="s">
        <v>703</v>
      </c>
      <c r="E4247" s="6">
        <v>41001</v>
      </c>
      <c r="F4247" s="6" t="s">
        <v>18</v>
      </c>
      <c r="G4247" s="6" t="s">
        <v>8626</v>
      </c>
      <c r="H4247" s="6" t="s">
        <v>8627</v>
      </c>
      <c r="I4247" s="7">
        <v>2.9313121999999998</v>
      </c>
      <c r="J4247" s="8">
        <v>-75.260696499999995</v>
      </c>
    </row>
    <row r="4248" spans="1:10" x14ac:dyDescent="0.35">
      <c r="A4248" s="5" t="s">
        <v>10</v>
      </c>
      <c r="B4248" s="6">
        <v>207634</v>
      </c>
      <c r="C4248" s="6" t="s">
        <v>278</v>
      </c>
      <c r="D4248" s="6" t="s">
        <v>1331</v>
      </c>
      <c r="E4248" s="6">
        <v>50006</v>
      </c>
      <c r="F4248" s="6" t="s">
        <v>18</v>
      </c>
      <c r="G4248" s="6" t="s">
        <v>8628</v>
      </c>
      <c r="H4248" s="6" t="s">
        <v>8629</v>
      </c>
      <c r="I4248" s="7">
        <v>3.9873919999999998</v>
      </c>
      <c r="J4248" s="8">
        <v>-73.764267500000003</v>
      </c>
    </row>
    <row r="4249" spans="1:10" x14ac:dyDescent="0.35">
      <c r="A4249" s="5" t="s">
        <v>10</v>
      </c>
      <c r="B4249" s="6">
        <v>199790</v>
      </c>
      <c r="C4249" s="6" t="s">
        <v>68</v>
      </c>
      <c r="D4249" s="6" t="s">
        <v>69</v>
      </c>
      <c r="E4249" s="6">
        <v>11001</v>
      </c>
      <c r="F4249" s="6" t="s">
        <v>18</v>
      </c>
      <c r="G4249" s="6" t="s">
        <v>8630</v>
      </c>
      <c r="H4249" s="6" t="s">
        <v>8631</v>
      </c>
      <c r="I4249" s="7">
        <v>4.5118811000000001</v>
      </c>
      <c r="J4249" s="8">
        <v>-74.116214799999995</v>
      </c>
    </row>
    <row r="4250" spans="1:10" x14ac:dyDescent="0.35">
      <c r="A4250" s="5" t="s">
        <v>10</v>
      </c>
      <c r="B4250" s="6">
        <v>221233</v>
      </c>
      <c r="C4250" s="6" t="s">
        <v>68</v>
      </c>
      <c r="D4250" s="6" t="s">
        <v>69</v>
      </c>
      <c r="E4250" s="6">
        <v>11001</v>
      </c>
      <c r="F4250" s="6" t="s">
        <v>18</v>
      </c>
      <c r="G4250" s="6" t="s">
        <v>8632</v>
      </c>
      <c r="H4250" s="6" t="s">
        <v>8633</v>
      </c>
      <c r="I4250" s="7">
        <v>4.6750810999999999</v>
      </c>
      <c r="J4250" s="8">
        <v>-74.108774999999994</v>
      </c>
    </row>
    <row r="4251" spans="1:10" x14ac:dyDescent="0.35">
      <c r="A4251" s="5" t="s">
        <v>10</v>
      </c>
      <c r="B4251" s="6">
        <v>180428</v>
      </c>
      <c r="C4251" s="6" t="s">
        <v>11</v>
      </c>
      <c r="D4251" s="6" t="s">
        <v>12</v>
      </c>
      <c r="E4251" s="6">
        <v>25899</v>
      </c>
      <c r="F4251" s="6" t="s">
        <v>18</v>
      </c>
      <c r="G4251" s="6" t="s">
        <v>8634</v>
      </c>
      <c r="H4251" s="6" t="s">
        <v>8635</v>
      </c>
      <c r="I4251" s="7">
        <v>5.0203468000000004</v>
      </c>
      <c r="J4251" s="8">
        <v>-74.001440299999999</v>
      </c>
    </row>
    <row r="4252" spans="1:10" x14ac:dyDescent="0.35">
      <c r="A4252" s="5" t="s">
        <v>10</v>
      </c>
      <c r="B4252" s="6">
        <v>233214</v>
      </c>
      <c r="C4252" s="6" t="s">
        <v>16</v>
      </c>
      <c r="D4252" s="6" t="s">
        <v>78</v>
      </c>
      <c r="E4252" s="6">
        <v>68001</v>
      </c>
      <c r="F4252" s="6" t="s">
        <v>18</v>
      </c>
      <c r="G4252" s="6" t="s">
        <v>8636</v>
      </c>
      <c r="H4252" s="6" t="s">
        <v>8637</v>
      </c>
      <c r="I4252" s="7">
        <v>7.1328800000000001</v>
      </c>
      <c r="J4252" s="8">
        <v>-73.123509999999996</v>
      </c>
    </row>
    <row r="4253" spans="1:10" x14ac:dyDescent="0.35">
      <c r="A4253" s="5" t="s">
        <v>10</v>
      </c>
      <c r="B4253" s="6">
        <v>241381</v>
      </c>
      <c r="C4253" s="6" t="s">
        <v>302</v>
      </c>
      <c r="D4253" s="6" t="s">
        <v>8638</v>
      </c>
      <c r="E4253" s="6">
        <v>8770</v>
      </c>
      <c r="F4253" s="6" t="s">
        <v>18</v>
      </c>
      <c r="G4253" s="6" t="s">
        <v>8639</v>
      </c>
      <c r="H4253" s="6" t="s">
        <v>8640</v>
      </c>
      <c r="I4253" s="7">
        <v>10.333271399999999</v>
      </c>
      <c r="J4253" s="8">
        <v>-74.880056499999995</v>
      </c>
    </row>
    <row r="4254" spans="1:10" x14ac:dyDescent="0.35">
      <c r="A4254" s="5" t="s">
        <v>10</v>
      </c>
      <c r="B4254" s="6">
        <v>205623</v>
      </c>
      <c r="C4254" s="6" t="s">
        <v>302</v>
      </c>
      <c r="D4254" s="6" t="s">
        <v>359</v>
      </c>
      <c r="E4254" s="6">
        <v>8001</v>
      </c>
      <c r="F4254" s="6" t="s">
        <v>18</v>
      </c>
      <c r="G4254" s="6" t="s">
        <v>8641</v>
      </c>
      <c r="H4254" s="6" t="s">
        <v>8642</v>
      </c>
      <c r="I4254" s="7">
        <v>10.9588</v>
      </c>
      <c r="J4254" s="8">
        <v>-74.855549199999999</v>
      </c>
    </row>
    <row r="4255" spans="1:10" x14ac:dyDescent="0.35">
      <c r="A4255" s="5" t="s">
        <v>10</v>
      </c>
      <c r="B4255" s="6">
        <v>241428</v>
      </c>
      <c r="C4255" s="6" t="s">
        <v>302</v>
      </c>
      <c r="D4255" s="6" t="s">
        <v>359</v>
      </c>
      <c r="E4255" s="6">
        <v>8001</v>
      </c>
      <c r="F4255" s="6" t="s">
        <v>18</v>
      </c>
      <c r="G4255" s="6" t="s">
        <v>8643</v>
      </c>
      <c r="H4255" s="6" t="s">
        <v>8644</v>
      </c>
      <c r="I4255" s="7">
        <v>11.003468099999999</v>
      </c>
      <c r="J4255" s="8">
        <v>-74.814843699999997</v>
      </c>
    </row>
    <row r="4256" spans="1:10" x14ac:dyDescent="0.35">
      <c r="A4256" s="5" t="s">
        <v>10</v>
      </c>
      <c r="B4256" s="6">
        <v>241508</v>
      </c>
      <c r="C4256" s="6" t="s">
        <v>2821</v>
      </c>
      <c r="D4256" s="6" t="s">
        <v>8645</v>
      </c>
      <c r="E4256" s="6">
        <v>47460</v>
      </c>
      <c r="F4256" s="6" t="s">
        <v>18</v>
      </c>
      <c r="G4256" s="6" t="s">
        <v>8646</v>
      </c>
      <c r="H4256" s="6" t="s">
        <v>8647</v>
      </c>
      <c r="I4256" s="7">
        <v>9.8057829999999999</v>
      </c>
      <c r="J4256" s="8">
        <v>-74.392252999999997</v>
      </c>
    </row>
    <row r="4257" spans="1:10" x14ac:dyDescent="0.35">
      <c r="A4257" s="5" t="s">
        <v>10</v>
      </c>
      <c r="B4257" s="6">
        <v>231565</v>
      </c>
      <c r="C4257" s="6" t="s">
        <v>16</v>
      </c>
      <c r="D4257" s="6" t="s">
        <v>1266</v>
      </c>
      <c r="E4257" s="6">
        <v>68081</v>
      </c>
      <c r="F4257" s="6" t="s">
        <v>18</v>
      </c>
      <c r="G4257" s="6" t="s">
        <v>8648</v>
      </c>
      <c r="H4257" s="6" t="s">
        <v>8649</v>
      </c>
      <c r="I4257" s="7">
        <v>7.0407432999999999</v>
      </c>
      <c r="J4257" s="8">
        <v>-73.837354000000005</v>
      </c>
    </row>
    <row r="4258" spans="1:10" x14ac:dyDescent="0.35">
      <c r="A4258" s="5" t="s">
        <v>10</v>
      </c>
      <c r="B4258" s="6">
        <v>238193</v>
      </c>
      <c r="C4258" s="6" t="s">
        <v>16</v>
      </c>
      <c r="D4258" s="6" t="s">
        <v>7769</v>
      </c>
      <c r="E4258" s="6">
        <v>68689</v>
      </c>
      <c r="F4258" s="6" t="s">
        <v>18</v>
      </c>
      <c r="G4258" s="6" t="s">
        <v>8650</v>
      </c>
      <c r="H4258" s="6" t="s">
        <v>8651</v>
      </c>
      <c r="I4258" s="7">
        <v>6.8800106000000003</v>
      </c>
      <c r="J4258" s="8">
        <v>-73.412086599999995</v>
      </c>
    </row>
    <row r="4259" spans="1:10" x14ac:dyDescent="0.35">
      <c r="A4259" s="5" t="s">
        <v>10</v>
      </c>
      <c r="B4259" s="6">
        <v>153381</v>
      </c>
      <c r="C4259" s="6" t="s">
        <v>3788</v>
      </c>
      <c r="D4259" s="6" t="s">
        <v>3974</v>
      </c>
      <c r="E4259" s="6">
        <v>18001</v>
      </c>
      <c r="F4259" s="6" t="s">
        <v>18</v>
      </c>
      <c r="G4259" s="6" t="s">
        <v>8652</v>
      </c>
      <c r="H4259" s="6" t="s">
        <v>8653</v>
      </c>
      <c r="I4259" s="7">
        <v>1.6265191000000001</v>
      </c>
      <c r="J4259" s="8">
        <v>-75.606239099999996</v>
      </c>
    </row>
    <row r="4260" spans="1:10" x14ac:dyDescent="0.35">
      <c r="A4260" s="5" t="s">
        <v>10</v>
      </c>
      <c r="B4260" s="6">
        <v>223336</v>
      </c>
      <c r="C4260" s="6" t="s">
        <v>3788</v>
      </c>
      <c r="D4260" s="6" t="s">
        <v>3974</v>
      </c>
      <c r="E4260" s="6">
        <v>18001</v>
      </c>
      <c r="F4260" s="6" t="s">
        <v>18</v>
      </c>
      <c r="G4260" s="6" t="s">
        <v>8654</v>
      </c>
      <c r="H4260" s="6" t="s">
        <v>8655</v>
      </c>
      <c r="I4260" s="7">
        <v>1.6146142000000001</v>
      </c>
      <c r="J4260" s="8">
        <v>-75.615906199999998</v>
      </c>
    </row>
    <row r="4261" spans="1:10" x14ac:dyDescent="0.35">
      <c r="A4261" s="5" t="s">
        <v>10</v>
      </c>
      <c r="B4261" s="6">
        <v>233727</v>
      </c>
      <c r="C4261" s="6" t="s">
        <v>117</v>
      </c>
      <c r="D4261" s="6" t="s">
        <v>1334</v>
      </c>
      <c r="E4261" s="6">
        <v>76001</v>
      </c>
      <c r="F4261" s="6" t="s">
        <v>13</v>
      </c>
      <c r="G4261" s="6" t="s">
        <v>8656</v>
      </c>
      <c r="H4261" s="6" t="s">
        <v>8657</v>
      </c>
      <c r="I4261" s="7">
        <v>3.3755199999999999</v>
      </c>
      <c r="J4261" s="8">
        <v>-76.546769999999995</v>
      </c>
    </row>
    <row r="4262" spans="1:10" x14ac:dyDescent="0.35">
      <c r="A4262" s="5" t="s">
        <v>10</v>
      </c>
      <c r="B4262" s="6">
        <v>220949</v>
      </c>
      <c r="C4262" s="6" t="s">
        <v>68</v>
      </c>
      <c r="D4262" s="6" t="s">
        <v>69</v>
      </c>
      <c r="E4262" s="6">
        <v>11001</v>
      </c>
      <c r="F4262" s="6" t="s">
        <v>18</v>
      </c>
      <c r="G4262" s="6" t="s">
        <v>8658</v>
      </c>
      <c r="H4262" s="6" t="s">
        <v>8659</v>
      </c>
      <c r="I4262" s="7">
        <v>4.5417000999999999</v>
      </c>
      <c r="J4262" s="8">
        <v>-74.162734999999998</v>
      </c>
    </row>
    <row r="4263" spans="1:10" x14ac:dyDescent="0.35">
      <c r="A4263" s="5" t="s">
        <v>10</v>
      </c>
      <c r="B4263" s="6">
        <v>243631</v>
      </c>
      <c r="C4263" s="6" t="s">
        <v>68</v>
      </c>
      <c r="D4263" s="6" t="s">
        <v>69</v>
      </c>
      <c r="E4263" s="6">
        <v>11001</v>
      </c>
      <c r="F4263" s="6" t="s">
        <v>18</v>
      </c>
      <c r="G4263" s="6" t="s">
        <v>8660</v>
      </c>
      <c r="H4263" s="6" t="s">
        <v>8661</v>
      </c>
      <c r="I4263" s="7">
        <v>4.5898111000000004</v>
      </c>
      <c r="J4263" s="8">
        <v>-74.093107399999994</v>
      </c>
    </row>
    <row r="4264" spans="1:10" x14ac:dyDescent="0.35">
      <c r="A4264" s="5" t="s">
        <v>10</v>
      </c>
      <c r="B4264" s="6">
        <v>213261</v>
      </c>
      <c r="C4264" s="6" t="s">
        <v>68</v>
      </c>
      <c r="D4264" s="6" t="s">
        <v>69</v>
      </c>
      <c r="E4264" s="6">
        <v>11001</v>
      </c>
      <c r="F4264" s="6" t="s">
        <v>70</v>
      </c>
      <c r="G4264" s="6" t="s">
        <v>8662</v>
      </c>
      <c r="H4264" s="6" t="s">
        <v>8663</v>
      </c>
      <c r="I4264" s="7">
        <v>4.6758328000000002</v>
      </c>
      <c r="J4264" s="8">
        <v>-74.050085899999999</v>
      </c>
    </row>
    <row r="4265" spans="1:10" x14ac:dyDescent="0.35">
      <c r="A4265" s="5" t="s">
        <v>10</v>
      </c>
      <c r="B4265" s="6">
        <v>236226</v>
      </c>
      <c r="C4265" s="6" t="s">
        <v>117</v>
      </c>
      <c r="D4265" s="6" t="s">
        <v>1334</v>
      </c>
      <c r="E4265" s="6">
        <v>76001</v>
      </c>
      <c r="F4265" s="6" t="s">
        <v>18</v>
      </c>
      <c r="G4265" s="6" t="s">
        <v>8664</v>
      </c>
      <c r="H4265" s="6" t="s">
        <v>8665</v>
      </c>
      <c r="I4265" s="7">
        <v>3.4122067</v>
      </c>
      <c r="J4265" s="8">
        <v>-76.469780499999999</v>
      </c>
    </row>
    <row r="4266" spans="1:10" x14ac:dyDescent="0.35">
      <c r="A4266" s="5" t="s">
        <v>10</v>
      </c>
      <c r="B4266" s="6">
        <v>211232</v>
      </c>
      <c r="C4266" s="6" t="s">
        <v>302</v>
      </c>
      <c r="D4266" s="6" t="s">
        <v>359</v>
      </c>
      <c r="E4266" s="6">
        <v>8001</v>
      </c>
      <c r="F4266" s="6" t="s">
        <v>18</v>
      </c>
      <c r="G4266" s="6" t="s">
        <v>8666</v>
      </c>
      <c r="H4266" s="6" t="s">
        <v>8667</v>
      </c>
      <c r="I4266" s="7">
        <v>10.939596999999999</v>
      </c>
      <c r="J4266" s="8">
        <v>-74.826925699999904</v>
      </c>
    </row>
    <row r="4267" spans="1:10" x14ac:dyDescent="0.35">
      <c r="A4267" s="5" t="s">
        <v>10</v>
      </c>
      <c r="B4267" s="6">
        <v>110923</v>
      </c>
      <c r="C4267" s="6" t="s">
        <v>16</v>
      </c>
      <c r="D4267" s="6" t="s">
        <v>1942</v>
      </c>
      <c r="E4267" s="6">
        <v>68406</v>
      </c>
      <c r="F4267" s="6" t="s">
        <v>18</v>
      </c>
      <c r="G4267" s="6" t="s">
        <v>8029</v>
      </c>
      <c r="H4267" s="6" t="s">
        <v>8030</v>
      </c>
      <c r="I4267" s="7">
        <v>11.2450242</v>
      </c>
      <c r="J4267" s="8">
        <v>-74.206125</v>
      </c>
    </row>
    <row r="4268" spans="1:10" x14ac:dyDescent="0.35">
      <c r="A4268" s="5" t="s">
        <v>10</v>
      </c>
      <c r="B4268" s="6">
        <v>237436</v>
      </c>
      <c r="C4268" s="6" t="s">
        <v>16</v>
      </c>
      <c r="D4268" s="6" t="s">
        <v>2825</v>
      </c>
      <c r="E4268" s="6">
        <v>68276</v>
      </c>
      <c r="F4268" s="6" t="s">
        <v>18</v>
      </c>
      <c r="G4268" s="6" t="s">
        <v>8668</v>
      </c>
      <c r="H4268" s="6" t="s">
        <v>8669</v>
      </c>
      <c r="I4268" s="7">
        <v>7.0893765000000002</v>
      </c>
      <c r="J4268" s="8">
        <v>-73.094763499999999</v>
      </c>
    </row>
    <row r="4269" spans="1:10" x14ac:dyDescent="0.35">
      <c r="A4269" s="5" t="s">
        <v>10</v>
      </c>
      <c r="B4269" s="6">
        <v>238574</v>
      </c>
      <c r="C4269" s="6" t="s">
        <v>16</v>
      </c>
      <c r="D4269" s="6" t="s">
        <v>78</v>
      </c>
      <c r="E4269" s="6">
        <v>68001</v>
      </c>
      <c r="F4269" s="6" t="s">
        <v>18</v>
      </c>
      <c r="G4269" s="6" t="s">
        <v>8670</v>
      </c>
      <c r="H4269" s="6" t="s">
        <v>8671</v>
      </c>
      <c r="I4269" s="7">
        <v>7.0767005999999997</v>
      </c>
      <c r="J4269" s="8">
        <v>-73.1180375</v>
      </c>
    </row>
    <row r="4270" spans="1:10" x14ac:dyDescent="0.35">
      <c r="A4270" s="5" t="s">
        <v>10</v>
      </c>
      <c r="B4270" s="6">
        <v>239748</v>
      </c>
      <c r="C4270" s="6" t="s">
        <v>16</v>
      </c>
      <c r="D4270" s="6" t="s">
        <v>2825</v>
      </c>
      <c r="E4270" s="6">
        <v>68276</v>
      </c>
      <c r="F4270" s="6" t="s">
        <v>18</v>
      </c>
      <c r="G4270" s="6" t="s">
        <v>8672</v>
      </c>
      <c r="H4270" s="6" t="s">
        <v>8673</v>
      </c>
      <c r="I4270" s="7">
        <v>7.0933584999999999</v>
      </c>
      <c r="J4270" s="8">
        <v>-73.104717399999998</v>
      </c>
    </row>
    <row r="4271" spans="1:10" x14ac:dyDescent="0.35">
      <c r="A4271" s="5" t="s">
        <v>10</v>
      </c>
      <c r="B4271" s="6">
        <v>239534</v>
      </c>
      <c r="C4271" s="6" t="s">
        <v>61</v>
      </c>
      <c r="D4271" s="6" t="s">
        <v>124</v>
      </c>
      <c r="E4271" s="6">
        <v>63401</v>
      </c>
      <c r="F4271" s="6" t="s">
        <v>18</v>
      </c>
      <c r="G4271" s="6" t="s">
        <v>8674</v>
      </c>
      <c r="H4271" s="6" t="s">
        <v>8675</v>
      </c>
      <c r="I4271" s="7">
        <v>4.4535879999999999</v>
      </c>
      <c r="J4271" s="8">
        <v>-75.791529999999995</v>
      </c>
    </row>
    <row r="4272" spans="1:10" x14ac:dyDescent="0.35">
      <c r="A4272" s="5" t="s">
        <v>10</v>
      </c>
      <c r="B4272" s="6">
        <v>236054</v>
      </c>
      <c r="C4272" s="6" t="s">
        <v>68</v>
      </c>
      <c r="D4272" s="6" t="s">
        <v>69</v>
      </c>
      <c r="E4272" s="6">
        <v>11001</v>
      </c>
      <c r="F4272" s="6" t="s">
        <v>18</v>
      </c>
      <c r="G4272" s="6" t="s">
        <v>8676</v>
      </c>
      <c r="H4272" s="6" t="s">
        <v>8677</v>
      </c>
      <c r="I4272" s="7">
        <v>4.6063169000000004</v>
      </c>
      <c r="J4272" s="8">
        <v>-74.143321499999999</v>
      </c>
    </row>
    <row r="4273" spans="1:10" x14ac:dyDescent="0.35">
      <c r="A4273" s="5" t="s">
        <v>10</v>
      </c>
      <c r="B4273" s="6">
        <v>239600</v>
      </c>
      <c r="C4273" s="6" t="s">
        <v>457</v>
      </c>
      <c r="D4273" s="6" t="s">
        <v>4400</v>
      </c>
      <c r="E4273" s="6">
        <v>52001</v>
      </c>
      <c r="F4273" s="6" t="s">
        <v>18</v>
      </c>
      <c r="G4273" s="6" t="s">
        <v>8678</v>
      </c>
      <c r="H4273" s="6" t="s">
        <v>8679</v>
      </c>
      <c r="I4273" s="7">
        <v>1.1988255999999999</v>
      </c>
      <c r="J4273" s="8">
        <v>-77.266294200000004</v>
      </c>
    </row>
    <row r="4274" spans="1:10" x14ac:dyDescent="0.35">
      <c r="A4274" s="5" t="s">
        <v>10</v>
      </c>
      <c r="B4274" s="6">
        <v>239914</v>
      </c>
      <c r="C4274" s="6" t="s">
        <v>302</v>
      </c>
      <c r="D4274" s="6" t="s">
        <v>359</v>
      </c>
      <c r="E4274" s="6">
        <v>8001</v>
      </c>
      <c r="F4274" s="6" t="s">
        <v>18</v>
      </c>
      <c r="G4274" s="6" t="s">
        <v>8680</v>
      </c>
      <c r="H4274" s="6" t="s">
        <v>8681</v>
      </c>
      <c r="I4274" s="7">
        <v>10.9727096</v>
      </c>
      <c r="J4274" s="8">
        <v>-74.810585500000002</v>
      </c>
    </row>
    <row r="4275" spans="1:10" x14ac:dyDescent="0.35">
      <c r="A4275" s="5" t="s">
        <v>10</v>
      </c>
      <c r="B4275" s="6">
        <v>222051</v>
      </c>
      <c r="C4275" s="6" t="s">
        <v>16</v>
      </c>
      <c r="D4275" s="6" t="s">
        <v>78</v>
      </c>
      <c r="E4275" s="6">
        <v>68001</v>
      </c>
      <c r="F4275" s="6" t="s">
        <v>18</v>
      </c>
      <c r="G4275" s="6" t="s">
        <v>8682</v>
      </c>
      <c r="H4275" s="6" t="s">
        <v>8683</v>
      </c>
      <c r="I4275" s="7">
        <v>7.1019258999999897</v>
      </c>
      <c r="J4275" s="8">
        <v>-73.114237500000002</v>
      </c>
    </row>
    <row r="4276" spans="1:10" x14ac:dyDescent="0.35">
      <c r="A4276" s="5" t="s">
        <v>10</v>
      </c>
      <c r="B4276" s="6">
        <v>239921</v>
      </c>
      <c r="C4276" s="6" t="s">
        <v>61</v>
      </c>
      <c r="D4276" s="6" t="s">
        <v>7726</v>
      </c>
      <c r="E4276" s="6">
        <v>63272</v>
      </c>
      <c r="F4276" s="6" t="s">
        <v>18</v>
      </c>
      <c r="G4276" s="6" t="s">
        <v>8684</v>
      </c>
      <c r="H4276" s="6" t="s">
        <v>8685</v>
      </c>
      <c r="I4276" s="7">
        <v>4.6743342999999999</v>
      </c>
      <c r="J4276" s="8">
        <v>-75.658352699999995</v>
      </c>
    </row>
    <row r="4277" spans="1:10" x14ac:dyDescent="0.35">
      <c r="A4277" s="5" t="s">
        <v>10</v>
      </c>
      <c r="B4277" s="6">
        <v>154294</v>
      </c>
      <c r="C4277" s="6" t="s">
        <v>3788</v>
      </c>
      <c r="D4277" s="6" t="s">
        <v>3974</v>
      </c>
      <c r="E4277" s="6">
        <v>18001</v>
      </c>
      <c r="F4277" s="6" t="s">
        <v>18</v>
      </c>
      <c r="G4277" s="6" t="s">
        <v>8686</v>
      </c>
      <c r="H4277" s="6" t="s">
        <v>8687</v>
      </c>
      <c r="I4277" s="7">
        <v>1.6153427</v>
      </c>
      <c r="J4277" s="8">
        <v>-75.610349900000003</v>
      </c>
    </row>
    <row r="4278" spans="1:10" x14ac:dyDescent="0.35">
      <c r="A4278" s="5" t="s">
        <v>10</v>
      </c>
      <c r="B4278" s="6">
        <v>232819</v>
      </c>
      <c r="C4278" s="6" t="s">
        <v>68</v>
      </c>
      <c r="D4278" s="6" t="s">
        <v>69</v>
      </c>
      <c r="E4278" s="6">
        <v>11001</v>
      </c>
      <c r="F4278" s="6" t="s">
        <v>18</v>
      </c>
      <c r="G4278" s="6" t="s">
        <v>8688</v>
      </c>
      <c r="H4278" s="6" t="s">
        <v>8689</v>
      </c>
      <c r="I4278" s="7">
        <v>4.6000100000000002</v>
      </c>
      <c r="J4278" s="8">
        <v>-74.157759999999996</v>
      </c>
    </row>
    <row r="4279" spans="1:10" x14ac:dyDescent="0.35">
      <c r="A4279" s="5" t="s">
        <v>10</v>
      </c>
      <c r="B4279" s="6">
        <v>171954</v>
      </c>
      <c r="C4279" s="6" t="s">
        <v>294</v>
      </c>
      <c r="D4279" s="6" t="s">
        <v>2489</v>
      </c>
      <c r="E4279" s="6">
        <v>41660</v>
      </c>
      <c r="F4279" s="6" t="s">
        <v>18</v>
      </c>
      <c r="G4279" s="6" t="s">
        <v>8690</v>
      </c>
      <c r="H4279" s="6" t="s">
        <v>8691</v>
      </c>
      <c r="I4279" s="7">
        <v>2.9226220999999999</v>
      </c>
      <c r="J4279" s="8">
        <v>-75.285639599999996</v>
      </c>
    </row>
    <row r="4280" spans="1:10" x14ac:dyDescent="0.35">
      <c r="A4280" s="5" t="s">
        <v>10</v>
      </c>
      <c r="B4280" s="6">
        <v>178160</v>
      </c>
      <c r="C4280" s="6" t="s">
        <v>294</v>
      </c>
      <c r="D4280" s="6" t="s">
        <v>703</v>
      </c>
      <c r="E4280" s="6">
        <v>41001</v>
      </c>
      <c r="F4280" s="6" t="s">
        <v>18</v>
      </c>
      <c r="G4280" s="6" t="s">
        <v>8692</v>
      </c>
      <c r="H4280" s="6" t="s">
        <v>8693</v>
      </c>
      <c r="I4280" s="7">
        <v>3.0825200000000001</v>
      </c>
      <c r="J4280" s="8">
        <v>-75.484740000000002</v>
      </c>
    </row>
    <row r="4281" spans="1:10" x14ac:dyDescent="0.35">
      <c r="A4281" s="5" t="s">
        <v>10</v>
      </c>
      <c r="B4281" s="6">
        <v>207864</v>
      </c>
      <c r="C4281" s="6" t="s">
        <v>294</v>
      </c>
      <c r="D4281" s="6" t="s">
        <v>703</v>
      </c>
      <c r="E4281" s="6">
        <v>41001</v>
      </c>
      <c r="F4281" s="6" t="s">
        <v>18</v>
      </c>
      <c r="G4281" s="6" t="s">
        <v>8694</v>
      </c>
      <c r="H4281" s="6" t="s">
        <v>8695</v>
      </c>
      <c r="I4281" s="7">
        <v>2.9365101</v>
      </c>
      <c r="J4281" s="8">
        <v>-75.298737500000001</v>
      </c>
    </row>
    <row r="4282" spans="1:10" x14ac:dyDescent="0.35">
      <c r="A4282" s="5" t="s">
        <v>10</v>
      </c>
      <c r="B4282" s="6">
        <v>207070</v>
      </c>
      <c r="C4282" s="6" t="s">
        <v>302</v>
      </c>
      <c r="D4282" s="6" t="s">
        <v>359</v>
      </c>
      <c r="E4282" s="6">
        <v>8001</v>
      </c>
      <c r="F4282" s="6" t="s">
        <v>18</v>
      </c>
      <c r="G4282" s="6" t="s">
        <v>8696</v>
      </c>
      <c r="H4282" s="6" t="s">
        <v>8697</v>
      </c>
      <c r="I4282" s="7">
        <v>10.9778378</v>
      </c>
      <c r="J4282" s="8">
        <v>-74.838189200000002</v>
      </c>
    </row>
    <row r="4283" spans="1:10" x14ac:dyDescent="0.35">
      <c r="A4283" s="5" t="s">
        <v>10</v>
      </c>
      <c r="B4283" s="6">
        <v>246245</v>
      </c>
      <c r="C4283" s="6" t="s">
        <v>38</v>
      </c>
      <c r="D4283" s="6" t="s">
        <v>39</v>
      </c>
      <c r="E4283" s="6">
        <v>19001</v>
      </c>
      <c r="F4283" s="6" t="s">
        <v>18</v>
      </c>
      <c r="G4283" s="6" t="s">
        <v>8698</v>
      </c>
      <c r="H4283" s="6" t="s">
        <v>8699</v>
      </c>
      <c r="I4283" s="7">
        <v>2.4590652</v>
      </c>
      <c r="J4283" s="8">
        <v>-76.644056699999993</v>
      </c>
    </row>
    <row r="4284" spans="1:10" x14ac:dyDescent="0.35">
      <c r="A4284" s="5" t="s">
        <v>10</v>
      </c>
      <c r="B4284" s="6">
        <v>203593</v>
      </c>
      <c r="C4284" s="6" t="s">
        <v>16</v>
      </c>
      <c r="D4284" s="6" t="s">
        <v>78</v>
      </c>
      <c r="E4284" s="6">
        <v>68001</v>
      </c>
      <c r="F4284" s="6" t="s">
        <v>18</v>
      </c>
      <c r="G4284" s="6" t="s">
        <v>8700</v>
      </c>
      <c r="H4284" s="6" t="s">
        <v>8701</v>
      </c>
      <c r="I4284" s="7">
        <v>7.1286271999999897</v>
      </c>
      <c r="J4284" s="8">
        <v>-73.126143299999995</v>
      </c>
    </row>
    <row r="4285" spans="1:10" x14ac:dyDescent="0.35">
      <c r="A4285" s="5" t="s">
        <v>10</v>
      </c>
      <c r="B4285" s="6">
        <v>229956</v>
      </c>
      <c r="C4285" s="6" t="s">
        <v>16</v>
      </c>
      <c r="D4285" s="6" t="s">
        <v>2825</v>
      </c>
      <c r="E4285" s="6">
        <v>68276</v>
      </c>
      <c r="F4285" s="6" t="s">
        <v>18</v>
      </c>
      <c r="G4285" s="6" t="s">
        <v>8702</v>
      </c>
      <c r="H4285" s="6" t="s">
        <v>8703</v>
      </c>
      <c r="I4285" s="7">
        <v>7.0838739999999998</v>
      </c>
      <c r="J4285" s="8">
        <v>-73.099007</v>
      </c>
    </row>
    <row r="4286" spans="1:10" x14ac:dyDescent="0.35">
      <c r="A4286" s="5" t="s">
        <v>10</v>
      </c>
      <c r="B4286" s="6">
        <v>235344</v>
      </c>
      <c r="C4286" s="6" t="s">
        <v>3788</v>
      </c>
      <c r="D4286" s="6" t="s">
        <v>3974</v>
      </c>
      <c r="E4286" s="6">
        <v>18001</v>
      </c>
      <c r="F4286" s="6" t="s">
        <v>18</v>
      </c>
      <c r="G4286" s="6" t="s">
        <v>8704</v>
      </c>
      <c r="H4286" s="6" t="s">
        <v>8705</v>
      </c>
      <c r="I4286" s="7">
        <v>1.6155470999999999</v>
      </c>
      <c r="J4286" s="8">
        <v>-75.609666500000003</v>
      </c>
    </row>
    <row r="4287" spans="1:10" x14ac:dyDescent="0.35">
      <c r="A4287" s="5" t="s">
        <v>10</v>
      </c>
      <c r="B4287" s="6">
        <v>232303</v>
      </c>
      <c r="C4287" s="6" t="s">
        <v>68</v>
      </c>
      <c r="D4287" s="6" t="s">
        <v>69</v>
      </c>
      <c r="E4287" s="6">
        <v>11001</v>
      </c>
      <c r="F4287" s="6" t="s">
        <v>18</v>
      </c>
      <c r="G4287" s="6" t="s">
        <v>8706</v>
      </c>
      <c r="H4287" s="6" t="s">
        <v>8707</v>
      </c>
      <c r="I4287" s="7">
        <v>4.6928840000000003</v>
      </c>
      <c r="J4287" s="8">
        <v>-74.113692</v>
      </c>
    </row>
    <row r="4288" spans="1:10" x14ac:dyDescent="0.35">
      <c r="A4288" s="5" t="s">
        <v>10</v>
      </c>
      <c r="B4288" s="6">
        <v>234693</v>
      </c>
      <c r="C4288" s="6" t="s">
        <v>68</v>
      </c>
      <c r="D4288" s="6" t="s">
        <v>69</v>
      </c>
      <c r="E4288" s="6">
        <v>11001</v>
      </c>
      <c r="F4288" s="6" t="s">
        <v>18</v>
      </c>
      <c r="G4288" s="6" t="s">
        <v>8708</v>
      </c>
      <c r="H4288" s="6" t="s">
        <v>8709</v>
      </c>
      <c r="I4288" s="7">
        <v>4.6006115000000003</v>
      </c>
      <c r="J4288" s="8">
        <v>-74.092730000000003</v>
      </c>
    </row>
    <row r="4289" spans="1:10" x14ac:dyDescent="0.35">
      <c r="A4289" s="5" t="s">
        <v>10</v>
      </c>
      <c r="B4289" s="6">
        <v>234397</v>
      </c>
      <c r="C4289" s="6" t="s">
        <v>16</v>
      </c>
      <c r="D4289" s="6" t="s">
        <v>78</v>
      </c>
      <c r="E4289" s="6">
        <v>68001</v>
      </c>
      <c r="F4289" s="6" t="s">
        <v>18</v>
      </c>
      <c r="G4289" s="6" t="s">
        <v>8710</v>
      </c>
      <c r="H4289" s="6" t="s">
        <v>8711</v>
      </c>
      <c r="I4289" s="7">
        <v>7.114954</v>
      </c>
      <c r="J4289" s="8">
        <v>-73.100572600000007</v>
      </c>
    </row>
    <row r="4290" spans="1:10" x14ac:dyDescent="0.35">
      <c r="A4290" s="5" t="s">
        <v>10</v>
      </c>
      <c r="B4290" s="6">
        <v>203083</v>
      </c>
      <c r="C4290" s="6" t="s">
        <v>16</v>
      </c>
      <c r="D4290" s="6" t="s">
        <v>2825</v>
      </c>
      <c r="E4290" s="6">
        <v>68276</v>
      </c>
      <c r="F4290" s="6" t="s">
        <v>18</v>
      </c>
      <c r="G4290" s="6" t="s">
        <v>8058</v>
      </c>
      <c r="H4290" s="6" t="s">
        <v>8712</v>
      </c>
      <c r="I4290" s="7">
        <v>7.0594091999999904</v>
      </c>
      <c r="J4290" s="8">
        <v>-73.103124899999997</v>
      </c>
    </row>
    <row r="4291" spans="1:10" x14ac:dyDescent="0.35">
      <c r="A4291" s="5" t="s">
        <v>10</v>
      </c>
      <c r="B4291" s="6">
        <v>95711</v>
      </c>
      <c r="C4291" s="6" t="s">
        <v>294</v>
      </c>
      <c r="D4291" s="6" t="s">
        <v>1902</v>
      </c>
      <c r="E4291" s="6">
        <v>41799</v>
      </c>
      <c r="F4291" s="6" t="s">
        <v>18</v>
      </c>
      <c r="G4291" s="6" t="s">
        <v>8713</v>
      </c>
      <c r="H4291" s="6" t="s">
        <v>8714</v>
      </c>
      <c r="I4291" s="7">
        <v>3.0687101999999999</v>
      </c>
      <c r="J4291" s="8">
        <v>-75.138633400000003</v>
      </c>
    </row>
    <row r="4292" spans="1:10" x14ac:dyDescent="0.35">
      <c r="A4292" s="5" t="s">
        <v>10</v>
      </c>
      <c r="B4292" s="6">
        <v>237549</v>
      </c>
      <c r="C4292" s="6" t="s">
        <v>68</v>
      </c>
      <c r="D4292" s="6" t="s">
        <v>69</v>
      </c>
      <c r="E4292" s="6">
        <v>11001</v>
      </c>
      <c r="F4292" s="6" t="s">
        <v>18</v>
      </c>
      <c r="G4292" s="6" t="s">
        <v>8715</v>
      </c>
      <c r="H4292" s="6" t="s">
        <v>8716</v>
      </c>
      <c r="I4292" s="7">
        <v>4.5542607000000004</v>
      </c>
      <c r="J4292" s="8">
        <v>-74.096965699999998</v>
      </c>
    </row>
    <row r="4293" spans="1:10" x14ac:dyDescent="0.35">
      <c r="A4293" s="5" t="s">
        <v>10</v>
      </c>
      <c r="B4293" s="6">
        <v>221270</v>
      </c>
      <c r="C4293" s="6" t="s">
        <v>68</v>
      </c>
      <c r="D4293" s="6" t="s">
        <v>69</v>
      </c>
      <c r="E4293" s="6">
        <v>11001</v>
      </c>
      <c r="F4293" s="6" t="s">
        <v>18</v>
      </c>
      <c r="G4293" s="6" t="s">
        <v>8717</v>
      </c>
      <c r="H4293" s="6" t="s">
        <v>8718</v>
      </c>
      <c r="I4293" s="7">
        <v>4.6134472999999998</v>
      </c>
      <c r="J4293" s="8">
        <v>-74.158166999999906</v>
      </c>
    </row>
    <row r="4294" spans="1:10" x14ac:dyDescent="0.35">
      <c r="A4294" s="5" t="s">
        <v>10</v>
      </c>
      <c r="B4294" s="6">
        <v>229826</v>
      </c>
      <c r="C4294" s="6" t="s">
        <v>38</v>
      </c>
      <c r="D4294" s="6" t="s">
        <v>6300</v>
      </c>
      <c r="E4294" s="6">
        <v>19698</v>
      </c>
      <c r="F4294" s="6" t="s">
        <v>18</v>
      </c>
      <c r="G4294" s="6" t="s">
        <v>8719</v>
      </c>
      <c r="H4294" s="6" t="s">
        <v>8720</v>
      </c>
      <c r="I4294" s="7">
        <v>3.0191949</v>
      </c>
      <c r="J4294" s="8">
        <v>-76.4797169</v>
      </c>
    </row>
    <row r="4295" spans="1:10" x14ac:dyDescent="0.35">
      <c r="A4295" s="5" t="s">
        <v>10</v>
      </c>
      <c r="B4295" s="6">
        <v>227158</v>
      </c>
      <c r="C4295" s="6" t="s">
        <v>16</v>
      </c>
      <c r="D4295" s="6" t="s">
        <v>8062</v>
      </c>
      <c r="E4295" s="6">
        <v>68575</v>
      </c>
      <c r="F4295" s="6" t="s">
        <v>18</v>
      </c>
      <c r="G4295" s="6" t="s">
        <v>8721</v>
      </c>
      <c r="H4295" s="6" t="s">
        <v>8722</v>
      </c>
      <c r="I4295" s="7">
        <v>7.3491035</v>
      </c>
      <c r="J4295" s="8">
        <v>-73.901741200000004</v>
      </c>
    </row>
    <row r="4296" spans="1:10" x14ac:dyDescent="0.35">
      <c r="A4296" s="5" t="s">
        <v>10</v>
      </c>
      <c r="B4296" s="6">
        <v>140382</v>
      </c>
      <c r="C4296" s="6" t="s">
        <v>294</v>
      </c>
      <c r="D4296" s="6" t="s">
        <v>703</v>
      </c>
      <c r="E4296" s="6">
        <v>41001</v>
      </c>
      <c r="F4296" s="6" t="s">
        <v>18</v>
      </c>
      <c r="G4296" s="6" t="s">
        <v>8723</v>
      </c>
      <c r="H4296" s="6" t="s">
        <v>8724</v>
      </c>
      <c r="I4296" s="7">
        <v>2.9152317000000001</v>
      </c>
      <c r="J4296" s="8">
        <v>-75.279544400000006</v>
      </c>
    </row>
    <row r="4297" spans="1:10" x14ac:dyDescent="0.35">
      <c r="A4297" s="5" t="s">
        <v>10</v>
      </c>
      <c r="B4297" s="6">
        <v>237362</v>
      </c>
      <c r="C4297" s="6" t="s">
        <v>16</v>
      </c>
      <c r="D4297" s="6" t="s">
        <v>78</v>
      </c>
      <c r="E4297" s="6">
        <v>68001</v>
      </c>
      <c r="F4297" s="6" t="s">
        <v>18</v>
      </c>
      <c r="G4297" s="6" t="s">
        <v>8725</v>
      </c>
      <c r="H4297" s="6" t="s">
        <v>8726</v>
      </c>
      <c r="I4297" s="7">
        <v>7.0638171999999999</v>
      </c>
      <c r="J4297" s="8">
        <v>-73.170912000000001</v>
      </c>
    </row>
    <row r="4298" spans="1:10" x14ac:dyDescent="0.35">
      <c r="A4298" s="5" t="s">
        <v>10</v>
      </c>
      <c r="B4298" s="6">
        <v>68991</v>
      </c>
      <c r="C4298" s="6" t="s">
        <v>68</v>
      </c>
      <c r="D4298" s="6" t="s">
        <v>69</v>
      </c>
      <c r="E4298" s="6">
        <v>11001</v>
      </c>
      <c r="F4298" s="6" t="s">
        <v>18</v>
      </c>
      <c r="G4298" s="6" t="s">
        <v>8727</v>
      </c>
      <c r="H4298" s="6" t="s">
        <v>8728</v>
      </c>
      <c r="I4298" s="7">
        <v>4.5142574</v>
      </c>
      <c r="J4298" s="8">
        <v>-74.115118199999998</v>
      </c>
    </row>
    <row r="4299" spans="1:10" x14ac:dyDescent="0.35">
      <c r="A4299" s="5" t="s">
        <v>10</v>
      </c>
      <c r="B4299" s="6">
        <v>211412</v>
      </c>
      <c r="C4299" s="6" t="s">
        <v>302</v>
      </c>
      <c r="D4299" s="6" t="s">
        <v>4041</v>
      </c>
      <c r="E4299" s="6">
        <v>8758</v>
      </c>
      <c r="F4299" s="6" t="s">
        <v>18</v>
      </c>
      <c r="G4299" s="6" t="s">
        <v>8729</v>
      </c>
      <c r="H4299" s="6" t="s">
        <v>8730</v>
      </c>
      <c r="I4299" s="7">
        <v>10.917127600000001</v>
      </c>
      <c r="J4299" s="8">
        <v>-74.819007499999998</v>
      </c>
    </row>
    <row r="4300" spans="1:10" x14ac:dyDescent="0.35">
      <c r="A4300" s="5" t="s">
        <v>10</v>
      </c>
      <c r="B4300" s="6">
        <v>209908</v>
      </c>
      <c r="C4300" s="6" t="s">
        <v>16</v>
      </c>
      <c r="D4300" s="6" t="s">
        <v>78</v>
      </c>
      <c r="E4300" s="6">
        <v>68001</v>
      </c>
      <c r="F4300" s="6" t="s">
        <v>18</v>
      </c>
      <c r="G4300" s="6" t="s">
        <v>8731</v>
      </c>
      <c r="H4300" s="6" t="s">
        <v>8732</v>
      </c>
      <c r="I4300" s="7">
        <v>7.1146642</v>
      </c>
      <c r="J4300" s="8">
        <v>-73.109524199999996</v>
      </c>
    </row>
    <row r="4301" spans="1:10" x14ac:dyDescent="0.35">
      <c r="A4301" s="5" t="s">
        <v>10</v>
      </c>
      <c r="B4301" s="6">
        <v>225904</v>
      </c>
      <c r="C4301" s="6" t="s">
        <v>302</v>
      </c>
      <c r="D4301" s="6" t="s">
        <v>359</v>
      </c>
      <c r="E4301" s="6">
        <v>8001</v>
      </c>
      <c r="F4301" s="6" t="s">
        <v>13</v>
      </c>
      <c r="G4301" s="6" t="s">
        <v>8733</v>
      </c>
      <c r="H4301" s="6" t="s">
        <v>8734</v>
      </c>
      <c r="I4301" s="7">
        <v>11.0067827</v>
      </c>
      <c r="J4301" s="8">
        <v>-74.797898799999999</v>
      </c>
    </row>
    <row r="4302" spans="1:10" x14ac:dyDescent="0.35">
      <c r="A4302" s="5" t="s">
        <v>10</v>
      </c>
      <c r="B4302" s="6">
        <v>208888</v>
      </c>
      <c r="C4302" s="6" t="s">
        <v>68</v>
      </c>
      <c r="D4302" s="6" t="s">
        <v>69</v>
      </c>
      <c r="E4302" s="6">
        <v>11001</v>
      </c>
      <c r="F4302" s="6" t="s">
        <v>13</v>
      </c>
      <c r="G4302" s="6" t="s">
        <v>8735</v>
      </c>
      <c r="H4302" s="6" t="s">
        <v>8736</v>
      </c>
      <c r="I4302" s="7">
        <v>4.6162217999999999</v>
      </c>
      <c r="J4302" s="8">
        <v>-74.085798299999993</v>
      </c>
    </row>
    <row r="4303" spans="1:10" x14ac:dyDescent="0.35">
      <c r="A4303" s="5" t="s">
        <v>10</v>
      </c>
      <c r="B4303" s="6">
        <v>213375</v>
      </c>
      <c r="C4303" s="6" t="s">
        <v>11</v>
      </c>
      <c r="D4303" s="6" t="s">
        <v>334</v>
      </c>
      <c r="E4303" s="6">
        <v>25754</v>
      </c>
      <c r="F4303" s="6" t="s">
        <v>13</v>
      </c>
      <c r="G4303" s="6" t="s">
        <v>8737</v>
      </c>
      <c r="H4303" s="6" t="s">
        <v>8738</v>
      </c>
      <c r="I4303" s="7">
        <v>4.5760724000000002</v>
      </c>
      <c r="J4303" s="8">
        <v>-74.246419200000005</v>
      </c>
    </row>
    <row r="4304" spans="1:10" x14ac:dyDescent="0.35">
      <c r="A4304" s="5" t="s">
        <v>10</v>
      </c>
      <c r="B4304" s="6">
        <v>244986</v>
      </c>
      <c r="C4304" s="6" t="s">
        <v>457</v>
      </c>
      <c r="D4304" s="6" t="s">
        <v>4400</v>
      </c>
      <c r="E4304" s="6">
        <v>52001</v>
      </c>
      <c r="F4304" s="6" t="s">
        <v>18</v>
      </c>
      <c r="G4304" s="6" t="s">
        <v>8739</v>
      </c>
      <c r="H4304" s="6" t="s">
        <v>8740</v>
      </c>
      <c r="I4304" s="7">
        <v>1.1994069999999999</v>
      </c>
      <c r="J4304" s="8">
        <v>-77.262770599999996</v>
      </c>
    </row>
    <row r="4305" spans="1:10" x14ac:dyDescent="0.35">
      <c r="A4305" s="5" t="s">
        <v>10</v>
      </c>
      <c r="B4305" s="6">
        <v>198259</v>
      </c>
      <c r="C4305" s="6" t="s">
        <v>16</v>
      </c>
      <c r="D4305" s="6" t="s">
        <v>78</v>
      </c>
      <c r="E4305" s="6">
        <v>68001</v>
      </c>
      <c r="F4305" s="6" t="s">
        <v>18</v>
      </c>
      <c r="G4305" s="6" t="s">
        <v>8058</v>
      </c>
      <c r="H4305" s="6" t="s">
        <v>8741</v>
      </c>
      <c r="I4305" s="7">
        <v>7.0768889000000001</v>
      </c>
      <c r="J4305" s="8">
        <v>-73.087909600000003</v>
      </c>
    </row>
    <row r="4306" spans="1:10" x14ac:dyDescent="0.35">
      <c r="A4306" s="5" t="s">
        <v>10</v>
      </c>
      <c r="B4306" s="6">
        <v>234212</v>
      </c>
      <c r="C4306" s="6" t="s">
        <v>68</v>
      </c>
      <c r="D4306" s="6" t="s">
        <v>69</v>
      </c>
      <c r="E4306" s="6">
        <v>11001</v>
      </c>
      <c r="F4306" s="6" t="s">
        <v>18</v>
      </c>
      <c r="G4306" s="6" t="s">
        <v>8742</v>
      </c>
      <c r="H4306" s="6" t="s">
        <v>8743</v>
      </c>
      <c r="I4306" s="7">
        <v>4.6368181000000002</v>
      </c>
      <c r="J4306" s="8">
        <v>-74.164560100000003</v>
      </c>
    </row>
    <row r="4307" spans="1:10" x14ac:dyDescent="0.35">
      <c r="A4307" s="5" t="s">
        <v>10</v>
      </c>
      <c r="B4307" s="6">
        <v>244794</v>
      </c>
      <c r="C4307" s="6" t="s">
        <v>2821</v>
      </c>
      <c r="D4307" s="6" t="s">
        <v>8204</v>
      </c>
      <c r="E4307" s="6">
        <v>47053</v>
      </c>
      <c r="F4307" s="6" t="s">
        <v>18</v>
      </c>
      <c r="G4307" s="6" t="s">
        <v>113</v>
      </c>
      <c r="H4307" s="6" t="s">
        <v>8744</v>
      </c>
      <c r="I4307" s="7">
        <v>10.5973527</v>
      </c>
      <c r="J4307" s="8">
        <v>-74.188954100000004</v>
      </c>
    </row>
    <row r="4308" spans="1:10" x14ac:dyDescent="0.35">
      <c r="A4308" s="5" t="s">
        <v>10</v>
      </c>
      <c r="B4308" s="6">
        <v>163067</v>
      </c>
      <c r="C4308" s="6" t="s">
        <v>3788</v>
      </c>
      <c r="D4308" s="6" t="s">
        <v>3974</v>
      </c>
      <c r="E4308" s="6">
        <v>18001</v>
      </c>
      <c r="F4308" s="6" t="s">
        <v>18</v>
      </c>
      <c r="G4308" s="6" t="s">
        <v>8745</v>
      </c>
      <c r="H4308" s="6" t="s">
        <v>8746</v>
      </c>
      <c r="I4308" s="7">
        <v>1.6125617999999999</v>
      </c>
      <c r="J4308" s="8">
        <v>-75.603050999999994</v>
      </c>
    </row>
    <row r="4309" spans="1:10" x14ac:dyDescent="0.35">
      <c r="A4309" s="5" t="s">
        <v>10</v>
      </c>
      <c r="B4309" s="6">
        <v>204784</v>
      </c>
      <c r="C4309" s="6" t="s">
        <v>68</v>
      </c>
      <c r="D4309" s="6" t="s">
        <v>69</v>
      </c>
      <c r="E4309" s="6">
        <v>11001</v>
      </c>
      <c r="F4309" s="6" t="s">
        <v>13</v>
      </c>
      <c r="G4309" s="6" t="s">
        <v>8747</v>
      </c>
      <c r="H4309" s="6" t="s">
        <v>8748</v>
      </c>
      <c r="I4309" s="7">
        <v>4.5621533999999997</v>
      </c>
      <c r="J4309" s="8">
        <v>-74.145337299999994</v>
      </c>
    </row>
    <row r="4310" spans="1:10" x14ac:dyDescent="0.35">
      <c r="A4310" s="5" t="s">
        <v>10</v>
      </c>
      <c r="B4310" s="6">
        <v>232221</v>
      </c>
      <c r="C4310" s="6" t="s">
        <v>24</v>
      </c>
      <c r="D4310" s="6" t="s">
        <v>88</v>
      </c>
      <c r="E4310" s="6">
        <v>15001</v>
      </c>
      <c r="F4310" s="6" t="s">
        <v>18</v>
      </c>
      <c r="G4310" s="6" t="s">
        <v>8749</v>
      </c>
      <c r="H4310" s="6" t="s">
        <v>8750</v>
      </c>
      <c r="I4310" s="7">
        <v>5.536619</v>
      </c>
      <c r="J4310" s="8">
        <v>-73.360788999999997</v>
      </c>
    </row>
    <row r="4311" spans="1:10" x14ac:dyDescent="0.35">
      <c r="A4311" s="5" t="s">
        <v>10</v>
      </c>
      <c r="B4311" s="6">
        <v>78501</v>
      </c>
      <c r="C4311" s="6" t="s">
        <v>294</v>
      </c>
      <c r="D4311" s="6" t="s">
        <v>4257</v>
      </c>
      <c r="E4311" s="6">
        <v>41524</v>
      </c>
      <c r="F4311" s="6" t="s">
        <v>18</v>
      </c>
      <c r="G4311" s="6" t="s">
        <v>8751</v>
      </c>
      <c r="H4311" s="6" t="s">
        <v>8752</v>
      </c>
      <c r="I4311" s="7">
        <v>2.8895057</v>
      </c>
      <c r="J4311" s="8">
        <v>-75.431718899999893</v>
      </c>
    </row>
    <row r="4312" spans="1:10" x14ac:dyDescent="0.35">
      <c r="A4312" s="5" t="s">
        <v>10</v>
      </c>
      <c r="B4312" s="6">
        <v>211026</v>
      </c>
      <c r="C4312" s="6" t="s">
        <v>278</v>
      </c>
      <c r="D4312" s="6" t="s">
        <v>1331</v>
      </c>
      <c r="E4312" s="6">
        <v>50006</v>
      </c>
      <c r="F4312" s="6" t="s">
        <v>18</v>
      </c>
      <c r="G4312" s="6" t="s">
        <v>8753</v>
      </c>
      <c r="H4312" s="6" t="s">
        <v>8754</v>
      </c>
      <c r="I4312" s="7">
        <v>3.9842075000000001</v>
      </c>
      <c r="J4312" s="8">
        <v>-73.763099099999906</v>
      </c>
    </row>
    <row r="4313" spans="1:10" x14ac:dyDescent="0.35">
      <c r="A4313" s="5" t="s">
        <v>10</v>
      </c>
      <c r="B4313" s="6">
        <v>94312</v>
      </c>
      <c r="C4313" s="6" t="s">
        <v>68</v>
      </c>
      <c r="D4313" s="6" t="s">
        <v>69</v>
      </c>
      <c r="E4313" s="6">
        <v>11001</v>
      </c>
      <c r="F4313" s="6" t="s">
        <v>18</v>
      </c>
      <c r="G4313" s="6" t="s">
        <v>8755</v>
      </c>
      <c r="H4313" s="6" t="s">
        <v>8756</v>
      </c>
      <c r="I4313" s="7">
        <v>4.6826894000000001</v>
      </c>
      <c r="J4313" s="8">
        <v>-74.140580499999999</v>
      </c>
    </row>
    <row r="4314" spans="1:10" x14ac:dyDescent="0.35">
      <c r="A4314" s="5" t="s">
        <v>10</v>
      </c>
      <c r="B4314" s="6">
        <v>235968</v>
      </c>
      <c r="C4314" s="6" t="s">
        <v>68</v>
      </c>
      <c r="D4314" s="6" t="s">
        <v>69</v>
      </c>
      <c r="E4314" s="6">
        <v>11001</v>
      </c>
      <c r="F4314" s="6" t="s">
        <v>18</v>
      </c>
      <c r="G4314" s="6" t="s">
        <v>8757</v>
      </c>
      <c r="H4314" s="6" t="s">
        <v>8758</v>
      </c>
      <c r="I4314" s="7">
        <v>4.7376227999999996</v>
      </c>
      <c r="J4314" s="8">
        <v>-74.086899099999997</v>
      </c>
    </row>
    <row r="4315" spans="1:10" x14ac:dyDescent="0.35">
      <c r="A4315" s="5" t="s">
        <v>10</v>
      </c>
      <c r="B4315" s="6">
        <v>161543</v>
      </c>
      <c r="C4315" s="6" t="s">
        <v>7527</v>
      </c>
      <c r="D4315" s="6" t="s">
        <v>8759</v>
      </c>
      <c r="E4315" s="6">
        <v>27001</v>
      </c>
      <c r="F4315" s="6" t="s">
        <v>18</v>
      </c>
      <c r="G4315" s="6" t="s">
        <v>6168</v>
      </c>
      <c r="H4315" s="6" t="s">
        <v>8760</v>
      </c>
      <c r="I4315" s="7">
        <v>4.2225899999999896</v>
      </c>
      <c r="J4315" s="8">
        <v>-77.096319999999906</v>
      </c>
    </row>
    <row r="4316" spans="1:10" x14ac:dyDescent="0.35">
      <c r="A4316" s="5" t="s">
        <v>10</v>
      </c>
      <c r="B4316" s="6">
        <v>215412</v>
      </c>
      <c r="C4316" s="6" t="s">
        <v>302</v>
      </c>
      <c r="D4316" s="6" t="s">
        <v>7720</v>
      </c>
      <c r="E4316" s="6">
        <v>8137</v>
      </c>
      <c r="F4316" s="6" t="s">
        <v>18</v>
      </c>
      <c r="G4316" s="6" t="s">
        <v>8761</v>
      </c>
      <c r="H4316" s="6" t="s">
        <v>8762</v>
      </c>
      <c r="I4316" s="7">
        <v>10.3798859</v>
      </c>
      <c r="J4316" s="8">
        <v>-74.876266899999905</v>
      </c>
    </row>
    <row r="4317" spans="1:10" x14ac:dyDescent="0.35">
      <c r="A4317" s="5" t="s">
        <v>10</v>
      </c>
      <c r="B4317" s="6">
        <v>201943</v>
      </c>
      <c r="C4317" s="6" t="s">
        <v>302</v>
      </c>
      <c r="D4317" s="6" t="s">
        <v>359</v>
      </c>
      <c r="E4317" s="6">
        <v>8001</v>
      </c>
      <c r="F4317" s="6" t="s">
        <v>18</v>
      </c>
      <c r="G4317" s="6" t="s">
        <v>8763</v>
      </c>
      <c r="H4317" s="6" t="s">
        <v>8764</v>
      </c>
      <c r="I4317" s="7">
        <v>10.9242951</v>
      </c>
      <c r="J4317" s="8">
        <v>-74.825186900000006</v>
      </c>
    </row>
    <row r="4318" spans="1:10" x14ac:dyDescent="0.35">
      <c r="A4318" s="5" t="s">
        <v>10</v>
      </c>
      <c r="B4318" s="6">
        <v>221936</v>
      </c>
      <c r="C4318" s="6" t="s">
        <v>38</v>
      </c>
      <c r="D4318" s="6" t="s">
        <v>39</v>
      </c>
      <c r="E4318" s="6">
        <v>19001</v>
      </c>
      <c r="F4318" s="6" t="s">
        <v>18</v>
      </c>
      <c r="G4318" s="6" t="s">
        <v>8765</v>
      </c>
      <c r="H4318" s="6" t="s">
        <v>8766</v>
      </c>
      <c r="I4318" s="7">
        <v>2.4437229</v>
      </c>
      <c r="J4318" s="8">
        <v>-76.600646900000001</v>
      </c>
    </row>
    <row r="4319" spans="1:10" x14ac:dyDescent="0.35">
      <c r="A4319" s="5" t="s">
        <v>10</v>
      </c>
      <c r="B4319" s="6">
        <v>242863</v>
      </c>
      <c r="C4319" s="6" t="s">
        <v>16</v>
      </c>
      <c r="D4319" s="6" t="s">
        <v>2825</v>
      </c>
      <c r="E4319" s="6">
        <v>68276</v>
      </c>
      <c r="F4319" s="6" t="s">
        <v>18</v>
      </c>
      <c r="G4319" s="6" t="s">
        <v>8767</v>
      </c>
      <c r="H4319" s="6" t="s">
        <v>8768</v>
      </c>
      <c r="I4319" s="7">
        <v>7.0882981000000003</v>
      </c>
      <c r="J4319" s="8">
        <v>-73.0759446</v>
      </c>
    </row>
    <row r="4320" spans="1:10" x14ac:dyDescent="0.35">
      <c r="A4320" s="5" t="s">
        <v>10</v>
      </c>
      <c r="B4320" s="6">
        <v>229403</v>
      </c>
      <c r="C4320" s="6" t="s">
        <v>16</v>
      </c>
      <c r="D4320" s="6" t="s">
        <v>2825</v>
      </c>
      <c r="E4320" s="6">
        <v>68276</v>
      </c>
      <c r="F4320" s="6" t="s">
        <v>18</v>
      </c>
      <c r="G4320" s="6" t="s">
        <v>8769</v>
      </c>
      <c r="H4320" s="6" t="s">
        <v>8770</v>
      </c>
      <c r="I4320" s="7">
        <v>7.0937859999999997</v>
      </c>
      <c r="J4320" s="8">
        <v>-73.097125000000005</v>
      </c>
    </row>
    <row r="4321" spans="1:10" x14ac:dyDescent="0.35">
      <c r="A4321" s="5" t="s">
        <v>10</v>
      </c>
      <c r="B4321" s="6">
        <v>238400</v>
      </c>
      <c r="C4321" s="6" t="s">
        <v>16</v>
      </c>
      <c r="D4321" s="6" t="s">
        <v>78</v>
      </c>
      <c r="E4321" s="6">
        <v>68001</v>
      </c>
      <c r="F4321" s="6" t="s">
        <v>18</v>
      </c>
      <c r="G4321" s="6" t="s">
        <v>8771</v>
      </c>
      <c r="H4321" s="6" t="s">
        <v>8772</v>
      </c>
      <c r="I4321" s="7">
        <v>7.1281470000000002</v>
      </c>
      <c r="J4321" s="8">
        <v>-73.123269199999996</v>
      </c>
    </row>
    <row r="4322" spans="1:10" x14ac:dyDescent="0.35">
      <c r="A4322" s="5" t="s">
        <v>10</v>
      </c>
      <c r="B4322" s="6">
        <v>239829</v>
      </c>
      <c r="C4322" s="6" t="s">
        <v>61</v>
      </c>
      <c r="D4322" s="6" t="s">
        <v>62</v>
      </c>
      <c r="E4322" s="6">
        <v>63001</v>
      </c>
      <c r="F4322" s="6" t="s">
        <v>18</v>
      </c>
      <c r="G4322" s="6" t="s">
        <v>8773</v>
      </c>
      <c r="H4322" s="6" t="s">
        <v>8774</v>
      </c>
      <c r="I4322" s="7">
        <v>4.5774293000000004</v>
      </c>
      <c r="J4322" s="8">
        <v>-75.645510799999997</v>
      </c>
    </row>
    <row r="4323" spans="1:10" x14ac:dyDescent="0.35">
      <c r="A4323" s="5" t="s">
        <v>10</v>
      </c>
      <c r="B4323" s="6">
        <v>204182</v>
      </c>
      <c r="C4323" s="6" t="s">
        <v>68</v>
      </c>
      <c r="D4323" s="6" t="s">
        <v>69</v>
      </c>
      <c r="E4323" s="6">
        <v>11001</v>
      </c>
      <c r="F4323" s="6" t="s">
        <v>13</v>
      </c>
      <c r="G4323" s="6" t="s">
        <v>8775</v>
      </c>
      <c r="H4323" s="6" t="s">
        <v>8776</v>
      </c>
      <c r="I4323" s="7">
        <v>4.5884751000000001</v>
      </c>
      <c r="J4323" s="8">
        <v>-74.100044299999993</v>
      </c>
    </row>
    <row r="4324" spans="1:10" x14ac:dyDescent="0.35">
      <c r="A4324" s="5" t="s">
        <v>10</v>
      </c>
      <c r="B4324" s="6">
        <v>234461</v>
      </c>
      <c r="C4324" s="6" t="s">
        <v>68</v>
      </c>
      <c r="D4324" s="6" t="s">
        <v>69</v>
      </c>
      <c r="E4324" s="6">
        <v>11001</v>
      </c>
      <c r="F4324" s="6" t="s">
        <v>13</v>
      </c>
      <c r="G4324" s="6" t="s">
        <v>8777</v>
      </c>
      <c r="H4324" s="6" t="s">
        <v>8778</v>
      </c>
      <c r="I4324" s="7">
        <v>4.6824409999999999</v>
      </c>
      <c r="J4324" s="8">
        <v>-74.101267899999996</v>
      </c>
    </row>
    <row r="4325" spans="1:10" x14ac:dyDescent="0.35">
      <c r="A4325" s="5" t="s">
        <v>10</v>
      </c>
      <c r="B4325" s="6">
        <v>243372</v>
      </c>
      <c r="C4325" s="6" t="s">
        <v>68</v>
      </c>
      <c r="D4325" s="6" t="s">
        <v>69</v>
      </c>
      <c r="E4325" s="6">
        <v>11001</v>
      </c>
      <c r="F4325" s="6" t="s">
        <v>13</v>
      </c>
      <c r="G4325" s="6" t="s">
        <v>8779</v>
      </c>
      <c r="H4325" s="6" t="s">
        <v>8780</v>
      </c>
      <c r="I4325" s="7">
        <v>4.6758407000000002</v>
      </c>
      <c r="J4325" s="8">
        <v>-74.148457100000002</v>
      </c>
    </row>
    <row r="4326" spans="1:10" x14ac:dyDescent="0.35">
      <c r="A4326" s="5" t="s">
        <v>10</v>
      </c>
      <c r="B4326" s="6">
        <v>231092</v>
      </c>
      <c r="C4326" s="6" t="s">
        <v>24</v>
      </c>
      <c r="D4326" s="6" t="s">
        <v>1113</v>
      </c>
      <c r="E4326" s="6">
        <v>15183</v>
      </c>
      <c r="F4326" s="6" t="s">
        <v>18</v>
      </c>
      <c r="G4326" s="6" t="s">
        <v>8781</v>
      </c>
      <c r="H4326" s="6" t="s">
        <v>8782</v>
      </c>
      <c r="I4326" s="7">
        <v>6.187049</v>
      </c>
      <c r="J4326" s="8">
        <v>-72.472700000000003</v>
      </c>
    </row>
    <row r="4327" spans="1:10" x14ac:dyDescent="0.35">
      <c r="A4327" s="5" t="s">
        <v>10</v>
      </c>
      <c r="B4327" s="6">
        <v>241336</v>
      </c>
      <c r="C4327" s="6" t="s">
        <v>302</v>
      </c>
      <c r="D4327" s="6" t="s">
        <v>359</v>
      </c>
      <c r="E4327" s="6">
        <v>8001</v>
      </c>
      <c r="F4327" s="6" t="s">
        <v>18</v>
      </c>
      <c r="G4327" s="6" t="s">
        <v>8783</v>
      </c>
      <c r="H4327" s="6" t="s">
        <v>8784</v>
      </c>
      <c r="I4327" s="7">
        <v>10.9909169</v>
      </c>
      <c r="J4327" s="8">
        <v>-74.790140600000001</v>
      </c>
    </row>
    <row r="4328" spans="1:10" x14ac:dyDescent="0.35">
      <c r="A4328" s="5" t="s">
        <v>10</v>
      </c>
      <c r="B4328" s="6">
        <v>235210</v>
      </c>
      <c r="C4328" s="6" t="s">
        <v>4364</v>
      </c>
      <c r="D4328" s="6" t="s">
        <v>7995</v>
      </c>
      <c r="E4328" s="6">
        <v>70508</v>
      </c>
      <c r="F4328" s="6" t="s">
        <v>18</v>
      </c>
      <c r="G4328" s="6" t="s">
        <v>8785</v>
      </c>
      <c r="H4328" s="6" t="s">
        <v>8786</v>
      </c>
      <c r="I4328" s="7">
        <v>9.5300183000000001</v>
      </c>
      <c r="J4328" s="8">
        <v>-75.2239158</v>
      </c>
    </row>
    <row r="4329" spans="1:10" x14ac:dyDescent="0.35">
      <c r="A4329" s="5" t="s">
        <v>10</v>
      </c>
      <c r="B4329" s="6">
        <v>246338</v>
      </c>
      <c r="C4329" s="6" t="s">
        <v>38</v>
      </c>
      <c r="D4329" s="6" t="s">
        <v>236</v>
      </c>
      <c r="E4329" s="6">
        <v>19075</v>
      </c>
      <c r="F4329" s="6" t="s">
        <v>18</v>
      </c>
      <c r="G4329" s="6" t="s">
        <v>8787</v>
      </c>
      <c r="H4329" s="6" t="s">
        <v>8788</v>
      </c>
      <c r="I4329" s="7">
        <v>2.0398697000000001</v>
      </c>
      <c r="J4329" s="8">
        <v>-77.217280000000002</v>
      </c>
    </row>
    <row r="4330" spans="1:10" x14ac:dyDescent="0.35">
      <c r="A4330" s="5" t="s">
        <v>10</v>
      </c>
      <c r="B4330" s="6">
        <v>210577</v>
      </c>
      <c r="C4330" s="6" t="s">
        <v>68</v>
      </c>
      <c r="D4330" s="6" t="s">
        <v>69</v>
      </c>
      <c r="E4330" s="6">
        <v>11001</v>
      </c>
      <c r="F4330" s="6" t="s">
        <v>13</v>
      </c>
      <c r="G4330" s="6" t="s">
        <v>8789</v>
      </c>
      <c r="H4330" s="6" t="s">
        <v>8790</v>
      </c>
      <c r="I4330" s="7">
        <v>4.734896</v>
      </c>
      <c r="J4330" s="8">
        <v>-74.083113499999996</v>
      </c>
    </row>
    <row r="4331" spans="1:10" x14ac:dyDescent="0.35">
      <c r="A4331" s="5" t="s">
        <v>10</v>
      </c>
      <c r="B4331" s="6">
        <v>235291</v>
      </c>
      <c r="C4331" s="6" t="s">
        <v>68</v>
      </c>
      <c r="D4331" s="6" t="s">
        <v>69</v>
      </c>
      <c r="E4331" s="6">
        <v>11001</v>
      </c>
      <c r="F4331" s="6" t="s">
        <v>18</v>
      </c>
      <c r="G4331" s="6" t="s">
        <v>8791</v>
      </c>
      <c r="H4331" s="6" t="s">
        <v>8792</v>
      </c>
      <c r="I4331" s="7">
        <v>4.6665786000000002</v>
      </c>
      <c r="J4331" s="8">
        <v>-74.059318300000001</v>
      </c>
    </row>
    <row r="4332" spans="1:10" x14ac:dyDescent="0.35">
      <c r="A4332" s="5" t="s">
        <v>10</v>
      </c>
      <c r="B4332" s="6">
        <v>185254</v>
      </c>
      <c r="C4332" s="6" t="s">
        <v>68</v>
      </c>
      <c r="D4332" s="6" t="s">
        <v>69</v>
      </c>
      <c r="E4332" s="6">
        <v>11001</v>
      </c>
      <c r="F4332" s="6" t="s">
        <v>18</v>
      </c>
      <c r="G4332" s="6" t="s">
        <v>8793</v>
      </c>
      <c r="H4332" s="6" t="s">
        <v>8794</v>
      </c>
      <c r="I4332" s="7">
        <v>4.6457924999999998</v>
      </c>
      <c r="J4332" s="8">
        <v>-74.150524899999994</v>
      </c>
    </row>
    <row r="4333" spans="1:10" x14ac:dyDescent="0.35">
      <c r="A4333" s="5" t="s">
        <v>10</v>
      </c>
      <c r="B4333" s="6">
        <v>96471</v>
      </c>
      <c r="C4333" s="6" t="s">
        <v>11</v>
      </c>
      <c r="D4333" s="6" t="s">
        <v>337</v>
      </c>
      <c r="E4333" s="6">
        <v>25290</v>
      </c>
      <c r="F4333" s="6" t="s">
        <v>18</v>
      </c>
      <c r="G4333" s="6" t="s">
        <v>3748</v>
      </c>
      <c r="H4333" s="6" t="s">
        <v>8795</v>
      </c>
      <c r="I4333" s="7">
        <v>4.8072096999999996</v>
      </c>
      <c r="J4333" s="8">
        <v>-74.104350099999905</v>
      </c>
    </row>
    <row r="4334" spans="1:10" x14ac:dyDescent="0.35">
      <c r="A4334" s="5" t="s">
        <v>10</v>
      </c>
      <c r="B4334" s="6">
        <v>218486</v>
      </c>
      <c r="C4334" s="6" t="s">
        <v>302</v>
      </c>
      <c r="D4334" s="6" t="s">
        <v>7978</v>
      </c>
      <c r="E4334" s="6">
        <v>8433</v>
      </c>
      <c r="F4334" s="6" t="s">
        <v>18</v>
      </c>
      <c r="G4334" s="6" t="s">
        <v>8796</v>
      </c>
      <c r="H4334" s="6" t="s">
        <v>8797</v>
      </c>
      <c r="I4334" s="7">
        <v>10.839362899999999</v>
      </c>
      <c r="J4334" s="8">
        <v>-74.772737899999996</v>
      </c>
    </row>
    <row r="4335" spans="1:10" x14ac:dyDescent="0.35">
      <c r="A4335" s="5" t="s">
        <v>10</v>
      </c>
      <c r="B4335" s="6">
        <v>243018</v>
      </c>
      <c r="C4335" s="6" t="s">
        <v>190</v>
      </c>
      <c r="D4335" s="6" t="s">
        <v>8798</v>
      </c>
      <c r="E4335" s="6">
        <v>5101</v>
      </c>
      <c r="F4335" s="6" t="s">
        <v>18</v>
      </c>
      <c r="G4335" s="6" t="s">
        <v>8799</v>
      </c>
      <c r="H4335" s="6" t="s">
        <v>8800</v>
      </c>
      <c r="I4335" s="7">
        <v>7.1138962000000001</v>
      </c>
      <c r="J4335" s="8">
        <v>-73.130157299999993</v>
      </c>
    </row>
    <row r="4336" spans="1:10" x14ac:dyDescent="0.35">
      <c r="A4336" s="5" t="s">
        <v>10</v>
      </c>
      <c r="B4336" s="6">
        <v>237534</v>
      </c>
      <c r="C4336" s="6" t="s">
        <v>16</v>
      </c>
      <c r="D4336" s="6" t="s">
        <v>2694</v>
      </c>
      <c r="E4336" s="6">
        <v>68895</v>
      </c>
      <c r="F4336" s="6" t="s">
        <v>18</v>
      </c>
      <c r="G4336" s="6" t="s">
        <v>8801</v>
      </c>
      <c r="H4336" s="6" t="s">
        <v>8802</v>
      </c>
      <c r="I4336" s="7">
        <v>6.8152178000000001</v>
      </c>
      <c r="J4336" s="8">
        <v>-73.269095100000001</v>
      </c>
    </row>
    <row r="4337" spans="1:10" x14ac:dyDescent="0.35">
      <c r="A4337" s="5" t="s">
        <v>10</v>
      </c>
      <c r="B4337" s="6">
        <v>242985</v>
      </c>
      <c r="C4337" s="6" t="s">
        <v>16</v>
      </c>
      <c r="D4337" s="6" t="s">
        <v>78</v>
      </c>
      <c r="E4337" s="6">
        <v>68001</v>
      </c>
      <c r="F4337" s="6" t="s">
        <v>18</v>
      </c>
      <c r="G4337" s="6" t="s">
        <v>8803</v>
      </c>
      <c r="H4337" s="6" t="s">
        <v>8804</v>
      </c>
      <c r="I4337" s="7">
        <v>7.1081884000000004</v>
      </c>
      <c r="J4337" s="8">
        <v>-73.110705699999997</v>
      </c>
    </row>
    <row r="4338" spans="1:10" x14ac:dyDescent="0.35">
      <c r="A4338" s="5" t="s">
        <v>10</v>
      </c>
      <c r="B4338" s="6">
        <v>208833</v>
      </c>
      <c r="C4338" s="6" t="s">
        <v>68</v>
      </c>
      <c r="D4338" s="6" t="s">
        <v>69</v>
      </c>
      <c r="E4338" s="6">
        <v>11001</v>
      </c>
      <c r="F4338" s="6" t="s">
        <v>13</v>
      </c>
      <c r="G4338" s="6" t="s">
        <v>8805</v>
      </c>
      <c r="H4338" s="6" t="s">
        <v>8806</v>
      </c>
      <c r="I4338" s="7">
        <v>4.5911071999999997</v>
      </c>
      <c r="J4338" s="8">
        <v>-74.110565100000002</v>
      </c>
    </row>
    <row r="4339" spans="1:10" x14ac:dyDescent="0.35">
      <c r="A4339" s="5" t="s">
        <v>10</v>
      </c>
      <c r="B4339" s="6">
        <v>230526</v>
      </c>
      <c r="C4339" s="6" t="s">
        <v>294</v>
      </c>
      <c r="D4339" s="6" t="s">
        <v>703</v>
      </c>
      <c r="E4339" s="6">
        <v>41001</v>
      </c>
      <c r="F4339" s="6" t="s">
        <v>18</v>
      </c>
      <c r="G4339" s="6" t="s">
        <v>8807</v>
      </c>
      <c r="H4339" s="6" t="s">
        <v>8808</v>
      </c>
      <c r="I4339" s="7">
        <v>2.5820959000000001</v>
      </c>
      <c r="J4339" s="8">
        <v>-75.452842899999993</v>
      </c>
    </row>
    <row r="4340" spans="1:10" x14ac:dyDescent="0.35">
      <c r="A4340" s="5" t="s">
        <v>10</v>
      </c>
      <c r="B4340" s="6">
        <v>231357</v>
      </c>
      <c r="C4340" s="6" t="s">
        <v>294</v>
      </c>
      <c r="D4340" s="6" t="s">
        <v>703</v>
      </c>
      <c r="E4340" s="6">
        <v>41001</v>
      </c>
      <c r="F4340" s="6" t="s">
        <v>18</v>
      </c>
      <c r="G4340" s="6" t="s">
        <v>8809</v>
      </c>
      <c r="H4340" s="6" t="s">
        <v>8810</v>
      </c>
      <c r="I4340" s="7">
        <v>2.9087790999999998</v>
      </c>
      <c r="J4340" s="8">
        <v>-75.2621951</v>
      </c>
    </row>
    <row r="4341" spans="1:10" x14ac:dyDescent="0.35">
      <c r="A4341" s="5" t="s">
        <v>10</v>
      </c>
      <c r="B4341" s="6">
        <v>165680</v>
      </c>
      <c r="C4341" s="6" t="s">
        <v>294</v>
      </c>
      <c r="D4341" s="6" t="s">
        <v>8811</v>
      </c>
      <c r="E4341" s="6">
        <v>41676</v>
      </c>
      <c r="F4341" s="6" t="s">
        <v>18</v>
      </c>
      <c r="G4341" s="6" t="s">
        <v>8812</v>
      </c>
      <c r="H4341" s="6" t="s">
        <v>8813</v>
      </c>
      <c r="I4341" s="7">
        <v>2.9370349999999998</v>
      </c>
      <c r="J4341" s="8">
        <v>-75.586963900000001</v>
      </c>
    </row>
    <row r="4342" spans="1:10" x14ac:dyDescent="0.35">
      <c r="A4342" s="5" t="s">
        <v>10</v>
      </c>
      <c r="B4342" s="6">
        <v>188490</v>
      </c>
      <c r="C4342" s="6" t="s">
        <v>68</v>
      </c>
      <c r="D4342" s="6" t="s">
        <v>69</v>
      </c>
      <c r="E4342" s="6">
        <v>11001</v>
      </c>
      <c r="F4342" s="6" t="s">
        <v>18</v>
      </c>
      <c r="G4342" s="6" t="s">
        <v>8814</v>
      </c>
      <c r="H4342" s="6" t="s">
        <v>8815</v>
      </c>
      <c r="I4342" s="7">
        <v>4.6085278999999897</v>
      </c>
      <c r="J4342" s="8">
        <v>-74.209815800000001</v>
      </c>
    </row>
    <row r="4343" spans="1:10" x14ac:dyDescent="0.35">
      <c r="A4343" s="5" t="s">
        <v>10</v>
      </c>
      <c r="B4343" s="6">
        <v>223866</v>
      </c>
      <c r="C4343" s="6" t="s">
        <v>38</v>
      </c>
      <c r="D4343" s="6" t="s">
        <v>39</v>
      </c>
      <c r="E4343" s="6">
        <v>19001</v>
      </c>
      <c r="F4343" s="6" t="s">
        <v>18</v>
      </c>
      <c r="G4343" s="6" t="s">
        <v>8816</v>
      </c>
      <c r="H4343" s="6" t="s">
        <v>8817</v>
      </c>
      <c r="I4343" s="7">
        <v>2.4529595</v>
      </c>
      <c r="J4343" s="8">
        <v>-76.600677500000003</v>
      </c>
    </row>
    <row r="4344" spans="1:10" x14ac:dyDescent="0.35">
      <c r="A4344" s="5" t="s">
        <v>10</v>
      </c>
      <c r="B4344" s="6">
        <v>211156</v>
      </c>
      <c r="C4344" s="6" t="s">
        <v>16</v>
      </c>
      <c r="D4344" s="6" t="s">
        <v>4739</v>
      </c>
      <c r="E4344" s="6">
        <v>68669</v>
      </c>
      <c r="F4344" s="6" t="s">
        <v>18</v>
      </c>
      <c r="G4344" s="6" t="s">
        <v>8818</v>
      </c>
      <c r="H4344" s="6" t="s">
        <v>8819</v>
      </c>
      <c r="I4344" s="7">
        <v>6.8118879999999997</v>
      </c>
      <c r="J4344" s="8">
        <v>-72.848241999999999</v>
      </c>
    </row>
    <row r="4345" spans="1:10" x14ac:dyDescent="0.35">
      <c r="A4345" s="5" t="s">
        <v>10</v>
      </c>
      <c r="B4345" s="6">
        <v>208162</v>
      </c>
      <c r="C4345" s="6" t="s">
        <v>16</v>
      </c>
      <c r="D4345" s="6" t="s">
        <v>2825</v>
      </c>
      <c r="E4345" s="6">
        <v>68276</v>
      </c>
      <c r="F4345" s="6" t="s">
        <v>18</v>
      </c>
      <c r="G4345" s="6" t="s">
        <v>8820</v>
      </c>
      <c r="H4345" s="6" t="s">
        <v>8821</v>
      </c>
      <c r="I4345" s="7">
        <v>7.0791103</v>
      </c>
      <c r="J4345" s="8">
        <v>-73.103120699999906</v>
      </c>
    </row>
    <row r="4346" spans="1:10" x14ac:dyDescent="0.35">
      <c r="A4346" s="5" t="s">
        <v>10</v>
      </c>
      <c r="B4346" s="6">
        <v>237924</v>
      </c>
      <c r="C4346" s="6" t="s">
        <v>16</v>
      </c>
      <c r="D4346" s="6" t="s">
        <v>8822</v>
      </c>
      <c r="E4346" s="6">
        <v>68179</v>
      </c>
      <c r="F4346" s="6" t="s">
        <v>18</v>
      </c>
      <c r="G4346" s="6" t="s">
        <v>8823</v>
      </c>
      <c r="H4346" s="6" t="s">
        <v>8824</v>
      </c>
      <c r="I4346" s="7">
        <v>6.0627193999999998</v>
      </c>
      <c r="J4346" s="8">
        <v>-73.636146699999998</v>
      </c>
    </row>
    <row r="4347" spans="1:10" x14ac:dyDescent="0.35">
      <c r="A4347" s="5" t="s">
        <v>10</v>
      </c>
      <c r="B4347" s="6">
        <v>155393</v>
      </c>
      <c r="C4347" s="6" t="s">
        <v>3788</v>
      </c>
      <c r="D4347" s="6" t="s">
        <v>3974</v>
      </c>
      <c r="E4347" s="6">
        <v>18001</v>
      </c>
      <c r="F4347" s="6" t="s">
        <v>18</v>
      </c>
      <c r="G4347" s="6" t="s">
        <v>8825</v>
      </c>
      <c r="H4347" s="6" t="s">
        <v>8826</v>
      </c>
      <c r="I4347" s="7">
        <v>1.6095917</v>
      </c>
      <c r="J4347" s="8">
        <v>-75.602852099999893</v>
      </c>
    </row>
    <row r="4348" spans="1:10" x14ac:dyDescent="0.35">
      <c r="A4348" s="5" t="s">
        <v>10</v>
      </c>
      <c r="B4348" s="6">
        <v>235509</v>
      </c>
      <c r="C4348" s="6" t="s">
        <v>68</v>
      </c>
      <c r="D4348" s="6" t="s">
        <v>69</v>
      </c>
      <c r="E4348" s="6">
        <v>11001</v>
      </c>
      <c r="F4348" s="6" t="s">
        <v>13</v>
      </c>
      <c r="G4348" s="6" t="s">
        <v>8827</v>
      </c>
      <c r="H4348" s="6" t="s">
        <v>8828</v>
      </c>
      <c r="I4348" s="7">
        <v>4.7376931000000004</v>
      </c>
      <c r="J4348" s="8">
        <v>-74.027788700000002</v>
      </c>
    </row>
    <row r="4349" spans="1:10" x14ac:dyDescent="0.35">
      <c r="A4349" s="5" t="s">
        <v>10</v>
      </c>
      <c r="B4349" s="6">
        <v>209331</v>
      </c>
      <c r="C4349" s="6" t="s">
        <v>68</v>
      </c>
      <c r="D4349" s="6" t="s">
        <v>69</v>
      </c>
      <c r="E4349" s="6">
        <v>11001</v>
      </c>
      <c r="F4349" s="6" t="s">
        <v>13</v>
      </c>
      <c r="G4349" s="6" t="s">
        <v>8829</v>
      </c>
      <c r="H4349" s="6" t="s">
        <v>8830</v>
      </c>
      <c r="I4349" s="7">
        <v>4.5913238999999999</v>
      </c>
      <c r="J4349" s="8">
        <v>-74.165278999999998</v>
      </c>
    </row>
    <row r="4350" spans="1:10" x14ac:dyDescent="0.35">
      <c r="A4350" s="5" t="s">
        <v>10</v>
      </c>
      <c r="B4350" s="6">
        <v>234677</v>
      </c>
      <c r="C4350" s="6" t="s">
        <v>68</v>
      </c>
      <c r="D4350" s="6" t="s">
        <v>69</v>
      </c>
      <c r="E4350" s="6">
        <v>11001</v>
      </c>
      <c r="F4350" s="6" t="s">
        <v>18</v>
      </c>
      <c r="G4350" s="6" t="s">
        <v>8831</v>
      </c>
      <c r="H4350" s="6" t="s">
        <v>8832</v>
      </c>
      <c r="I4350" s="7">
        <v>4.4967176000000002</v>
      </c>
      <c r="J4350" s="8">
        <v>-74.105130099999997</v>
      </c>
    </row>
    <row r="4351" spans="1:10" x14ac:dyDescent="0.35">
      <c r="A4351" s="5" t="s">
        <v>10</v>
      </c>
      <c r="B4351" s="6">
        <v>245323</v>
      </c>
      <c r="C4351" s="6" t="s">
        <v>294</v>
      </c>
      <c r="D4351" s="6" t="s">
        <v>703</v>
      </c>
      <c r="E4351" s="6">
        <v>41001</v>
      </c>
      <c r="F4351" s="6" t="s">
        <v>18</v>
      </c>
      <c r="G4351" s="6" t="s">
        <v>8833</v>
      </c>
      <c r="H4351" s="6" t="s">
        <v>8834</v>
      </c>
      <c r="I4351" s="7">
        <v>2.9357378000000001</v>
      </c>
      <c r="J4351" s="8">
        <v>-75.278075400000006</v>
      </c>
    </row>
    <row r="4352" spans="1:10" x14ac:dyDescent="0.35">
      <c r="A4352" s="5" t="s">
        <v>10</v>
      </c>
      <c r="B4352" s="6">
        <v>231834</v>
      </c>
      <c r="C4352" s="6" t="s">
        <v>16</v>
      </c>
      <c r="D4352" s="6" t="s">
        <v>78</v>
      </c>
      <c r="E4352" s="6">
        <v>68001</v>
      </c>
      <c r="F4352" s="6" t="s">
        <v>18</v>
      </c>
      <c r="G4352" s="6" t="s">
        <v>8835</v>
      </c>
      <c r="H4352" s="6" t="s">
        <v>8836</v>
      </c>
      <c r="I4352" s="7">
        <v>7.1320730000000001</v>
      </c>
      <c r="J4352" s="8">
        <v>-73.129915999999994</v>
      </c>
    </row>
    <row r="4353" spans="1:10" x14ac:dyDescent="0.35">
      <c r="A4353" s="5" t="s">
        <v>10</v>
      </c>
      <c r="B4353" s="6">
        <v>218433</v>
      </c>
      <c r="C4353" s="6" t="s">
        <v>68</v>
      </c>
      <c r="D4353" s="6" t="s">
        <v>69</v>
      </c>
      <c r="E4353" s="6">
        <v>11001</v>
      </c>
      <c r="F4353" s="6" t="s">
        <v>18</v>
      </c>
      <c r="G4353" s="6" t="s">
        <v>8837</v>
      </c>
      <c r="H4353" s="6" t="s">
        <v>8838</v>
      </c>
      <c r="I4353" s="7">
        <v>4.6244904999999896</v>
      </c>
      <c r="J4353" s="8">
        <v>-74.196660199999997</v>
      </c>
    </row>
    <row r="4354" spans="1:10" x14ac:dyDescent="0.35">
      <c r="A4354" s="5" t="s">
        <v>10</v>
      </c>
      <c r="B4354" s="6">
        <v>236543</v>
      </c>
      <c r="C4354" s="6" t="s">
        <v>68</v>
      </c>
      <c r="D4354" s="6" t="s">
        <v>69</v>
      </c>
      <c r="E4354" s="6">
        <v>11001</v>
      </c>
      <c r="F4354" s="6" t="s">
        <v>18</v>
      </c>
      <c r="G4354" s="6" t="s">
        <v>8839</v>
      </c>
      <c r="H4354" s="6" t="s">
        <v>8840</v>
      </c>
      <c r="I4354" s="7">
        <v>4.6375973000000004</v>
      </c>
      <c r="J4354" s="8">
        <v>-74.161379600000004</v>
      </c>
    </row>
    <row r="4355" spans="1:10" x14ac:dyDescent="0.35">
      <c r="A4355" s="5" t="s">
        <v>10</v>
      </c>
      <c r="B4355" s="6">
        <v>94610</v>
      </c>
      <c r="C4355" s="6" t="s">
        <v>11</v>
      </c>
      <c r="D4355" s="6" t="s">
        <v>3917</v>
      </c>
      <c r="E4355" s="6">
        <v>25649</v>
      </c>
      <c r="F4355" s="6" t="s">
        <v>18</v>
      </c>
      <c r="G4355" s="6" t="s">
        <v>8841</v>
      </c>
      <c r="H4355" s="6" t="s">
        <v>8842</v>
      </c>
      <c r="I4355" s="7">
        <v>4.1794440000000002</v>
      </c>
      <c r="J4355" s="8">
        <v>-74.421565999999999</v>
      </c>
    </row>
    <row r="4356" spans="1:10" x14ac:dyDescent="0.35">
      <c r="A4356" s="5" t="s">
        <v>10</v>
      </c>
      <c r="B4356" s="6">
        <v>187366</v>
      </c>
      <c r="C4356" s="6" t="s">
        <v>11</v>
      </c>
      <c r="D4356" s="6" t="s">
        <v>337</v>
      </c>
      <c r="E4356" s="6">
        <v>25290</v>
      </c>
      <c r="F4356" s="6" t="s">
        <v>18</v>
      </c>
      <c r="G4356" s="6" t="s">
        <v>8843</v>
      </c>
      <c r="H4356" s="6" t="s">
        <v>8844</v>
      </c>
      <c r="I4356" s="7">
        <v>4.3456045000000003</v>
      </c>
      <c r="J4356" s="8">
        <v>-74.356281999999993</v>
      </c>
    </row>
    <row r="4357" spans="1:10" x14ac:dyDescent="0.35">
      <c r="A4357" s="5" t="s">
        <v>10</v>
      </c>
      <c r="B4357" s="6">
        <v>206237</v>
      </c>
      <c r="C4357" s="6" t="s">
        <v>308</v>
      </c>
      <c r="D4357" s="6" t="s">
        <v>8845</v>
      </c>
      <c r="E4357" s="6">
        <v>23660</v>
      </c>
      <c r="F4357" s="6" t="s">
        <v>18</v>
      </c>
      <c r="G4357" s="6" t="s">
        <v>8846</v>
      </c>
      <c r="H4357" s="6" t="s">
        <v>8847</v>
      </c>
      <c r="I4357" s="7">
        <v>8.9506429999999995</v>
      </c>
      <c r="J4357" s="8">
        <v>-75.446000999999995</v>
      </c>
    </row>
    <row r="4358" spans="1:10" x14ac:dyDescent="0.35">
      <c r="A4358" s="5" t="s">
        <v>10</v>
      </c>
      <c r="B4358" s="6">
        <v>223695</v>
      </c>
      <c r="C4358" s="6" t="s">
        <v>308</v>
      </c>
      <c r="D4358" s="6" t="s">
        <v>8338</v>
      </c>
      <c r="E4358" s="6">
        <v>23555</v>
      </c>
      <c r="F4358" s="6" t="s">
        <v>18</v>
      </c>
      <c r="G4358" s="6" t="s">
        <v>8848</v>
      </c>
      <c r="H4358" s="6" t="s">
        <v>8849</v>
      </c>
      <c r="I4358" s="7">
        <v>8.4127489999999998</v>
      </c>
      <c r="J4358" s="8">
        <v>-75.584047999999996</v>
      </c>
    </row>
    <row r="4359" spans="1:10" x14ac:dyDescent="0.35">
      <c r="A4359" s="5" t="s">
        <v>10</v>
      </c>
      <c r="B4359" s="6">
        <v>241401</v>
      </c>
      <c r="C4359" s="6" t="s">
        <v>302</v>
      </c>
      <c r="D4359" s="6" t="s">
        <v>4041</v>
      </c>
      <c r="E4359" s="6">
        <v>8758</v>
      </c>
      <c r="F4359" s="6" t="s">
        <v>18</v>
      </c>
      <c r="G4359" s="6" t="s">
        <v>8850</v>
      </c>
      <c r="H4359" s="6" t="s">
        <v>8851</v>
      </c>
      <c r="I4359" s="7">
        <v>10.8975498</v>
      </c>
      <c r="J4359" s="8">
        <v>-74.792349900000005</v>
      </c>
    </row>
    <row r="4360" spans="1:10" x14ac:dyDescent="0.35">
      <c r="A4360" s="5" t="s">
        <v>10</v>
      </c>
      <c r="B4360" s="6">
        <v>211666</v>
      </c>
      <c r="C4360" s="6" t="s">
        <v>308</v>
      </c>
      <c r="D4360" s="6" t="s">
        <v>309</v>
      </c>
      <c r="E4360" s="6">
        <v>23001</v>
      </c>
      <c r="F4360" s="6" t="s">
        <v>18</v>
      </c>
      <c r="G4360" s="6" t="s">
        <v>8852</v>
      </c>
      <c r="H4360" s="6" t="s">
        <v>8853</v>
      </c>
      <c r="I4360" s="7">
        <v>8.7500249999999902</v>
      </c>
      <c r="J4360" s="8">
        <v>-75.889825299999998</v>
      </c>
    </row>
    <row r="4361" spans="1:10" x14ac:dyDescent="0.35">
      <c r="A4361" s="5" t="s">
        <v>10</v>
      </c>
      <c r="B4361" s="6">
        <v>230885</v>
      </c>
      <c r="C4361" s="6" t="s">
        <v>302</v>
      </c>
      <c r="D4361" s="6" t="s">
        <v>4041</v>
      </c>
      <c r="E4361" s="6">
        <v>8758</v>
      </c>
      <c r="F4361" s="6" t="s">
        <v>18</v>
      </c>
      <c r="G4361" s="6" t="s">
        <v>8854</v>
      </c>
      <c r="H4361" s="6" t="s">
        <v>8855</v>
      </c>
      <c r="I4361" s="7">
        <v>10.946276900000001</v>
      </c>
      <c r="J4361" s="8">
        <v>-74.7900913</v>
      </c>
    </row>
    <row r="4362" spans="1:10" x14ac:dyDescent="0.35">
      <c r="A4362" s="5" t="s">
        <v>10</v>
      </c>
      <c r="B4362" s="6">
        <v>207828</v>
      </c>
      <c r="C4362" s="6" t="s">
        <v>16</v>
      </c>
      <c r="D4362" s="6" t="s">
        <v>2825</v>
      </c>
      <c r="E4362" s="6">
        <v>68276</v>
      </c>
      <c r="F4362" s="6" t="s">
        <v>18</v>
      </c>
      <c r="G4362" s="6" t="s">
        <v>8856</v>
      </c>
      <c r="H4362" s="6" t="s">
        <v>8857</v>
      </c>
      <c r="I4362" s="7">
        <v>7.0745692</v>
      </c>
      <c r="J4362" s="8">
        <v>-73.088961599999905</v>
      </c>
    </row>
    <row r="4363" spans="1:10" x14ac:dyDescent="0.35">
      <c r="A4363" s="5" t="s">
        <v>10</v>
      </c>
      <c r="B4363" s="6">
        <v>240109</v>
      </c>
      <c r="C4363" s="6" t="s">
        <v>68</v>
      </c>
      <c r="D4363" s="6" t="s">
        <v>69</v>
      </c>
      <c r="E4363" s="6">
        <v>11001</v>
      </c>
      <c r="F4363" s="6" t="s">
        <v>13</v>
      </c>
      <c r="G4363" s="6" t="s">
        <v>8858</v>
      </c>
      <c r="H4363" s="6" t="s">
        <v>8859</v>
      </c>
      <c r="I4363" s="7">
        <v>4.5985132999999996</v>
      </c>
      <c r="J4363" s="8">
        <v>-74.100507899999997</v>
      </c>
    </row>
    <row r="4364" spans="1:10" x14ac:dyDescent="0.35">
      <c r="A4364" s="5" t="s">
        <v>10</v>
      </c>
      <c r="B4364" s="6">
        <v>233695</v>
      </c>
      <c r="C4364" s="6" t="s">
        <v>68</v>
      </c>
      <c r="D4364" s="6" t="s">
        <v>69</v>
      </c>
      <c r="E4364" s="6">
        <v>11001</v>
      </c>
      <c r="F4364" s="6" t="s">
        <v>18</v>
      </c>
      <c r="G4364" s="6" t="s">
        <v>8860</v>
      </c>
      <c r="H4364" s="6" t="s">
        <v>8861</v>
      </c>
      <c r="I4364" s="7">
        <v>4.5928800000000001</v>
      </c>
      <c r="J4364" s="8">
        <v>-74.139529999999993</v>
      </c>
    </row>
    <row r="4365" spans="1:10" x14ac:dyDescent="0.35">
      <c r="A4365" s="5" t="s">
        <v>10</v>
      </c>
      <c r="B4365" s="6">
        <v>240017</v>
      </c>
      <c r="C4365" s="6" t="s">
        <v>3788</v>
      </c>
      <c r="D4365" s="6" t="s">
        <v>6771</v>
      </c>
      <c r="E4365" s="6">
        <v>18753</v>
      </c>
      <c r="F4365" s="6" t="s">
        <v>18</v>
      </c>
      <c r="G4365" s="6" t="s">
        <v>8862</v>
      </c>
      <c r="H4365" s="6" t="s">
        <v>8863</v>
      </c>
      <c r="I4365" s="7">
        <v>2.1136446000000002</v>
      </c>
      <c r="J4365" s="8">
        <v>-74.773205599999997</v>
      </c>
    </row>
    <row r="4366" spans="1:10" x14ac:dyDescent="0.35">
      <c r="A4366" s="5" t="s">
        <v>10</v>
      </c>
      <c r="B4366" s="6">
        <v>235567</v>
      </c>
      <c r="C4366" s="6" t="s">
        <v>68</v>
      </c>
      <c r="D4366" s="6" t="s">
        <v>69</v>
      </c>
      <c r="E4366" s="6">
        <v>11001</v>
      </c>
      <c r="F4366" s="6" t="s">
        <v>18</v>
      </c>
      <c r="G4366" s="6" t="s">
        <v>8864</v>
      </c>
      <c r="H4366" s="6" t="s">
        <v>8865</v>
      </c>
      <c r="I4366" s="7">
        <v>4.6222390000000004</v>
      </c>
      <c r="J4366" s="8">
        <v>-74.198081999999999</v>
      </c>
    </row>
    <row r="4367" spans="1:10" x14ac:dyDescent="0.35">
      <c r="A4367" s="5" t="s">
        <v>10</v>
      </c>
      <c r="B4367" s="6">
        <v>237391</v>
      </c>
      <c r="C4367" s="6" t="s">
        <v>4364</v>
      </c>
      <c r="D4367" s="6" t="s">
        <v>8866</v>
      </c>
      <c r="E4367" s="6">
        <v>70702</v>
      </c>
      <c r="F4367" s="6" t="s">
        <v>18</v>
      </c>
      <c r="G4367" s="6" t="s">
        <v>8867</v>
      </c>
      <c r="H4367" s="6" t="s">
        <v>8868</v>
      </c>
      <c r="I4367" s="7">
        <v>9.2711740999999996</v>
      </c>
      <c r="J4367" s="8">
        <v>-75.241214999999997</v>
      </c>
    </row>
    <row r="4368" spans="1:10" x14ac:dyDescent="0.35">
      <c r="A4368" s="5" t="s">
        <v>10</v>
      </c>
      <c r="B4368" s="6">
        <v>234394</v>
      </c>
      <c r="C4368" s="6" t="s">
        <v>308</v>
      </c>
      <c r="D4368" s="6" t="s">
        <v>8869</v>
      </c>
      <c r="E4368" s="6">
        <v>23464</v>
      </c>
      <c r="F4368" s="6" t="s">
        <v>18</v>
      </c>
      <c r="G4368" s="6" t="s">
        <v>8870</v>
      </c>
      <c r="H4368" s="6" t="s">
        <v>8871</v>
      </c>
      <c r="I4368" s="7">
        <v>9.2367199000000006</v>
      </c>
      <c r="J4368" s="8">
        <v>-75.676694400000002</v>
      </c>
    </row>
    <row r="4369" spans="1:10" x14ac:dyDescent="0.35">
      <c r="A4369" s="5" t="s">
        <v>10</v>
      </c>
      <c r="B4369" s="6">
        <v>83515</v>
      </c>
      <c r="C4369" s="6" t="s">
        <v>294</v>
      </c>
      <c r="D4369" s="6" t="s">
        <v>6982</v>
      </c>
      <c r="E4369" s="6">
        <v>41885</v>
      </c>
      <c r="F4369" s="6" t="s">
        <v>18</v>
      </c>
      <c r="G4369" s="6" t="s">
        <v>8872</v>
      </c>
      <c r="H4369" s="6" t="s">
        <v>8873</v>
      </c>
      <c r="I4369" s="7">
        <v>2.6667393000000001</v>
      </c>
      <c r="J4369" s="8">
        <v>-75.520653999999993</v>
      </c>
    </row>
    <row r="4370" spans="1:10" x14ac:dyDescent="0.35">
      <c r="A4370" s="5" t="s">
        <v>10</v>
      </c>
      <c r="B4370" s="6">
        <v>229552</v>
      </c>
      <c r="C4370" s="6" t="s">
        <v>68</v>
      </c>
      <c r="D4370" s="6" t="s">
        <v>69</v>
      </c>
      <c r="E4370" s="6">
        <v>11001</v>
      </c>
      <c r="F4370" s="6" t="s">
        <v>18</v>
      </c>
      <c r="G4370" s="6" t="s">
        <v>8874</v>
      </c>
      <c r="H4370" s="6" t="s">
        <v>8875</v>
      </c>
      <c r="I4370" s="7">
        <v>4.5035502999999997</v>
      </c>
      <c r="J4370" s="8">
        <v>-74.104862499999996</v>
      </c>
    </row>
    <row r="4371" spans="1:10" x14ac:dyDescent="0.35">
      <c r="A4371" s="5" t="s">
        <v>10</v>
      </c>
      <c r="B4371" s="6">
        <v>140331</v>
      </c>
      <c r="C4371" s="6" t="s">
        <v>68</v>
      </c>
      <c r="D4371" s="6" t="s">
        <v>69</v>
      </c>
      <c r="E4371" s="6">
        <v>11001</v>
      </c>
      <c r="F4371" s="6" t="s">
        <v>18</v>
      </c>
      <c r="G4371" s="6" t="s">
        <v>8876</v>
      </c>
      <c r="H4371" s="6" t="s">
        <v>8877</v>
      </c>
      <c r="I4371" s="7">
        <v>4.5061159000000002</v>
      </c>
      <c r="J4371" s="8">
        <v>-74.116733799999906</v>
      </c>
    </row>
    <row r="4372" spans="1:10" x14ac:dyDescent="0.35">
      <c r="A4372" s="5" t="s">
        <v>10</v>
      </c>
      <c r="B4372" s="6">
        <v>235986</v>
      </c>
      <c r="C4372" s="6" t="s">
        <v>68</v>
      </c>
      <c r="D4372" s="6" t="s">
        <v>69</v>
      </c>
      <c r="E4372" s="6">
        <v>11001</v>
      </c>
      <c r="F4372" s="6" t="s">
        <v>18</v>
      </c>
      <c r="G4372" s="6" t="s">
        <v>8878</v>
      </c>
      <c r="H4372" s="6" t="s">
        <v>8879</v>
      </c>
      <c r="I4372" s="7">
        <v>4.5976470999999997</v>
      </c>
      <c r="J4372" s="8">
        <v>-74.078430100000006</v>
      </c>
    </row>
    <row r="4373" spans="1:10" x14ac:dyDescent="0.35">
      <c r="A4373" s="5" t="s">
        <v>10</v>
      </c>
      <c r="B4373" s="6">
        <v>132228</v>
      </c>
      <c r="C4373" s="6" t="s">
        <v>11</v>
      </c>
      <c r="D4373" s="6" t="s">
        <v>8880</v>
      </c>
      <c r="E4373" s="6">
        <v>25506</v>
      </c>
      <c r="F4373" s="6" t="s">
        <v>18</v>
      </c>
      <c r="G4373" s="6" t="s">
        <v>8881</v>
      </c>
      <c r="H4373" s="6" t="s">
        <v>8882</v>
      </c>
      <c r="I4373" s="7">
        <v>4.0886899999999997</v>
      </c>
      <c r="J4373" s="8">
        <v>-74.478459999999998</v>
      </c>
    </row>
    <row r="4374" spans="1:10" x14ac:dyDescent="0.35">
      <c r="A4374" s="5" t="s">
        <v>10</v>
      </c>
      <c r="B4374" s="6">
        <v>197053</v>
      </c>
      <c r="C4374" s="6" t="s">
        <v>2821</v>
      </c>
      <c r="D4374" s="6" t="s">
        <v>2822</v>
      </c>
      <c r="E4374" s="6">
        <v>47001</v>
      </c>
      <c r="F4374" s="6" t="s">
        <v>18</v>
      </c>
      <c r="G4374" s="6" t="s">
        <v>8385</v>
      </c>
      <c r="H4374" s="6" t="s">
        <v>8386</v>
      </c>
      <c r="I4374" s="7">
        <v>11.2326335</v>
      </c>
      <c r="J4374" s="8">
        <v>-74.194842699999995</v>
      </c>
    </row>
    <row r="4375" spans="1:10" x14ac:dyDescent="0.35">
      <c r="A4375" s="5" t="s">
        <v>10</v>
      </c>
      <c r="B4375" s="6">
        <v>203437</v>
      </c>
      <c r="C4375" s="6" t="s">
        <v>302</v>
      </c>
      <c r="D4375" s="6" t="s">
        <v>4041</v>
      </c>
      <c r="E4375" s="6">
        <v>8758</v>
      </c>
      <c r="F4375" s="6" t="s">
        <v>18</v>
      </c>
      <c r="G4375" s="6" t="s">
        <v>8883</v>
      </c>
      <c r="H4375" s="6" t="s">
        <v>8884</v>
      </c>
      <c r="I4375" s="7">
        <v>10.9327778</v>
      </c>
      <c r="J4375" s="8">
        <v>-74.787886599999993</v>
      </c>
    </row>
    <row r="4376" spans="1:10" x14ac:dyDescent="0.35">
      <c r="A4376" s="5" t="s">
        <v>10</v>
      </c>
      <c r="B4376" s="6">
        <v>220679</v>
      </c>
      <c r="C4376" s="6" t="s">
        <v>38</v>
      </c>
      <c r="D4376" s="6" t="s">
        <v>39</v>
      </c>
      <c r="E4376" s="6">
        <v>19001</v>
      </c>
      <c r="F4376" s="6" t="s">
        <v>18</v>
      </c>
      <c r="G4376" s="6" t="s">
        <v>8885</v>
      </c>
      <c r="H4376" s="6" t="s">
        <v>8886</v>
      </c>
      <c r="I4376" s="7">
        <v>2.4366417999999999</v>
      </c>
      <c r="J4376" s="8">
        <v>-76.614839500000002</v>
      </c>
    </row>
    <row r="4377" spans="1:10" x14ac:dyDescent="0.35">
      <c r="A4377" s="5" t="s">
        <v>10</v>
      </c>
      <c r="B4377" s="6">
        <v>202592</v>
      </c>
      <c r="C4377" s="6" t="s">
        <v>16</v>
      </c>
      <c r="D4377" s="6" t="s">
        <v>78</v>
      </c>
      <c r="E4377" s="6">
        <v>68001</v>
      </c>
      <c r="F4377" s="6" t="s">
        <v>18</v>
      </c>
      <c r="G4377" s="6" t="s">
        <v>8887</v>
      </c>
      <c r="H4377" s="6" t="s">
        <v>8888</v>
      </c>
      <c r="I4377" s="7">
        <v>7.1314829</v>
      </c>
      <c r="J4377" s="8">
        <v>-73.113904599999998</v>
      </c>
    </row>
    <row r="4378" spans="1:10" x14ac:dyDescent="0.35">
      <c r="A4378" s="5" t="s">
        <v>10</v>
      </c>
      <c r="B4378" s="6">
        <v>232652</v>
      </c>
      <c r="C4378" s="6" t="s">
        <v>16</v>
      </c>
      <c r="D4378" s="6" t="s">
        <v>1401</v>
      </c>
      <c r="E4378" s="6">
        <v>68307</v>
      </c>
      <c r="F4378" s="6" t="s">
        <v>18</v>
      </c>
      <c r="G4378" s="6" t="s">
        <v>8889</v>
      </c>
      <c r="H4378" s="6" t="s">
        <v>8890</v>
      </c>
      <c r="I4378" s="7">
        <v>7.0742330000000004</v>
      </c>
      <c r="J4378" s="8">
        <v>-73.167533700000007</v>
      </c>
    </row>
    <row r="4379" spans="1:10" x14ac:dyDescent="0.35">
      <c r="A4379" s="5" t="s">
        <v>10</v>
      </c>
      <c r="B4379" s="6">
        <v>190472</v>
      </c>
      <c r="C4379" s="6" t="s">
        <v>68</v>
      </c>
      <c r="D4379" s="6" t="s">
        <v>69</v>
      </c>
      <c r="E4379" s="6">
        <v>11001</v>
      </c>
      <c r="F4379" s="6" t="s">
        <v>13</v>
      </c>
      <c r="G4379" s="6" t="s">
        <v>8891</v>
      </c>
      <c r="H4379" s="6" t="s">
        <v>8892</v>
      </c>
      <c r="I4379" s="7">
        <v>4.6696694000000001</v>
      </c>
      <c r="J4379" s="8">
        <v>-74.1454059</v>
      </c>
    </row>
    <row r="4380" spans="1:10" x14ac:dyDescent="0.35">
      <c r="A4380" s="5" t="s">
        <v>10</v>
      </c>
      <c r="B4380" s="6">
        <v>237440</v>
      </c>
      <c r="C4380" s="6" t="s">
        <v>68</v>
      </c>
      <c r="D4380" s="6" t="s">
        <v>69</v>
      </c>
      <c r="E4380" s="6">
        <v>11001</v>
      </c>
      <c r="F4380" s="6" t="s">
        <v>13</v>
      </c>
      <c r="G4380" s="6" t="s">
        <v>8893</v>
      </c>
      <c r="H4380" s="6" t="s">
        <v>8894</v>
      </c>
      <c r="I4380" s="7">
        <v>4.6048681</v>
      </c>
      <c r="J4380" s="8">
        <v>-74.070824500000001</v>
      </c>
    </row>
    <row r="4381" spans="1:10" x14ac:dyDescent="0.35">
      <c r="A4381" s="5" t="s">
        <v>10</v>
      </c>
      <c r="B4381" s="6">
        <v>237381</v>
      </c>
      <c r="C4381" s="6" t="s">
        <v>68</v>
      </c>
      <c r="D4381" s="6" t="s">
        <v>69</v>
      </c>
      <c r="E4381" s="6">
        <v>11001</v>
      </c>
      <c r="F4381" s="6" t="s">
        <v>13</v>
      </c>
      <c r="G4381" s="6" t="s">
        <v>8895</v>
      </c>
      <c r="H4381" s="6" t="s">
        <v>8896</v>
      </c>
      <c r="I4381" s="7">
        <v>4.6269080000000002</v>
      </c>
      <c r="J4381" s="8">
        <v>-74.091044999999994</v>
      </c>
    </row>
    <row r="4382" spans="1:10" x14ac:dyDescent="0.35">
      <c r="A4382" s="5" t="s">
        <v>10</v>
      </c>
      <c r="B4382" s="6">
        <v>228270</v>
      </c>
      <c r="C4382" s="6" t="s">
        <v>11</v>
      </c>
      <c r="D4382" s="6" t="s">
        <v>8897</v>
      </c>
      <c r="E4382" s="6">
        <v>25335</v>
      </c>
      <c r="F4382" s="6" t="s">
        <v>18</v>
      </c>
      <c r="G4382" s="6" t="s">
        <v>8898</v>
      </c>
      <c r="H4382" s="6" t="s">
        <v>8899</v>
      </c>
      <c r="I4382" s="7">
        <v>4.8076042000000001</v>
      </c>
      <c r="J4382" s="8">
        <v>-74.351202700000002</v>
      </c>
    </row>
    <row r="4383" spans="1:10" x14ac:dyDescent="0.35">
      <c r="A4383" s="5" t="s">
        <v>10</v>
      </c>
      <c r="B4383" s="6">
        <v>162779</v>
      </c>
      <c r="C4383" s="6" t="s">
        <v>16</v>
      </c>
      <c r="D4383" s="6" t="s">
        <v>78</v>
      </c>
      <c r="E4383" s="6">
        <v>68001</v>
      </c>
      <c r="F4383" s="6" t="s">
        <v>18</v>
      </c>
      <c r="G4383" s="6" t="s">
        <v>8900</v>
      </c>
      <c r="H4383" s="6" t="s">
        <v>8901</v>
      </c>
      <c r="I4383" s="7">
        <v>7.0935948999999896</v>
      </c>
      <c r="J4383" s="8">
        <v>-73.126420600000003</v>
      </c>
    </row>
    <row r="4384" spans="1:10" x14ac:dyDescent="0.35">
      <c r="A4384" s="5" t="s">
        <v>10</v>
      </c>
      <c r="B4384" s="6">
        <v>173791</v>
      </c>
      <c r="C4384" s="6" t="s">
        <v>68</v>
      </c>
      <c r="D4384" s="6" t="s">
        <v>69</v>
      </c>
      <c r="E4384" s="6">
        <v>11001</v>
      </c>
      <c r="F4384" s="6" t="s">
        <v>18</v>
      </c>
      <c r="G4384" s="6" t="s">
        <v>8902</v>
      </c>
      <c r="H4384" s="6" t="s">
        <v>8903</v>
      </c>
      <c r="I4384" s="7">
        <v>4.6996957999999998</v>
      </c>
      <c r="J4384" s="8">
        <v>-74.097518100000002</v>
      </c>
    </row>
    <row r="4385" spans="1:10" x14ac:dyDescent="0.35">
      <c r="A4385" s="5" t="s">
        <v>10</v>
      </c>
      <c r="B4385" s="6">
        <v>241423</v>
      </c>
      <c r="C4385" s="6" t="s">
        <v>302</v>
      </c>
      <c r="D4385" s="6" t="s">
        <v>359</v>
      </c>
      <c r="E4385" s="6">
        <v>8001</v>
      </c>
      <c r="F4385" s="6" t="s">
        <v>18</v>
      </c>
      <c r="G4385" s="6" t="s">
        <v>8904</v>
      </c>
      <c r="H4385" s="6" t="s">
        <v>8905</v>
      </c>
      <c r="I4385" s="7">
        <v>10.994918200000001</v>
      </c>
      <c r="J4385" s="8">
        <v>-74.788885699999994</v>
      </c>
    </row>
    <row r="4386" spans="1:10" x14ac:dyDescent="0.35">
      <c r="A4386" s="5" t="s">
        <v>10</v>
      </c>
      <c r="B4386" s="6">
        <v>212391</v>
      </c>
      <c r="C4386" s="6" t="s">
        <v>302</v>
      </c>
      <c r="D4386" s="6" t="s">
        <v>359</v>
      </c>
      <c r="E4386" s="6">
        <v>8001</v>
      </c>
      <c r="F4386" s="6" t="s">
        <v>18</v>
      </c>
      <c r="G4386" s="6" t="s">
        <v>8906</v>
      </c>
      <c r="H4386" s="6" t="s">
        <v>8907</v>
      </c>
      <c r="I4386" s="7">
        <v>10.993489500000001</v>
      </c>
      <c r="J4386" s="8">
        <v>-74.809100399999906</v>
      </c>
    </row>
    <row r="4387" spans="1:10" x14ac:dyDescent="0.35">
      <c r="A4387" s="5" t="s">
        <v>10</v>
      </c>
      <c r="B4387" s="6">
        <v>205736</v>
      </c>
      <c r="C4387" s="6" t="s">
        <v>16</v>
      </c>
      <c r="D4387" s="6" t="s">
        <v>1266</v>
      </c>
      <c r="E4387" s="6">
        <v>68081</v>
      </c>
      <c r="F4387" s="6" t="s">
        <v>18</v>
      </c>
      <c r="G4387" s="6" t="s">
        <v>8908</v>
      </c>
      <c r="H4387" s="6" t="s">
        <v>8909</v>
      </c>
      <c r="I4387" s="7">
        <v>7.070506</v>
      </c>
      <c r="J4387" s="8">
        <v>-73.857754099999994</v>
      </c>
    </row>
    <row r="4388" spans="1:10" x14ac:dyDescent="0.35">
      <c r="A4388" s="5" t="s">
        <v>10</v>
      </c>
      <c r="B4388" s="6">
        <v>239475</v>
      </c>
      <c r="C4388" s="6" t="s">
        <v>3788</v>
      </c>
      <c r="D4388" s="6" t="s">
        <v>4391</v>
      </c>
      <c r="E4388" s="6">
        <v>18094</v>
      </c>
      <c r="F4388" s="6" t="s">
        <v>18</v>
      </c>
      <c r="G4388" s="6" t="s">
        <v>8910</v>
      </c>
      <c r="H4388" s="6" t="s">
        <v>8911</v>
      </c>
      <c r="I4388" s="7">
        <v>1.4200429999999999</v>
      </c>
      <c r="J4388" s="8">
        <v>-75.872467099999994</v>
      </c>
    </row>
    <row r="4389" spans="1:10" x14ac:dyDescent="0.35">
      <c r="A4389" s="5" t="s">
        <v>10</v>
      </c>
      <c r="B4389" s="6">
        <v>235820</v>
      </c>
      <c r="C4389" s="6" t="s">
        <v>294</v>
      </c>
      <c r="D4389" s="6" t="s">
        <v>703</v>
      </c>
      <c r="E4389" s="6">
        <v>41001</v>
      </c>
      <c r="F4389" s="6" t="s">
        <v>13</v>
      </c>
      <c r="G4389" s="6" t="s">
        <v>8912</v>
      </c>
      <c r="H4389" s="6" t="s">
        <v>8913</v>
      </c>
      <c r="I4389" s="7">
        <v>2.9429726999999999</v>
      </c>
      <c r="J4389" s="8">
        <v>-75.288929100000004</v>
      </c>
    </row>
    <row r="4390" spans="1:10" x14ac:dyDescent="0.35">
      <c r="A4390" s="5" t="s">
        <v>10</v>
      </c>
      <c r="B4390" s="6">
        <v>232423</v>
      </c>
      <c r="C4390" s="6" t="s">
        <v>117</v>
      </c>
      <c r="D4390" s="6" t="s">
        <v>3402</v>
      </c>
      <c r="E4390" s="6">
        <v>76364</v>
      </c>
      <c r="F4390" s="6" t="s">
        <v>13</v>
      </c>
      <c r="G4390" s="6" t="s">
        <v>8914</v>
      </c>
      <c r="H4390" s="6" t="s">
        <v>8915</v>
      </c>
      <c r="I4390" s="7">
        <v>3.2622616</v>
      </c>
      <c r="J4390" s="8">
        <v>-76.538384800000003</v>
      </c>
    </row>
    <row r="4391" spans="1:10" x14ac:dyDescent="0.35">
      <c r="A4391" s="5" t="s">
        <v>10</v>
      </c>
      <c r="B4391" s="6">
        <v>232096</v>
      </c>
      <c r="C4391" s="6" t="s">
        <v>68</v>
      </c>
      <c r="D4391" s="6" t="s">
        <v>69</v>
      </c>
      <c r="E4391" s="6">
        <v>11001</v>
      </c>
      <c r="F4391" s="6" t="s">
        <v>13</v>
      </c>
      <c r="G4391" s="6" t="s">
        <v>8916</v>
      </c>
      <c r="H4391" s="6" t="s">
        <v>8917</v>
      </c>
      <c r="I4391" s="7">
        <v>4.5882509999999996</v>
      </c>
      <c r="J4391" s="8">
        <v>-74.082589999999996</v>
      </c>
    </row>
    <row r="4392" spans="1:10" x14ac:dyDescent="0.35">
      <c r="A4392" s="5" t="s">
        <v>10</v>
      </c>
      <c r="B4392" s="6">
        <v>232273</v>
      </c>
      <c r="C4392" s="6" t="s">
        <v>68</v>
      </c>
      <c r="D4392" s="6" t="s">
        <v>69</v>
      </c>
      <c r="E4392" s="6">
        <v>11001</v>
      </c>
      <c r="F4392" s="6" t="s">
        <v>18</v>
      </c>
      <c r="G4392" s="6" t="s">
        <v>8918</v>
      </c>
      <c r="H4392" s="6" t="s">
        <v>8919</v>
      </c>
      <c r="I4392" s="7">
        <v>4.6963790000000003</v>
      </c>
      <c r="J4392" s="8">
        <v>-74.056551999999996</v>
      </c>
    </row>
    <row r="4393" spans="1:10" x14ac:dyDescent="0.35">
      <c r="A4393" s="5" t="s">
        <v>10</v>
      </c>
      <c r="B4393" s="6">
        <v>245042</v>
      </c>
      <c r="C4393" s="6" t="s">
        <v>294</v>
      </c>
      <c r="D4393" s="6" t="s">
        <v>447</v>
      </c>
      <c r="E4393" s="6">
        <v>41551</v>
      </c>
      <c r="F4393" s="6" t="s">
        <v>18</v>
      </c>
      <c r="G4393" s="6" t="s">
        <v>8920</v>
      </c>
      <c r="H4393" s="6" t="s">
        <v>8921</v>
      </c>
      <c r="I4393" s="7">
        <v>1.8563308999999999</v>
      </c>
      <c r="J4393" s="8">
        <v>-76.046161100000006</v>
      </c>
    </row>
    <row r="4394" spans="1:10" x14ac:dyDescent="0.35">
      <c r="A4394" s="5" t="s">
        <v>10</v>
      </c>
      <c r="B4394" s="6">
        <v>236588</v>
      </c>
      <c r="C4394" s="6" t="s">
        <v>68</v>
      </c>
      <c r="D4394" s="6" t="s">
        <v>69</v>
      </c>
      <c r="E4394" s="6">
        <v>11001</v>
      </c>
      <c r="F4394" s="6" t="s">
        <v>18</v>
      </c>
      <c r="G4394" s="6" t="s">
        <v>8922</v>
      </c>
      <c r="H4394" s="6" t="s">
        <v>8923</v>
      </c>
      <c r="I4394" s="7">
        <v>4.5781152000000001</v>
      </c>
      <c r="J4394" s="8">
        <v>-74.178347299999999</v>
      </c>
    </row>
    <row r="4395" spans="1:10" x14ac:dyDescent="0.35">
      <c r="A4395" s="5" t="s">
        <v>10</v>
      </c>
      <c r="B4395" s="6">
        <v>230524</v>
      </c>
      <c r="C4395" s="6" t="s">
        <v>68</v>
      </c>
      <c r="D4395" s="6" t="s">
        <v>69</v>
      </c>
      <c r="E4395" s="6">
        <v>11001</v>
      </c>
      <c r="F4395" s="6" t="s">
        <v>18</v>
      </c>
      <c r="G4395" s="6" t="s">
        <v>8924</v>
      </c>
      <c r="H4395" s="6" t="s">
        <v>8925</v>
      </c>
      <c r="I4395" s="7">
        <v>4.6279842000000002</v>
      </c>
      <c r="J4395" s="8">
        <v>-74.168859699999999</v>
      </c>
    </row>
    <row r="4396" spans="1:10" x14ac:dyDescent="0.35">
      <c r="A4396" s="5" t="s">
        <v>10</v>
      </c>
      <c r="B4396" s="6">
        <v>78573</v>
      </c>
      <c r="C4396" s="6" t="s">
        <v>11</v>
      </c>
      <c r="D4396" s="6" t="s">
        <v>4684</v>
      </c>
      <c r="E4396" s="6">
        <v>25394</v>
      </c>
      <c r="F4396" s="6" t="s">
        <v>18</v>
      </c>
      <c r="G4396" s="6" t="s">
        <v>8926</v>
      </c>
      <c r="H4396" s="6" t="s">
        <v>8927</v>
      </c>
      <c r="I4396" s="7">
        <v>4.8213859000000001</v>
      </c>
      <c r="J4396" s="8">
        <v>-73.168810299999905</v>
      </c>
    </row>
    <row r="4397" spans="1:10" x14ac:dyDescent="0.35">
      <c r="A4397" s="5" t="s">
        <v>10</v>
      </c>
      <c r="B4397" s="6">
        <v>146582</v>
      </c>
      <c r="C4397" s="6" t="s">
        <v>11</v>
      </c>
      <c r="D4397" s="6" t="s">
        <v>6321</v>
      </c>
      <c r="E4397" s="6">
        <v>25040</v>
      </c>
      <c r="F4397" s="6" t="s">
        <v>18</v>
      </c>
      <c r="G4397" s="6" t="s">
        <v>8928</v>
      </c>
      <c r="H4397" s="6" t="s">
        <v>8929</v>
      </c>
      <c r="I4397" s="7">
        <v>4.7616100000000001</v>
      </c>
      <c r="J4397" s="8">
        <v>-74.464581199999998</v>
      </c>
    </row>
    <row r="4398" spans="1:10" x14ac:dyDescent="0.35">
      <c r="A4398" s="5" t="s">
        <v>10</v>
      </c>
      <c r="B4398" s="6">
        <v>229648</v>
      </c>
      <c r="C4398" s="6" t="s">
        <v>366</v>
      </c>
      <c r="D4398" s="6" t="s">
        <v>367</v>
      </c>
      <c r="E4398" s="6">
        <v>44430</v>
      </c>
      <c r="F4398" s="6" t="s">
        <v>18</v>
      </c>
      <c r="G4398" s="6" t="s">
        <v>8930</v>
      </c>
      <c r="H4398" s="6" t="s">
        <v>8931</v>
      </c>
      <c r="I4398" s="7">
        <v>11.3752368</v>
      </c>
      <c r="J4398" s="8">
        <v>-72.2393146</v>
      </c>
    </row>
    <row r="4399" spans="1:10" x14ac:dyDescent="0.35">
      <c r="A4399" s="5" t="s">
        <v>10</v>
      </c>
      <c r="B4399" s="6">
        <v>239311</v>
      </c>
      <c r="C4399" s="6" t="s">
        <v>366</v>
      </c>
      <c r="D4399" s="6" t="s">
        <v>7555</v>
      </c>
      <c r="E4399" s="6">
        <v>44078</v>
      </c>
      <c r="F4399" s="6" t="s">
        <v>18</v>
      </c>
      <c r="G4399" s="6" t="s">
        <v>8932</v>
      </c>
      <c r="H4399" s="6" t="s">
        <v>8933</v>
      </c>
      <c r="I4399" s="7">
        <v>10.956970800000001</v>
      </c>
      <c r="J4399" s="8">
        <v>-72.788301000000004</v>
      </c>
    </row>
    <row r="4400" spans="1:10" x14ac:dyDescent="0.35">
      <c r="A4400" s="5" t="s">
        <v>10</v>
      </c>
      <c r="B4400" s="6">
        <v>203334</v>
      </c>
      <c r="C4400" s="6" t="s">
        <v>16</v>
      </c>
      <c r="D4400" s="6" t="s">
        <v>2825</v>
      </c>
      <c r="E4400" s="6">
        <v>68276</v>
      </c>
      <c r="F4400" s="6" t="s">
        <v>18</v>
      </c>
      <c r="G4400" s="6" t="s">
        <v>8934</v>
      </c>
      <c r="H4400" s="6" t="s">
        <v>8935</v>
      </c>
      <c r="I4400" s="7">
        <v>7.0679349</v>
      </c>
      <c r="J4400" s="8">
        <v>-73.086170800000005</v>
      </c>
    </row>
    <row r="4401" spans="1:10" x14ac:dyDescent="0.35">
      <c r="A4401" s="5" t="s">
        <v>10</v>
      </c>
      <c r="B4401" s="6">
        <v>153711</v>
      </c>
      <c r="C4401" s="6" t="s">
        <v>3788</v>
      </c>
      <c r="D4401" s="6" t="s">
        <v>8936</v>
      </c>
      <c r="E4401" s="6">
        <v>18256</v>
      </c>
      <c r="F4401" s="6" t="s">
        <v>18</v>
      </c>
      <c r="G4401" s="6" t="s">
        <v>8937</v>
      </c>
      <c r="H4401" s="6" t="s">
        <v>8938</v>
      </c>
      <c r="I4401" s="7">
        <v>1.5738274000000001</v>
      </c>
      <c r="J4401" s="8">
        <v>-75.325074999999998</v>
      </c>
    </row>
    <row r="4402" spans="1:10" x14ac:dyDescent="0.35">
      <c r="A4402" s="5" t="s">
        <v>10</v>
      </c>
      <c r="B4402" s="6">
        <v>168151</v>
      </c>
      <c r="C4402" s="6" t="s">
        <v>3788</v>
      </c>
      <c r="D4402" s="6" t="s">
        <v>3974</v>
      </c>
      <c r="E4402" s="6">
        <v>18001</v>
      </c>
      <c r="F4402" s="6" t="s">
        <v>18</v>
      </c>
      <c r="G4402" s="6" t="s">
        <v>8939</v>
      </c>
      <c r="H4402" s="6" t="s">
        <v>8940</v>
      </c>
      <c r="I4402" s="7">
        <v>1.6083068</v>
      </c>
      <c r="J4402" s="8">
        <v>-75.600268200000002</v>
      </c>
    </row>
    <row r="4403" spans="1:10" x14ac:dyDescent="0.35">
      <c r="A4403" s="5" t="s">
        <v>10</v>
      </c>
      <c r="B4403" s="6">
        <v>238470</v>
      </c>
      <c r="C4403" s="6" t="s">
        <v>24</v>
      </c>
      <c r="D4403" s="6" t="s">
        <v>7481</v>
      </c>
      <c r="E4403" s="6">
        <v>15511</v>
      </c>
      <c r="F4403" s="6" t="s">
        <v>18</v>
      </c>
      <c r="G4403" s="6" t="s">
        <v>8941</v>
      </c>
      <c r="H4403" s="6" t="s">
        <v>8942</v>
      </c>
      <c r="I4403" s="7">
        <v>5.1399274000000004</v>
      </c>
      <c r="J4403" s="8">
        <v>-73.398100900000003</v>
      </c>
    </row>
    <row r="4404" spans="1:10" x14ac:dyDescent="0.35">
      <c r="A4404" s="5" t="s">
        <v>10</v>
      </c>
      <c r="B4404" s="6">
        <v>144207</v>
      </c>
      <c r="C4404" s="6" t="s">
        <v>68</v>
      </c>
      <c r="D4404" s="6" t="s">
        <v>69</v>
      </c>
      <c r="E4404" s="6">
        <v>11001</v>
      </c>
      <c r="F4404" s="6" t="s">
        <v>18</v>
      </c>
      <c r="G4404" s="6" t="s">
        <v>8943</v>
      </c>
      <c r="H4404" s="6" t="s">
        <v>8944</v>
      </c>
      <c r="I4404" s="7">
        <v>4.6370795999999999</v>
      </c>
      <c r="J4404" s="8">
        <v>-74.20393</v>
      </c>
    </row>
    <row r="4405" spans="1:10" x14ac:dyDescent="0.35">
      <c r="A4405" s="5" t="s">
        <v>10</v>
      </c>
      <c r="B4405" s="6">
        <v>168977</v>
      </c>
      <c r="C4405" s="6" t="s">
        <v>68</v>
      </c>
      <c r="D4405" s="6" t="s">
        <v>69</v>
      </c>
      <c r="E4405" s="6">
        <v>11001</v>
      </c>
      <c r="F4405" s="6" t="s">
        <v>18</v>
      </c>
      <c r="G4405" s="6" t="s">
        <v>8945</v>
      </c>
      <c r="H4405" s="6" t="s">
        <v>8946</v>
      </c>
      <c r="I4405" s="7">
        <v>4.6921480999999998</v>
      </c>
      <c r="J4405" s="8">
        <v>-74.151736200000002</v>
      </c>
    </row>
    <row r="4406" spans="1:10" x14ac:dyDescent="0.35">
      <c r="A4406" s="5" t="s">
        <v>10</v>
      </c>
      <c r="B4406" s="6">
        <v>165767</v>
      </c>
      <c r="C4406" s="6" t="s">
        <v>302</v>
      </c>
      <c r="D4406" s="6" t="s">
        <v>4041</v>
      </c>
      <c r="E4406" s="6">
        <v>8758</v>
      </c>
      <c r="F4406" s="6" t="s">
        <v>18</v>
      </c>
      <c r="G4406" s="6" t="s">
        <v>8947</v>
      </c>
      <c r="H4406" s="6" t="s">
        <v>8948</v>
      </c>
      <c r="I4406" s="7">
        <v>10.933068</v>
      </c>
      <c r="J4406" s="8">
        <v>-74.786175599999893</v>
      </c>
    </row>
    <row r="4407" spans="1:10" x14ac:dyDescent="0.35">
      <c r="A4407" s="5" t="s">
        <v>10</v>
      </c>
      <c r="B4407" s="6">
        <v>202863</v>
      </c>
      <c r="C4407" s="6" t="s">
        <v>16</v>
      </c>
      <c r="D4407" s="6" t="s">
        <v>78</v>
      </c>
      <c r="E4407" s="6">
        <v>68001</v>
      </c>
      <c r="F4407" s="6" t="s">
        <v>18</v>
      </c>
      <c r="G4407" s="6" t="s">
        <v>8949</v>
      </c>
      <c r="H4407" s="6" t="s">
        <v>8950</v>
      </c>
      <c r="I4407" s="7">
        <v>7.1303049999999999</v>
      </c>
      <c r="J4407" s="8">
        <v>-73.123183799999893</v>
      </c>
    </row>
    <row r="4408" spans="1:10" x14ac:dyDescent="0.35">
      <c r="A4408" s="5" t="s">
        <v>10</v>
      </c>
      <c r="B4408" s="6">
        <v>226783</v>
      </c>
      <c r="C4408" s="6" t="s">
        <v>68</v>
      </c>
      <c r="D4408" s="6" t="s">
        <v>69</v>
      </c>
      <c r="E4408" s="6">
        <v>11001</v>
      </c>
      <c r="F4408" s="6" t="s">
        <v>18</v>
      </c>
      <c r="G4408" s="6" t="s">
        <v>8951</v>
      </c>
      <c r="H4408" s="6" t="s">
        <v>8952</v>
      </c>
      <c r="I4408" s="7">
        <v>4.6391600999999998</v>
      </c>
      <c r="J4408" s="8">
        <v>-74.163487500000002</v>
      </c>
    </row>
    <row r="4409" spans="1:10" x14ac:dyDescent="0.35">
      <c r="A4409" s="5" t="s">
        <v>10</v>
      </c>
      <c r="B4409" s="6">
        <v>237398</v>
      </c>
      <c r="C4409" s="6" t="s">
        <v>68</v>
      </c>
      <c r="D4409" s="6" t="s">
        <v>69</v>
      </c>
      <c r="E4409" s="6">
        <v>11001</v>
      </c>
      <c r="F4409" s="6" t="s">
        <v>18</v>
      </c>
      <c r="G4409" s="6" t="s">
        <v>8953</v>
      </c>
      <c r="H4409" s="6" t="s">
        <v>8954</v>
      </c>
      <c r="I4409" s="7">
        <v>4.5102012</v>
      </c>
      <c r="J4409" s="8">
        <v>-74.116386000000006</v>
      </c>
    </row>
    <row r="4410" spans="1:10" x14ac:dyDescent="0.35">
      <c r="A4410" s="5" t="s">
        <v>10</v>
      </c>
      <c r="B4410" s="6">
        <v>198238</v>
      </c>
      <c r="C4410" s="6" t="s">
        <v>294</v>
      </c>
      <c r="D4410" s="6" t="s">
        <v>703</v>
      </c>
      <c r="E4410" s="6">
        <v>41001</v>
      </c>
      <c r="F4410" s="6" t="s">
        <v>18</v>
      </c>
      <c r="G4410" s="6" t="s">
        <v>8955</v>
      </c>
      <c r="H4410" s="6" t="s">
        <v>8956</v>
      </c>
      <c r="I4410" s="7">
        <v>2.9479549</v>
      </c>
      <c r="J4410" s="8">
        <v>-75.301503299999993</v>
      </c>
    </row>
    <row r="4411" spans="1:10" x14ac:dyDescent="0.35">
      <c r="A4411" s="5" t="s">
        <v>10</v>
      </c>
      <c r="B4411" s="6">
        <v>228643</v>
      </c>
      <c r="C4411" s="6" t="s">
        <v>294</v>
      </c>
      <c r="D4411" s="6" t="s">
        <v>703</v>
      </c>
      <c r="E4411" s="6">
        <v>41001</v>
      </c>
      <c r="F4411" s="6" t="s">
        <v>18</v>
      </c>
      <c r="G4411" s="6" t="s">
        <v>8957</v>
      </c>
      <c r="H4411" s="6" t="s">
        <v>8958</v>
      </c>
      <c r="I4411" s="7">
        <v>3.0825200000000001</v>
      </c>
      <c r="J4411" s="8">
        <v>-75.484740000000002</v>
      </c>
    </row>
    <row r="4412" spans="1:10" x14ac:dyDescent="0.35">
      <c r="A4412" s="5" t="s">
        <v>10</v>
      </c>
      <c r="B4412" s="6">
        <v>188487</v>
      </c>
      <c r="C4412" s="6" t="s">
        <v>68</v>
      </c>
      <c r="D4412" s="6" t="s">
        <v>69</v>
      </c>
      <c r="E4412" s="6">
        <v>11001</v>
      </c>
      <c r="F4412" s="6" t="s">
        <v>18</v>
      </c>
      <c r="G4412" s="6" t="s">
        <v>8959</v>
      </c>
      <c r="H4412" s="6" t="s">
        <v>8960</v>
      </c>
      <c r="I4412" s="7">
        <v>4.5667078999999999</v>
      </c>
      <c r="J4412" s="8">
        <v>-74.083886699999994</v>
      </c>
    </row>
    <row r="4413" spans="1:10" x14ac:dyDescent="0.35">
      <c r="A4413" s="5" t="s">
        <v>10</v>
      </c>
      <c r="B4413" s="6">
        <v>171924</v>
      </c>
      <c r="C4413" s="6" t="s">
        <v>68</v>
      </c>
      <c r="D4413" s="6" t="s">
        <v>69</v>
      </c>
      <c r="E4413" s="6">
        <v>11001</v>
      </c>
      <c r="F4413" s="6" t="s">
        <v>18</v>
      </c>
      <c r="G4413" s="6" t="s">
        <v>8961</v>
      </c>
      <c r="H4413" s="6" t="s">
        <v>8962</v>
      </c>
      <c r="I4413" s="7">
        <v>4.6338521999999998</v>
      </c>
      <c r="J4413" s="8">
        <v>-74.193759599999893</v>
      </c>
    </row>
    <row r="4414" spans="1:10" x14ac:dyDescent="0.35">
      <c r="A4414" s="5" t="s">
        <v>10</v>
      </c>
      <c r="B4414" s="6">
        <v>202892</v>
      </c>
      <c r="C4414" s="6" t="s">
        <v>302</v>
      </c>
      <c r="D4414" s="6" t="s">
        <v>4041</v>
      </c>
      <c r="E4414" s="6">
        <v>8758</v>
      </c>
      <c r="F4414" s="6" t="s">
        <v>18</v>
      </c>
      <c r="G4414" s="6" t="s">
        <v>8963</v>
      </c>
      <c r="H4414" s="6" t="s">
        <v>8964</v>
      </c>
      <c r="I4414" s="7">
        <v>10.917072299999999</v>
      </c>
      <c r="J4414" s="8">
        <v>-74.781423799999999</v>
      </c>
    </row>
    <row r="4415" spans="1:10" x14ac:dyDescent="0.35">
      <c r="A4415" s="5" t="s">
        <v>10</v>
      </c>
      <c r="B4415" s="6">
        <v>243780</v>
      </c>
      <c r="C4415" s="6" t="s">
        <v>38</v>
      </c>
      <c r="D4415" s="6" t="s">
        <v>39</v>
      </c>
      <c r="E4415" s="6">
        <v>19001</v>
      </c>
      <c r="F4415" s="6" t="s">
        <v>18</v>
      </c>
      <c r="G4415" s="6" t="s">
        <v>8965</v>
      </c>
      <c r="H4415" s="6" t="s">
        <v>8966</v>
      </c>
      <c r="I4415" s="7">
        <v>2.4400642000000001</v>
      </c>
      <c r="J4415" s="8">
        <v>-76.621040899999997</v>
      </c>
    </row>
    <row r="4416" spans="1:10" x14ac:dyDescent="0.35">
      <c r="A4416" s="5" t="s">
        <v>10</v>
      </c>
      <c r="B4416" s="6">
        <v>233977</v>
      </c>
      <c r="C4416" s="6" t="s">
        <v>16</v>
      </c>
      <c r="D4416" s="6" t="s">
        <v>2825</v>
      </c>
      <c r="E4416" s="6">
        <v>68276</v>
      </c>
      <c r="F4416" s="6" t="s">
        <v>18</v>
      </c>
      <c r="G4416" s="6" t="s">
        <v>8967</v>
      </c>
      <c r="H4416" s="6" t="s">
        <v>8968</v>
      </c>
      <c r="I4416" s="7">
        <v>7.0969214000000003</v>
      </c>
      <c r="J4416" s="8">
        <v>-73.094162800000007</v>
      </c>
    </row>
    <row r="4417" spans="1:10" x14ac:dyDescent="0.35">
      <c r="A4417" s="5" t="s">
        <v>10</v>
      </c>
      <c r="B4417" s="6">
        <v>232317</v>
      </c>
      <c r="C4417" s="6" t="s">
        <v>24</v>
      </c>
      <c r="D4417" s="6" t="s">
        <v>137</v>
      </c>
      <c r="E4417" s="6">
        <v>15238</v>
      </c>
      <c r="F4417" s="6" t="s">
        <v>18</v>
      </c>
      <c r="G4417" s="6" t="s">
        <v>8969</v>
      </c>
      <c r="H4417" s="6" t="s">
        <v>8970</v>
      </c>
      <c r="I4417" s="7">
        <v>5.8174999999999999</v>
      </c>
      <c r="J4417" s="8">
        <v>-73.033439999999999</v>
      </c>
    </row>
    <row r="4418" spans="1:10" x14ac:dyDescent="0.35">
      <c r="A4418" s="5" t="s">
        <v>10</v>
      </c>
      <c r="B4418" s="6">
        <v>236897</v>
      </c>
      <c r="C4418" s="6" t="s">
        <v>68</v>
      </c>
      <c r="D4418" s="6" t="s">
        <v>69</v>
      </c>
      <c r="E4418" s="6">
        <v>11001</v>
      </c>
      <c r="F4418" s="6" t="s">
        <v>18</v>
      </c>
      <c r="G4418" s="6" t="s">
        <v>8971</v>
      </c>
      <c r="H4418" s="6" t="s">
        <v>8972</v>
      </c>
      <c r="I4418" s="7">
        <v>4.5388761999999998</v>
      </c>
      <c r="J4418" s="8">
        <v>-74.145228299999999</v>
      </c>
    </row>
    <row r="4419" spans="1:10" x14ac:dyDescent="0.35">
      <c r="A4419" s="5" t="s">
        <v>10</v>
      </c>
      <c r="B4419" s="6">
        <v>235943</v>
      </c>
      <c r="C4419" s="6" t="s">
        <v>16</v>
      </c>
      <c r="D4419" s="6" t="s">
        <v>1401</v>
      </c>
      <c r="E4419" s="6">
        <v>68307</v>
      </c>
      <c r="F4419" s="6" t="s">
        <v>18</v>
      </c>
      <c r="G4419" s="6" t="s">
        <v>8973</v>
      </c>
      <c r="H4419" s="6" t="s">
        <v>8974</v>
      </c>
      <c r="I4419" s="7">
        <v>7.0708368999999998</v>
      </c>
      <c r="J4419" s="8">
        <v>-73.158918299999996</v>
      </c>
    </row>
    <row r="4420" spans="1:10" x14ac:dyDescent="0.35">
      <c r="A4420" s="5" t="s">
        <v>10</v>
      </c>
      <c r="B4420" s="6">
        <v>135397</v>
      </c>
      <c r="C4420" s="6" t="s">
        <v>11</v>
      </c>
      <c r="D4420" s="6" t="s">
        <v>8975</v>
      </c>
      <c r="E4420" s="6">
        <v>25781</v>
      </c>
      <c r="F4420" s="6" t="s">
        <v>18</v>
      </c>
      <c r="G4420" s="6" t="s">
        <v>8976</v>
      </c>
      <c r="H4420" s="6" t="s">
        <v>8977</v>
      </c>
      <c r="I4420" s="7">
        <v>5.1980559999999896</v>
      </c>
      <c r="J4420" s="8">
        <v>-73.848190399999993</v>
      </c>
    </row>
    <row r="4421" spans="1:10" x14ac:dyDescent="0.35">
      <c r="A4421" s="5" t="s">
        <v>10</v>
      </c>
      <c r="B4421" s="6">
        <v>190409</v>
      </c>
      <c r="C4421" s="6" t="s">
        <v>11</v>
      </c>
      <c r="D4421" s="6" t="s">
        <v>4279</v>
      </c>
      <c r="E4421" s="6">
        <v>25099</v>
      </c>
      <c r="F4421" s="6" t="s">
        <v>18</v>
      </c>
      <c r="G4421" s="6" t="s">
        <v>8978</v>
      </c>
      <c r="H4421" s="6" t="s">
        <v>8979</v>
      </c>
      <c r="I4421" s="7">
        <v>4.7326180000000004</v>
      </c>
      <c r="J4421" s="8">
        <v>-74.341775999999996</v>
      </c>
    </row>
    <row r="4422" spans="1:10" x14ac:dyDescent="0.35">
      <c r="A4422" s="5" t="s">
        <v>10</v>
      </c>
      <c r="B4422" s="6">
        <v>170990</v>
      </c>
      <c r="C4422" s="6" t="s">
        <v>11</v>
      </c>
      <c r="D4422" s="6" t="s">
        <v>12</v>
      </c>
      <c r="E4422" s="6">
        <v>25899</v>
      </c>
      <c r="F4422" s="6" t="s">
        <v>18</v>
      </c>
      <c r="G4422" s="6" t="s">
        <v>8980</v>
      </c>
      <c r="H4422" s="6" t="s">
        <v>8981</v>
      </c>
      <c r="I4422" s="7">
        <v>5.0187225999999896</v>
      </c>
      <c r="J4422" s="8">
        <v>-74.001815999999906</v>
      </c>
    </row>
    <row r="4423" spans="1:10" x14ac:dyDescent="0.35">
      <c r="A4423" s="5" t="s">
        <v>10</v>
      </c>
      <c r="B4423" s="6">
        <v>225610</v>
      </c>
      <c r="C4423" s="6" t="s">
        <v>302</v>
      </c>
      <c r="D4423" s="6" t="s">
        <v>359</v>
      </c>
      <c r="E4423" s="6">
        <v>8001</v>
      </c>
      <c r="F4423" s="6" t="s">
        <v>18</v>
      </c>
      <c r="G4423" s="6" t="s">
        <v>8982</v>
      </c>
      <c r="H4423" s="6" t="s">
        <v>8983</v>
      </c>
      <c r="I4423" s="7">
        <v>10.9478364</v>
      </c>
      <c r="J4423" s="8">
        <v>-74.795303199999907</v>
      </c>
    </row>
    <row r="4424" spans="1:10" x14ac:dyDescent="0.35">
      <c r="A4424" s="5" t="s">
        <v>10</v>
      </c>
      <c r="B4424" s="6">
        <v>239718</v>
      </c>
      <c r="C4424" s="6" t="s">
        <v>308</v>
      </c>
      <c r="D4424" s="6" t="s">
        <v>8338</v>
      </c>
      <c r="E4424" s="6">
        <v>23555</v>
      </c>
      <c r="F4424" s="6" t="s">
        <v>18</v>
      </c>
      <c r="G4424" s="6" t="s">
        <v>8984</v>
      </c>
      <c r="H4424" s="6" t="s">
        <v>8985</v>
      </c>
      <c r="I4424" s="7">
        <v>8.4106058000000008</v>
      </c>
      <c r="J4424" s="8">
        <v>-75.583510700000005</v>
      </c>
    </row>
    <row r="4425" spans="1:10" x14ac:dyDescent="0.35">
      <c r="A4425" s="5" t="s">
        <v>10</v>
      </c>
      <c r="B4425" s="6">
        <v>243249</v>
      </c>
      <c r="C4425" s="6" t="s">
        <v>7527</v>
      </c>
      <c r="D4425" s="6" t="s">
        <v>8759</v>
      </c>
      <c r="E4425" s="6">
        <v>27001</v>
      </c>
      <c r="F4425" s="6" t="s">
        <v>18</v>
      </c>
      <c r="G4425" s="6" t="s">
        <v>8986</v>
      </c>
      <c r="H4425" s="6" t="s">
        <v>8987</v>
      </c>
      <c r="I4425" s="7">
        <v>5.6922959999999998</v>
      </c>
      <c r="J4425" s="8">
        <v>-76.6595619</v>
      </c>
    </row>
    <row r="4426" spans="1:10" x14ac:dyDescent="0.35">
      <c r="A4426" s="5" t="s">
        <v>10</v>
      </c>
      <c r="B4426" s="6">
        <v>213591</v>
      </c>
      <c r="C4426" s="6" t="s">
        <v>16</v>
      </c>
      <c r="D4426" s="6" t="s">
        <v>1401</v>
      </c>
      <c r="E4426" s="6">
        <v>68307</v>
      </c>
      <c r="F4426" s="6" t="s">
        <v>18</v>
      </c>
      <c r="G4426" s="6" t="s">
        <v>8988</v>
      </c>
      <c r="H4426" s="6" t="s">
        <v>8989</v>
      </c>
      <c r="I4426" s="7">
        <v>7.1168161999999997</v>
      </c>
      <c r="J4426" s="8">
        <v>-73.118666699999906</v>
      </c>
    </row>
    <row r="4427" spans="1:10" x14ac:dyDescent="0.35">
      <c r="A4427" s="5" t="s">
        <v>10</v>
      </c>
      <c r="B4427" s="6">
        <v>213624</v>
      </c>
      <c r="C4427" s="6" t="s">
        <v>16</v>
      </c>
      <c r="D4427" s="6" t="s">
        <v>510</v>
      </c>
      <c r="E4427" s="6">
        <v>68547</v>
      </c>
      <c r="F4427" s="6" t="s">
        <v>18</v>
      </c>
      <c r="G4427" s="6" t="s">
        <v>8990</v>
      </c>
      <c r="H4427" s="6" t="s">
        <v>8991</v>
      </c>
      <c r="I4427" s="7">
        <v>6.9843928999999996</v>
      </c>
      <c r="J4427" s="8">
        <v>-73.052172499999998</v>
      </c>
    </row>
    <row r="4428" spans="1:10" x14ac:dyDescent="0.35">
      <c r="A4428" s="5" t="s">
        <v>10</v>
      </c>
      <c r="B4428" s="6">
        <v>236436</v>
      </c>
      <c r="C4428" s="6" t="s">
        <v>16</v>
      </c>
      <c r="D4428" s="6" t="s">
        <v>2825</v>
      </c>
      <c r="E4428" s="6">
        <v>68276</v>
      </c>
      <c r="F4428" s="6" t="s">
        <v>18</v>
      </c>
      <c r="G4428" s="6" t="s">
        <v>8992</v>
      </c>
      <c r="H4428" s="6" t="s">
        <v>8993</v>
      </c>
      <c r="I4428" s="7">
        <v>7.0702476000000001</v>
      </c>
      <c r="J4428" s="8">
        <v>-73.094202899999999</v>
      </c>
    </row>
    <row r="4429" spans="1:10" x14ac:dyDescent="0.35">
      <c r="A4429" s="5" t="s">
        <v>10</v>
      </c>
      <c r="B4429" s="6">
        <v>207310</v>
      </c>
      <c r="C4429" s="6" t="s">
        <v>16</v>
      </c>
      <c r="D4429" s="6" t="s">
        <v>1266</v>
      </c>
      <c r="E4429" s="6">
        <v>68081</v>
      </c>
      <c r="F4429" s="6" t="s">
        <v>18</v>
      </c>
      <c r="G4429" s="6" t="s">
        <v>8994</v>
      </c>
      <c r="H4429" s="6" t="s">
        <v>8995</v>
      </c>
      <c r="I4429" s="7">
        <v>7.0741700999999999</v>
      </c>
      <c r="J4429" s="8">
        <v>-73.8459225</v>
      </c>
    </row>
    <row r="4430" spans="1:10" x14ac:dyDescent="0.35">
      <c r="A4430" s="5" t="s">
        <v>10</v>
      </c>
      <c r="B4430" s="6">
        <v>242870</v>
      </c>
      <c r="C4430" s="6" t="s">
        <v>16</v>
      </c>
      <c r="D4430" s="6" t="s">
        <v>78</v>
      </c>
      <c r="E4430" s="6">
        <v>68001</v>
      </c>
      <c r="F4430" s="6" t="s">
        <v>18</v>
      </c>
      <c r="G4430" s="6" t="s">
        <v>8996</v>
      </c>
      <c r="H4430" s="6" t="s">
        <v>8997</v>
      </c>
      <c r="I4430" s="7">
        <v>7.0837085000000002</v>
      </c>
      <c r="J4430" s="8">
        <v>-73.119964300000007</v>
      </c>
    </row>
    <row r="4431" spans="1:10" x14ac:dyDescent="0.35">
      <c r="A4431" s="5" t="s">
        <v>10</v>
      </c>
      <c r="B4431" s="6">
        <v>211624</v>
      </c>
      <c r="C4431" s="6" t="s">
        <v>55</v>
      </c>
      <c r="D4431" s="6" t="s">
        <v>56</v>
      </c>
      <c r="E4431" s="6">
        <v>73001</v>
      </c>
      <c r="F4431" s="6" t="s">
        <v>13</v>
      </c>
      <c r="G4431" s="6" t="s">
        <v>8998</v>
      </c>
      <c r="H4431" s="6" t="s">
        <v>8999</v>
      </c>
      <c r="I4431" s="7">
        <v>4.4504223999999999</v>
      </c>
      <c r="J4431" s="8">
        <v>-75.143091400000003</v>
      </c>
    </row>
    <row r="4432" spans="1:10" x14ac:dyDescent="0.35">
      <c r="A4432" s="5" t="s">
        <v>10</v>
      </c>
      <c r="B4432" s="6">
        <v>231379</v>
      </c>
      <c r="C4432" s="6" t="s">
        <v>117</v>
      </c>
      <c r="D4432" s="6" t="s">
        <v>1334</v>
      </c>
      <c r="E4432" s="6">
        <v>76001</v>
      </c>
      <c r="F4432" s="6" t="s">
        <v>13</v>
      </c>
      <c r="G4432" s="6" t="s">
        <v>9000</v>
      </c>
      <c r="H4432" s="6" t="s">
        <v>9001</v>
      </c>
      <c r="I4432" s="7">
        <v>3.4949408000000002</v>
      </c>
      <c r="J4432" s="8">
        <v>-76.4946573</v>
      </c>
    </row>
    <row r="4433" spans="1:10" x14ac:dyDescent="0.35">
      <c r="A4433" s="5" t="s">
        <v>10</v>
      </c>
      <c r="B4433" s="6">
        <v>216520</v>
      </c>
      <c r="C4433" s="6" t="s">
        <v>68</v>
      </c>
      <c r="D4433" s="6" t="s">
        <v>69</v>
      </c>
      <c r="E4433" s="6">
        <v>11001</v>
      </c>
      <c r="F4433" s="6" t="s">
        <v>18</v>
      </c>
      <c r="G4433" s="6" t="s">
        <v>9002</v>
      </c>
      <c r="H4433" s="6" t="s">
        <v>9003</v>
      </c>
      <c r="I4433" s="7">
        <v>4.6791276999999996</v>
      </c>
      <c r="J4433" s="8">
        <v>-74.096842600000002</v>
      </c>
    </row>
    <row r="4434" spans="1:10" x14ac:dyDescent="0.35">
      <c r="A4434" s="5" t="s">
        <v>10</v>
      </c>
      <c r="B4434" s="6">
        <v>227391</v>
      </c>
      <c r="C4434" s="6" t="s">
        <v>68</v>
      </c>
      <c r="D4434" s="6" t="s">
        <v>69</v>
      </c>
      <c r="E4434" s="6">
        <v>11001</v>
      </c>
      <c r="F4434" s="6" t="s">
        <v>18</v>
      </c>
      <c r="G4434" s="6" t="s">
        <v>9004</v>
      </c>
      <c r="H4434" s="6" t="s">
        <v>9005</v>
      </c>
      <c r="I4434" s="7">
        <v>4.5663600999999998</v>
      </c>
      <c r="J4434" s="8">
        <v>-74.129487499999996</v>
      </c>
    </row>
    <row r="4435" spans="1:10" x14ac:dyDescent="0.35">
      <c r="A4435" s="5" t="s">
        <v>10</v>
      </c>
      <c r="B4435" s="6">
        <v>239879</v>
      </c>
      <c r="C4435" s="6" t="s">
        <v>109</v>
      </c>
      <c r="D4435" s="6" t="s">
        <v>227</v>
      </c>
      <c r="E4435" s="6">
        <v>13001</v>
      </c>
      <c r="F4435" s="6" t="s">
        <v>18</v>
      </c>
      <c r="G4435" s="6" t="s">
        <v>9006</v>
      </c>
      <c r="H4435" s="6" t="s">
        <v>9007</v>
      </c>
      <c r="I4435" s="7">
        <v>10.4263893</v>
      </c>
      <c r="J4435" s="8">
        <v>-75.531726300000003</v>
      </c>
    </row>
    <row r="4436" spans="1:10" x14ac:dyDescent="0.35">
      <c r="A4436" s="5" t="s">
        <v>10</v>
      </c>
      <c r="B4436" s="6">
        <v>228462</v>
      </c>
      <c r="C4436" s="6" t="s">
        <v>294</v>
      </c>
      <c r="D4436" s="6" t="s">
        <v>703</v>
      </c>
      <c r="E4436" s="6">
        <v>41001</v>
      </c>
      <c r="F4436" s="6" t="s">
        <v>18</v>
      </c>
      <c r="G4436" s="6" t="s">
        <v>9008</v>
      </c>
      <c r="H4436" s="6" t="s">
        <v>9009</v>
      </c>
      <c r="I4436" s="7">
        <v>2.9655605</v>
      </c>
      <c r="J4436" s="8">
        <v>-75.290360899999996</v>
      </c>
    </row>
    <row r="4437" spans="1:10" x14ac:dyDescent="0.35">
      <c r="A4437" s="5" t="s">
        <v>10</v>
      </c>
      <c r="B4437" s="6">
        <v>235422</v>
      </c>
      <c r="C4437" s="6" t="s">
        <v>294</v>
      </c>
      <c r="D4437" s="6" t="s">
        <v>703</v>
      </c>
      <c r="E4437" s="6">
        <v>41001</v>
      </c>
      <c r="F4437" s="6" t="s">
        <v>18</v>
      </c>
      <c r="G4437" s="6" t="s">
        <v>9010</v>
      </c>
      <c r="H4437" s="6" t="s">
        <v>9011</v>
      </c>
      <c r="I4437" s="7">
        <v>2.9488127</v>
      </c>
      <c r="J4437" s="8">
        <v>-75.290484500000005</v>
      </c>
    </row>
    <row r="4438" spans="1:10" x14ac:dyDescent="0.35">
      <c r="A4438" s="5" t="s">
        <v>10</v>
      </c>
      <c r="B4438" s="6">
        <v>236967</v>
      </c>
      <c r="C4438" s="6" t="s">
        <v>16</v>
      </c>
      <c r="D4438" s="6" t="s">
        <v>1401</v>
      </c>
      <c r="E4438" s="6">
        <v>68307</v>
      </c>
      <c r="F4438" s="6" t="s">
        <v>18</v>
      </c>
      <c r="G4438" s="6" t="s">
        <v>9012</v>
      </c>
      <c r="H4438" s="6" t="s">
        <v>9013</v>
      </c>
      <c r="I4438" s="7">
        <v>7.0736999999999997</v>
      </c>
      <c r="J4438" s="8">
        <v>-73.164090299999998</v>
      </c>
    </row>
    <row r="4439" spans="1:10" x14ac:dyDescent="0.35">
      <c r="A4439" s="5" t="s">
        <v>10</v>
      </c>
      <c r="B4439" s="6">
        <v>93999</v>
      </c>
      <c r="C4439" s="6" t="s">
        <v>11</v>
      </c>
      <c r="D4439" s="6" t="s">
        <v>12</v>
      </c>
      <c r="E4439" s="6">
        <v>25899</v>
      </c>
      <c r="F4439" s="6" t="s">
        <v>18</v>
      </c>
      <c r="G4439" s="6" t="s">
        <v>7831</v>
      </c>
      <c r="H4439" s="6" t="s">
        <v>7832</v>
      </c>
      <c r="I4439" s="7">
        <v>5.0250671999999996</v>
      </c>
      <c r="J4439" s="8">
        <v>-74.004319499999994</v>
      </c>
    </row>
    <row r="4440" spans="1:10" x14ac:dyDescent="0.35">
      <c r="A4440" s="5" t="s">
        <v>10</v>
      </c>
      <c r="B4440" s="6">
        <v>211608</v>
      </c>
      <c r="C4440" s="6" t="s">
        <v>302</v>
      </c>
      <c r="D4440" s="6" t="s">
        <v>9014</v>
      </c>
      <c r="E4440" s="6">
        <v>8421</v>
      </c>
      <c r="F4440" s="6" t="s">
        <v>18</v>
      </c>
      <c r="G4440" s="6" t="s">
        <v>9015</v>
      </c>
      <c r="H4440" s="6" t="s">
        <v>9016</v>
      </c>
      <c r="I4440" s="7">
        <v>10.610412800000001</v>
      </c>
      <c r="J4440" s="8">
        <v>-75.143253000000001</v>
      </c>
    </row>
    <row r="4441" spans="1:10" x14ac:dyDescent="0.35">
      <c r="A4441" s="5" t="s">
        <v>10</v>
      </c>
      <c r="B4441" s="6">
        <v>235762</v>
      </c>
      <c r="C4441" s="6" t="s">
        <v>16</v>
      </c>
      <c r="D4441" s="6" t="s">
        <v>9017</v>
      </c>
      <c r="E4441" s="6">
        <v>68324</v>
      </c>
      <c r="F4441" s="6" t="s">
        <v>18</v>
      </c>
      <c r="G4441" s="6" t="s">
        <v>9018</v>
      </c>
      <c r="H4441" s="6" t="s">
        <v>9019</v>
      </c>
      <c r="I4441" s="7">
        <v>5.9552250000000004</v>
      </c>
      <c r="J4441" s="8">
        <v>-73.701640999999995</v>
      </c>
    </row>
    <row r="4442" spans="1:10" x14ac:dyDescent="0.35">
      <c r="A4442" s="5" t="s">
        <v>10</v>
      </c>
      <c r="B4442" s="6">
        <v>181225</v>
      </c>
      <c r="C4442" s="6" t="s">
        <v>24</v>
      </c>
      <c r="D4442" s="6" t="s">
        <v>88</v>
      </c>
      <c r="E4442" s="6">
        <v>15001</v>
      </c>
      <c r="F4442" s="6" t="s">
        <v>13</v>
      </c>
      <c r="G4442" s="6" t="s">
        <v>9020</v>
      </c>
      <c r="H4442" s="6" t="s">
        <v>9021</v>
      </c>
      <c r="I4442" s="7">
        <v>5.5179451000000004</v>
      </c>
      <c r="J4442" s="8">
        <v>-73.367407999999998</v>
      </c>
    </row>
    <row r="4443" spans="1:10" x14ac:dyDescent="0.35">
      <c r="A4443" s="5" t="s">
        <v>10</v>
      </c>
      <c r="B4443" s="6">
        <v>200868</v>
      </c>
      <c r="C4443" s="6" t="s">
        <v>302</v>
      </c>
      <c r="D4443" s="6" t="s">
        <v>359</v>
      </c>
      <c r="E4443" s="6">
        <v>8001</v>
      </c>
      <c r="F4443" s="6" t="s">
        <v>13</v>
      </c>
      <c r="G4443" s="6" t="s">
        <v>9022</v>
      </c>
      <c r="H4443" s="6" t="s">
        <v>9023</v>
      </c>
      <c r="I4443" s="7">
        <v>10.9723889</v>
      </c>
      <c r="J4443" s="8">
        <v>-74.809044400000005</v>
      </c>
    </row>
    <row r="4444" spans="1:10" x14ac:dyDescent="0.35">
      <c r="A4444" s="5" t="s">
        <v>10</v>
      </c>
      <c r="B4444" s="6">
        <v>218751</v>
      </c>
      <c r="C4444" s="6" t="s">
        <v>68</v>
      </c>
      <c r="D4444" s="6" t="s">
        <v>69</v>
      </c>
      <c r="E4444" s="6">
        <v>11001</v>
      </c>
      <c r="F4444" s="6" t="s">
        <v>18</v>
      </c>
      <c r="G4444" s="6" t="s">
        <v>9024</v>
      </c>
      <c r="H4444" s="6" t="s">
        <v>9025</v>
      </c>
      <c r="I4444" s="7">
        <v>4.5883813</v>
      </c>
      <c r="J4444" s="8">
        <v>-74.164622999999906</v>
      </c>
    </row>
    <row r="4445" spans="1:10" x14ac:dyDescent="0.35">
      <c r="A4445" s="5" t="s">
        <v>10</v>
      </c>
      <c r="B4445" s="6">
        <v>233276</v>
      </c>
      <c r="C4445" s="6" t="s">
        <v>68</v>
      </c>
      <c r="D4445" s="6" t="s">
        <v>69</v>
      </c>
      <c r="E4445" s="6">
        <v>11001</v>
      </c>
      <c r="F4445" s="6" t="s">
        <v>18</v>
      </c>
      <c r="G4445" s="6" t="s">
        <v>9026</v>
      </c>
      <c r="H4445" s="6" t="s">
        <v>9027</v>
      </c>
      <c r="I4445" s="7">
        <v>4.8220599999999996</v>
      </c>
      <c r="J4445" s="8">
        <v>-74.034800000000004</v>
      </c>
    </row>
    <row r="4446" spans="1:10" x14ac:dyDescent="0.35">
      <c r="A4446" s="5" t="s">
        <v>10</v>
      </c>
      <c r="B4446" s="6">
        <v>234006</v>
      </c>
      <c r="C4446" s="6" t="s">
        <v>68</v>
      </c>
      <c r="D4446" s="6" t="s">
        <v>69</v>
      </c>
      <c r="E4446" s="6">
        <v>11001</v>
      </c>
      <c r="F4446" s="6" t="s">
        <v>18</v>
      </c>
      <c r="G4446" s="6" t="s">
        <v>9028</v>
      </c>
      <c r="H4446" s="6" t="s">
        <v>9029</v>
      </c>
      <c r="I4446" s="7">
        <v>4.5118467999999998</v>
      </c>
      <c r="J4446" s="8">
        <v>-74.119584500000002</v>
      </c>
    </row>
    <row r="4447" spans="1:10" x14ac:dyDescent="0.35">
      <c r="A4447" s="5" t="s">
        <v>10</v>
      </c>
      <c r="B4447" s="6">
        <v>236387</v>
      </c>
      <c r="C4447" s="6" t="s">
        <v>94</v>
      </c>
      <c r="D4447" s="6" t="s">
        <v>98</v>
      </c>
      <c r="E4447" s="6">
        <v>66001</v>
      </c>
      <c r="F4447" s="6" t="s">
        <v>18</v>
      </c>
      <c r="G4447" s="6" t="s">
        <v>9030</v>
      </c>
      <c r="H4447" s="6" t="s">
        <v>9031</v>
      </c>
      <c r="I4447" s="7">
        <v>4.7954169000000002</v>
      </c>
      <c r="J4447" s="8">
        <v>-75.691873700000002</v>
      </c>
    </row>
    <row r="4448" spans="1:10" x14ac:dyDescent="0.35">
      <c r="A4448" s="5" t="s">
        <v>10</v>
      </c>
      <c r="B4448" s="6">
        <v>201512</v>
      </c>
      <c r="C4448" s="6" t="s">
        <v>68</v>
      </c>
      <c r="D4448" s="6" t="s">
        <v>69</v>
      </c>
      <c r="E4448" s="6">
        <v>11001</v>
      </c>
      <c r="F4448" s="6" t="s">
        <v>18</v>
      </c>
      <c r="G4448" s="6" t="s">
        <v>9032</v>
      </c>
      <c r="H4448" s="6" t="s">
        <v>9033</v>
      </c>
      <c r="I4448" s="7">
        <v>4.6151727999999999</v>
      </c>
      <c r="J4448" s="8">
        <v>-74.170001499999998</v>
      </c>
    </row>
    <row r="4449" spans="1:10" x14ac:dyDescent="0.35">
      <c r="A4449" s="5" t="s">
        <v>10</v>
      </c>
      <c r="B4449" s="6">
        <v>234154</v>
      </c>
      <c r="C4449" s="6" t="s">
        <v>68</v>
      </c>
      <c r="D4449" s="6" t="s">
        <v>69</v>
      </c>
      <c r="E4449" s="6">
        <v>11001</v>
      </c>
      <c r="F4449" s="6" t="s">
        <v>18</v>
      </c>
      <c r="G4449" s="6" t="s">
        <v>7179</v>
      </c>
      <c r="H4449" s="6" t="s">
        <v>9034</v>
      </c>
      <c r="I4449" s="7">
        <v>4.5600120000000004</v>
      </c>
      <c r="J4449" s="8">
        <v>-74.067604099999997</v>
      </c>
    </row>
    <row r="4450" spans="1:10" x14ac:dyDescent="0.35">
      <c r="A4450" s="5" t="s">
        <v>10</v>
      </c>
      <c r="B4450" s="6">
        <v>246716</v>
      </c>
      <c r="C4450" s="6" t="s">
        <v>68</v>
      </c>
      <c r="D4450" s="6" t="s">
        <v>69</v>
      </c>
      <c r="E4450" s="6">
        <v>11001</v>
      </c>
      <c r="F4450" s="6" t="s">
        <v>18</v>
      </c>
      <c r="G4450" s="6" t="s">
        <v>9035</v>
      </c>
      <c r="H4450" s="6" t="s">
        <v>9036</v>
      </c>
      <c r="I4450" s="7">
        <v>4.6225580905876802</v>
      </c>
      <c r="J4450" s="8">
        <v>-74.123595274530004</v>
      </c>
    </row>
    <row r="4451" spans="1:10" x14ac:dyDescent="0.35">
      <c r="A4451" s="5" t="s">
        <v>10</v>
      </c>
      <c r="B4451" s="6">
        <v>180443</v>
      </c>
      <c r="C4451" s="6" t="s">
        <v>68</v>
      </c>
      <c r="D4451" s="6" t="s">
        <v>69</v>
      </c>
      <c r="E4451" s="6">
        <v>11001</v>
      </c>
      <c r="F4451" s="6" t="s">
        <v>18</v>
      </c>
      <c r="G4451" s="6" t="s">
        <v>9037</v>
      </c>
      <c r="H4451" s="6" t="s">
        <v>9038</v>
      </c>
      <c r="I4451" s="7">
        <v>4.6416955999999896</v>
      </c>
      <c r="J4451" s="8">
        <v>-74.128326599999994</v>
      </c>
    </row>
    <row r="4452" spans="1:10" x14ac:dyDescent="0.35">
      <c r="A4452" s="5" t="s">
        <v>10</v>
      </c>
      <c r="B4452" s="6">
        <v>243757</v>
      </c>
      <c r="C4452" s="6" t="s">
        <v>3788</v>
      </c>
      <c r="D4452" s="6" t="s">
        <v>3974</v>
      </c>
      <c r="E4452" s="6">
        <v>18001</v>
      </c>
      <c r="F4452" s="6" t="s">
        <v>18</v>
      </c>
      <c r="G4452" s="6" t="s">
        <v>9039</v>
      </c>
      <c r="H4452" s="6" t="s">
        <v>9040</v>
      </c>
      <c r="I4452" s="7">
        <v>1.6828778</v>
      </c>
      <c r="J4452" s="8">
        <v>-77.072640199999995</v>
      </c>
    </row>
    <row r="4453" spans="1:10" x14ac:dyDescent="0.35">
      <c r="A4453" s="5" t="s">
        <v>10</v>
      </c>
      <c r="B4453" s="6">
        <v>210585</v>
      </c>
      <c r="C4453" s="6" t="s">
        <v>16</v>
      </c>
      <c r="D4453" s="6" t="s">
        <v>1266</v>
      </c>
      <c r="E4453" s="6">
        <v>68081</v>
      </c>
      <c r="F4453" s="6" t="s">
        <v>18</v>
      </c>
      <c r="G4453" s="6" t="s">
        <v>9041</v>
      </c>
      <c r="H4453" s="6" t="s">
        <v>9042</v>
      </c>
      <c r="I4453" s="7">
        <v>7.0754568000000004</v>
      </c>
      <c r="J4453" s="8">
        <v>-73.849603399999907</v>
      </c>
    </row>
    <row r="4454" spans="1:10" x14ac:dyDescent="0.35">
      <c r="A4454" s="5" t="s">
        <v>10</v>
      </c>
      <c r="B4454" s="6">
        <v>108446</v>
      </c>
      <c r="C4454" s="6" t="s">
        <v>16</v>
      </c>
      <c r="D4454" s="6" t="s">
        <v>2202</v>
      </c>
      <c r="E4454" s="6">
        <v>68615</v>
      </c>
      <c r="F4454" s="6" t="s">
        <v>18</v>
      </c>
      <c r="G4454" s="6" t="s">
        <v>9043</v>
      </c>
      <c r="H4454" s="6" t="s">
        <v>9044</v>
      </c>
      <c r="I4454" s="7">
        <v>11.245288199999999</v>
      </c>
      <c r="J4454" s="8">
        <v>-74.207572400000004</v>
      </c>
    </row>
    <row r="4455" spans="1:10" x14ac:dyDescent="0.35">
      <c r="A4455" s="5" t="s">
        <v>10</v>
      </c>
      <c r="B4455" s="6">
        <v>229616</v>
      </c>
      <c r="C4455" s="6" t="s">
        <v>68</v>
      </c>
      <c r="D4455" s="6" t="s">
        <v>69</v>
      </c>
      <c r="E4455" s="6">
        <v>11001</v>
      </c>
      <c r="F4455" s="6" t="s">
        <v>18</v>
      </c>
      <c r="G4455" s="6" t="s">
        <v>9045</v>
      </c>
      <c r="H4455" s="6" t="s">
        <v>9046</v>
      </c>
      <c r="I4455" s="7">
        <v>4.5692507000000004</v>
      </c>
      <c r="J4455" s="8">
        <v>-74.094577099999995</v>
      </c>
    </row>
    <row r="4456" spans="1:10" x14ac:dyDescent="0.35">
      <c r="A4456" s="5" t="s">
        <v>10</v>
      </c>
      <c r="B4456" s="6">
        <v>153475</v>
      </c>
      <c r="C4456" s="6" t="s">
        <v>68</v>
      </c>
      <c r="D4456" s="6" t="s">
        <v>69</v>
      </c>
      <c r="E4456" s="6">
        <v>11001</v>
      </c>
      <c r="F4456" s="6" t="s">
        <v>18</v>
      </c>
      <c r="G4456" s="6" t="s">
        <v>9047</v>
      </c>
      <c r="H4456" s="6" t="s">
        <v>9048</v>
      </c>
      <c r="I4456" s="7">
        <v>4.5415158</v>
      </c>
      <c r="J4456" s="8">
        <v>-74.118660199999994</v>
      </c>
    </row>
    <row r="4457" spans="1:10" x14ac:dyDescent="0.35">
      <c r="A4457" s="5" t="s">
        <v>10</v>
      </c>
      <c r="B4457" s="6">
        <v>241522</v>
      </c>
      <c r="C4457" s="6" t="s">
        <v>308</v>
      </c>
      <c r="D4457" s="6" t="s">
        <v>8338</v>
      </c>
      <c r="E4457" s="6">
        <v>23555</v>
      </c>
      <c r="F4457" s="6" t="s">
        <v>18</v>
      </c>
      <c r="G4457" s="6" t="s">
        <v>9049</v>
      </c>
      <c r="H4457" s="6" t="s">
        <v>9050</v>
      </c>
      <c r="I4457" s="7">
        <v>8.4081171999999995</v>
      </c>
      <c r="J4457" s="8">
        <v>-75.583358000000004</v>
      </c>
    </row>
    <row r="4458" spans="1:10" x14ac:dyDescent="0.35">
      <c r="A4458" s="5" t="s">
        <v>10</v>
      </c>
      <c r="B4458" s="6">
        <v>225203</v>
      </c>
      <c r="C4458" s="6" t="s">
        <v>16</v>
      </c>
      <c r="D4458" s="6" t="s">
        <v>4693</v>
      </c>
      <c r="E4458" s="6">
        <v>68190</v>
      </c>
      <c r="F4458" s="6" t="s">
        <v>18</v>
      </c>
      <c r="G4458" s="6" t="s">
        <v>9051</v>
      </c>
      <c r="H4458" s="6" t="s">
        <v>9052</v>
      </c>
      <c r="I4458" s="7">
        <v>6.3152089999999896</v>
      </c>
      <c r="J4458" s="8">
        <v>-73.9489059</v>
      </c>
    </row>
    <row r="4459" spans="1:10" x14ac:dyDescent="0.35">
      <c r="A4459" s="5" t="s">
        <v>10</v>
      </c>
      <c r="B4459" s="6">
        <v>242938</v>
      </c>
      <c r="C4459" s="6" t="s">
        <v>16</v>
      </c>
      <c r="D4459" s="6" t="s">
        <v>78</v>
      </c>
      <c r="E4459" s="6">
        <v>68001</v>
      </c>
      <c r="F4459" s="6" t="s">
        <v>18</v>
      </c>
      <c r="G4459" s="6" t="s">
        <v>9053</v>
      </c>
      <c r="H4459" s="6" t="s">
        <v>9054</v>
      </c>
      <c r="I4459" s="7">
        <v>7.0979238999999996</v>
      </c>
      <c r="J4459" s="8">
        <v>-73.117023599999996</v>
      </c>
    </row>
    <row r="4460" spans="1:10" x14ac:dyDescent="0.35">
      <c r="A4460" s="5" t="s">
        <v>10</v>
      </c>
      <c r="B4460" s="6">
        <v>241659</v>
      </c>
      <c r="C4460" s="6" t="s">
        <v>190</v>
      </c>
      <c r="D4460" s="6" t="s">
        <v>62</v>
      </c>
      <c r="E4460" s="6">
        <v>5059</v>
      </c>
      <c r="F4460" s="6" t="s">
        <v>18</v>
      </c>
      <c r="G4460" s="6" t="s">
        <v>9055</v>
      </c>
      <c r="H4460" s="6" t="s">
        <v>9056</v>
      </c>
      <c r="I4460" s="7">
        <v>4.5410253999999997</v>
      </c>
      <c r="J4460" s="8">
        <v>-75.701172099999994</v>
      </c>
    </row>
    <row r="4461" spans="1:10" x14ac:dyDescent="0.35">
      <c r="A4461" s="5" t="s">
        <v>10</v>
      </c>
      <c r="B4461" s="6">
        <v>235935</v>
      </c>
      <c r="C4461" s="6" t="s">
        <v>61</v>
      </c>
      <c r="D4461" s="6" t="s">
        <v>121</v>
      </c>
      <c r="E4461" s="6">
        <v>63130</v>
      </c>
      <c r="F4461" s="6" t="s">
        <v>18</v>
      </c>
      <c r="G4461" s="6" t="s">
        <v>9057</v>
      </c>
      <c r="H4461" s="6" t="s">
        <v>9058</v>
      </c>
      <c r="I4461" s="7">
        <v>4.5266403000000004</v>
      </c>
      <c r="J4461" s="8">
        <v>-75.640812999999994</v>
      </c>
    </row>
    <row r="4462" spans="1:10" x14ac:dyDescent="0.35">
      <c r="A4462" s="5" t="s">
        <v>10</v>
      </c>
      <c r="B4462" s="6">
        <v>236781</v>
      </c>
      <c r="C4462" s="6" t="s">
        <v>278</v>
      </c>
      <c r="D4462" s="6" t="s">
        <v>279</v>
      </c>
      <c r="E4462" s="6">
        <v>50001</v>
      </c>
      <c r="F4462" s="6" t="s">
        <v>18</v>
      </c>
      <c r="G4462" s="6" t="s">
        <v>9059</v>
      </c>
      <c r="H4462" s="6" t="s">
        <v>9060</v>
      </c>
      <c r="I4462" s="7">
        <v>4.1257260000000002</v>
      </c>
      <c r="J4462" s="8">
        <v>-73.629648700000004</v>
      </c>
    </row>
    <row r="4463" spans="1:10" x14ac:dyDescent="0.35">
      <c r="A4463" s="5" t="s">
        <v>10</v>
      </c>
      <c r="B4463" s="6">
        <v>236799</v>
      </c>
      <c r="C4463" s="6" t="s">
        <v>68</v>
      </c>
      <c r="D4463" s="6" t="s">
        <v>69</v>
      </c>
      <c r="E4463" s="6">
        <v>11001</v>
      </c>
      <c r="F4463" s="6" t="s">
        <v>18</v>
      </c>
      <c r="G4463" s="6" t="s">
        <v>9061</v>
      </c>
      <c r="H4463" s="6" t="s">
        <v>9062</v>
      </c>
      <c r="I4463" s="7">
        <v>4.6285385000000003</v>
      </c>
      <c r="J4463" s="8">
        <v>-74.212643700000001</v>
      </c>
    </row>
    <row r="4464" spans="1:10" x14ac:dyDescent="0.35">
      <c r="A4464" s="5" t="s">
        <v>10</v>
      </c>
      <c r="B4464" s="6">
        <v>239377</v>
      </c>
      <c r="C4464" s="6" t="s">
        <v>11</v>
      </c>
      <c r="D4464" s="6" t="s">
        <v>334</v>
      </c>
      <c r="E4464" s="6">
        <v>25754</v>
      </c>
      <c r="F4464" s="6" t="s">
        <v>18</v>
      </c>
      <c r="G4464" s="6" t="s">
        <v>9063</v>
      </c>
      <c r="H4464" s="6" t="s">
        <v>9064</v>
      </c>
      <c r="I4464" s="7">
        <v>4.5696924000000001</v>
      </c>
      <c r="J4464" s="8">
        <v>-74.232527700000006</v>
      </c>
    </row>
    <row r="4465" spans="1:10" x14ac:dyDescent="0.35">
      <c r="A4465" s="5" t="s">
        <v>10</v>
      </c>
      <c r="B4465" s="6">
        <v>140227</v>
      </c>
      <c r="C4465" s="6" t="s">
        <v>294</v>
      </c>
      <c r="D4465" s="6" t="s">
        <v>703</v>
      </c>
      <c r="E4465" s="6">
        <v>41001</v>
      </c>
      <c r="F4465" s="6" t="s">
        <v>18</v>
      </c>
      <c r="G4465" s="6" t="s">
        <v>9065</v>
      </c>
      <c r="H4465" s="6" t="s">
        <v>9066</v>
      </c>
      <c r="I4465" s="7">
        <v>2.9166908999999999</v>
      </c>
      <c r="J4465" s="8">
        <v>-75.273211399999994</v>
      </c>
    </row>
    <row r="4466" spans="1:10" x14ac:dyDescent="0.35">
      <c r="A4466" s="5" t="s">
        <v>10</v>
      </c>
      <c r="B4466" s="6">
        <v>237056</v>
      </c>
      <c r="C4466" s="6" t="s">
        <v>68</v>
      </c>
      <c r="D4466" s="6" t="s">
        <v>69</v>
      </c>
      <c r="E4466" s="6">
        <v>11001</v>
      </c>
      <c r="F4466" s="6" t="s">
        <v>18</v>
      </c>
      <c r="G4466" s="6" t="s">
        <v>9067</v>
      </c>
      <c r="H4466" s="6" t="s">
        <v>9068</v>
      </c>
      <c r="I4466" s="7">
        <v>4.6751696999999997</v>
      </c>
      <c r="J4466" s="8">
        <v>-74.151393600000006</v>
      </c>
    </row>
    <row r="4467" spans="1:10" x14ac:dyDescent="0.35">
      <c r="A4467" s="5" t="s">
        <v>10</v>
      </c>
      <c r="B4467" s="6">
        <v>204669</v>
      </c>
      <c r="C4467" s="6" t="s">
        <v>11</v>
      </c>
      <c r="D4467" s="6" t="s">
        <v>3054</v>
      </c>
      <c r="E4467" s="6">
        <v>25269</v>
      </c>
      <c r="F4467" s="6" t="s">
        <v>18</v>
      </c>
      <c r="G4467" s="6" t="s">
        <v>9069</v>
      </c>
      <c r="H4467" s="6" t="s">
        <v>9070</v>
      </c>
      <c r="I4467" s="7">
        <v>4.8063473999999999</v>
      </c>
      <c r="J4467" s="8">
        <v>-74.349886099999907</v>
      </c>
    </row>
    <row r="4468" spans="1:10" x14ac:dyDescent="0.35">
      <c r="A4468" s="5" t="s">
        <v>10</v>
      </c>
      <c r="B4468" s="6">
        <v>234053</v>
      </c>
      <c r="C4468" s="6" t="s">
        <v>16</v>
      </c>
      <c r="D4468" s="6" t="s">
        <v>78</v>
      </c>
      <c r="E4468" s="6">
        <v>68001</v>
      </c>
      <c r="F4468" s="6" t="s">
        <v>18</v>
      </c>
      <c r="G4468" s="6" t="s">
        <v>9071</v>
      </c>
      <c r="H4468" s="6" t="s">
        <v>9072</v>
      </c>
      <c r="I4468" s="7">
        <v>7.1157360000000001</v>
      </c>
      <c r="J4468" s="8">
        <v>-73.131434100000007</v>
      </c>
    </row>
    <row r="4469" spans="1:10" x14ac:dyDescent="0.35">
      <c r="A4469" s="5" t="s">
        <v>10</v>
      </c>
      <c r="B4469" s="6">
        <v>220919</v>
      </c>
      <c r="C4469" s="6" t="s">
        <v>68</v>
      </c>
      <c r="D4469" s="6" t="s">
        <v>69</v>
      </c>
      <c r="E4469" s="6">
        <v>11001</v>
      </c>
      <c r="F4469" s="6" t="s">
        <v>13</v>
      </c>
      <c r="G4469" s="6" t="s">
        <v>9073</v>
      </c>
      <c r="H4469" s="6" t="s">
        <v>9074</v>
      </c>
      <c r="I4469" s="7">
        <v>4.6025704999999997</v>
      </c>
      <c r="J4469" s="8">
        <v>-74.071200200000007</v>
      </c>
    </row>
    <row r="4470" spans="1:10" x14ac:dyDescent="0.35">
      <c r="A4470" s="5" t="s">
        <v>10</v>
      </c>
      <c r="B4470" s="6">
        <v>236906</v>
      </c>
      <c r="C4470" s="6" t="s">
        <v>24</v>
      </c>
      <c r="D4470" s="6" t="s">
        <v>88</v>
      </c>
      <c r="E4470" s="6">
        <v>15001</v>
      </c>
      <c r="F4470" s="6" t="s">
        <v>18</v>
      </c>
      <c r="G4470" s="6" t="s">
        <v>9075</v>
      </c>
      <c r="H4470" s="6" t="s">
        <v>9076</v>
      </c>
      <c r="I4470" s="7">
        <v>5.5550920000000001</v>
      </c>
      <c r="J4470" s="8">
        <v>-73.351442000000006</v>
      </c>
    </row>
    <row r="4471" spans="1:10" x14ac:dyDescent="0.35">
      <c r="A4471" s="5" t="s">
        <v>10</v>
      </c>
      <c r="B4471" s="6">
        <v>236908</v>
      </c>
      <c r="C4471" s="6" t="s">
        <v>457</v>
      </c>
      <c r="D4471" s="6" t="s">
        <v>4400</v>
      </c>
      <c r="E4471" s="6">
        <v>52001</v>
      </c>
      <c r="F4471" s="6" t="s">
        <v>18</v>
      </c>
      <c r="G4471" s="6" t="s">
        <v>9077</v>
      </c>
      <c r="H4471" s="6" t="s">
        <v>9078</v>
      </c>
      <c r="I4471" s="7">
        <v>1.20757</v>
      </c>
      <c r="J4471" s="8">
        <v>-77.2832224</v>
      </c>
    </row>
    <row r="4472" spans="1:10" x14ac:dyDescent="0.35">
      <c r="A4472" s="5" t="s">
        <v>10</v>
      </c>
      <c r="B4472" s="6">
        <v>214462</v>
      </c>
      <c r="C4472" s="6" t="s">
        <v>294</v>
      </c>
      <c r="D4472" s="6" t="s">
        <v>703</v>
      </c>
      <c r="E4472" s="6">
        <v>41001</v>
      </c>
      <c r="F4472" s="6" t="s">
        <v>18</v>
      </c>
      <c r="G4472" s="6" t="s">
        <v>9079</v>
      </c>
      <c r="H4472" s="6" t="s">
        <v>9080</v>
      </c>
      <c r="I4472" s="7">
        <v>2.9405440999999999</v>
      </c>
      <c r="J4472" s="8">
        <v>-75.261618799999994</v>
      </c>
    </row>
    <row r="4473" spans="1:10" x14ac:dyDescent="0.35">
      <c r="A4473" s="5" t="s">
        <v>10</v>
      </c>
      <c r="B4473" s="6">
        <v>133684</v>
      </c>
      <c r="C4473" s="6" t="s">
        <v>68</v>
      </c>
      <c r="D4473" s="6" t="s">
        <v>69</v>
      </c>
      <c r="E4473" s="6">
        <v>11001</v>
      </c>
      <c r="F4473" s="6" t="s">
        <v>18</v>
      </c>
      <c r="G4473" s="6" t="s">
        <v>9081</v>
      </c>
      <c r="H4473" s="6" t="s">
        <v>9082</v>
      </c>
      <c r="I4473" s="7">
        <v>4.6873883999999997</v>
      </c>
      <c r="J4473" s="8">
        <v>-74.147273900000002</v>
      </c>
    </row>
    <row r="4474" spans="1:10" x14ac:dyDescent="0.35">
      <c r="A4474" s="5" t="s">
        <v>10</v>
      </c>
      <c r="B4474" s="6">
        <v>236510</v>
      </c>
      <c r="C4474" s="6" t="s">
        <v>4364</v>
      </c>
      <c r="D4474" s="6" t="s">
        <v>4365</v>
      </c>
      <c r="E4474" s="6">
        <v>70001</v>
      </c>
      <c r="F4474" s="6" t="s">
        <v>18</v>
      </c>
      <c r="G4474" s="6" t="s">
        <v>9083</v>
      </c>
      <c r="H4474" s="6" t="s">
        <v>9084</v>
      </c>
      <c r="I4474" s="7">
        <v>9.3002154000000008</v>
      </c>
      <c r="J4474" s="8">
        <v>-75.395818300000002</v>
      </c>
    </row>
    <row r="4475" spans="1:10" x14ac:dyDescent="0.35">
      <c r="A4475" s="5" t="s">
        <v>10</v>
      </c>
      <c r="B4475" s="6">
        <v>241378</v>
      </c>
      <c r="C4475" s="6" t="s">
        <v>302</v>
      </c>
      <c r="D4475" s="6" t="s">
        <v>359</v>
      </c>
      <c r="E4475" s="6">
        <v>8001</v>
      </c>
      <c r="F4475" s="6" t="s">
        <v>18</v>
      </c>
      <c r="G4475" s="6" t="s">
        <v>9085</v>
      </c>
      <c r="H4475" s="6" t="s">
        <v>9086</v>
      </c>
      <c r="I4475" s="7">
        <v>10.9513727</v>
      </c>
      <c r="J4475" s="8">
        <v>-74.780053800000005</v>
      </c>
    </row>
    <row r="4476" spans="1:10" x14ac:dyDescent="0.35">
      <c r="A4476" s="5" t="s">
        <v>10</v>
      </c>
      <c r="B4476" s="6">
        <v>241506</v>
      </c>
      <c r="C4476" s="6" t="s">
        <v>308</v>
      </c>
      <c r="D4476" s="6" t="s">
        <v>9087</v>
      </c>
      <c r="E4476" s="6">
        <v>23419</v>
      </c>
      <c r="F4476" s="6" t="s">
        <v>18</v>
      </c>
      <c r="G4476" s="6" t="s">
        <v>9088</v>
      </c>
      <c r="H4476" s="6" t="s">
        <v>9089</v>
      </c>
      <c r="I4476" s="7">
        <v>8.8950800000000001</v>
      </c>
      <c r="J4476" s="8">
        <v>-76.354590000000002</v>
      </c>
    </row>
    <row r="4477" spans="1:10" x14ac:dyDescent="0.35">
      <c r="A4477" s="5" t="s">
        <v>10</v>
      </c>
      <c r="B4477" s="6">
        <v>160309</v>
      </c>
      <c r="C4477" s="6" t="s">
        <v>3788</v>
      </c>
      <c r="D4477" s="6" t="s">
        <v>7125</v>
      </c>
      <c r="E4477" s="6">
        <v>18247</v>
      </c>
      <c r="F4477" s="6" t="s">
        <v>18</v>
      </c>
      <c r="G4477" s="6" t="s">
        <v>9090</v>
      </c>
      <c r="H4477" s="6" t="s">
        <v>9091</v>
      </c>
      <c r="I4477" s="7">
        <v>1.680042</v>
      </c>
      <c r="J4477" s="8">
        <v>-75.2833349</v>
      </c>
    </row>
    <row r="4478" spans="1:10" x14ac:dyDescent="0.35">
      <c r="A4478" s="5" t="s">
        <v>10</v>
      </c>
      <c r="B4478" s="6">
        <v>233913</v>
      </c>
      <c r="C4478" s="6" t="s">
        <v>3788</v>
      </c>
      <c r="D4478" s="6" t="s">
        <v>6386</v>
      </c>
      <c r="E4478" s="6">
        <v>18029</v>
      </c>
      <c r="F4478" s="6" t="s">
        <v>18</v>
      </c>
      <c r="G4478" s="6" t="s">
        <v>9092</v>
      </c>
      <c r="H4478" s="6" t="s">
        <v>9093</v>
      </c>
      <c r="I4478" s="7">
        <v>1.3288795</v>
      </c>
      <c r="J4478" s="8">
        <v>-75.879427699999994</v>
      </c>
    </row>
    <row r="4479" spans="1:10" x14ac:dyDescent="0.35">
      <c r="A4479" s="5" t="s">
        <v>10</v>
      </c>
      <c r="B4479" s="6">
        <v>184207</v>
      </c>
      <c r="C4479" s="6" t="s">
        <v>68</v>
      </c>
      <c r="D4479" s="6" t="s">
        <v>69</v>
      </c>
      <c r="E4479" s="6">
        <v>11001</v>
      </c>
      <c r="F4479" s="6" t="s">
        <v>13</v>
      </c>
      <c r="G4479" s="6" t="s">
        <v>9094</v>
      </c>
      <c r="H4479" s="6" t="s">
        <v>9095</v>
      </c>
      <c r="I4479" s="7">
        <v>4.6688763</v>
      </c>
      <c r="J4479" s="8">
        <v>-74.118392799999995</v>
      </c>
    </row>
    <row r="4480" spans="1:10" x14ac:dyDescent="0.35">
      <c r="A4480" s="5" t="s">
        <v>10</v>
      </c>
      <c r="B4480" s="6">
        <v>233246</v>
      </c>
      <c r="C4480" s="6" t="s">
        <v>68</v>
      </c>
      <c r="D4480" s="6" t="s">
        <v>69</v>
      </c>
      <c r="E4480" s="6">
        <v>11001</v>
      </c>
      <c r="F4480" s="6" t="s">
        <v>18</v>
      </c>
      <c r="G4480" s="6" t="s">
        <v>9096</v>
      </c>
      <c r="H4480" s="6" t="s">
        <v>9097</v>
      </c>
      <c r="I4480" s="7">
        <v>4.5934200000000001</v>
      </c>
      <c r="J4480" s="8">
        <v>-74.070939999999993</v>
      </c>
    </row>
    <row r="4481" spans="1:10" x14ac:dyDescent="0.35">
      <c r="A4481" s="5" t="s">
        <v>10</v>
      </c>
      <c r="B4481" s="6">
        <v>238011</v>
      </c>
      <c r="C4481" s="6" t="s">
        <v>68</v>
      </c>
      <c r="D4481" s="6" t="s">
        <v>69</v>
      </c>
      <c r="E4481" s="6">
        <v>11001</v>
      </c>
      <c r="F4481" s="6" t="s">
        <v>18</v>
      </c>
      <c r="G4481" s="6" t="s">
        <v>9098</v>
      </c>
      <c r="H4481" s="6" t="s">
        <v>9099</v>
      </c>
      <c r="I4481" s="7">
        <v>4.5693434999999996</v>
      </c>
      <c r="J4481" s="8">
        <v>-74.105194400000002</v>
      </c>
    </row>
    <row r="4482" spans="1:10" x14ac:dyDescent="0.35">
      <c r="A4482" s="5" t="s">
        <v>10</v>
      </c>
      <c r="B4482" s="6">
        <v>238009</v>
      </c>
      <c r="C4482" s="6" t="s">
        <v>68</v>
      </c>
      <c r="D4482" s="6" t="s">
        <v>69</v>
      </c>
      <c r="E4482" s="6">
        <v>11001</v>
      </c>
      <c r="F4482" s="6" t="s">
        <v>18</v>
      </c>
      <c r="G4482" s="6" t="s">
        <v>9100</v>
      </c>
      <c r="H4482" s="6" t="s">
        <v>9101</v>
      </c>
      <c r="I4482" s="7">
        <v>4.6046526999999999</v>
      </c>
      <c r="J4482" s="8">
        <v>-74.109075799999999</v>
      </c>
    </row>
    <row r="4483" spans="1:10" x14ac:dyDescent="0.35">
      <c r="A4483" s="5" t="s">
        <v>10</v>
      </c>
      <c r="B4483" s="6">
        <v>228978</v>
      </c>
      <c r="C4483" s="6" t="s">
        <v>117</v>
      </c>
      <c r="D4483" s="6" t="s">
        <v>992</v>
      </c>
      <c r="E4483" s="6">
        <v>76736</v>
      </c>
      <c r="F4483" s="6" t="s">
        <v>18</v>
      </c>
      <c r="G4483" s="6" t="s">
        <v>9102</v>
      </c>
      <c r="H4483" s="6" t="s">
        <v>9103</v>
      </c>
      <c r="I4483" s="7">
        <v>4.2672622000000002</v>
      </c>
      <c r="J4483" s="8">
        <v>-75.930191699999995</v>
      </c>
    </row>
    <row r="4484" spans="1:10" x14ac:dyDescent="0.35">
      <c r="A4484" s="5" t="s">
        <v>10</v>
      </c>
      <c r="B4484" s="6">
        <v>233447</v>
      </c>
      <c r="C4484" s="6" t="s">
        <v>55</v>
      </c>
      <c r="D4484" s="6" t="s">
        <v>1136</v>
      </c>
      <c r="E4484" s="6">
        <v>73483</v>
      </c>
      <c r="F4484" s="6" t="s">
        <v>18</v>
      </c>
      <c r="G4484" s="6" t="s">
        <v>9104</v>
      </c>
      <c r="H4484" s="6" t="s">
        <v>9105</v>
      </c>
      <c r="I4484" s="7">
        <v>3.6255299999999999</v>
      </c>
      <c r="J4484" s="8">
        <v>-75.093180000000004</v>
      </c>
    </row>
    <row r="4485" spans="1:10" x14ac:dyDescent="0.35">
      <c r="A4485" s="5" t="s">
        <v>10</v>
      </c>
      <c r="B4485" s="6">
        <v>230560</v>
      </c>
      <c r="C4485" s="6" t="s">
        <v>294</v>
      </c>
      <c r="D4485" s="6" t="s">
        <v>703</v>
      </c>
      <c r="E4485" s="6">
        <v>41001</v>
      </c>
      <c r="F4485" s="6" t="s">
        <v>18</v>
      </c>
      <c r="G4485" s="6" t="s">
        <v>9106</v>
      </c>
      <c r="H4485" s="6" t="s">
        <v>9107</v>
      </c>
      <c r="I4485" s="7">
        <v>2.9117784000000002</v>
      </c>
      <c r="J4485" s="8">
        <v>-75.271882899999994</v>
      </c>
    </row>
    <row r="4486" spans="1:10" x14ac:dyDescent="0.35">
      <c r="A4486" s="5" t="s">
        <v>10</v>
      </c>
      <c r="B4486" s="6">
        <v>234603</v>
      </c>
      <c r="C4486" s="6" t="s">
        <v>294</v>
      </c>
      <c r="D4486" s="6" t="s">
        <v>703</v>
      </c>
      <c r="E4486" s="6">
        <v>41001</v>
      </c>
      <c r="F4486" s="6" t="s">
        <v>18</v>
      </c>
      <c r="G4486" s="6" t="s">
        <v>9108</v>
      </c>
      <c r="H4486" s="6" t="s">
        <v>9109</v>
      </c>
      <c r="I4486" s="7">
        <v>2.9237942000000001</v>
      </c>
      <c r="J4486" s="8">
        <v>-75.287631300000001</v>
      </c>
    </row>
    <row r="4487" spans="1:10" x14ac:dyDescent="0.35">
      <c r="A4487" s="5" t="s">
        <v>10</v>
      </c>
      <c r="B4487" s="6">
        <v>235526</v>
      </c>
      <c r="C4487" s="6" t="s">
        <v>68</v>
      </c>
      <c r="D4487" s="6" t="s">
        <v>69</v>
      </c>
      <c r="E4487" s="6">
        <v>11001</v>
      </c>
      <c r="F4487" s="6" t="s">
        <v>18</v>
      </c>
      <c r="G4487" s="6" t="s">
        <v>9110</v>
      </c>
      <c r="H4487" s="6" t="s">
        <v>9111</v>
      </c>
      <c r="I4487" s="7">
        <v>4.6854433000000002</v>
      </c>
      <c r="J4487" s="8">
        <v>-74.146054699999993</v>
      </c>
    </row>
    <row r="4488" spans="1:10" x14ac:dyDescent="0.35">
      <c r="A4488" s="5" t="s">
        <v>10</v>
      </c>
      <c r="B4488" s="6">
        <v>237026</v>
      </c>
      <c r="C4488" s="6" t="s">
        <v>2821</v>
      </c>
      <c r="D4488" s="6" t="s">
        <v>1524</v>
      </c>
      <c r="E4488" s="6">
        <v>47318</v>
      </c>
      <c r="F4488" s="6" t="s">
        <v>18</v>
      </c>
      <c r="G4488" s="6" t="s">
        <v>9112</v>
      </c>
      <c r="H4488" s="6" t="s">
        <v>9113</v>
      </c>
      <c r="I4488" s="7">
        <v>9.1445270000000001</v>
      </c>
      <c r="J4488" s="8">
        <v>-74.226293999999996</v>
      </c>
    </row>
    <row r="4489" spans="1:10" x14ac:dyDescent="0.35">
      <c r="A4489" s="5" t="s">
        <v>10</v>
      </c>
      <c r="B4489" s="6">
        <v>241369</v>
      </c>
      <c r="C4489" s="6" t="s">
        <v>2821</v>
      </c>
      <c r="D4489" s="6" t="s">
        <v>3692</v>
      </c>
      <c r="E4489" s="6">
        <v>47288</v>
      </c>
      <c r="F4489" s="6" t="s">
        <v>18</v>
      </c>
      <c r="G4489" s="6" t="s">
        <v>9114</v>
      </c>
      <c r="H4489" s="6" t="s">
        <v>9115</v>
      </c>
      <c r="I4489" s="7">
        <v>10.517179</v>
      </c>
      <c r="J4489" s="8">
        <v>-74.181997899999999</v>
      </c>
    </row>
    <row r="4490" spans="1:10" x14ac:dyDescent="0.35">
      <c r="A4490" s="5" t="s">
        <v>10</v>
      </c>
      <c r="B4490" s="6">
        <v>182587</v>
      </c>
      <c r="C4490" s="6" t="s">
        <v>302</v>
      </c>
      <c r="D4490" s="6" t="s">
        <v>359</v>
      </c>
      <c r="E4490" s="6">
        <v>8001</v>
      </c>
      <c r="F4490" s="6" t="s">
        <v>18</v>
      </c>
      <c r="G4490" s="6" t="s">
        <v>9116</v>
      </c>
      <c r="H4490" s="6" t="s">
        <v>9117</v>
      </c>
      <c r="I4490" s="7">
        <v>10.9834482</v>
      </c>
      <c r="J4490" s="8">
        <v>-74.782983999999999</v>
      </c>
    </row>
    <row r="4491" spans="1:10" x14ac:dyDescent="0.35">
      <c r="A4491" s="5" t="s">
        <v>10</v>
      </c>
      <c r="B4491" s="6">
        <v>230778</v>
      </c>
      <c r="C4491" s="6" t="s">
        <v>16</v>
      </c>
      <c r="D4491" s="6" t="s">
        <v>78</v>
      </c>
      <c r="E4491" s="6">
        <v>68001</v>
      </c>
      <c r="F4491" s="6" t="s">
        <v>18</v>
      </c>
      <c r="G4491" s="6" t="s">
        <v>9118</v>
      </c>
      <c r="H4491" s="6" t="s">
        <v>9119</v>
      </c>
      <c r="I4491" s="7">
        <v>7.0897917000000001</v>
      </c>
      <c r="J4491" s="8">
        <v>-73.107883799999996</v>
      </c>
    </row>
    <row r="4492" spans="1:10" x14ac:dyDescent="0.35">
      <c r="A4492" s="5" t="s">
        <v>10</v>
      </c>
      <c r="B4492" s="6">
        <v>154262</v>
      </c>
      <c r="C4492" s="6" t="s">
        <v>3788</v>
      </c>
      <c r="D4492" s="6" t="s">
        <v>3974</v>
      </c>
      <c r="E4492" s="6">
        <v>18001</v>
      </c>
      <c r="F4492" s="6" t="s">
        <v>18</v>
      </c>
      <c r="G4492" s="6" t="s">
        <v>9120</v>
      </c>
      <c r="H4492" s="6" t="s">
        <v>9121</v>
      </c>
      <c r="I4492" s="7">
        <v>1.6227847</v>
      </c>
      <c r="J4492" s="8">
        <v>-75.612799899999999</v>
      </c>
    </row>
    <row r="4493" spans="1:10" x14ac:dyDescent="0.35">
      <c r="A4493" s="5" t="s">
        <v>10</v>
      </c>
      <c r="B4493" s="6">
        <v>234452</v>
      </c>
      <c r="C4493" s="6" t="s">
        <v>11</v>
      </c>
      <c r="D4493" s="6" t="s">
        <v>3054</v>
      </c>
      <c r="E4493" s="6">
        <v>25269</v>
      </c>
      <c r="F4493" s="6" t="s">
        <v>18</v>
      </c>
      <c r="G4493" s="6" t="s">
        <v>9122</v>
      </c>
      <c r="H4493" s="6" t="s">
        <v>9123</v>
      </c>
      <c r="I4493" s="7">
        <v>4.809984</v>
      </c>
      <c r="J4493" s="8">
        <v>-74.354009000000005</v>
      </c>
    </row>
    <row r="4494" spans="1:10" x14ac:dyDescent="0.35">
      <c r="A4494" s="5" t="s">
        <v>10</v>
      </c>
      <c r="B4494" s="6">
        <v>188608</v>
      </c>
      <c r="C4494" s="6" t="s">
        <v>294</v>
      </c>
      <c r="D4494" s="6" t="s">
        <v>3201</v>
      </c>
      <c r="E4494" s="6">
        <v>41378</v>
      </c>
      <c r="F4494" s="6" t="s">
        <v>18</v>
      </c>
      <c r="G4494" s="6" t="s">
        <v>9124</v>
      </c>
      <c r="H4494" s="6" t="s">
        <v>9125</v>
      </c>
      <c r="I4494" s="7">
        <v>2.1984439999999998</v>
      </c>
      <c r="J4494" s="8">
        <v>-75.978780999999998</v>
      </c>
    </row>
    <row r="4495" spans="1:10" x14ac:dyDescent="0.35">
      <c r="A4495" s="5" t="s">
        <v>10</v>
      </c>
      <c r="B4495" s="6">
        <v>219178</v>
      </c>
      <c r="C4495" s="6" t="s">
        <v>294</v>
      </c>
      <c r="D4495" s="6" t="s">
        <v>703</v>
      </c>
      <c r="E4495" s="6">
        <v>41001</v>
      </c>
      <c r="F4495" s="6" t="s">
        <v>18</v>
      </c>
      <c r="G4495" s="6" t="s">
        <v>9126</v>
      </c>
      <c r="H4495" s="6" t="s">
        <v>9127</v>
      </c>
      <c r="I4495" s="7">
        <v>2.9746625999999998</v>
      </c>
      <c r="J4495" s="8">
        <v>-75.289452999999995</v>
      </c>
    </row>
    <row r="4496" spans="1:10" x14ac:dyDescent="0.35">
      <c r="A4496" s="5" t="s">
        <v>10</v>
      </c>
      <c r="B4496" s="6">
        <v>102376</v>
      </c>
      <c r="C4496" s="6" t="s">
        <v>16</v>
      </c>
      <c r="D4496" s="6" t="s">
        <v>78</v>
      </c>
      <c r="E4496" s="6">
        <v>68001</v>
      </c>
      <c r="F4496" s="6" t="s">
        <v>18</v>
      </c>
      <c r="G4496" s="6" t="s">
        <v>9128</v>
      </c>
      <c r="H4496" s="6" t="s">
        <v>9129</v>
      </c>
      <c r="I4496" s="7">
        <v>7.1351601000000002</v>
      </c>
      <c r="J4496" s="8">
        <v>-73.120428099999998</v>
      </c>
    </row>
    <row r="4497" spans="1:10" x14ac:dyDescent="0.35">
      <c r="A4497" s="5" t="s">
        <v>10</v>
      </c>
      <c r="B4497" s="6">
        <v>233074</v>
      </c>
      <c r="C4497" s="6" t="s">
        <v>68</v>
      </c>
      <c r="D4497" s="6" t="s">
        <v>69</v>
      </c>
      <c r="E4497" s="6">
        <v>11001</v>
      </c>
      <c r="F4497" s="6" t="s">
        <v>18</v>
      </c>
      <c r="G4497" s="6" t="s">
        <v>9130</v>
      </c>
      <c r="H4497" s="6" t="s">
        <v>9131</v>
      </c>
      <c r="I4497" s="7">
        <v>4.6264073999999997</v>
      </c>
      <c r="J4497" s="8">
        <v>-74.161847300000005</v>
      </c>
    </row>
    <row r="4498" spans="1:10" x14ac:dyDescent="0.35">
      <c r="A4498" s="5" t="s">
        <v>10</v>
      </c>
      <c r="B4498" s="6">
        <v>209458</v>
      </c>
      <c r="C4498" s="6" t="s">
        <v>11</v>
      </c>
      <c r="D4498" s="6" t="s">
        <v>5475</v>
      </c>
      <c r="E4498" s="6">
        <v>25053</v>
      </c>
      <c r="F4498" s="6" t="s">
        <v>18</v>
      </c>
      <c r="G4498" s="6" t="s">
        <v>9132</v>
      </c>
      <c r="H4498" s="6" t="s">
        <v>9133</v>
      </c>
      <c r="I4498" s="7">
        <v>4.2730230999999996</v>
      </c>
      <c r="J4498" s="8">
        <v>-74.416046299999906</v>
      </c>
    </row>
    <row r="4499" spans="1:10" x14ac:dyDescent="0.35">
      <c r="A4499" s="5" t="s">
        <v>10</v>
      </c>
      <c r="B4499" s="6">
        <v>206855</v>
      </c>
      <c r="C4499" s="6" t="s">
        <v>308</v>
      </c>
      <c r="D4499" s="6" t="s">
        <v>7949</v>
      </c>
      <c r="E4499" s="6">
        <v>23182</v>
      </c>
      <c r="F4499" s="6" t="s">
        <v>18</v>
      </c>
      <c r="G4499" s="6" t="s">
        <v>9134</v>
      </c>
      <c r="H4499" s="6" t="s">
        <v>9135</v>
      </c>
      <c r="I4499" s="7">
        <v>8.9333399999999994</v>
      </c>
      <c r="J4499" s="8">
        <v>-75.216629999999995</v>
      </c>
    </row>
    <row r="4500" spans="1:10" x14ac:dyDescent="0.35">
      <c r="A4500" s="5" t="s">
        <v>10</v>
      </c>
      <c r="B4500" s="6">
        <v>208731</v>
      </c>
      <c r="C4500" s="6" t="s">
        <v>308</v>
      </c>
      <c r="D4500" s="6" t="s">
        <v>309</v>
      </c>
      <c r="E4500" s="6">
        <v>23001</v>
      </c>
      <c r="F4500" s="6" t="s">
        <v>18</v>
      </c>
      <c r="G4500" s="6" t="s">
        <v>9136</v>
      </c>
      <c r="H4500" s="6" t="s">
        <v>9137</v>
      </c>
      <c r="I4500" s="7">
        <v>8.7396712999999995</v>
      </c>
      <c r="J4500" s="8">
        <v>-75.889718900000005</v>
      </c>
    </row>
    <row r="4501" spans="1:10" x14ac:dyDescent="0.35">
      <c r="A4501" s="5" t="s">
        <v>10</v>
      </c>
      <c r="B4501" s="6">
        <v>229418</v>
      </c>
      <c r="C4501" s="6" t="s">
        <v>16</v>
      </c>
      <c r="D4501" s="6" t="s">
        <v>78</v>
      </c>
      <c r="E4501" s="6">
        <v>68001</v>
      </c>
      <c r="F4501" s="6" t="s">
        <v>18</v>
      </c>
      <c r="G4501" s="6" t="s">
        <v>9138</v>
      </c>
      <c r="H4501" s="6" t="s">
        <v>9139</v>
      </c>
      <c r="I4501" s="7">
        <v>7.1306520000000004</v>
      </c>
      <c r="J4501" s="8">
        <v>-73.114722</v>
      </c>
    </row>
    <row r="4502" spans="1:10" x14ac:dyDescent="0.35">
      <c r="A4502" s="5" t="s">
        <v>10</v>
      </c>
      <c r="B4502" s="6">
        <v>234781</v>
      </c>
      <c r="C4502" s="6" t="s">
        <v>294</v>
      </c>
      <c r="D4502" s="6" t="s">
        <v>5931</v>
      </c>
      <c r="E4502" s="6">
        <v>41770</v>
      </c>
      <c r="F4502" s="6" t="s">
        <v>18</v>
      </c>
      <c r="G4502" s="6" t="s">
        <v>9140</v>
      </c>
      <c r="H4502" s="6" t="s">
        <v>9141</v>
      </c>
      <c r="I4502" s="7">
        <v>1.9769565</v>
      </c>
      <c r="J4502" s="8">
        <v>-75.795039599999996</v>
      </c>
    </row>
    <row r="4503" spans="1:10" x14ac:dyDescent="0.35">
      <c r="A4503" s="5" t="s">
        <v>10</v>
      </c>
      <c r="B4503" s="6">
        <v>244313</v>
      </c>
      <c r="C4503" s="6" t="s">
        <v>109</v>
      </c>
      <c r="D4503" s="6" t="s">
        <v>9142</v>
      </c>
      <c r="E4503" s="6">
        <v>13473</v>
      </c>
      <c r="F4503" s="6" t="s">
        <v>18</v>
      </c>
      <c r="G4503" s="6" t="s">
        <v>9143</v>
      </c>
      <c r="H4503" s="6" t="s">
        <v>9144</v>
      </c>
      <c r="I4503" s="7">
        <v>8.2753300000000003</v>
      </c>
      <c r="J4503" s="8">
        <v>-73.868176000000005</v>
      </c>
    </row>
    <row r="4504" spans="1:10" x14ac:dyDescent="0.35">
      <c r="A4504" s="5" t="s">
        <v>10</v>
      </c>
      <c r="B4504" s="6">
        <v>231764</v>
      </c>
      <c r="C4504" s="6" t="s">
        <v>68</v>
      </c>
      <c r="D4504" s="6" t="s">
        <v>69</v>
      </c>
      <c r="E4504" s="6">
        <v>11001</v>
      </c>
      <c r="F4504" s="6" t="s">
        <v>18</v>
      </c>
      <c r="G4504" s="6" t="s">
        <v>9145</v>
      </c>
      <c r="H4504" s="6" t="s">
        <v>9146</v>
      </c>
      <c r="I4504" s="7">
        <v>4.5782379999999998</v>
      </c>
      <c r="J4504" s="8">
        <v>-74.156706999999997</v>
      </c>
    </row>
    <row r="4505" spans="1:10" x14ac:dyDescent="0.35">
      <c r="A4505" s="5" t="s">
        <v>10</v>
      </c>
      <c r="B4505" s="6">
        <v>155126</v>
      </c>
      <c r="C4505" s="6" t="s">
        <v>11</v>
      </c>
      <c r="D4505" s="6" t="s">
        <v>7045</v>
      </c>
      <c r="E4505" s="6">
        <v>25260</v>
      </c>
      <c r="F4505" s="6" t="s">
        <v>18</v>
      </c>
      <c r="G4505" s="6" t="s">
        <v>9147</v>
      </c>
      <c r="H4505" s="6" t="s">
        <v>9148</v>
      </c>
      <c r="I4505" s="7">
        <v>4.8522499999999997</v>
      </c>
      <c r="J4505" s="8">
        <v>-74.264823999999905</v>
      </c>
    </row>
    <row r="4506" spans="1:10" x14ac:dyDescent="0.35">
      <c r="A4506" s="5" t="s">
        <v>10</v>
      </c>
      <c r="B4506" s="6">
        <v>241399</v>
      </c>
      <c r="C4506" s="6" t="s">
        <v>302</v>
      </c>
      <c r="D4506" s="6" t="s">
        <v>359</v>
      </c>
      <c r="E4506" s="6">
        <v>8001</v>
      </c>
      <c r="F4506" s="6" t="s">
        <v>18</v>
      </c>
      <c r="G4506" s="6" t="s">
        <v>9149</v>
      </c>
      <c r="H4506" s="6" t="s">
        <v>9150</v>
      </c>
      <c r="I4506" s="7">
        <v>10.983009300000001</v>
      </c>
      <c r="J4506" s="8">
        <v>-74.793704700000006</v>
      </c>
    </row>
    <row r="4507" spans="1:10" x14ac:dyDescent="0.35">
      <c r="A4507" s="5" t="s">
        <v>10</v>
      </c>
      <c r="B4507" s="6">
        <v>195877</v>
      </c>
      <c r="C4507" s="6" t="s">
        <v>16</v>
      </c>
      <c r="D4507" s="6" t="s">
        <v>4693</v>
      </c>
      <c r="E4507" s="6">
        <v>68190</v>
      </c>
      <c r="F4507" s="6" t="s">
        <v>18</v>
      </c>
      <c r="G4507" s="6" t="s">
        <v>9151</v>
      </c>
      <c r="H4507" s="6" t="s">
        <v>9152</v>
      </c>
      <c r="I4507" s="7">
        <v>6.3152089999999896</v>
      </c>
      <c r="J4507" s="8">
        <v>-73.9489059</v>
      </c>
    </row>
    <row r="4508" spans="1:10" x14ac:dyDescent="0.35">
      <c r="A4508" s="5" t="s">
        <v>10</v>
      </c>
      <c r="B4508" s="6">
        <v>230971</v>
      </c>
      <c r="C4508" s="6" t="s">
        <v>68</v>
      </c>
      <c r="D4508" s="6" t="s">
        <v>69</v>
      </c>
      <c r="E4508" s="6">
        <v>11001</v>
      </c>
      <c r="F4508" s="6" t="s">
        <v>13</v>
      </c>
      <c r="G4508" s="6" t="s">
        <v>9153</v>
      </c>
      <c r="H4508" s="6" t="s">
        <v>9154</v>
      </c>
      <c r="I4508" s="7">
        <v>4.6058737000000001</v>
      </c>
      <c r="J4508" s="8">
        <v>-74.136418000000006</v>
      </c>
    </row>
    <row r="4509" spans="1:10" x14ac:dyDescent="0.35">
      <c r="A4509" s="5" t="s">
        <v>10</v>
      </c>
      <c r="B4509" s="6">
        <v>216483</v>
      </c>
      <c r="C4509" s="6" t="s">
        <v>294</v>
      </c>
      <c r="D4509" s="6" t="s">
        <v>703</v>
      </c>
      <c r="E4509" s="6">
        <v>41001</v>
      </c>
      <c r="F4509" s="6" t="s">
        <v>13</v>
      </c>
      <c r="G4509" s="6" t="s">
        <v>9155</v>
      </c>
      <c r="H4509" s="6" t="s">
        <v>9156</v>
      </c>
      <c r="I4509" s="7">
        <v>2.9236504000000001</v>
      </c>
      <c r="J4509" s="8">
        <v>-75.288471299999998</v>
      </c>
    </row>
    <row r="4510" spans="1:10" x14ac:dyDescent="0.35">
      <c r="A4510" s="5" t="s">
        <v>10</v>
      </c>
      <c r="B4510" s="6">
        <v>233249</v>
      </c>
      <c r="C4510" s="6" t="s">
        <v>68</v>
      </c>
      <c r="D4510" s="6" t="s">
        <v>69</v>
      </c>
      <c r="E4510" s="6">
        <v>11001</v>
      </c>
      <c r="F4510" s="6" t="s">
        <v>18</v>
      </c>
      <c r="G4510" s="6" t="s">
        <v>9157</v>
      </c>
      <c r="H4510" s="6" t="s">
        <v>9158</v>
      </c>
      <c r="I4510" s="7">
        <v>4.6075400000000002</v>
      </c>
      <c r="J4510" s="8">
        <v>-74.17192</v>
      </c>
    </row>
    <row r="4511" spans="1:10" x14ac:dyDescent="0.35">
      <c r="A4511" s="5" t="s">
        <v>10</v>
      </c>
      <c r="B4511" s="6">
        <v>236000</v>
      </c>
      <c r="C4511" s="6" t="s">
        <v>68</v>
      </c>
      <c r="D4511" s="6" t="s">
        <v>69</v>
      </c>
      <c r="E4511" s="6">
        <v>11001</v>
      </c>
      <c r="F4511" s="6" t="s">
        <v>18</v>
      </c>
      <c r="G4511" s="6" t="s">
        <v>9159</v>
      </c>
      <c r="H4511" s="6" t="s">
        <v>9160</v>
      </c>
      <c r="I4511" s="7">
        <v>4.6506585999999999</v>
      </c>
      <c r="J4511" s="8">
        <v>-74.138201899999999</v>
      </c>
    </row>
    <row r="4512" spans="1:10" x14ac:dyDescent="0.35">
      <c r="A4512" s="5" t="s">
        <v>10</v>
      </c>
      <c r="B4512" s="6">
        <v>236517</v>
      </c>
      <c r="C4512" s="6" t="s">
        <v>294</v>
      </c>
      <c r="D4512" s="6" t="s">
        <v>447</v>
      </c>
      <c r="E4512" s="6">
        <v>41551</v>
      </c>
      <c r="F4512" s="6" t="s">
        <v>18</v>
      </c>
      <c r="G4512" s="6" t="s">
        <v>9161</v>
      </c>
      <c r="H4512" s="6" t="s">
        <v>9162</v>
      </c>
      <c r="I4512" s="7">
        <v>1.8425061</v>
      </c>
      <c r="J4512" s="8">
        <v>-76.041443999999998</v>
      </c>
    </row>
    <row r="4513" spans="1:10" x14ac:dyDescent="0.35">
      <c r="A4513" s="5" t="s">
        <v>10</v>
      </c>
      <c r="B4513" s="6">
        <v>229632</v>
      </c>
      <c r="C4513" s="6" t="s">
        <v>4364</v>
      </c>
      <c r="D4513" s="6" t="s">
        <v>8079</v>
      </c>
      <c r="E4513" s="6">
        <v>70215</v>
      </c>
      <c r="F4513" s="6" t="s">
        <v>18</v>
      </c>
      <c r="G4513" s="6" t="s">
        <v>9163</v>
      </c>
      <c r="H4513" s="6" t="s">
        <v>9164</v>
      </c>
      <c r="I4513" s="7">
        <v>9.3214974000000002</v>
      </c>
      <c r="J4513" s="8">
        <v>-75.293149799999995</v>
      </c>
    </row>
    <row r="4514" spans="1:10" x14ac:dyDescent="0.35">
      <c r="A4514" s="5" t="s">
        <v>10</v>
      </c>
      <c r="B4514" s="6">
        <v>197104</v>
      </c>
      <c r="C4514" s="6" t="s">
        <v>16</v>
      </c>
      <c r="D4514" s="6" t="s">
        <v>1942</v>
      </c>
      <c r="E4514" s="6">
        <v>68406</v>
      </c>
      <c r="F4514" s="6" t="s">
        <v>18</v>
      </c>
      <c r="G4514" s="6" t="s">
        <v>9165</v>
      </c>
      <c r="H4514" s="6" t="s">
        <v>9166</v>
      </c>
      <c r="I4514" s="7">
        <v>7.1142053000000001</v>
      </c>
      <c r="J4514" s="8">
        <v>-73.217075399999999</v>
      </c>
    </row>
    <row r="4515" spans="1:10" x14ac:dyDescent="0.35">
      <c r="A4515" s="5" t="s">
        <v>10</v>
      </c>
      <c r="B4515" s="6">
        <v>227667</v>
      </c>
      <c r="C4515" s="6" t="s">
        <v>16</v>
      </c>
      <c r="D4515" s="6" t="s">
        <v>78</v>
      </c>
      <c r="E4515" s="6">
        <v>68001</v>
      </c>
      <c r="F4515" s="6" t="s">
        <v>18</v>
      </c>
      <c r="G4515" s="6" t="s">
        <v>9167</v>
      </c>
      <c r="H4515" s="6" t="s">
        <v>9168</v>
      </c>
      <c r="I4515" s="7">
        <v>7.1016353999999904</v>
      </c>
      <c r="J4515" s="8">
        <v>-73.113833799999995</v>
      </c>
    </row>
    <row r="4516" spans="1:10" x14ac:dyDescent="0.35">
      <c r="A4516" s="5" t="s">
        <v>10</v>
      </c>
      <c r="B4516" s="6">
        <v>228309</v>
      </c>
      <c r="C4516" s="6" t="s">
        <v>61</v>
      </c>
      <c r="D4516" s="6" t="s">
        <v>723</v>
      </c>
      <c r="E4516" s="6">
        <v>63470</v>
      </c>
      <c r="F4516" s="6" t="s">
        <v>18</v>
      </c>
      <c r="G4516" s="6" t="s">
        <v>9169</v>
      </c>
      <c r="H4516" s="6" t="s">
        <v>9170</v>
      </c>
      <c r="I4516" s="7">
        <v>4.5676835999999996</v>
      </c>
      <c r="J4516" s="8">
        <v>-75.750436800000003</v>
      </c>
    </row>
    <row r="4517" spans="1:10" x14ac:dyDescent="0.35">
      <c r="A4517" s="5" t="s">
        <v>10</v>
      </c>
      <c r="B4517" s="6">
        <v>240145</v>
      </c>
      <c r="C4517" s="6" t="s">
        <v>68</v>
      </c>
      <c r="D4517" s="6" t="s">
        <v>69</v>
      </c>
      <c r="E4517" s="6">
        <v>11001</v>
      </c>
      <c r="F4517" s="6" t="s">
        <v>2161</v>
      </c>
      <c r="G4517" s="6" t="s">
        <v>9171</v>
      </c>
      <c r="H4517" s="6" t="s">
        <v>9172</v>
      </c>
      <c r="I4517" s="7">
        <v>4.5692474000000001</v>
      </c>
      <c r="J4517" s="8">
        <v>-74.093483899999995</v>
      </c>
    </row>
    <row r="4518" spans="1:10" x14ac:dyDescent="0.35">
      <c r="A4518" s="5" t="s">
        <v>10</v>
      </c>
      <c r="B4518" s="6">
        <v>243374</v>
      </c>
      <c r="C4518" s="6" t="s">
        <v>11</v>
      </c>
      <c r="D4518" s="6" t="s">
        <v>334</v>
      </c>
      <c r="E4518" s="6">
        <v>25754</v>
      </c>
      <c r="F4518" s="6" t="s">
        <v>18</v>
      </c>
      <c r="G4518" s="6" t="s">
        <v>9173</v>
      </c>
      <c r="H4518" s="6" t="s">
        <v>9174</v>
      </c>
      <c r="I4518" s="7">
        <v>4.5764312</v>
      </c>
      <c r="J4518" s="8">
        <v>-74.223056900000003</v>
      </c>
    </row>
    <row r="4519" spans="1:10" x14ac:dyDescent="0.35">
      <c r="A4519" s="5" t="s">
        <v>10</v>
      </c>
      <c r="B4519" s="6">
        <v>233152</v>
      </c>
      <c r="C4519" s="6" t="s">
        <v>55</v>
      </c>
      <c r="D4519" s="6" t="s">
        <v>9175</v>
      </c>
      <c r="E4519" s="6">
        <v>73043</v>
      </c>
      <c r="F4519" s="6" t="s">
        <v>18</v>
      </c>
      <c r="G4519" s="6" t="s">
        <v>9176</v>
      </c>
      <c r="H4519" s="6" t="s">
        <v>9177</v>
      </c>
      <c r="I4519" s="7">
        <v>4.6305199999999997</v>
      </c>
      <c r="J4519" s="8">
        <v>-75.094899999999996</v>
      </c>
    </row>
    <row r="4520" spans="1:10" x14ac:dyDescent="0.35">
      <c r="A4520" s="5" t="s">
        <v>10</v>
      </c>
      <c r="B4520" s="6">
        <v>210053</v>
      </c>
      <c r="C4520" s="6" t="s">
        <v>68</v>
      </c>
      <c r="D4520" s="6" t="s">
        <v>69</v>
      </c>
      <c r="E4520" s="6">
        <v>11001</v>
      </c>
      <c r="F4520" s="6" t="s">
        <v>18</v>
      </c>
      <c r="G4520" s="6" t="s">
        <v>9178</v>
      </c>
      <c r="H4520" s="6" t="s">
        <v>9179</v>
      </c>
      <c r="I4520" s="7">
        <v>4.6238130000000002</v>
      </c>
      <c r="J4520" s="8">
        <v>-74.2093208</v>
      </c>
    </row>
    <row r="4521" spans="1:10" x14ac:dyDescent="0.35">
      <c r="A4521" s="5" t="s">
        <v>10</v>
      </c>
      <c r="B4521" s="6">
        <v>127370</v>
      </c>
      <c r="C4521" s="6" t="s">
        <v>68</v>
      </c>
      <c r="D4521" s="6" t="s">
        <v>69</v>
      </c>
      <c r="E4521" s="6">
        <v>11001</v>
      </c>
      <c r="F4521" s="6" t="s">
        <v>18</v>
      </c>
      <c r="G4521" s="6" t="s">
        <v>8367</v>
      </c>
      <c r="H4521" s="6" t="s">
        <v>8368</v>
      </c>
      <c r="I4521" s="7">
        <v>4.4736720999999999</v>
      </c>
      <c r="J4521" s="8">
        <v>-74.123009600000003</v>
      </c>
    </row>
    <row r="4522" spans="1:10" x14ac:dyDescent="0.35">
      <c r="A4522" s="5" t="s">
        <v>10</v>
      </c>
      <c r="B4522" s="6">
        <v>233025</v>
      </c>
      <c r="C4522" s="6" t="s">
        <v>308</v>
      </c>
      <c r="D4522" s="6" t="s">
        <v>9180</v>
      </c>
      <c r="E4522" s="6">
        <v>23675</v>
      </c>
      <c r="F4522" s="6" t="s">
        <v>18</v>
      </c>
      <c r="G4522" s="6" t="s">
        <v>9181</v>
      </c>
      <c r="H4522" s="6" t="s">
        <v>9182</v>
      </c>
      <c r="I4522" s="7">
        <v>9.3548121999999996</v>
      </c>
      <c r="J4522" s="8">
        <v>-75.950887899999998</v>
      </c>
    </row>
    <row r="4523" spans="1:10" x14ac:dyDescent="0.35">
      <c r="A4523" s="5" t="s">
        <v>10</v>
      </c>
      <c r="B4523" s="6">
        <v>121725</v>
      </c>
      <c r="C4523" s="6" t="s">
        <v>16</v>
      </c>
      <c r="D4523" s="6" t="s">
        <v>7820</v>
      </c>
      <c r="E4523" s="6">
        <v>68780</v>
      </c>
      <c r="F4523" s="6" t="s">
        <v>18</v>
      </c>
      <c r="G4523" s="6" t="s">
        <v>9183</v>
      </c>
      <c r="H4523" s="6" t="s">
        <v>9184</v>
      </c>
      <c r="I4523" s="7">
        <v>10.4229301</v>
      </c>
      <c r="J4523" s="8">
        <v>-75.550232399999999</v>
      </c>
    </row>
    <row r="4524" spans="1:10" x14ac:dyDescent="0.35">
      <c r="A4524" s="5" t="s">
        <v>10</v>
      </c>
      <c r="B4524" s="6">
        <v>232220</v>
      </c>
      <c r="C4524" s="6" t="s">
        <v>16</v>
      </c>
      <c r="D4524" s="6" t="s">
        <v>510</v>
      </c>
      <c r="E4524" s="6">
        <v>68547</v>
      </c>
      <c r="F4524" s="6" t="s">
        <v>18</v>
      </c>
      <c r="G4524" s="6" t="s">
        <v>9185</v>
      </c>
      <c r="H4524" s="6" t="s">
        <v>9186</v>
      </c>
      <c r="I4524" s="7">
        <v>6.9913872000000001</v>
      </c>
      <c r="J4524" s="8">
        <v>-73.054096000000001</v>
      </c>
    </row>
    <row r="4525" spans="1:10" x14ac:dyDescent="0.35">
      <c r="A4525" s="5" t="s">
        <v>10</v>
      </c>
      <c r="B4525" s="6">
        <v>246367</v>
      </c>
      <c r="C4525" s="6" t="s">
        <v>16</v>
      </c>
      <c r="D4525" s="6" t="s">
        <v>78</v>
      </c>
      <c r="E4525" s="6">
        <v>68001</v>
      </c>
      <c r="F4525" s="6" t="s">
        <v>18</v>
      </c>
      <c r="G4525" s="6" t="s">
        <v>9187</v>
      </c>
      <c r="H4525" s="6" t="s">
        <v>9188</v>
      </c>
      <c r="I4525" s="7">
        <v>7.0937302999999998</v>
      </c>
      <c r="J4525" s="8">
        <v>-73.109001599999999</v>
      </c>
    </row>
    <row r="4526" spans="1:10" x14ac:dyDescent="0.35">
      <c r="A4526" s="5" t="s">
        <v>10</v>
      </c>
      <c r="B4526" s="6">
        <v>235306</v>
      </c>
      <c r="C4526" s="6" t="s">
        <v>16</v>
      </c>
      <c r="D4526" s="6" t="s">
        <v>510</v>
      </c>
      <c r="E4526" s="6">
        <v>68547</v>
      </c>
      <c r="F4526" s="6" t="s">
        <v>18</v>
      </c>
      <c r="G4526" s="6" t="s">
        <v>9189</v>
      </c>
      <c r="H4526" s="6" t="s">
        <v>9190</v>
      </c>
      <c r="I4526" s="7">
        <v>6.9921870000000004</v>
      </c>
      <c r="J4526" s="8">
        <v>-73.056902600000001</v>
      </c>
    </row>
    <row r="4527" spans="1:10" x14ac:dyDescent="0.35">
      <c r="A4527" s="5" t="s">
        <v>10</v>
      </c>
      <c r="B4527" s="6">
        <v>219068</v>
      </c>
      <c r="C4527" s="6" t="s">
        <v>68</v>
      </c>
      <c r="D4527" s="6" t="s">
        <v>69</v>
      </c>
      <c r="E4527" s="6">
        <v>11001</v>
      </c>
      <c r="F4527" s="6" t="s">
        <v>13</v>
      </c>
      <c r="G4527" s="6" t="s">
        <v>9191</v>
      </c>
      <c r="H4527" s="6" t="s">
        <v>9192</v>
      </c>
      <c r="I4527" s="7">
        <v>4.6960898999999996</v>
      </c>
      <c r="J4527" s="8">
        <v>-74.1095665</v>
      </c>
    </row>
    <row r="4528" spans="1:10" x14ac:dyDescent="0.35">
      <c r="A4528" s="5" t="s">
        <v>10</v>
      </c>
      <c r="B4528" s="6">
        <v>234455</v>
      </c>
      <c r="C4528" s="6" t="s">
        <v>2130</v>
      </c>
      <c r="D4528" s="6" t="s">
        <v>2131</v>
      </c>
      <c r="E4528" s="6">
        <v>85001</v>
      </c>
      <c r="F4528" s="6" t="s">
        <v>18</v>
      </c>
      <c r="G4528" s="6" t="s">
        <v>9193</v>
      </c>
      <c r="H4528" s="6" t="s">
        <v>9194</v>
      </c>
      <c r="I4528" s="7">
        <v>5.3380106999999999</v>
      </c>
      <c r="J4528" s="8">
        <v>-72.398149500000002</v>
      </c>
    </row>
    <row r="4529" spans="1:10" x14ac:dyDescent="0.35">
      <c r="A4529" s="5" t="s">
        <v>10</v>
      </c>
      <c r="B4529" s="6">
        <v>239041</v>
      </c>
      <c r="C4529" s="6" t="s">
        <v>55</v>
      </c>
      <c r="D4529" s="6" t="s">
        <v>56</v>
      </c>
      <c r="E4529" s="6">
        <v>73001</v>
      </c>
      <c r="F4529" s="6" t="s">
        <v>18</v>
      </c>
      <c r="G4529" s="6" t="s">
        <v>9195</v>
      </c>
      <c r="H4529" s="6" t="s">
        <v>9196</v>
      </c>
      <c r="I4529" s="7">
        <v>4.4282895</v>
      </c>
      <c r="J4529" s="8">
        <v>-75.189475700000003</v>
      </c>
    </row>
    <row r="4530" spans="1:10" x14ac:dyDescent="0.35">
      <c r="A4530" s="5" t="s">
        <v>10</v>
      </c>
      <c r="B4530" s="6">
        <v>222950</v>
      </c>
      <c r="C4530" s="6" t="s">
        <v>68</v>
      </c>
      <c r="D4530" s="6" t="s">
        <v>69</v>
      </c>
      <c r="E4530" s="6">
        <v>11001</v>
      </c>
      <c r="F4530" s="6" t="s">
        <v>18</v>
      </c>
      <c r="G4530" s="6" t="s">
        <v>9197</v>
      </c>
      <c r="H4530" s="6" t="s">
        <v>9198</v>
      </c>
      <c r="I4530" s="7">
        <v>4.7109885999999896</v>
      </c>
      <c r="J4530" s="8">
        <v>-74.072091999999998</v>
      </c>
    </row>
    <row r="4531" spans="1:10" x14ac:dyDescent="0.35">
      <c r="A4531" s="5" t="s">
        <v>10</v>
      </c>
      <c r="B4531" s="6">
        <v>240022</v>
      </c>
      <c r="C4531" s="6" t="s">
        <v>68</v>
      </c>
      <c r="D4531" s="6" t="s">
        <v>69</v>
      </c>
      <c r="E4531" s="6">
        <v>11001</v>
      </c>
      <c r="F4531" s="6" t="s">
        <v>18</v>
      </c>
      <c r="G4531" s="6" t="s">
        <v>9199</v>
      </c>
      <c r="H4531" s="6" t="s">
        <v>9200</v>
      </c>
      <c r="I4531" s="7">
        <v>4.7109886000000003</v>
      </c>
      <c r="J4531" s="8">
        <v>-74.072091999999998</v>
      </c>
    </row>
    <row r="4532" spans="1:10" x14ac:dyDescent="0.35">
      <c r="A4532" s="5" t="s">
        <v>10</v>
      </c>
      <c r="B4532" s="6">
        <v>114133</v>
      </c>
      <c r="C4532" s="6" t="s">
        <v>302</v>
      </c>
      <c r="D4532" s="6" t="s">
        <v>9014</v>
      </c>
      <c r="E4532" s="6">
        <v>8421</v>
      </c>
      <c r="F4532" s="6" t="s">
        <v>18</v>
      </c>
      <c r="G4532" s="6" t="s">
        <v>9201</v>
      </c>
      <c r="H4532" s="6" t="s">
        <v>9202</v>
      </c>
      <c r="I4532" s="7">
        <v>10.6099791</v>
      </c>
      <c r="J4532" s="8">
        <v>-75.142168099999907</v>
      </c>
    </row>
    <row r="4533" spans="1:10" x14ac:dyDescent="0.35">
      <c r="A4533" s="5" t="s">
        <v>10</v>
      </c>
      <c r="B4533" s="6">
        <v>230612</v>
      </c>
      <c r="C4533" s="6" t="s">
        <v>38</v>
      </c>
      <c r="D4533" s="6" t="s">
        <v>39</v>
      </c>
      <c r="E4533" s="6">
        <v>19001</v>
      </c>
      <c r="F4533" s="6" t="s">
        <v>18</v>
      </c>
      <c r="G4533" s="6" t="s">
        <v>9203</v>
      </c>
      <c r="H4533" s="6" t="s">
        <v>9204</v>
      </c>
      <c r="I4533" s="7">
        <v>2.4397647999999998</v>
      </c>
      <c r="J4533" s="8">
        <v>-76.604670499999997</v>
      </c>
    </row>
    <row r="4534" spans="1:10" x14ac:dyDescent="0.35">
      <c r="A4534" s="5" t="s">
        <v>10</v>
      </c>
      <c r="B4534" s="6">
        <v>216001</v>
      </c>
      <c r="C4534" s="6" t="s">
        <v>68</v>
      </c>
      <c r="D4534" s="6" t="s">
        <v>69</v>
      </c>
      <c r="E4534" s="6">
        <v>11001</v>
      </c>
      <c r="F4534" s="6" t="s">
        <v>18</v>
      </c>
      <c r="G4534" s="6" t="s">
        <v>9205</v>
      </c>
      <c r="H4534" s="6" t="s">
        <v>9206</v>
      </c>
      <c r="I4534" s="7">
        <v>4.5896376999999999</v>
      </c>
      <c r="J4534" s="8">
        <v>-74.093114700000001</v>
      </c>
    </row>
    <row r="4535" spans="1:10" x14ac:dyDescent="0.35">
      <c r="A4535" s="5" t="s">
        <v>10</v>
      </c>
      <c r="B4535" s="6">
        <v>232319</v>
      </c>
      <c r="C4535" s="6" t="s">
        <v>68</v>
      </c>
      <c r="D4535" s="6" t="s">
        <v>69</v>
      </c>
      <c r="E4535" s="6">
        <v>11001</v>
      </c>
      <c r="F4535" s="6" t="s">
        <v>18</v>
      </c>
      <c r="G4535" s="6" t="s">
        <v>9207</v>
      </c>
      <c r="H4535" s="6" t="s">
        <v>9208</v>
      </c>
      <c r="I4535" s="7">
        <v>4.6314710000000003</v>
      </c>
      <c r="J4535" s="8">
        <v>-74.127861999999993</v>
      </c>
    </row>
    <row r="4536" spans="1:10" x14ac:dyDescent="0.35">
      <c r="A4536" s="5" t="s">
        <v>10</v>
      </c>
      <c r="B4536" s="6">
        <v>188674</v>
      </c>
      <c r="C4536" s="6" t="s">
        <v>68</v>
      </c>
      <c r="D4536" s="6" t="s">
        <v>69</v>
      </c>
      <c r="E4536" s="6">
        <v>11001</v>
      </c>
      <c r="F4536" s="6" t="s">
        <v>18</v>
      </c>
      <c r="G4536" s="6" t="s">
        <v>9209</v>
      </c>
      <c r="H4536" s="6" t="s">
        <v>9210</v>
      </c>
      <c r="I4536" s="7">
        <v>4.6347166</v>
      </c>
      <c r="J4536" s="8">
        <v>-74.183094499999996</v>
      </c>
    </row>
    <row r="4537" spans="1:10" x14ac:dyDescent="0.35">
      <c r="A4537" s="5" t="s">
        <v>10</v>
      </c>
      <c r="B4537" s="6">
        <v>235598</v>
      </c>
      <c r="C4537" s="6" t="s">
        <v>68</v>
      </c>
      <c r="D4537" s="6" t="s">
        <v>69</v>
      </c>
      <c r="E4537" s="6">
        <v>11001</v>
      </c>
      <c r="F4537" s="6" t="s">
        <v>18</v>
      </c>
      <c r="G4537" s="6" t="s">
        <v>9211</v>
      </c>
      <c r="H4537" s="6" t="s">
        <v>9212</v>
      </c>
      <c r="I4537" s="7">
        <v>4.5838424</v>
      </c>
      <c r="J4537" s="8">
        <v>-74.136158800000004</v>
      </c>
    </row>
    <row r="4538" spans="1:10" x14ac:dyDescent="0.35">
      <c r="A4538" s="5" t="s">
        <v>10</v>
      </c>
      <c r="B4538" s="6">
        <v>202102</v>
      </c>
      <c r="C4538" s="6" t="s">
        <v>68</v>
      </c>
      <c r="D4538" s="6" t="s">
        <v>69</v>
      </c>
      <c r="E4538" s="6">
        <v>11001</v>
      </c>
      <c r="F4538" s="6" t="s">
        <v>18</v>
      </c>
      <c r="G4538" s="6" t="s">
        <v>9213</v>
      </c>
      <c r="H4538" s="6" t="s">
        <v>9214</v>
      </c>
      <c r="I4538" s="7">
        <v>4.5452006999999996</v>
      </c>
      <c r="J4538" s="8">
        <v>-74.093764699999994</v>
      </c>
    </row>
    <row r="4539" spans="1:10" x14ac:dyDescent="0.35">
      <c r="A4539" s="5" t="s">
        <v>10</v>
      </c>
      <c r="B4539" s="6">
        <v>225485</v>
      </c>
      <c r="C4539" s="6" t="s">
        <v>16</v>
      </c>
      <c r="D4539" s="6" t="s">
        <v>1266</v>
      </c>
      <c r="E4539" s="6">
        <v>68081</v>
      </c>
      <c r="F4539" s="6" t="s">
        <v>18</v>
      </c>
      <c r="G4539" s="6" t="s">
        <v>9215</v>
      </c>
      <c r="H4539" s="6" t="s">
        <v>9216</v>
      </c>
      <c r="I4539" s="7">
        <v>7.1200134999999998</v>
      </c>
      <c r="J4539" s="8">
        <v>-73.127584400000003</v>
      </c>
    </row>
    <row r="4540" spans="1:10" x14ac:dyDescent="0.35">
      <c r="A4540" s="5" t="s">
        <v>10</v>
      </c>
      <c r="B4540" s="6">
        <v>237617</v>
      </c>
      <c r="C4540" s="6" t="s">
        <v>16</v>
      </c>
      <c r="D4540" s="6" t="s">
        <v>9217</v>
      </c>
      <c r="E4540" s="6">
        <v>68655</v>
      </c>
      <c r="F4540" s="6" t="s">
        <v>18</v>
      </c>
      <c r="G4540" s="6" t="s">
        <v>9218</v>
      </c>
      <c r="H4540" s="6" t="s">
        <v>9219</v>
      </c>
      <c r="I4540" s="7">
        <v>7.3934635000000002</v>
      </c>
      <c r="J4540" s="8">
        <v>-73.499294399999997</v>
      </c>
    </row>
    <row r="4541" spans="1:10" x14ac:dyDescent="0.35">
      <c r="A4541" s="5" t="s">
        <v>10</v>
      </c>
      <c r="B4541" s="6">
        <v>237759</v>
      </c>
      <c r="C4541" s="6" t="s">
        <v>16</v>
      </c>
      <c r="D4541" s="6" t="s">
        <v>846</v>
      </c>
      <c r="E4541" s="6">
        <v>68500</v>
      </c>
      <c r="F4541" s="6" t="s">
        <v>18</v>
      </c>
      <c r="G4541" s="6" t="s">
        <v>9220</v>
      </c>
      <c r="H4541" s="6" t="s">
        <v>9221</v>
      </c>
      <c r="I4541" s="7">
        <v>6.2646699999999997</v>
      </c>
      <c r="J4541" s="8">
        <v>-73.298379999999995</v>
      </c>
    </row>
    <row r="4542" spans="1:10" x14ac:dyDescent="0.35">
      <c r="A4542" s="5" t="s">
        <v>10</v>
      </c>
      <c r="B4542" s="6">
        <v>241762</v>
      </c>
      <c r="C4542" s="6" t="s">
        <v>94</v>
      </c>
      <c r="D4542" s="6" t="s">
        <v>95</v>
      </c>
      <c r="E4542" s="6">
        <v>66170</v>
      </c>
      <c r="F4542" s="6" t="s">
        <v>18</v>
      </c>
      <c r="G4542" s="6" t="s">
        <v>9222</v>
      </c>
      <c r="H4542" s="6" t="s">
        <v>9223</v>
      </c>
      <c r="I4542" s="7">
        <v>4.8151763000000001</v>
      </c>
      <c r="J4542" s="8">
        <v>-75.690300699999995</v>
      </c>
    </row>
    <row r="4543" spans="1:10" x14ac:dyDescent="0.35">
      <c r="A4543" s="5" t="s">
        <v>10</v>
      </c>
      <c r="B4543" s="6">
        <v>238250</v>
      </c>
      <c r="C4543" s="6" t="s">
        <v>68</v>
      </c>
      <c r="D4543" s="6" t="s">
        <v>69</v>
      </c>
      <c r="E4543" s="6">
        <v>11001</v>
      </c>
      <c r="F4543" s="6" t="s">
        <v>13</v>
      </c>
      <c r="G4543" s="6" t="s">
        <v>9224</v>
      </c>
      <c r="H4543" s="6" t="s">
        <v>9225</v>
      </c>
      <c r="I4543" s="7">
        <v>4.5912682</v>
      </c>
      <c r="J4543" s="8">
        <v>-74.103650700000003</v>
      </c>
    </row>
    <row r="4544" spans="1:10" x14ac:dyDescent="0.35">
      <c r="A4544" s="5" t="s">
        <v>10</v>
      </c>
      <c r="B4544" s="6">
        <v>221847</v>
      </c>
      <c r="C4544" s="6" t="s">
        <v>68</v>
      </c>
      <c r="D4544" s="6" t="s">
        <v>69</v>
      </c>
      <c r="E4544" s="6">
        <v>11001</v>
      </c>
      <c r="F4544" s="6" t="s">
        <v>18</v>
      </c>
      <c r="G4544" s="6" t="s">
        <v>9226</v>
      </c>
      <c r="H4544" s="6" t="s">
        <v>9227</v>
      </c>
      <c r="I4544" s="7">
        <v>4.5848068999999896</v>
      </c>
      <c r="J4544" s="8">
        <v>-74.140883199999905</v>
      </c>
    </row>
    <row r="4545" spans="1:10" x14ac:dyDescent="0.35">
      <c r="A4545" s="5" t="s">
        <v>10</v>
      </c>
      <c r="B4545" s="6">
        <v>234155</v>
      </c>
      <c r="C4545" s="6" t="s">
        <v>7527</v>
      </c>
      <c r="D4545" s="6" t="s">
        <v>8759</v>
      </c>
      <c r="E4545" s="6">
        <v>27001</v>
      </c>
      <c r="F4545" s="6" t="s">
        <v>18</v>
      </c>
      <c r="G4545" s="6" t="s">
        <v>9228</v>
      </c>
      <c r="H4545" s="6" t="s">
        <v>9229</v>
      </c>
      <c r="I4545" s="7">
        <v>5.686598</v>
      </c>
      <c r="J4545" s="8">
        <v>-76.655208200000004</v>
      </c>
    </row>
    <row r="4546" spans="1:10" x14ac:dyDescent="0.35">
      <c r="A4546" s="5" t="s">
        <v>10</v>
      </c>
      <c r="B4546" s="6">
        <v>234942</v>
      </c>
      <c r="C4546" s="6" t="s">
        <v>68</v>
      </c>
      <c r="D4546" s="6" t="s">
        <v>69</v>
      </c>
      <c r="E4546" s="6">
        <v>11001</v>
      </c>
      <c r="F4546" s="6" t="s">
        <v>18</v>
      </c>
      <c r="G4546" s="6" t="s">
        <v>9230</v>
      </c>
      <c r="H4546" s="6" t="s">
        <v>9231</v>
      </c>
      <c r="I4546" s="7">
        <v>4.6627907999999998</v>
      </c>
      <c r="J4546" s="8">
        <v>-74.050733800000003</v>
      </c>
    </row>
    <row r="4547" spans="1:10" x14ac:dyDescent="0.35">
      <c r="A4547" s="5" t="s">
        <v>10</v>
      </c>
      <c r="B4547" s="6">
        <v>209860</v>
      </c>
      <c r="C4547" s="6" t="s">
        <v>68</v>
      </c>
      <c r="D4547" s="6" t="s">
        <v>69</v>
      </c>
      <c r="E4547" s="6">
        <v>11001</v>
      </c>
      <c r="F4547" s="6" t="s">
        <v>18</v>
      </c>
      <c r="G4547" s="6" t="s">
        <v>9232</v>
      </c>
      <c r="H4547" s="6" t="s">
        <v>9233</v>
      </c>
      <c r="I4547" s="7">
        <v>4.6176659000000004</v>
      </c>
      <c r="J4547" s="8">
        <v>-74.187473799999907</v>
      </c>
    </row>
    <row r="4548" spans="1:10" x14ac:dyDescent="0.35">
      <c r="A4548" s="5" t="s">
        <v>10</v>
      </c>
      <c r="B4548" s="6">
        <v>192437</v>
      </c>
      <c r="C4548" s="6" t="s">
        <v>11</v>
      </c>
      <c r="D4548" s="6" t="s">
        <v>334</v>
      </c>
      <c r="E4548" s="6">
        <v>25754</v>
      </c>
      <c r="F4548" s="6" t="s">
        <v>18</v>
      </c>
      <c r="G4548" s="6" t="s">
        <v>9234</v>
      </c>
      <c r="H4548" s="6" t="s">
        <v>9235</v>
      </c>
      <c r="I4548" s="7">
        <v>4.6061766999999998</v>
      </c>
      <c r="J4548" s="8">
        <v>-74.210405699999995</v>
      </c>
    </row>
    <row r="4549" spans="1:10" x14ac:dyDescent="0.35">
      <c r="A4549" s="5" t="s">
        <v>10</v>
      </c>
      <c r="B4549" s="6">
        <v>239190</v>
      </c>
      <c r="C4549" s="6" t="s">
        <v>11</v>
      </c>
      <c r="D4549" s="6" t="s">
        <v>5942</v>
      </c>
      <c r="E4549" s="6">
        <v>25718</v>
      </c>
      <c r="F4549" s="6" t="s">
        <v>18</v>
      </c>
      <c r="G4549" s="6" t="s">
        <v>9236</v>
      </c>
      <c r="H4549" s="6" t="s">
        <v>9237</v>
      </c>
      <c r="I4549" s="7">
        <v>4.9644214</v>
      </c>
      <c r="J4549" s="8">
        <v>-74.4346405</v>
      </c>
    </row>
    <row r="4550" spans="1:10" x14ac:dyDescent="0.35">
      <c r="A4550" s="5" t="s">
        <v>10</v>
      </c>
      <c r="B4550" s="6">
        <v>209960</v>
      </c>
      <c r="C4550" s="6" t="s">
        <v>366</v>
      </c>
      <c r="D4550" s="6" t="s">
        <v>367</v>
      </c>
      <c r="E4550" s="6">
        <v>44430</v>
      </c>
      <c r="F4550" s="6" t="s">
        <v>18</v>
      </c>
      <c r="G4550" s="6" t="s">
        <v>9238</v>
      </c>
      <c r="H4550" s="6" t="s">
        <v>9239</v>
      </c>
      <c r="I4550" s="7">
        <v>11.46003</v>
      </c>
      <c r="J4550" s="8">
        <v>-72.404969999999906</v>
      </c>
    </row>
    <row r="4551" spans="1:10" x14ac:dyDescent="0.35">
      <c r="A4551" s="5" t="s">
        <v>10</v>
      </c>
      <c r="B4551" s="6">
        <v>237710</v>
      </c>
      <c r="C4551" s="6" t="s">
        <v>302</v>
      </c>
      <c r="D4551" s="6" t="s">
        <v>359</v>
      </c>
      <c r="E4551" s="6">
        <v>8001</v>
      </c>
      <c r="F4551" s="6" t="s">
        <v>18</v>
      </c>
      <c r="G4551" s="6" t="s">
        <v>9240</v>
      </c>
      <c r="H4551" s="6" t="s">
        <v>9241</v>
      </c>
      <c r="I4551" s="7">
        <v>10.9630916</v>
      </c>
      <c r="J4551" s="8">
        <v>-74.795735300000004</v>
      </c>
    </row>
    <row r="4552" spans="1:10" x14ac:dyDescent="0.35">
      <c r="A4552" s="5" t="s">
        <v>10</v>
      </c>
      <c r="B4552" s="6">
        <v>243014</v>
      </c>
      <c r="C4552" s="6" t="s">
        <v>16</v>
      </c>
      <c r="D4552" s="6" t="s">
        <v>546</v>
      </c>
      <c r="E4552" s="6">
        <v>68464</v>
      </c>
      <c r="F4552" s="6" t="s">
        <v>18</v>
      </c>
      <c r="G4552" s="6" t="s">
        <v>9242</v>
      </c>
      <c r="H4552" s="6" t="s">
        <v>9243</v>
      </c>
      <c r="I4552" s="7">
        <v>6.477735</v>
      </c>
      <c r="J4552" s="8">
        <v>-72.969966200000002</v>
      </c>
    </row>
    <row r="4553" spans="1:10" x14ac:dyDescent="0.35">
      <c r="A4553" s="5" t="s">
        <v>10</v>
      </c>
      <c r="B4553" s="6">
        <v>241758</v>
      </c>
      <c r="C4553" s="6" t="s">
        <v>94</v>
      </c>
      <c r="D4553" s="6" t="s">
        <v>98</v>
      </c>
      <c r="E4553" s="6">
        <v>66001</v>
      </c>
      <c r="F4553" s="6" t="s">
        <v>18</v>
      </c>
      <c r="G4553" s="6" t="s">
        <v>9244</v>
      </c>
      <c r="H4553" s="6" t="s">
        <v>9245</v>
      </c>
      <c r="I4553" s="7">
        <v>4.7601300999999996</v>
      </c>
      <c r="J4553" s="8">
        <v>-75.683281699999995</v>
      </c>
    </row>
    <row r="4554" spans="1:10" x14ac:dyDescent="0.35">
      <c r="A4554" s="5" t="s">
        <v>10</v>
      </c>
      <c r="B4554" s="6">
        <v>231970</v>
      </c>
      <c r="C4554" s="6" t="s">
        <v>3788</v>
      </c>
      <c r="D4554" s="6" t="s">
        <v>3974</v>
      </c>
      <c r="E4554" s="6">
        <v>18001</v>
      </c>
      <c r="F4554" s="6" t="s">
        <v>18</v>
      </c>
      <c r="G4554" s="6" t="s">
        <v>9246</v>
      </c>
      <c r="H4554" s="6" t="s">
        <v>9247</v>
      </c>
      <c r="I4554" s="7">
        <v>1.6142155</v>
      </c>
      <c r="J4554" s="8">
        <v>-75.615228200000004</v>
      </c>
    </row>
    <row r="4555" spans="1:10" x14ac:dyDescent="0.35">
      <c r="A4555" s="5" t="s">
        <v>10</v>
      </c>
      <c r="B4555" s="6">
        <v>200874</v>
      </c>
      <c r="C4555" s="6" t="s">
        <v>278</v>
      </c>
      <c r="D4555" s="6" t="s">
        <v>279</v>
      </c>
      <c r="E4555" s="6">
        <v>50001</v>
      </c>
      <c r="F4555" s="6" t="s">
        <v>13</v>
      </c>
      <c r="G4555" s="6" t="s">
        <v>9248</v>
      </c>
      <c r="H4555" s="6" t="s">
        <v>9249</v>
      </c>
      <c r="I4555" s="7">
        <v>4.1392641000000001</v>
      </c>
      <c r="J4555" s="8">
        <v>-73.614442999999994</v>
      </c>
    </row>
    <row r="4556" spans="1:10" x14ac:dyDescent="0.35">
      <c r="A4556" s="5" t="s">
        <v>10</v>
      </c>
      <c r="B4556" s="6">
        <v>233500</v>
      </c>
      <c r="C4556" s="6" t="s">
        <v>68</v>
      </c>
      <c r="D4556" s="6" t="s">
        <v>69</v>
      </c>
      <c r="E4556" s="6">
        <v>11001</v>
      </c>
      <c r="F4556" s="6" t="s">
        <v>18</v>
      </c>
      <c r="G4556" s="6" t="s">
        <v>9250</v>
      </c>
      <c r="H4556" s="6" t="s">
        <v>9251</v>
      </c>
      <c r="I4556" s="7">
        <v>4.7258699999999996</v>
      </c>
      <c r="J4556" s="8">
        <v>-74.091130000000007</v>
      </c>
    </row>
    <row r="4557" spans="1:10" x14ac:dyDescent="0.35">
      <c r="A4557" s="5" t="s">
        <v>10</v>
      </c>
      <c r="B4557" s="6">
        <v>208023</v>
      </c>
      <c r="C4557" s="6" t="s">
        <v>294</v>
      </c>
      <c r="D4557" s="6" t="s">
        <v>703</v>
      </c>
      <c r="E4557" s="6">
        <v>41001</v>
      </c>
      <c r="F4557" s="6" t="s">
        <v>18</v>
      </c>
      <c r="G4557" s="6" t="s">
        <v>9252</v>
      </c>
      <c r="H4557" s="6" t="s">
        <v>9253</v>
      </c>
      <c r="I4557" s="7">
        <v>2.9336234999999999</v>
      </c>
      <c r="J4557" s="8">
        <v>-75.293984899999998</v>
      </c>
    </row>
    <row r="4558" spans="1:10" x14ac:dyDescent="0.35">
      <c r="A4558" s="5" t="s">
        <v>10</v>
      </c>
      <c r="B4558" s="6">
        <v>186435</v>
      </c>
      <c r="C4558" s="6" t="s">
        <v>68</v>
      </c>
      <c r="D4558" s="6" t="s">
        <v>69</v>
      </c>
      <c r="E4558" s="6">
        <v>11001</v>
      </c>
      <c r="F4558" s="6" t="s">
        <v>18</v>
      </c>
      <c r="G4558" s="6" t="s">
        <v>9254</v>
      </c>
      <c r="H4558" s="6" t="s">
        <v>9255</v>
      </c>
      <c r="I4558" s="7">
        <v>4.5725574999999896</v>
      </c>
      <c r="J4558" s="8">
        <v>-74.167332099999996</v>
      </c>
    </row>
    <row r="4559" spans="1:10" x14ac:dyDescent="0.35">
      <c r="A4559" s="5" t="s">
        <v>10</v>
      </c>
      <c r="B4559" s="6">
        <v>142242</v>
      </c>
      <c r="C4559" s="6" t="s">
        <v>11</v>
      </c>
      <c r="D4559" s="6" t="s">
        <v>12</v>
      </c>
      <c r="E4559" s="6">
        <v>25899</v>
      </c>
      <c r="F4559" s="6" t="s">
        <v>18</v>
      </c>
      <c r="G4559" s="6" t="s">
        <v>9256</v>
      </c>
      <c r="H4559" s="6" t="s">
        <v>9257</v>
      </c>
      <c r="I4559" s="7">
        <v>5.0212583999999998</v>
      </c>
      <c r="J4559" s="8">
        <v>-73.9712277</v>
      </c>
    </row>
    <row r="4560" spans="1:10" x14ac:dyDescent="0.35">
      <c r="A4560" s="5" t="s">
        <v>10</v>
      </c>
      <c r="B4560" s="6">
        <v>177577</v>
      </c>
      <c r="C4560" s="6" t="s">
        <v>11</v>
      </c>
      <c r="D4560" s="6" t="s">
        <v>21</v>
      </c>
      <c r="E4560" s="6">
        <v>25386</v>
      </c>
      <c r="F4560" s="6" t="s">
        <v>18</v>
      </c>
      <c r="G4560" s="6" t="s">
        <v>9258</v>
      </c>
      <c r="H4560" s="6" t="s">
        <v>9259</v>
      </c>
      <c r="I4560" s="7">
        <v>4.6321469999999998</v>
      </c>
      <c r="J4560" s="8">
        <v>-74.463014000000001</v>
      </c>
    </row>
    <row r="4561" spans="1:10" x14ac:dyDescent="0.35">
      <c r="A4561" s="5" t="s">
        <v>10</v>
      </c>
      <c r="B4561" s="6">
        <v>96471</v>
      </c>
      <c r="C4561" s="6" t="s">
        <v>11</v>
      </c>
      <c r="D4561" s="6" t="s">
        <v>337</v>
      </c>
      <c r="E4561" s="6">
        <v>25290</v>
      </c>
      <c r="F4561" s="6" t="s">
        <v>18</v>
      </c>
      <c r="G4561" s="6" t="s">
        <v>3748</v>
      </c>
      <c r="H4561" s="6" t="s">
        <v>8795</v>
      </c>
      <c r="I4561" s="7">
        <v>4.8072096999999996</v>
      </c>
      <c r="J4561" s="8">
        <v>-74.104350099999905</v>
      </c>
    </row>
    <row r="4562" spans="1:10" x14ac:dyDescent="0.35">
      <c r="A4562" s="5" t="s">
        <v>10</v>
      </c>
      <c r="B4562" s="6">
        <v>239836</v>
      </c>
      <c r="C4562" s="6" t="s">
        <v>302</v>
      </c>
      <c r="D4562" s="6" t="s">
        <v>4041</v>
      </c>
      <c r="E4562" s="6">
        <v>8758</v>
      </c>
      <c r="F4562" s="6" t="s">
        <v>18</v>
      </c>
      <c r="G4562" s="6" t="s">
        <v>9260</v>
      </c>
      <c r="H4562" s="6" t="s">
        <v>9261</v>
      </c>
      <c r="I4562" s="7">
        <v>10.937766099999999</v>
      </c>
      <c r="J4562" s="8">
        <v>-74.767865200000003</v>
      </c>
    </row>
    <row r="4563" spans="1:10" x14ac:dyDescent="0.35">
      <c r="A4563" s="5" t="s">
        <v>10</v>
      </c>
      <c r="B4563" s="6">
        <v>241348</v>
      </c>
      <c r="C4563" s="6" t="s">
        <v>308</v>
      </c>
      <c r="D4563" s="6" t="s">
        <v>8321</v>
      </c>
      <c r="E4563" s="6">
        <v>23162</v>
      </c>
      <c r="F4563" s="6" t="s">
        <v>18</v>
      </c>
      <c r="G4563" s="6" t="s">
        <v>9262</v>
      </c>
      <c r="H4563" s="6" t="s">
        <v>9263</v>
      </c>
      <c r="I4563" s="7">
        <v>8.8879851999999993</v>
      </c>
      <c r="J4563" s="8">
        <v>-75.792042100000003</v>
      </c>
    </row>
    <row r="4564" spans="1:10" x14ac:dyDescent="0.35">
      <c r="A4564" s="5" t="s">
        <v>10</v>
      </c>
      <c r="B4564" s="6">
        <v>238188</v>
      </c>
      <c r="C4564" s="6" t="s">
        <v>68</v>
      </c>
      <c r="D4564" s="6" t="s">
        <v>69</v>
      </c>
      <c r="E4564" s="6">
        <v>11001</v>
      </c>
      <c r="F4564" s="6" t="s">
        <v>18</v>
      </c>
      <c r="G4564" s="6" t="s">
        <v>9264</v>
      </c>
      <c r="H4564" s="6" t="s">
        <v>9265</v>
      </c>
      <c r="I4564" s="7">
        <v>4.6251123999999999</v>
      </c>
      <c r="J4564" s="8">
        <v>-74.165051300000002</v>
      </c>
    </row>
    <row r="4565" spans="1:10" x14ac:dyDescent="0.35">
      <c r="A4565" s="5" t="s">
        <v>10</v>
      </c>
      <c r="B4565" s="6">
        <v>226782</v>
      </c>
      <c r="C4565" s="6" t="s">
        <v>11</v>
      </c>
      <c r="D4565" s="6" t="s">
        <v>1193</v>
      </c>
      <c r="E4565" s="6">
        <v>25035</v>
      </c>
      <c r="F4565" s="6" t="s">
        <v>18</v>
      </c>
      <c r="G4565" s="6" t="s">
        <v>9266</v>
      </c>
      <c r="H4565" s="6" t="s">
        <v>9267</v>
      </c>
      <c r="I4565" s="7">
        <v>4.5489419999999896</v>
      </c>
      <c r="J4565" s="8">
        <v>-74.535235</v>
      </c>
    </row>
    <row r="4566" spans="1:10" x14ac:dyDescent="0.35">
      <c r="A4566" s="5" t="s">
        <v>10</v>
      </c>
      <c r="B4566" s="6">
        <v>234827</v>
      </c>
      <c r="C4566" s="6" t="s">
        <v>68</v>
      </c>
      <c r="D4566" s="6" t="s">
        <v>69</v>
      </c>
      <c r="E4566" s="6">
        <v>11001</v>
      </c>
      <c r="F4566" s="6" t="s">
        <v>18</v>
      </c>
      <c r="G4566" s="6" t="s">
        <v>9268</v>
      </c>
      <c r="H4566" s="6" t="s">
        <v>9269</v>
      </c>
      <c r="I4566" s="7">
        <v>4.6802760000000001</v>
      </c>
      <c r="J4566" s="8">
        <v>-74.091294000000005</v>
      </c>
    </row>
    <row r="4567" spans="1:10" x14ac:dyDescent="0.35">
      <c r="A4567" s="5" t="s">
        <v>10</v>
      </c>
      <c r="B4567" s="6">
        <v>244716</v>
      </c>
      <c r="C4567" s="6" t="s">
        <v>68</v>
      </c>
      <c r="D4567" s="6" t="s">
        <v>69</v>
      </c>
      <c r="E4567" s="6">
        <v>11001</v>
      </c>
      <c r="F4567" s="6" t="s">
        <v>18</v>
      </c>
      <c r="G4567" s="6" t="s">
        <v>9270</v>
      </c>
      <c r="H4567" s="6" t="s">
        <v>9271</v>
      </c>
      <c r="I4567" s="7">
        <v>4.6224458000000004</v>
      </c>
      <c r="J4567" s="8">
        <v>-74.117350599999995</v>
      </c>
    </row>
    <row r="4568" spans="1:10" x14ac:dyDescent="0.35">
      <c r="A4568" s="5" t="s">
        <v>10</v>
      </c>
      <c r="B4568" s="6">
        <v>235973</v>
      </c>
      <c r="C4568" s="6" t="s">
        <v>68</v>
      </c>
      <c r="D4568" s="6" t="s">
        <v>69</v>
      </c>
      <c r="E4568" s="6">
        <v>11001</v>
      </c>
      <c r="F4568" s="6" t="s">
        <v>18</v>
      </c>
      <c r="G4568" s="6" t="s">
        <v>9272</v>
      </c>
      <c r="H4568" s="6" t="s">
        <v>9273</v>
      </c>
      <c r="I4568" s="7">
        <v>4.5123597000000002</v>
      </c>
      <c r="J4568" s="8">
        <v>-74.113073499999999</v>
      </c>
    </row>
    <row r="4569" spans="1:10" x14ac:dyDescent="0.35">
      <c r="A4569" s="5" t="s">
        <v>10</v>
      </c>
      <c r="B4569" s="6">
        <v>68127</v>
      </c>
      <c r="C4569" s="6" t="s">
        <v>294</v>
      </c>
      <c r="D4569" s="6" t="s">
        <v>703</v>
      </c>
      <c r="E4569" s="6">
        <v>41001</v>
      </c>
      <c r="F4569" s="6" t="s">
        <v>18</v>
      </c>
      <c r="G4569" s="6" t="s">
        <v>9274</v>
      </c>
      <c r="H4569" s="6" t="s">
        <v>9275</v>
      </c>
      <c r="I4569" s="7">
        <v>2.9477698999999999</v>
      </c>
      <c r="J4569" s="8">
        <v>-75.289543499999994</v>
      </c>
    </row>
    <row r="4570" spans="1:10" x14ac:dyDescent="0.35">
      <c r="A4570" s="5" t="s">
        <v>10</v>
      </c>
      <c r="B4570" s="6">
        <v>213501</v>
      </c>
      <c r="C4570" s="6" t="s">
        <v>278</v>
      </c>
      <c r="D4570" s="6" t="s">
        <v>279</v>
      </c>
      <c r="E4570" s="6">
        <v>50001</v>
      </c>
      <c r="F4570" s="6" t="s">
        <v>18</v>
      </c>
      <c r="G4570" s="6" t="s">
        <v>7521</v>
      </c>
      <c r="H4570" s="6" t="s">
        <v>9276</v>
      </c>
      <c r="I4570" s="7">
        <v>4.1331916</v>
      </c>
      <c r="J4570" s="8">
        <v>-73.618859999999998</v>
      </c>
    </row>
    <row r="4571" spans="1:10" x14ac:dyDescent="0.35">
      <c r="A4571" s="5" t="s">
        <v>10</v>
      </c>
      <c r="B4571" s="6">
        <v>239061</v>
      </c>
      <c r="C4571" s="6" t="s">
        <v>2821</v>
      </c>
      <c r="D4571" s="6" t="s">
        <v>9277</v>
      </c>
      <c r="E4571" s="6">
        <v>47030</v>
      </c>
      <c r="F4571" s="6" t="s">
        <v>18</v>
      </c>
      <c r="G4571" s="6" t="s">
        <v>9278</v>
      </c>
      <c r="H4571" s="6" t="s">
        <v>9279</v>
      </c>
      <c r="I4571" s="7">
        <v>10.182472600000001</v>
      </c>
      <c r="J4571" s="8">
        <v>-74.060292899999993</v>
      </c>
    </row>
    <row r="4572" spans="1:10" x14ac:dyDescent="0.35">
      <c r="A4572" s="5" t="s">
        <v>10</v>
      </c>
      <c r="B4572" s="6">
        <v>225077</v>
      </c>
      <c r="C4572" s="6" t="s">
        <v>38</v>
      </c>
      <c r="D4572" s="6" t="s">
        <v>39</v>
      </c>
      <c r="E4572" s="6">
        <v>19001</v>
      </c>
      <c r="F4572" s="6" t="s">
        <v>18</v>
      </c>
      <c r="G4572" s="6" t="s">
        <v>9280</v>
      </c>
      <c r="H4572" s="6" t="s">
        <v>9281</v>
      </c>
      <c r="I4572" s="7">
        <v>2.4374533</v>
      </c>
      <c r="J4572" s="8">
        <v>-76.605370999999906</v>
      </c>
    </row>
    <row r="4573" spans="1:10" x14ac:dyDescent="0.35">
      <c r="A4573" s="5" t="s">
        <v>10</v>
      </c>
      <c r="B4573" s="6">
        <v>233367</v>
      </c>
      <c r="C4573" s="6" t="s">
        <v>16</v>
      </c>
      <c r="D4573" s="6" t="s">
        <v>17</v>
      </c>
      <c r="E4573" s="6">
        <v>68679</v>
      </c>
      <c r="F4573" s="6" t="s">
        <v>18</v>
      </c>
      <c r="G4573" s="6" t="s">
        <v>9282</v>
      </c>
      <c r="H4573" s="6" t="s">
        <v>9283</v>
      </c>
      <c r="I4573" s="7">
        <v>6.5664400000000001</v>
      </c>
      <c r="J4573" s="8">
        <v>-73.146429999999995</v>
      </c>
    </row>
    <row r="4574" spans="1:10" x14ac:dyDescent="0.35">
      <c r="A4574" s="5" t="s">
        <v>10</v>
      </c>
      <c r="B4574" s="6">
        <v>238958</v>
      </c>
      <c r="C4574" s="6" t="s">
        <v>16</v>
      </c>
      <c r="D4574" s="6" t="s">
        <v>1401</v>
      </c>
      <c r="E4574" s="6">
        <v>68307</v>
      </c>
      <c r="F4574" s="6" t="s">
        <v>18</v>
      </c>
      <c r="G4574" s="6" t="s">
        <v>9284</v>
      </c>
      <c r="H4574" s="6" t="s">
        <v>9285</v>
      </c>
      <c r="I4574" s="7">
        <v>7.0785454000000003</v>
      </c>
      <c r="J4574" s="8">
        <v>-73.173301499999994</v>
      </c>
    </row>
    <row r="4575" spans="1:10" x14ac:dyDescent="0.35">
      <c r="A4575" s="5" t="s">
        <v>10</v>
      </c>
      <c r="B4575" s="6">
        <v>233465</v>
      </c>
      <c r="C4575" s="6" t="s">
        <v>2821</v>
      </c>
      <c r="D4575" s="6" t="s">
        <v>2822</v>
      </c>
      <c r="E4575" s="6">
        <v>47001</v>
      </c>
      <c r="F4575" s="6" t="s">
        <v>18</v>
      </c>
      <c r="G4575" s="6" t="s">
        <v>9286</v>
      </c>
      <c r="H4575" s="6" t="s">
        <v>9287</v>
      </c>
      <c r="I4575" s="7">
        <v>11.2523</v>
      </c>
      <c r="J4575" s="8">
        <v>-74.199380000000005</v>
      </c>
    </row>
    <row r="4576" spans="1:10" x14ac:dyDescent="0.35">
      <c r="A4576" s="5" t="s">
        <v>10</v>
      </c>
      <c r="B4576" s="6">
        <v>238786</v>
      </c>
      <c r="C4576" s="6" t="s">
        <v>68</v>
      </c>
      <c r="D4576" s="6" t="s">
        <v>69</v>
      </c>
      <c r="E4576" s="6">
        <v>11001</v>
      </c>
      <c r="F4576" s="6" t="s">
        <v>18</v>
      </c>
      <c r="G4576" s="6" t="s">
        <v>8864</v>
      </c>
      <c r="H4576" s="6" t="s">
        <v>8865</v>
      </c>
      <c r="I4576" s="7">
        <v>4.6251857999999997</v>
      </c>
      <c r="J4576" s="8">
        <v>-74.191699700000001</v>
      </c>
    </row>
    <row r="4577" spans="1:10" x14ac:dyDescent="0.35">
      <c r="A4577" s="5" t="s">
        <v>10</v>
      </c>
      <c r="B4577" s="6">
        <v>177403</v>
      </c>
      <c r="C4577" s="6" t="s">
        <v>294</v>
      </c>
      <c r="D4577" s="6" t="s">
        <v>3557</v>
      </c>
      <c r="E4577" s="6">
        <v>41319</v>
      </c>
      <c r="F4577" s="6" t="s">
        <v>18</v>
      </c>
      <c r="G4577" s="6" t="s">
        <v>9288</v>
      </c>
      <c r="H4577" s="6" t="s">
        <v>9289</v>
      </c>
      <c r="I4577" s="7">
        <v>2.0255610000000002</v>
      </c>
      <c r="J4577" s="8">
        <v>-75.758955</v>
      </c>
    </row>
    <row r="4578" spans="1:10" x14ac:dyDescent="0.35">
      <c r="A4578" s="5" t="s">
        <v>10</v>
      </c>
      <c r="B4578" s="6">
        <v>200990</v>
      </c>
      <c r="C4578" s="6" t="s">
        <v>16</v>
      </c>
      <c r="D4578" s="6" t="s">
        <v>78</v>
      </c>
      <c r="E4578" s="6">
        <v>68001</v>
      </c>
      <c r="F4578" s="6" t="s">
        <v>18</v>
      </c>
      <c r="G4578" s="6" t="s">
        <v>9290</v>
      </c>
      <c r="H4578" s="6" t="s">
        <v>9291</v>
      </c>
      <c r="I4578" s="7">
        <v>7.0808106999999998</v>
      </c>
      <c r="J4578" s="8">
        <v>-73.132229100000004</v>
      </c>
    </row>
    <row r="4579" spans="1:10" x14ac:dyDescent="0.35">
      <c r="A4579" s="5" t="s">
        <v>10</v>
      </c>
      <c r="B4579" s="6">
        <v>182632</v>
      </c>
      <c r="C4579" s="6" t="s">
        <v>11</v>
      </c>
      <c r="D4579" s="6" t="s">
        <v>2630</v>
      </c>
      <c r="E4579" s="6">
        <v>25769</v>
      </c>
      <c r="F4579" s="6" t="s">
        <v>18</v>
      </c>
      <c r="G4579" s="6" t="s">
        <v>9292</v>
      </c>
      <c r="H4579" s="6" t="s">
        <v>9293</v>
      </c>
      <c r="I4579" s="7">
        <v>4.9336332000000001</v>
      </c>
      <c r="J4579" s="8">
        <v>-74.166341399999993</v>
      </c>
    </row>
    <row r="4580" spans="1:10" x14ac:dyDescent="0.35">
      <c r="A4580" s="5" t="s">
        <v>10</v>
      </c>
      <c r="B4580" s="6">
        <v>155478</v>
      </c>
      <c r="C4580" s="6" t="s">
        <v>11</v>
      </c>
      <c r="D4580" s="6" t="s">
        <v>12</v>
      </c>
      <c r="E4580" s="6">
        <v>25899</v>
      </c>
      <c r="F4580" s="6" t="s">
        <v>18</v>
      </c>
      <c r="G4580" s="6" t="s">
        <v>9294</v>
      </c>
      <c r="H4580" s="6" t="s">
        <v>9295</v>
      </c>
      <c r="I4580" s="7">
        <v>5.0323107999999896</v>
      </c>
      <c r="J4580" s="8">
        <v>-73.993552600000001</v>
      </c>
    </row>
    <row r="4581" spans="1:10" x14ac:dyDescent="0.35">
      <c r="A4581" s="5" t="s">
        <v>10</v>
      </c>
      <c r="B4581" s="6">
        <v>192890</v>
      </c>
      <c r="C4581" s="6" t="s">
        <v>4364</v>
      </c>
      <c r="D4581" s="6" t="s">
        <v>8441</v>
      </c>
      <c r="E4581" s="6">
        <v>70708</v>
      </c>
      <c r="F4581" s="6" t="s">
        <v>18</v>
      </c>
      <c r="G4581" s="6" t="s">
        <v>9296</v>
      </c>
      <c r="H4581" s="6" t="s">
        <v>9297</v>
      </c>
      <c r="I4581" s="7">
        <v>8.6534526999999901</v>
      </c>
      <c r="J4581" s="8">
        <v>-75.122181900000001</v>
      </c>
    </row>
    <row r="4582" spans="1:10" x14ac:dyDescent="0.35">
      <c r="A4582" s="5" t="s">
        <v>10</v>
      </c>
      <c r="B4582" s="6">
        <v>237396</v>
      </c>
      <c r="C4582" s="6" t="s">
        <v>16</v>
      </c>
      <c r="D4582" s="6" t="s">
        <v>254</v>
      </c>
      <c r="E4582" s="6">
        <v>68079</v>
      </c>
      <c r="F4582" s="6" t="s">
        <v>18</v>
      </c>
      <c r="G4582" s="6" t="s">
        <v>3453</v>
      </c>
      <c r="H4582" s="6" t="s">
        <v>9298</v>
      </c>
      <c r="I4582" s="7">
        <v>6.6354153</v>
      </c>
      <c r="J4582" s="8">
        <v>-73.222125000000005</v>
      </c>
    </row>
    <row r="4583" spans="1:10" x14ac:dyDescent="0.35">
      <c r="A4583" s="5" t="s">
        <v>10</v>
      </c>
      <c r="B4583" s="6">
        <v>246441</v>
      </c>
      <c r="C4583" s="6" t="s">
        <v>16</v>
      </c>
      <c r="D4583" s="6" t="s">
        <v>78</v>
      </c>
      <c r="E4583" s="6">
        <v>68001</v>
      </c>
      <c r="F4583" s="6" t="s">
        <v>18</v>
      </c>
      <c r="G4583" s="6" t="s">
        <v>9299</v>
      </c>
      <c r="H4583" s="6" t="s">
        <v>9300</v>
      </c>
      <c r="I4583" s="7">
        <v>7.1287931999999996</v>
      </c>
      <c r="J4583" s="8">
        <v>-73.126298800000001</v>
      </c>
    </row>
    <row r="4584" spans="1:10" x14ac:dyDescent="0.35">
      <c r="A4584" s="5" t="s">
        <v>10</v>
      </c>
      <c r="B4584" s="6">
        <v>210769</v>
      </c>
      <c r="C4584" s="6" t="s">
        <v>16</v>
      </c>
      <c r="D4584" s="6" t="s">
        <v>1266</v>
      </c>
      <c r="E4584" s="6">
        <v>68081</v>
      </c>
      <c r="F4584" s="6" t="s">
        <v>18</v>
      </c>
      <c r="G4584" s="6" t="s">
        <v>9301</v>
      </c>
      <c r="H4584" s="6" t="s">
        <v>9302</v>
      </c>
      <c r="I4584" s="7">
        <v>7.065963</v>
      </c>
      <c r="J4584" s="8">
        <v>-73.842016299999997</v>
      </c>
    </row>
    <row r="4585" spans="1:10" x14ac:dyDescent="0.35">
      <c r="A4585" s="5" t="s">
        <v>10</v>
      </c>
      <c r="B4585" s="6">
        <v>233359</v>
      </c>
      <c r="C4585" s="6" t="s">
        <v>68</v>
      </c>
      <c r="D4585" s="6" t="s">
        <v>69</v>
      </c>
      <c r="E4585" s="6">
        <v>11001</v>
      </c>
      <c r="F4585" s="6" t="s">
        <v>18</v>
      </c>
      <c r="G4585" s="6" t="s">
        <v>9303</v>
      </c>
      <c r="H4585" s="6" t="s">
        <v>9304</v>
      </c>
      <c r="I4585" s="7">
        <v>4.5834099999999998</v>
      </c>
      <c r="J4585" s="8">
        <v>-74.101990000000001</v>
      </c>
    </row>
    <row r="4586" spans="1:10" x14ac:dyDescent="0.35">
      <c r="A4586" s="5" t="s">
        <v>10</v>
      </c>
      <c r="B4586" s="6">
        <v>155476</v>
      </c>
      <c r="C4586" s="6" t="s">
        <v>11</v>
      </c>
      <c r="D4586" s="6" t="s">
        <v>5259</v>
      </c>
      <c r="E4586" s="6">
        <v>25320</v>
      </c>
      <c r="F4586" s="6" t="s">
        <v>18</v>
      </c>
      <c r="G4586" s="6" t="s">
        <v>9305</v>
      </c>
      <c r="H4586" s="6" t="s">
        <v>9306</v>
      </c>
      <c r="I4586" s="7">
        <v>4.5725460999999896</v>
      </c>
      <c r="J4586" s="8">
        <v>-74.225797700000001</v>
      </c>
    </row>
    <row r="4587" spans="1:10" x14ac:dyDescent="0.35">
      <c r="A4587" s="5" t="s">
        <v>10</v>
      </c>
      <c r="B4587" s="6">
        <v>230929</v>
      </c>
      <c r="C4587" s="6" t="s">
        <v>68</v>
      </c>
      <c r="D4587" s="6" t="s">
        <v>69</v>
      </c>
      <c r="E4587" s="6">
        <v>11001</v>
      </c>
      <c r="F4587" s="6" t="s">
        <v>18</v>
      </c>
      <c r="G4587" s="6" t="s">
        <v>9307</v>
      </c>
      <c r="H4587" s="6" t="s">
        <v>9308</v>
      </c>
      <c r="I4587" s="7">
        <v>4.5496470000000002</v>
      </c>
      <c r="J4587" s="8">
        <v>-74.110320999999999</v>
      </c>
    </row>
    <row r="4588" spans="1:10" x14ac:dyDescent="0.35">
      <c r="A4588" s="5" t="s">
        <v>10</v>
      </c>
      <c r="B4588" s="6">
        <v>225469</v>
      </c>
      <c r="C4588" s="6" t="s">
        <v>2821</v>
      </c>
      <c r="D4588" s="6" t="s">
        <v>2822</v>
      </c>
      <c r="E4588" s="6">
        <v>47001</v>
      </c>
      <c r="F4588" s="6" t="s">
        <v>18</v>
      </c>
      <c r="G4588" s="6" t="s">
        <v>9309</v>
      </c>
      <c r="H4588" s="6" t="s">
        <v>9310</v>
      </c>
      <c r="I4588" s="7">
        <v>11.240354699999999</v>
      </c>
      <c r="J4588" s="8">
        <v>-74.211022700000001</v>
      </c>
    </row>
    <row r="4589" spans="1:10" x14ac:dyDescent="0.35">
      <c r="A4589" s="5" t="s">
        <v>10</v>
      </c>
      <c r="B4589" s="6">
        <v>220907</v>
      </c>
      <c r="C4589" s="6" t="s">
        <v>16</v>
      </c>
      <c r="D4589" s="6" t="s">
        <v>8605</v>
      </c>
      <c r="E4589" s="6">
        <v>68444</v>
      </c>
      <c r="F4589" s="6" t="s">
        <v>18</v>
      </c>
      <c r="G4589" s="6" t="s">
        <v>9311</v>
      </c>
      <c r="H4589" s="6" t="s">
        <v>9312</v>
      </c>
      <c r="I4589" s="7">
        <v>7.3237098999999999</v>
      </c>
      <c r="J4589" s="8">
        <v>-73.015762699999996</v>
      </c>
    </row>
    <row r="4590" spans="1:10" x14ac:dyDescent="0.35">
      <c r="A4590" s="5" t="s">
        <v>10</v>
      </c>
      <c r="B4590" s="6">
        <v>242970</v>
      </c>
      <c r="C4590" s="6" t="s">
        <v>16</v>
      </c>
      <c r="D4590" s="6" t="s">
        <v>78</v>
      </c>
      <c r="E4590" s="6">
        <v>68001</v>
      </c>
      <c r="F4590" s="6" t="s">
        <v>18</v>
      </c>
      <c r="G4590" s="6" t="s">
        <v>9313</v>
      </c>
      <c r="H4590" s="6" t="s">
        <v>9314</v>
      </c>
      <c r="I4590" s="7">
        <v>7.1106702000000004</v>
      </c>
      <c r="J4590" s="8">
        <v>-73.117353899999998</v>
      </c>
    </row>
    <row r="4591" spans="1:10" x14ac:dyDescent="0.35">
      <c r="A4591" s="5" t="s">
        <v>10</v>
      </c>
      <c r="B4591" s="6">
        <v>241724</v>
      </c>
      <c r="C4591" s="6" t="s">
        <v>94</v>
      </c>
      <c r="D4591" s="6" t="s">
        <v>98</v>
      </c>
      <c r="E4591" s="6">
        <v>66001</v>
      </c>
      <c r="F4591" s="6" t="s">
        <v>18</v>
      </c>
      <c r="G4591" s="6" t="s">
        <v>9315</v>
      </c>
      <c r="H4591" s="6" t="s">
        <v>9316</v>
      </c>
      <c r="I4591" s="7">
        <v>4.8058800000000002</v>
      </c>
      <c r="J4591" s="8">
        <v>-75.7364678</v>
      </c>
    </row>
    <row r="4592" spans="1:10" x14ac:dyDescent="0.35">
      <c r="A4592" s="5" t="s">
        <v>10</v>
      </c>
      <c r="B4592" s="6">
        <v>236428</v>
      </c>
      <c r="C4592" s="6" t="s">
        <v>61</v>
      </c>
      <c r="D4592" s="6" t="s">
        <v>62</v>
      </c>
      <c r="E4592" s="6">
        <v>63001</v>
      </c>
      <c r="F4592" s="6" t="s">
        <v>18</v>
      </c>
      <c r="G4592" s="6" t="s">
        <v>9317</v>
      </c>
      <c r="H4592" s="6" t="s">
        <v>9318</v>
      </c>
      <c r="I4592" s="7">
        <v>4.5216529000000003</v>
      </c>
      <c r="J4592" s="8">
        <v>-75.687579200000002</v>
      </c>
    </row>
    <row r="4593" spans="1:10" x14ac:dyDescent="0.35">
      <c r="A4593" s="5" t="s">
        <v>10</v>
      </c>
      <c r="B4593" s="6">
        <v>243458</v>
      </c>
      <c r="C4593" s="6" t="s">
        <v>94</v>
      </c>
      <c r="D4593" s="6" t="s">
        <v>3196</v>
      </c>
      <c r="E4593" s="6">
        <v>66687</v>
      </c>
      <c r="F4593" s="6" t="s">
        <v>18</v>
      </c>
      <c r="G4593" s="6" t="s">
        <v>9319</v>
      </c>
      <c r="H4593" s="6" t="s">
        <v>9320</v>
      </c>
      <c r="I4593" s="7">
        <v>5.0772851000000001</v>
      </c>
      <c r="J4593" s="8">
        <v>-75.966725299999993</v>
      </c>
    </row>
    <row r="4594" spans="1:10" x14ac:dyDescent="0.35">
      <c r="A4594" s="5" t="s">
        <v>10</v>
      </c>
      <c r="B4594" s="6">
        <v>246731</v>
      </c>
      <c r="C4594" s="6" t="s">
        <v>68</v>
      </c>
      <c r="D4594" s="6" t="s">
        <v>69</v>
      </c>
      <c r="E4594" s="6">
        <v>11001</v>
      </c>
      <c r="F4594" s="6" t="s">
        <v>13</v>
      </c>
      <c r="G4594" s="6" t="s">
        <v>9321</v>
      </c>
      <c r="H4594" s="6" t="s">
        <v>9322</v>
      </c>
      <c r="I4594" s="7">
        <v>4.5787523670148502</v>
      </c>
      <c r="J4594" s="8">
        <v>-74.099394045361294</v>
      </c>
    </row>
    <row r="4595" spans="1:10" x14ac:dyDescent="0.35">
      <c r="A4595" s="5" t="s">
        <v>10</v>
      </c>
      <c r="B4595" s="6">
        <v>236758</v>
      </c>
      <c r="C4595" s="6" t="s">
        <v>11</v>
      </c>
      <c r="D4595" s="6" t="s">
        <v>1752</v>
      </c>
      <c r="E4595" s="6">
        <v>25799</v>
      </c>
      <c r="F4595" s="6" t="s">
        <v>18</v>
      </c>
      <c r="G4595" s="6" t="s">
        <v>9323</v>
      </c>
      <c r="H4595" s="6" t="s">
        <v>9324</v>
      </c>
      <c r="I4595" s="7">
        <v>4.8724759999999998</v>
      </c>
      <c r="J4595" s="8">
        <v>-74.145769900000005</v>
      </c>
    </row>
    <row r="4596" spans="1:10" x14ac:dyDescent="0.35">
      <c r="A4596" s="5" t="s">
        <v>10</v>
      </c>
      <c r="B4596" s="6">
        <v>224249</v>
      </c>
      <c r="C4596" s="6" t="s">
        <v>68</v>
      </c>
      <c r="D4596" s="6" t="s">
        <v>69</v>
      </c>
      <c r="E4596" s="6">
        <v>11001</v>
      </c>
      <c r="F4596" s="6" t="s">
        <v>18</v>
      </c>
      <c r="G4596" s="6" t="s">
        <v>9325</v>
      </c>
      <c r="H4596" s="6" t="s">
        <v>9326</v>
      </c>
      <c r="I4596" s="7">
        <v>4.5878833999999999</v>
      </c>
      <c r="J4596" s="8">
        <v>-74.166102299999906</v>
      </c>
    </row>
    <row r="4597" spans="1:10" x14ac:dyDescent="0.35">
      <c r="A4597" s="5" t="s">
        <v>10</v>
      </c>
      <c r="B4597" s="6">
        <v>233117</v>
      </c>
      <c r="C4597" s="6" t="s">
        <v>278</v>
      </c>
      <c r="D4597" s="6" t="s">
        <v>279</v>
      </c>
      <c r="E4597" s="6">
        <v>50001</v>
      </c>
      <c r="F4597" s="6" t="s">
        <v>18</v>
      </c>
      <c r="G4597" s="6" t="s">
        <v>9327</v>
      </c>
      <c r="H4597" s="6" t="s">
        <v>9328</v>
      </c>
      <c r="I4597" s="7">
        <v>4.1594199999999999</v>
      </c>
      <c r="J4597" s="8">
        <v>-73.655249999999995</v>
      </c>
    </row>
    <row r="4598" spans="1:10" x14ac:dyDescent="0.35">
      <c r="A4598" s="5" t="s">
        <v>10</v>
      </c>
      <c r="B4598" s="6">
        <v>243680</v>
      </c>
      <c r="C4598" s="6" t="s">
        <v>190</v>
      </c>
      <c r="D4598" s="6" t="s">
        <v>191</v>
      </c>
      <c r="E4598" s="6">
        <v>5001</v>
      </c>
      <c r="F4598" s="6" t="s">
        <v>18</v>
      </c>
      <c r="G4598" s="6" t="s">
        <v>9329</v>
      </c>
      <c r="H4598" s="6" t="s">
        <v>9330</v>
      </c>
      <c r="I4598" s="7">
        <v>6.2485163999999997</v>
      </c>
      <c r="J4598" s="8">
        <v>-75.539289999999994</v>
      </c>
    </row>
    <row r="4599" spans="1:10" x14ac:dyDescent="0.35">
      <c r="A4599" s="5" t="s">
        <v>10</v>
      </c>
      <c r="B4599" s="6">
        <v>214488</v>
      </c>
      <c r="C4599" s="6" t="s">
        <v>68</v>
      </c>
      <c r="D4599" s="6" t="s">
        <v>69</v>
      </c>
      <c r="E4599" s="6">
        <v>11001</v>
      </c>
      <c r="F4599" s="6" t="s">
        <v>18</v>
      </c>
      <c r="G4599" s="6" t="s">
        <v>9331</v>
      </c>
      <c r="H4599" s="6" t="s">
        <v>9332</v>
      </c>
      <c r="I4599" s="7">
        <v>4.6046661000000002</v>
      </c>
      <c r="J4599" s="8">
        <v>-74.165069299999999</v>
      </c>
    </row>
    <row r="4600" spans="1:10" x14ac:dyDescent="0.35">
      <c r="A4600" s="5" t="s">
        <v>10</v>
      </c>
      <c r="B4600" s="6">
        <v>187524</v>
      </c>
      <c r="C4600" s="6" t="s">
        <v>68</v>
      </c>
      <c r="D4600" s="6" t="s">
        <v>69</v>
      </c>
      <c r="E4600" s="6">
        <v>11001</v>
      </c>
      <c r="F4600" s="6" t="s">
        <v>18</v>
      </c>
      <c r="G4600" s="6" t="s">
        <v>9333</v>
      </c>
      <c r="H4600" s="6" t="s">
        <v>9334</v>
      </c>
      <c r="I4600" s="7">
        <v>4.5762365999999997</v>
      </c>
      <c r="J4600" s="8">
        <v>-74.174177700000001</v>
      </c>
    </row>
    <row r="4601" spans="1:10" x14ac:dyDescent="0.35">
      <c r="A4601" s="5" t="s">
        <v>10</v>
      </c>
      <c r="B4601" s="6">
        <v>99386</v>
      </c>
      <c r="C4601" s="6" t="s">
        <v>68</v>
      </c>
      <c r="D4601" s="6" t="s">
        <v>69</v>
      </c>
      <c r="E4601" s="6">
        <v>11001</v>
      </c>
      <c r="F4601" s="6" t="s">
        <v>18</v>
      </c>
      <c r="G4601" s="6" t="s">
        <v>9335</v>
      </c>
      <c r="H4601" s="6" t="s">
        <v>9336</v>
      </c>
      <c r="I4601" s="7">
        <v>4.7214942000000004</v>
      </c>
      <c r="J4601" s="8">
        <v>-74.114765899999995</v>
      </c>
    </row>
    <row r="4602" spans="1:10" x14ac:dyDescent="0.35">
      <c r="A4602" s="5" t="s">
        <v>10</v>
      </c>
      <c r="B4602" s="6">
        <v>239582</v>
      </c>
      <c r="C4602" s="6" t="s">
        <v>68</v>
      </c>
      <c r="D4602" s="6" t="s">
        <v>69</v>
      </c>
      <c r="E4602" s="6">
        <v>11001</v>
      </c>
      <c r="F4602" s="6" t="s">
        <v>18</v>
      </c>
      <c r="G4602" s="6" t="s">
        <v>9337</v>
      </c>
      <c r="H4602" s="6" t="s">
        <v>9338</v>
      </c>
      <c r="I4602" s="7">
        <v>4.6031047999999997</v>
      </c>
      <c r="J4602" s="8">
        <v>-74.195883699999996</v>
      </c>
    </row>
    <row r="4603" spans="1:10" x14ac:dyDescent="0.35">
      <c r="A4603" s="5" t="s">
        <v>10</v>
      </c>
      <c r="B4603" s="6">
        <v>239701</v>
      </c>
      <c r="C4603" s="6" t="s">
        <v>11</v>
      </c>
      <c r="D4603" s="6" t="s">
        <v>5259</v>
      </c>
      <c r="E4603" s="6">
        <v>25320</v>
      </c>
      <c r="F4603" s="6" t="s">
        <v>18</v>
      </c>
      <c r="G4603" s="6" t="s">
        <v>9339</v>
      </c>
      <c r="H4603" s="6" t="s">
        <v>9340</v>
      </c>
      <c r="I4603" s="7">
        <v>5.0678087999999999</v>
      </c>
      <c r="J4603" s="8">
        <v>-74.5953205</v>
      </c>
    </row>
    <row r="4604" spans="1:10" x14ac:dyDescent="0.35">
      <c r="A4604" s="5" t="s">
        <v>10</v>
      </c>
      <c r="B4604" s="6">
        <v>197606</v>
      </c>
      <c r="C4604" s="6" t="s">
        <v>302</v>
      </c>
      <c r="D4604" s="6" t="s">
        <v>359</v>
      </c>
      <c r="E4604" s="6">
        <v>8001</v>
      </c>
      <c r="F4604" s="6" t="s">
        <v>18</v>
      </c>
      <c r="G4604" s="6" t="s">
        <v>9341</v>
      </c>
      <c r="H4604" s="6" t="s">
        <v>9342</v>
      </c>
      <c r="I4604" s="7">
        <v>10.916188999999999</v>
      </c>
      <c r="J4604" s="8">
        <v>-74.816936400000003</v>
      </c>
    </row>
    <row r="4605" spans="1:10" x14ac:dyDescent="0.35">
      <c r="A4605" s="5" t="s">
        <v>10</v>
      </c>
      <c r="B4605" s="6">
        <v>246935</v>
      </c>
      <c r="C4605" s="6" t="s">
        <v>302</v>
      </c>
      <c r="D4605" s="6" t="s">
        <v>359</v>
      </c>
      <c r="E4605" s="6">
        <v>8001</v>
      </c>
      <c r="F4605" s="6" t="s">
        <v>18</v>
      </c>
      <c r="G4605" s="6" t="s">
        <v>9343</v>
      </c>
      <c r="H4605" s="6" t="s">
        <v>9344</v>
      </c>
      <c r="I4605" s="7">
        <v>10.9294414</v>
      </c>
      <c r="J4605" s="8">
        <v>-74.796728799999997</v>
      </c>
    </row>
    <row r="4606" spans="1:10" x14ac:dyDescent="0.35">
      <c r="A4606" s="5" t="s">
        <v>10</v>
      </c>
      <c r="B4606" s="6">
        <v>198780</v>
      </c>
      <c r="C4606" s="6" t="s">
        <v>302</v>
      </c>
      <c r="D4606" s="6" t="s">
        <v>359</v>
      </c>
      <c r="E4606" s="6">
        <v>8001</v>
      </c>
      <c r="F4606" s="6" t="s">
        <v>18</v>
      </c>
      <c r="G4606" s="6" t="s">
        <v>9345</v>
      </c>
      <c r="H4606" s="6" t="s">
        <v>9346</v>
      </c>
      <c r="I4606" s="7">
        <v>10.989266900000001</v>
      </c>
      <c r="J4606" s="8">
        <v>-74.843602300000001</v>
      </c>
    </row>
    <row r="4607" spans="1:10" x14ac:dyDescent="0.35">
      <c r="A4607" s="5" t="s">
        <v>10</v>
      </c>
      <c r="B4607" s="6">
        <v>204786</v>
      </c>
      <c r="C4607" s="6" t="s">
        <v>16</v>
      </c>
      <c r="D4607" s="6" t="s">
        <v>2825</v>
      </c>
      <c r="E4607" s="6">
        <v>68276</v>
      </c>
      <c r="F4607" s="6" t="s">
        <v>18</v>
      </c>
      <c r="G4607" s="6" t="s">
        <v>9347</v>
      </c>
      <c r="H4607" s="6" t="s">
        <v>9348</v>
      </c>
      <c r="I4607" s="7">
        <v>7.0810988999999998</v>
      </c>
      <c r="J4607" s="8">
        <v>-73.097075500000003</v>
      </c>
    </row>
    <row r="4608" spans="1:10" x14ac:dyDescent="0.35">
      <c r="A4608" s="5" t="s">
        <v>10</v>
      </c>
      <c r="B4608" s="6">
        <v>227105</v>
      </c>
      <c r="C4608" s="6" t="s">
        <v>16</v>
      </c>
      <c r="D4608" s="6" t="s">
        <v>2202</v>
      </c>
      <c r="E4608" s="6">
        <v>68615</v>
      </c>
      <c r="F4608" s="6" t="s">
        <v>18</v>
      </c>
      <c r="G4608" s="6" t="s">
        <v>9349</v>
      </c>
      <c r="H4608" s="6" t="s">
        <v>9350</v>
      </c>
      <c r="I4608" s="7">
        <v>7.2652444000000003</v>
      </c>
      <c r="J4608" s="8">
        <v>-73.149587999999994</v>
      </c>
    </row>
    <row r="4609" spans="1:10" x14ac:dyDescent="0.35">
      <c r="A4609" s="5" t="s">
        <v>10</v>
      </c>
      <c r="B4609" s="6">
        <v>235491</v>
      </c>
      <c r="C4609" s="6" t="s">
        <v>16</v>
      </c>
      <c r="D4609" s="6" t="s">
        <v>78</v>
      </c>
      <c r="E4609" s="6">
        <v>68001</v>
      </c>
      <c r="F4609" s="6" t="s">
        <v>18</v>
      </c>
      <c r="G4609" s="6" t="s">
        <v>9351</v>
      </c>
      <c r="H4609" s="6" t="s">
        <v>9352</v>
      </c>
      <c r="I4609" s="7">
        <v>7.1038449999999997</v>
      </c>
      <c r="J4609" s="8">
        <v>-73.119032300000001</v>
      </c>
    </row>
    <row r="4610" spans="1:10" x14ac:dyDescent="0.35">
      <c r="A4610" s="5" t="s">
        <v>10</v>
      </c>
      <c r="B4610" s="6">
        <v>234604</v>
      </c>
      <c r="C4610" s="6" t="s">
        <v>16</v>
      </c>
      <c r="D4610" s="6" t="s">
        <v>510</v>
      </c>
      <c r="E4610" s="6">
        <v>68547</v>
      </c>
      <c r="F4610" s="6" t="s">
        <v>18</v>
      </c>
      <c r="G4610" s="6" t="s">
        <v>9353</v>
      </c>
      <c r="H4610" s="6" t="s">
        <v>9354</v>
      </c>
      <c r="I4610" s="7">
        <v>6.9915390000000004</v>
      </c>
      <c r="J4610" s="8">
        <v>-73.053998000000007</v>
      </c>
    </row>
    <row r="4611" spans="1:10" x14ac:dyDescent="0.35">
      <c r="A4611" s="5" t="s">
        <v>10</v>
      </c>
      <c r="B4611" s="6">
        <v>218864</v>
      </c>
      <c r="C4611" s="6" t="s">
        <v>68</v>
      </c>
      <c r="D4611" s="6" t="s">
        <v>69</v>
      </c>
      <c r="E4611" s="6">
        <v>11001</v>
      </c>
      <c r="F4611" s="6" t="s">
        <v>13</v>
      </c>
      <c r="G4611" s="6" t="s">
        <v>9355</v>
      </c>
      <c r="H4611" s="6" t="s">
        <v>9356</v>
      </c>
      <c r="I4611" s="7">
        <v>4.6860358</v>
      </c>
      <c r="J4611" s="8">
        <v>-74.064717999999999</v>
      </c>
    </row>
    <row r="4612" spans="1:10" x14ac:dyDescent="0.35">
      <c r="A4612" s="5" t="s">
        <v>10</v>
      </c>
      <c r="B4612" s="6">
        <v>225295</v>
      </c>
      <c r="C4612" s="6" t="s">
        <v>68</v>
      </c>
      <c r="D4612" s="6" t="s">
        <v>69</v>
      </c>
      <c r="E4612" s="6">
        <v>11001</v>
      </c>
      <c r="F4612" s="6" t="s">
        <v>13</v>
      </c>
      <c r="G4612" s="6" t="s">
        <v>9357</v>
      </c>
      <c r="H4612" s="6" t="s">
        <v>9358</v>
      </c>
      <c r="I4612" s="7">
        <v>4.5728027000000004</v>
      </c>
      <c r="J4612" s="8">
        <v>-74.152828200000002</v>
      </c>
    </row>
    <row r="4613" spans="1:10" x14ac:dyDescent="0.35">
      <c r="A4613" s="5" t="s">
        <v>10</v>
      </c>
      <c r="B4613" s="6">
        <v>236086</v>
      </c>
      <c r="C4613" s="6" t="s">
        <v>68</v>
      </c>
      <c r="D4613" s="6" t="s">
        <v>69</v>
      </c>
      <c r="E4613" s="6">
        <v>11001</v>
      </c>
      <c r="F4613" s="6" t="s">
        <v>18</v>
      </c>
      <c r="G4613" s="6" t="s">
        <v>9359</v>
      </c>
      <c r="H4613" s="6" t="s">
        <v>9360</v>
      </c>
      <c r="I4613" s="7">
        <v>4.5305356000000003</v>
      </c>
      <c r="J4613" s="8">
        <v>-74.094334900000007</v>
      </c>
    </row>
    <row r="4614" spans="1:10" x14ac:dyDescent="0.35">
      <c r="A4614" s="5" t="s">
        <v>10</v>
      </c>
      <c r="B4614" s="6">
        <v>207879</v>
      </c>
      <c r="C4614" s="6" t="s">
        <v>294</v>
      </c>
      <c r="D4614" s="6" t="s">
        <v>703</v>
      </c>
      <c r="E4614" s="6">
        <v>41001</v>
      </c>
      <c r="F4614" s="6" t="s">
        <v>18</v>
      </c>
      <c r="G4614" s="6" t="s">
        <v>9361</v>
      </c>
      <c r="H4614" s="6" t="s">
        <v>9362</v>
      </c>
      <c r="I4614" s="7">
        <v>2.9017515</v>
      </c>
      <c r="J4614" s="8">
        <v>-75.265585099999996</v>
      </c>
    </row>
    <row r="4615" spans="1:10" x14ac:dyDescent="0.35">
      <c r="A4615" s="5" t="s">
        <v>10</v>
      </c>
      <c r="B4615" s="6">
        <v>232139</v>
      </c>
      <c r="C4615" s="6" t="s">
        <v>16</v>
      </c>
      <c r="D4615" s="6" t="s">
        <v>510</v>
      </c>
      <c r="E4615" s="6">
        <v>68547</v>
      </c>
      <c r="F4615" s="6" t="s">
        <v>18</v>
      </c>
      <c r="G4615" s="6" t="s">
        <v>9363</v>
      </c>
      <c r="H4615" s="6" t="s">
        <v>9364</v>
      </c>
      <c r="I4615" s="7">
        <v>6.9966369999999998</v>
      </c>
      <c r="J4615" s="8">
        <v>-73.049650999999997</v>
      </c>
    </row>
    <row r="4616" spans="1:10" x14ac:dyDescent="0.35">
      <c r="A4616" s="5" t="s">
        <v>10</v>
      </c>
      <c r="B4616" s="6">
        <v>200984</v>
      </c>
      <c r="C4616" s="6" t="s">
        <v>68</v>
      </c>
      <c r="D4616" s="6" t="s">
        <v>69</v>
      </c>
      <c r="E4616" s="6">
        <v>11001</v>
      </c>
      <c r="F4616" s="6" t="s">
        <v>18</v>
      </c>
      <c r="G4616" s="6" t="s">
        <v>9365</v>
      </c>
      <c r="H4616" s="6" t="s">
        <v>9366</v>
      </c>
      <c r="I4616" s="7">
        <v>4.6247834000000001</v>
      </c>
      <c r="J4616" s="8">
        <v>-74.119957299999996</v>
      </c>
    </row>
    <row r="4617" spans="1:10" x14ac:dyDescent="0.35">
      <c r="A4617" s="5" t="s">
        <v>10</v>
      </c>
      <c r="B4617" s="6">
        <v>245455</v>
      </c>
      <c r="C4617" s="6" t="s">
        <v>68</v>
      </c>
      <c r="D4617" s="6" t="s">
        <v>69</v>
      </c>
      <c r="E4617" s="6">
        <v>11001</v>
      </c>
      <c r="F4617" s="6" t="s">
        <v>18</v>
      </c>
      <c r="G4617" s="6" t="s">
        <v>9367</v>
      </c>
      <c r="H4617" s="6" t="s">
        <v>9368</v>
      </c>
      <c r="I4617" s="7">
        <v>4.5783753000000003</v>
      </c>
      <c r="J4617" s="8">
        <v>-74.198727300000002</v>
      </c>
    </row>
    <row r="4618" spans="1:10" x14ac:dyDescent="0.35">
      <c r="A4618" s="5" t="s">
        <v>10</v>
      </c>
      <c r="B4618" s="6">
        <v>217882</v>
      </c>
      <c r="C4618" s="6" t="s">
        <v>68</v>
      </c>
      <c r="D4618" s="6" t="s">
        <v>69</v>
      </c>
      <c r="E4618" s="6">
        <v>11001</v>
      </c>
      <c r="F4618" s="6" t="s">
        <v>18</v>
      </c>
      <c r="G4618" s="6" t="s">
        <v>9369</v>
      </c>
      <c r="H4618" s="6" t="s">
        <v>9370</v>
      </c>
      <c r="I4618" s="7">
        <v>4.5656349999999897</v>
      </c>
      <c r="J4618" s="8">
        <v>-74.146489299999999</v>
      </c>
    </row>
    <row r="4619" spans="1:10" x14ac:dyDescent="0.35">
      <c r="A4619" s="5" t="s">
        <v>10</v>
      </c>
      <c r="B4619" s="6">
        <v>220045</v>
      </c>
      <c r="C4619" s="6" t="s">
        <v>2821</v>
      </c>
      <c r="D4619" s="6" t="s">
        <v>9371</v>
      </c>
      <c r="E4619" s="6">
        <v>47551</v>
      </c>
      <c r="F4619" s="6" t="s">
        <v>18</v>
      </c>
      <c r="G4619" s="6" t="s">
        <v>9372</v>
      </c>
      <c r="H4619" s="6" t="s">
        <v>9373</v>
      </c>
      <c r="I4619" s="7">
        <v>10.461630599999999</v>
      </c>
      <c r="J4619" s="8">
        <v>-74.620259500000003</v>
      </c>
    </row>
    <row r="4620" spans="1:10" x14ac:dyDescent="0.35">
      <c r="A4620" s="5" t="s">
        <v>10</v>
      </c>
      <c r="B4620" s="6">
        <v>246123</v>
      </c>
      <c r="C4620" s="6" t="s">
        <v>366</v>
      </c>
      <c r="D4620" s="6" t="s">
        <v>9374</v>
      </c>
      <c r="E4620" s="6">
        <v>44847</v>
      </c>
      <c r="F4620" s="6" t="s">
        <v>18</v>
      </c>
      <c r="G4620" s="6" t="s">
        <v>9375</v>
      </c>
      <c r="H4620" s="6" t="s">
        <v>9376</v>
      </c>
      <c r="I4620" s="7">
        <v>11.7190446</v>
      </c>
      <c r="J4620" s="8">
        <v>-72.261368300000001</v>
      </c>
    </row>
    <row r="4621" spans="1:10" x14ac:dyDescent="0.35">
      <c r="A4621" s="5" t="s">
        <v>10</v>
      </c>
      <c r="B4621" s="6">
        <v>242860</v>
      </c>
      <c r="C4621" s="6" t="s">
        <v>16</v>
      </c>
      <c r="D4621" s="6" t="s">
        <v>2825</v>
      </c>
      <c r="E4621" s="6">
        <v>68276</v>
      </c>
      <c r="F4621" s="6" t="s">
        <v>18</v>
      </c>
      <c r="G4621" s="6" t="s">
        <v>9377</v>
      </c>
      <c r="H4621" s="6" t="s">
        <v>9378</v>
      </c>
      <c r="I4621" s="7">
        <v>7.0839325999999998</v>
      </c>
      <c r="J4621" s="8">
        <v>-73.085610399999993</v>
      </c>
    </row>
    <row r="4622" spans="1:10" x14ac:dyDescent="0.35">
      <c r="A4622" s="5" t="s">
        <v>10</v>
      </c>
      <c r="B4622" s="6">
        <v>206329</v>
      </c>
      <c r="C4622" s="6" t="s">
        <v>11</v>
      </c>
      <c r="D4622" s="6" t="s">
        <v>3054</v>
      </c>
      <c r="E4622" s="6">
        <v>25269</v>
      </c>
      <c r="F4622" s="6" t="s">
        <v>13</v>
      </c>
      <c r="G4622" s="6" t="s">
        <v>9379</v>
      </c>
      <c r="H4622" s="6" t="s">
        <v>9380</v>
      </c>
      <c r="I4622" s="7">
        <v>4.815626</v>
      </c>
      <c r="J4622" s="8">
        <v>-74.3620023</v>
      </c>
    </row>
    <row r="4623" spans="1:10" x14ac:dyDescent="0.35">
      <c r="A4623" s="5" t="s">
        <v>10</v>
      </c>
      <c r="B4623" s="6">
        <v>213685</v>
      </c>
      <c r="C4623" s="6" t="s">
        <v>294</v>
      </c>
      <c r="D4623" s="6" t="s">
        <v>703</v>
      </c>
      <c r="E4623" s="6">
        <v>41001</v>
      </c>
      <c r="F4623" s="6" t="s">
        <v>13</v>
      </c>
      <c r="G4623" s="6" t="s">
        <v>9381</v>
      </c>
      <c r="H4623" s="6" t="s">
        <v>9382</v>
      </c>
      <c r="I4623" s="7">
        <v>2.9662518000000002</v>
      </c>
      <c r="J4623" s="8">
        <v>-75.294227300000003</v>
      </c>
    </row>
    <row r="4624" spans="1:10" x14ac:dyDescent="0.35">
      <c r="A4624" s="5" t="s">
        <v>10</v>
      </c>
      <c r="B4624" s="6">
        <v>235902</v>
      </c>
      <c r="C4624" s="6" t="s">
        <v>457</v>
      </c>
      <c r="D4624" s="6" t="s">
        <v>4060</v>
      </c>
      <c r="E4624" s="6">
        <v>52838</v>
      </c>
      <c r="F4624" s="6" t="s">
        <v>18</v>
      </c>
      <c r="G4624" s="6" t="s">
        <v>9383</v>
      </c>
      <c r="H4624" s="6" t="s">
        <v>9384</v>
      </c>
      <c r="I4624" s="7">
        <v>1.0876178999999999</v>
      </c>
      <c r="J4624" s="8">
        <v>-77.618642300000005</v>
      </c>
    </row>
    <row r="4625" spans="1:10" x14ac:dyDescent="0.35">
      <c r="A4625" s="5" t="s">
        <v>10</v>
      </c>
      <c r="B4625" s="6">
        <v>104832</v>
      </c>
      <c r="C4625" s="6" t="s">
        <v>11</v>
      </c>
      <c r="D4625" s="6" t="s">
        <v>4279</v>
      </c>
      <c r="E4625" s="6">
        <v>25099</v>
      </c>
      <c r="F4625" s="6" t="s">
        <v>18</v>
      </c>
      <c r="G4625" s="6" t="s">
        <v>9385</v>
      </c>
      <c r="H4625" s="6" t="s">
        <v>9386</v>
      </c>
      <c r="I4625" s="7">
        <v>4.7326180000000004</v>
      </c>
      <c r="J4625" s="8">
        <v>-74.341775999999996</v>
      </c>
    </row>
    <row r="4626" spans="1:10" x14ac:dyDescent="0.35">
      <c r="A4626" s="5" t="s">
        <v>10</v>
      </c>
      <c r="B4626" s="6">
        <v>235592</v>
      </c>
      <c r="C4626" s="6" t="s">
        <v>68</v>
      </c>
      <c r="D4626" s="6" t="s">
        <v>69</v>
      </c>
      <c r="E4626" s="6">
        <v>11001</v>
      </c>
      <c r="F4626" s="6" t="s">
        <v>18</v>
      </c>
      <c r="G4626" s="6" t="s">
        <v>9387</v>
      </c>
      <c r="H4626" s="6" t="s">
        <v>9388</v>
      </c>
      <c r="I4626" s="7">
        <v>4.7404223999999999</v>
      </c>
      <c r="J4626" s="8">
        <v>-74.129314100000002</v>
      </c>
    </row>
    <row r="4627" spans="1:10" x14ac:dyDescent="0.35">
      <c r="A4627" s="5" t="s">
        <v>10</v>
      </c>
      <c r="B4627" s="6">
        <v>209182</v>
      </c>
      <c r="C4627" s="6" t="s">
        <v>308</v>
      </c>
      <c r="D4627" s="6" t="s">
        <v>8338</v>
      </c>
      <c r="E4627" s="6">
        <v>23555</v>
      </c>
      <c r="F4627" s="6" t="s">
        <v>18</v>
      </c>
      <c r="G4627" s="6" t="s">
        <v>9389</v>
      </c>
      <c r="H4627" s="6" t="s">
        <v>9390</v>
      </c>
      <c r="I4627" s="7">
        <v>8.4118481999999997</v>
      </c>
      <c r="J4627" s="8">
        <v>-75.581206299999906</v>
      </c>
    </row>
    <row r="4628" spans="1:10" x14ac:dyDescent="0.35">
      <c r="A4628" s="5" t="s">
        <v>10</v>
      </c>
      <c r="B4628" s="6">
        <v>243779</v>
      </c>
      <c r="C4628" s="6" t="s">
        <v>38</v>
      </c>
      <c r="D4628" s="6" t="s">
        <v>9391</v>
      </c>
      <c r="E4628" s="6">
        <v>19364</v>
      </c>
      <c r="F4628" s="6" t="s">
        <v>18</v>
      </c>
      <c r="G4628" s="6" t="s">
        <v>9392</v>
      </c>
      <c r="H4628" s="6" t="s">
        <v>9393</v>
      </c>
      <c r="I4628" s="7">
        <v>2.7768879000000002</v>
      </c>
      <c r="J4628" s="8">
        <v>-76.324761499999994</v>
      </c>
    </row>
    <row r="4629" spans="1:10" x14ac:dyDescent="0.35">
      <c r="A4629" s="5" t="s">
        <v>10</v>
      </c>
      <c r="B4629" s="6">
        <v>204270</v>
      </c>
      <c r="C4629" s="6" t="s">
        <v>68</v>
      </c>
      <c r="D4629" s="6" t="s">
        <v>69</v>
      </c>
      <c r="E4629" s="6">
        <v>11001</v>
      </c>
      <c r="F4629" s="6" t="s">
        <v>13</v>
      </c>
      <c r="G4629" s="6" t="s">
        <v>9394</v>
      </c>
      <c r="H4629" s="6" t="s">
        <v>9395</v>
      </c>
      <c r="I4629" s="7">
        <v>4.6273587000000003</v>
      </c>
      <c r="J4629" s="8">
        <v>-74.173418299999994</v>
      </c>
    </row>
    <row r="4630" spans="1:10" x14ac:dyDescent="0.35">
      <c r="A4630" s="5" t="s">
        <v>10</v>
      </c>
      <c r="B4630" s="6">
        <v>169855</v>
      </c>
      <c r="C4630" s="6" t="s">
        <v>278</v>
      </c>
      <c r="D4630" s="6" t="s">
        <v>279</v>
      </c>
      <c r="E4630" s="6">
        <v>50001</v>
      </c>
      <c r="F4630" s="6" t="s">
        <v>18</v>
      </c>
      <c r="G4630" s="6" t="s">
        <v>9396</v>
      </c>
      <c r="H4630" s="6" t="s">
        <v>9397</v>
      </c>
      <c r="I4630" s="7">
        <v>4.1030156999999896</v>
      </c>
      <c r="J4630" s="8">
        <v>-73.652367699999999</v>
      </c>
    </row>
    <row r="4631" spans="1:10" x14ac:dyDescent="0.35">
      <c r="A4631" s="5" t="s">
        <v>10</v>
      </c>
      <c r="B4631" s="6">
        <v>136061</v>
      </c>
      <c r="C4631" s="6" t="s">
        <v>68</v>
      </c>
      <c r="D4631" s="6" t="s">
        <v>69</v>
      </c>
      <c r="E4631" s="6">
        <v>11001</v>
      </c>
      <c r="F4631" s="6" t="s">
        <v>18</v>
      </c>
      <c r="G4631" s="6" t="s">
        <v>9398</v>
      </c>
      <c r="H4631" s="6" t="s">
        <v>9399</v>
      </c>
      <c r="I4631" s="7">
        <v>4.6879732999999897</v>
      </c>
      <c r="J4631" s="8">
        <v>-74.089640899999907</v>
      </c>
    </row>
    <row r="4632" spans="1:10" x14ac:dyDescent="0.35">
      <c r="A4632" s="5" t="s">
        <v>10</v>
      </c>
      <c r="B4632" s="6">
        <v>179676</v>
      </c>
      <c r="C4632" s="6" t="s">
        <v>11</v>
      </c>
      <c r="D4632" s="6" t="s">
        <v>1633</v>
      </c>
      <c r="E4632" s="6">
        <v>25151</v>
      </c>
      <c r="F4632" s="6" t="s">
        <v>18</v>
      </c>
      <c r="G4632" s="6" t="s">
        <v>9400</v>
      </c>
      <c r="H4632" s="6" t="s">
        <v>9401</v>
      </c>
      <c r="I4632" s="7">
        <v>4.4056369000000002</v>
      </c>
      <c r="J4632" s="8">
        <v>-73.946686</v>
      </c>
    </row>
    <row r="4633" spans="1:10" x14ac:dyDescent="0.35">
      <c r="A4633" s="5" t="s">
        <v>10</v>
      </c>
      <c r="B4633" s="6">
        <v>184807</v>
      </c>
      <c r="C4633" s="6" t="s">
        <v>68</v>
      </c>
      <c r="D4633" s="6" t="s">
        <v>69</v>
      </c>
      <c r="E4633" s="6">
        <v>11001</v>
      </c>
      <c r="F4633" s="6" t="s">
        <v>18</v>
      </c>
      <c r="G4633" s="6" t="s">
        <v>9402</v>
      </c>
      <c r="H4633" s="6" t="s">
        <v>9403</v>
      </c>
      <c r="I4633" s="7">
        <v>4.6035874999999997</v>
      </c>
      <c r="J4633" s="8">
        <v>-74.153066699999997</v>
      </c>
    </row>
    <row r="4634" spans="1:10" x14ac:dyDescent="0.35">
      <c r="A4634" s="5" t="s">
        <v>10</v>
      </c>
      <c r="B4634" s="6">
        <v>229746</v>
      </c>
      <c r="C4634" s="6" t="s">
        <v>16</v>
      </c>
      <c r="D4634" s="6" t="s">
        <v>1266</v>
      </c>
      <c r="E4634" s="6">
        <v>68081</v>
      </c>
      <c r="F4634" s="6" t="s">
        <v>18</v>
      </c>
      <c r="G4634" s="6" t="s">
        <v>9404</v>
      </c>
      <c r="H4634" s="6" t="s">
        <v>9405</v>
      </c>
      <c r="I4634" s="7">
        <v>7.0721949999999998</v>
      </c>
      <c r="J4634" s="8">
        <v>-73.848164999999995</v>
      </c>
    </row>
    <row r="4635" spans="1:10" x14ac:dyDescent="0.35">
      <c r="A4635" s="5" t="s">
        <v>10</v>
      </c>
      <c r="B4635" s="6">
        <v>242908</v>
      </c>
      <c r="C4635" s="6" t="s">
        <v>16</v>
      </c>
      <c r="D4635" s="6" t="s">
        <v>78</v>
      </c>
      <c r="E4635" s="6">
        <v>68001</v>
      </c>
      <c r="F4635" s="6" t="s">
        <v>18</v>
      </c>
      <c r="G4635" s="6" t="s">
        <v>9406</v>
      </c>
      <c r="H4635" s="6" t="s">
        <v>9407</v>
      </c>
      <c r="I4635" s="7">
        <v>7.1107766000000003</v>
      </c>
      <c r="J4635" s="8">
        <v>-73.139862300000004</v>
      </c>
    </row>
    <row r="4636" spans="1:10" x14ac:dyDescent="0.35">
      <c r="A4636" s="5" t="s">
        <v>10</v>
      </c>
      <c r="B4636" s="6">
        <v>222614</v>
      </c>
      <c r="C4636" s="6" t="s">
        <v>16</v>
      </c>
      <c r="D4636" s="6" t="s">
        <v>78</v>
      </c>
      <c r="E4636" s="6">
        <v>68001</v>
      </c>
      <c r="F4636" s="6" t="s">
        <v>18</v>
      </c>
      <c r="G4636" s="6" t="s">
        <v>9408</v>
      </c>
      <c r="H4636" s="6" t="s">
        <v>9409</v>
      </c>
      <c r="I4636" s="7">
        <v>7.104641</v>
      </c>
      <c r="J4636" s="8">
        <v>-73.113799999999998</v>
      </c>
    </row>
    <row r="4637" spans="1:10" x14ac:dyDescent="0.35">
      <c r="A4637" s="5" t="s">
        <v>10</v>
      </c>
      <c r="B4637" s="6">
        <v>224623</v>
      </c>
      <c r="C4637" s="6" t="s">
        <v>466</v>
      </c>
      <c r="D4637" s="6" t="s">
        <v>2069</v>
      </c>
      <c r="E4637" s="6">
        <v>81794</v>
      </c>
      <c r="F4637" s="6" t="s">
        <v>13</v>
      </c>
      <c r="G4637" s="6" t="s">
        <v>9410</v>
      </c>
      <c r="H4637" s="6" t="s">
        <v>9411</v>
      </c>
      <c r="I4637" s="7">
        <v>6.4596378999999997</v>
      </c>
      <c r="J4637" s="8">
        <v>-71.734306900000007</v>
      </c>
    </row>
    <row r="4638" spans="1:10" x14ac:dyDescent="0.35">
      <c r="A4638" s="5" t="s">
        <v>10</v>
      </c>
      <c r="B4638" s="6">
        <v>233807</v>
      </c>
      <c r="C4638" s="6" t="s">
        <v>68</v>
      </c>
      <c r="D4638" s="6" t="s">
        <v>69</v>
      </c>
      <c r="E4638" s="6">
        <v>11001</v>
      </c>
      <c r="F4638" s="6" t="s">
        <v>18</v>
      </c>
      <c r="G4638" s="6" t="s">
        <v>9412</v>
      </c>
      <c r="H4638" s="6" t="s">
        <v>9413</v>
      </c>
      <c r="I4638" s="7">
        <v>4.5570079999999997</v>
      </c>
      <c r="J4638" s="8">
        <v>-74.088647300000005</v>
      </c>
    </row>
    <row r="4639" spans="1:10" x14ac:dyDescent="0.35">
      <c r="A4639" s="5" t="s">
        <v>10</v>
      </c>
      <c r="B4639" s="6">
        <v>234078</v>
      </c>
      <c r="C4639" s="6" t="s">
        <v>294</v>
      </c>
      <c r="D4639" s="6" t="s">
        <v>703</v>
      </c>
      <c r="E4639" s="6">
        <v>41001</v>
      </c>
      <c r="F4639" s="6" t="s">
        <v>18</v>
      </c>
      <c r="G4639" s="6" t="s">
        <v>9414</v>
      </c>
      <c r="H4639" s="6" t="s">
        <v>9415</v>
      </c>
      <c r="I4639" s="7">
        <v>2.9651073000000001</v>
      </c>
      <c r="J4639" s="8">
        <v>-75.295231000000001</v>
      </c>
    </row>
    <row r="4640" spans="1:10" x14ac:dyDescent="0.35">
      <c r="A4640" s="5" t="s">
        <v>10</v>
      </c>
      <c r="B4640" s="6">
        <v>232064</v>
      </c>
      <c r="C4640" s="6" t="s">
        <v>68</v>
      </c>
      <c r="D4640" s="6" t="s">
        <v>69</v>
      </c>
      <c r="E4640" s="6">
        <v>11001</v>
      </c>
      <c r="F4640" s="6" t="s">
        <v>18</v>
      </c>
      <c r="G4640" s="6" t="s">
        <v>9416</v>
      </c>
      <c r="H4640" s="6" t="s">
        <v>9417</v>
      </c>
      <c r="I4640" s="7">
        <v>4.6068129999999998</v>
      </c>
      <c r="J4640" s="8">
        <v>-74.091166999999999</v>
      </c>
    </row>
    <row r="4641" spans="1:10" x14ac:dyDescent="0.35">
      <c r="A4641" s="5" t="s">
        <v>10</v>
      </c>
      <c r="B4641" s="6">
        <v>143092</v>
      </c>
      <c r="C4641" s="6" t="s">
        <v>68</v>
      </c>
      <c r="D4641" s="6" t="s">
        <v>69</v>
      </c>
      <c r="E4641" s="6">
        <v>11001</v>
      </c>
      <c r="F4641" s="6" t="s">
        <v>18</v>
      </c>
      <c r="G4641" s="6" t="s">
        <v>9418</v>
      </c>
      <c r="H4641" s="6" t="s">
        <v>9419</v>
      </c>
      <c r="I4641" s="7">
        <v>4.5310980999999897</v>
      </c>
      <c r="J4641" s="8">
        <v>-74.088561200000001</v>
      </c>
    </row>
    <row r="4642" spans="1:10" x14ac:dyDescent="0.35">
      <c r="A4642" s="5" t="s">
        <v>10</v>
      </c>
      <c r="B4642" s="6">
        <v>219841</v>
      </c>
      <c r="C4642" s="6" t="s">
        <v>11</v>
      </c>
      <c r="D4642" s="6" t="s">
        <v>337</v>
      </c>
      <c r="E4642" s="6">
        <v>25290</v>
      </c>
      <c r="F4642" s="6" t="s">
        <v>18</v>
      </c>
      <c r="G4642" s="6" t="s">
        <v>9420</v>
      </c>
      <c r="H4642" s="6" t="s">
        <v>9421</v>
      </c>
      <c r="I4642" s="7">
        <v>4.3383721</v>
      </c>
      <c r="J4642" s="8">
        <v>-74.369355499999998</v>
      </c>
    </row>
    <row r="4643" spans="1:10" x14ac:dyDescent="0.35">
      <c r="A4643" s="5" t="s">
        <v>10</v>
      </c>
      <c r="B4643" s="6">
        <v>95377</v>
      </c>
      <c r="C4643" s="6" t="s">
        <v>11</v>
      </c>
      <c r="D4643" s="6" t="s">
        <v>6124</v>
      </c>
      <c r="E4643" s="6">
        <v>25377</v>
      </c>
      <c r="F4643" s="6" t="s">
        <v>18</v>
      </c>
      <c r="G4643" s="6" t="s">
        <v>9422</v>
      </c>
      <c r="H4643" s="6" t="s">
        <v>9423</v>
      </c>
      <c r="I4643" s="7">
        <v>4.7191983000000004</v>
      </c>
      <c r="J4643" s="8">
        <v>-73.9690753</v>
      </c>
    </row>
    <row r="4644" spans="1:10" x14ac:dyDescent="0.35">
      <c r="A4644" s="5" t="s">
        <v>10</v>
      </c>
      <c r="B4644" s="6">
        <v>197241</v>
      </c>
      <c r="C4644" s="6" t="s">
        <v>366</v>
      </c>
      <c r="D4644" s="6" t="s">
        <v>367</v>
      </c>
      <c r="E4644" s="6">
        <v>44430</v>
      </c>
      <c r="F4644" s="6" t="s">
        <v>18</v>
      </c>
      <c r="G4644" s="6" t="s">
        <v>9424</v>
      </c>
      <c r="H4644" s="6" t="s">
        <v>9425</v>
      </c>
      <c r="I4644" s="7">
        <v>11.380054299999999</v>
      </c>
      <c r="J4644" s="8">
        <v>-72.242246499999993</v>
      </c>
    </row>
    <row r="4645" spans="1:10" x14ac:dyDescent="0.35">
      <c r="A4645" s="5" t="s">
        <v>10</v>
      </c>
      <c r="B4645" s="6">
        <v>242983</v>
      </c>
      <c r="C4645" s="6" t="s">
        <v>16</v>
      </c>
      <c r="D4645" s="6" t="s">
        <v>78</v>
      </c>
      <c r="E4645" s="6">
        <v>68001</v>
      </c>
      <c r="F4645" s="6" t="s">
        <v>18</v>
      </c>
      <c r="G4645" s="6" t="s">
        <v>9426</v>
      </c>
      <c r="H4645" s="6" t="s">
        <v>9427</v>
      </c>
      <c r="I4645" s="7">
        <v>7.1045495000000001</v>
      </c>
      <c r="J4645" s="8">
        <v>-73.111953600000007</v>
      </c>
    </row>
    <row r="4646" spans="1:10" x14ac:dyDescent="0.35">
      <c r="A4646" s="5" t="s">
        <v>10</v>
      </c>
      <c r="B4646" s="6">
        <v>238175</v>
      </c>
      <c r="C4646" s="6" t="s">
        <v>278</v>
      </c>
      <c r="D4646" s="6" t="s">
        <v>279</v>
      </c>
      <c r="E4646" s="6">
        <v>50001</v>
      </c>
      <c r="F4646" s="6" t="s">
        <v>18</v>
      </c>
      <c r="G4646" s="6" t="s">
        <v>9428</v>
      </c>
      <c r="H4646" s="6" t="s">
        <v>9429</v>
      </c>
      <c r="I4646" s="7">
        <v>4.1521587999999996</v>
      </c>
      <c r="J4646" s="8">
        <v>-73.613810799999996</v>
      </c>
    </row>
    <row r="4647" spans="1:10" x14ac:dyDescent="0.35">
      <c r="A4647" s="5" t="s">
        <v>10</v>
      </c>
      <c r="B4647" s="6">
        <v>219209</v>
      </c>
      <c r="C4647" s="6" t="s">
        <v>68</v>
      </c>
      <c r="D4647" s="6" t="s">
        <v>69</v>
      </c>
      <c r="E4647" s="6">
        <v>11001</v>
      </c>
      <c r="F4647" s="6" t="s">
        <v>18</v>
      </c>
      <c r="G4647" s="6" t="s">
        <v>9430</v>
      </c>
      <c r="H4647" s="6" t="s">
        <v>9431</v>
      </c>
      <c r="I4647" s="7">
        <v>4.6261406999999997</v>
      </c>
      <c r="J4647" s="8">
        <v>-74.071759200000002</v>
      </c>
    </row>
    <row r="4648" spans="1:10" x14ac:dyDescent="0.35">
      <c r="A4648" s="5" t="s">
        <v>10</v>
      </c>
      <c r="B4648" s="6">
        <v>238835</v>
      </c>
      <c r="C4648" s="6" t="s">
        <v>117</v>
      </c>
      <c r="D4648" s="6" t="s">
        <v>7836</v>
      </c>
      <c r="E4648" s="6">
        <v>76670</v>
      </c>
      <c r="F4648" s="6" t="s">
        <v>18</v>
      </c>
      <c r="G4648" s="6" t="s">
        <v>9432</v>
      </c>
      <c r="H4648" s="6" t="s">
        <v>9433</v>
      </c>
      <c r="I4648" s="7">
        <v>3.4481551000000001</v>
      </c>
      <c r="J4648" s="8">
        <v>-76.538703100000006</v>
      </c>
    </row>
    <row r="4649" spans="1:10" x14ac:dyDescent="0.35">
      <c r="A4649" s="5" t="s">
        <v>10</v>
      </c>
      <c r="B4649" s="6">
        <v>94035</v>
      </c>
      <c r="C4649" s="6" t="s">
        <v>11</v>
      </c>
      <c r="D4649" s="6" t="s">
        <v>4073</v>
      </c>
      <c r="E4649" s="6">
        <v>25740</v>
      </c>
      <c r="F4649" s="6" t="s">
        <v>18</v>
      </c>
      <c r="G4649" s="6" t="s">
        <v>9434</v>
      </c>
      <c r="H4649" s="6" t="s">
        <v>9435</v>
      </c>
      <c r="I4649" s="7">
        <v>4.4931068999999999</v>
      </c>
      <c r="J4649" s="8">
        <v>-74.258745599999997</v>
      </c>
    </row>
    <row r="4650" spans="1:10" x14ac:dyDescent="0.35">
      <c r="A4650" s="5" t="s">
        <v>10</v>
      </c>
      <c r="B4650" s="6">
        <v>211367</v>
      </c>
      <c r="C4650" s="6" t="s">
        <v>16</v>
      </c>
      <c r="D4650" s="6" t="s">
        <v>7769</v>
      </c>
      <c r="E4650" s="6">
        <v>68689</v>
      </c>
      <c r="F4650" s="6" t="s">
        <v>18</v>
      </c>
      <c r="G4650" s="6" t="s">
        <v>9436</v>
      </c>
      <c r="H4650" s="6" t="s">
        <v>9437</v>
      </c>
      <c r="I4650" s="7">
        <v>6.8838365000000001</v>
      </c>
      <c r="J4650" s="8">
        <v>-73.420312099999904</v>
      </c>
    </row>
    <row r="4651" spans="1:10" x14ac:dyDescent="0.35">
      <c r="A4651" s="5" t="s">
        <v>10</v>
      </c>
      <c r="B4651" s="6">
        <v>239428</v>
      </c>
      <c r="C4651" s="6" t="s">
        <v>16</v>
      </c>
      <c r="D4651" s="6" t="s">
        <v>2825</v>
      </c>
      <c r="E4651" s="6">
        <v>68276</v>
      </c>
      <c r="F4651" s="6" t="s">
        <v>18</v>
      </c>
      <c r="G4651" s="6" t="s">
        <v>9438</v>
      </c>
      <c r="H4651" s="6" t="s">
        <v>9439</v>
      </c>
      <c r="I4651" s="7">
        <v>7.0876051000000002</v>
      </c>
      <c r="J4651" s="8">
        <v>-73.103306099999998</v>
      </c>
    </row>
    <row r="4652" spans="1:10" x14ac:dyDescent="0.35">
      <c r="A4652" s="5" t="s">
        <v>10</v>
      </c>
      <c r="B4652" s="6">
        <v>221647</v>
      </c>
      <c r="C4652" s="6" t="s">
        <v>68</v>
      </c>
      <c r="D4652" s="6" t="s">
        <v>69</v>
      </c>
      <c r="E4652" s="6">
        <v>11001</v>
      </c>
      <c r="F4652" s="6" t="s">
        <v>13</v>
      </c>
      <c r="G4652" s="6" t="s">
        <v>9440</v>
      </c>
      <c r="H4652" s="6" t="s">
        <v>9441</v>
      </c>
      <c r="I4652" s="7">
        <v>4.5719884999999998</v>
      </c>
      <c r="J4652" s="8">
        <v>-74.166841500000004</v>
      </c>
    </row>
    <row r="4653" spans="1:10" x14ac:dyDescent="0.35">
      <c r="A4653" s="5" t="s">
        <v>10</v>
      </c>
      <c r="B4653" s="6">
        <v>235081</v>
      </c>
      <c r="C4653" s="6" t="s">
        <v>68</v>
      </c>
      <c r="D4653" s="6" t="s">
        <v>69</v>
      </c>
      <c r="E4653" s="6">
        <v>11001</v>
      </c>
      <c r="F4653" s="6" t="s">
        <v>18</v>
      </c>
      <c r="G4653" s="6" t="s">
        <v>9442</v>
      </c>
      <c r="H4653" s="6" t="s">
        <v>9443</v>
      </c>
      <c r="I4653" s="7">
        <v>4.5768624999999998</v>
      </c>
      <c r="J4653" s="8">
        <v>-74.154020500000001</v>
      </c>
    </row>
    <row r="4654" spans="1:10" x14ac:dyDescent="0.35">
      <c r="A4654" s="5" t="s">
        <v>10</v>
      </c>
      <c r="B4654" s="6">
        <v>232966</v>
      </c>
      <c r="C4654" s="6" t="s">
        <v>11</v>
      </c>
      <c r="D4654" s="6" t="s">
        <v>5259</v>
      </c>
      <c r="E4654" s="6">
        <v>25320</v>
      </c>
      <c r="F4654" s="6" t="s">
        <v>18</v>
      </c>
      <c r="G4654" s="6" t="s">
        <v>9444</v>
      </c>
      <c r="H4654" s="6" t="s">
        <v>9445</v>
      </c>
      <c r="I4654" s="7">
        <v>11.244999999999999</v>
      </c>
      <c r="J4654" s="8">
        <v>-74.212419999999995</v>
      </c>
    </row>
    <row r="4655" spans="1:10" x14ac:dyDescent="0.35">
      <c r="A4655" s="5" t="s">
        <v>10</v>
      </c>
      <c r="B4655" s="6">
        <v>247653</v>
      </c>
      <c r="C4655" s="6" t="s">
        <v>68</v>
      </c>
      <c r="D4655" s="6" t="s">
        <v>69</v>
      </c>
      <c r="E4655" s="6">
        <v>11001</v>
      </c>
      <c r="F4655" s="6" t="s">
        <v>18</v>
      </c>
      <c r="G4655" s="6" t="s">
        <v>9446</v>
      </c>
      <c r="H4655" s="6" t="s">
        <v>9447</v>
      </c>
      <c r="I4655" s="7">
        <v>4.6682664999999997</v>
      </c>
      <c r="J4655" s="8">
        <v>-74.073717299999998</v>
      </c>
    </row>
    <row r="4656" spans="1:10" x14ac:dyDescent="0.35">
      <c r="A4656" s="5" t="s">
        <v>10</v>
      </c>
      <c r="B4656" s="6">
        <v>227064</v>
      </c>
      <c r="C4656" s="6" t="s">
        <v>294</v>
      </c>
      <c r="D4656" s="6" t="s">
        <v>703</v>
      </c>
      <c r="E4656" s="6">
        <v>41001</v>
      </c>
      <c r="F4656" s="6" t="s">
        <v>18</v>
      </c>
      <c r="G4656" s="6" t="s">
        <v>9448</v>
      </c>
      <c r="H4656" s="6" t="s">
        <v>9449</v>
      </c>
      <c r="I4656" s="7">
        <v>2.9321087000000001</v>
      </c>
      <c r="J4656" s="8">
        <v>-75.292018099999893</v>
      </c>
    </row>
    <row r="4657" spans="1:10" x14ac:dyDescent="0.35">
      <c r="A4657" s="5" t="s">
        <v>10</v>
      </c>
      <c r="B4657" s="6">
        <v>206876</v>
      </c>
      <c r="C4657" s="6" t="s">
        <v>68</v>
      </c>
      <c r="D4657" s="6" t="s">
        <v>69</v>
      </c>
      <c r="E4657" s="6">
        <v>11001</v>
      </c>
      <c r="F4657" s="6" t="s">
        <v>18</v>
      </c>
      <c r="G4657" s="6" t="s">
        <v>9450</v>
      </c>
      <c r="H4657" s="6" t="s">
        <v>9451</v>
      </c>
      <c r="I4657" s="7">
        <v>4.5013291999999998</v>
      </c>
      <c r="J4657" s="8">
        <v>-74.114016999999905</v>
      </c>
    </row>
    <row r="4658" spans="1:10" x14ac:dyDescent="0.35">
      <c r="A4658" s="5" t="s">
        <v>10</v>
      </c>
      <c r="B4658" s="6">
        <v>209459</v>
      </c>
      <c r="C4658" s="6" t="s">
        <v>11</v>
      </c>
      <c r="D4658" s="6" t="s">
        <v>5259</v>
      </c>
      <c r="E4658" s="6">
        <v>25320</v>
      </c>
      <c r="F4658" s="6" t="s">
        <v>18</v>
      </c>
      <c r="G4658" s="6" t="s">
        <v>9452</v>
      </c>
      <c r="H4658" s="6" t="s">
        <v>9453</v>
      </c>
      <c r="I4658" s="7">
        <v>5.0678087999999999</v>
      </c>
      <c r="J4658" s="8">
        <v>-74.5953205</v>
      </c>
    </row>
    <row r="4659" spans="1:10" x14ac:dyDescent="0.35">
      <c r="A4659" s="5" t="s">
        <v>10</v>
      </c>
      <c r="B4659" s="6">
        <v>239837</v>
      </c>
      <c r="C4659" s="6" t="s">
        <v>2821</v>
      </c>
      <c r="D4659" s="6" t="s">
        <v>9454</v>
      </c>
      <c r="E4659" s="6">
        <v>47745</v>
      </c>
      <c r="F4659" s="6" t="s">
        <v>18</v>
      </c>
      <c r="G4659" s="6" t="s">
        <v>9455</v>
      </c>
      <c r="H4659" s="6" t="s">
        <v>9456</v>
      </c>
      <c r="I4659" s="7">
        <v>10.7766068</v>
      </c>
      <c r="J4659" s="8">
        <v>-74.720902499999994</v>
      </c>
    </row>
    <row r="4660" spans="1:10" x14ac:dyDescent="0.35">
      <c r="A4660" s="5" t="s">
        <v>10</v>
      </c>
      <c r="B4660" s="6">
        <v>240041</v>
      </c>
      <c r="C4660" s="6" t="s">
        <v>2821</v>
      </c>
      <c r="D4660" s="6" t="s">
        <v>8645</v>
      </c>
      <c r="E4660" s="6">
        <v>47460</v>
      </c>
      <c r="F4660" s="6" t="s">
        <v>18</v>
      </c>
      <c r="G4660" s="6" t="s">
        <v>9457</v>
      </c>
      <c r="H4660" s="6" t="s">
        <v>9458</v>
      </c>
      <c r="I4660" s="7">
        <v>9.8057829999999999</v>
      </c>
      <c r="J4660" s="8">
        <v>-74.392252999999997</v>
      </c>
    </row>
    <row r="4661" spans="1:10" x14ac:dyDescent="0.35">
      <c r="A4661" s="5" t="s">
        <v>10</v>
      </c>
      <c r="B4661" s="6">
        <v>240027</v>
      </c>
      <c r="C4661" s="6" t="s">
        <v>302</v>
      </c>
      <c r="D4661" s="6" t="s">
        <v>359</v>
      </c>
      <c r="E4661" s="6">
        <v>8001</v>
      </c>
      <c r="F4661" s="6" t="s">
        <v>18</v>
      </c>
      <c r="G4661" s="6" t="s">
        <v>9459</v>
      </c>
      <c r="H4661" s="6" t="s">
        <v>9460</v>
      </c>
      <c r="I4661" s="7">
        <v>10.9561528</v>
      </c>
      <c r="J4661" s="8">
        <v>-74.773601099999993</v>
      </c>
    </row>
    <row r="4662" spans="1:10" x14ac:dyDescent="0.35">
      <c r="A4662" s="5" t="s">
        <v>10</v>
      </c>
      <c r="B4662" s="6">
        <v>239937</v>
      </c>
      <c r="C4662" s="6" t="s">
        <v>38</v>
      </c>
      <c r="D4662" s="6" t="s">
        <v>6300</v>
      </c>
      <c r="E4662" s="6">
        <v>19698</v>
      </c>
      <c r="F4662" s="6" t="s">
        <v>18</v>
      </c>
      <c r="G4662" s="6" t="s">
        <v>9461</v>
      </c>
      <c r="H4662" s="6" t="s">
        <v>9462</v>
      </c>
      <c r="I4662" s="7">
        <v>3.0057027000000001</v>
      </c>
      <c r="J4662" s="8">
        <v>-76.483838800000001</v>
      </c>
    </row>
    <row r="4663" spans="1:10" x14ac:dyDescent="0.35">
      <c r="A4663" s="5" t="s">
        <v>10</v>
      </c>
      <c r="B4663" s="6">
        <v>236642</v>
      </c>
      <c r="C4663" s="6" t="s">
        <v>16</v>
      </c>
      <c r="D4663" s="6" t="s">
        <v>9463</v>
      </c>
      <c r="E4663" s="6">
        <v>68368</v>
      </c>
      <c r="F4663" s="6" t="s">
        <v>18</v>
      </c>
      <c r="G4663" s="6" t="s">
        <v>9464</v>
      </c>
      <c r="H4663" s="6" t="s">
        <v>9465</v>
      </c>
      <c r="I4663" s="7">
        <v>5.8778791999999997</v>
      </c>
      <c r="J4663" s="8">
        <v>-73.783547499999997</v>
      </c>
    </row>
    <row r="4664" spans="1:10" x14ac:dyDescent="0.35">
      <c r="A4664" s="5" t="s">
        <v>10</v>
      </c>
      <c r="B4664" s="6">
        <v>233497</v>
      </c>
      <c r="C4664" s="6" t="s">
        <v>68</v>
      </c>
      <c r="D4664" s="6" t="s">
        <v>69</v>
      </c>
      <c r="E4664" s="6">
        <v>11001</v>
      </c>
      <c r="F4664" s="6" t="s">
        <v>18</v>
      </c>
      <c r="G4664" s="6" t="s">
        <v>9466</v>
      </c>
      <c r="H4664" s="6" t="s">
        <v>9467</v>
      </c>
      <c r="I4664" s="7">
        <v>4.5643399999999996</v>
      </c>
      <c r="J4664" s="8">
        <v>-74.135279999999995</v>
      </c>
    </row>
    <row r="4665" spans="1:10" x14ac:dyDescent="0.35">
      <c r="A4665" s="5" t="s">
        <v>10</v>
      </c>
      <c r="B4665" s="6">
        <v>244080</v>
      </c>
      <c r="C4665" s="6" t="s">
        <v>55</v>
      </c>
      <c r="D4665" s="6" t="s">
        <v>56</v>
      </c>
      <c r="E4665" s="6">
        <v>73001</v>
      </c>
      <c r="F4665" s="6" t="s">
        <v>18</v>
      </c>
      <c r="G4665" s="6" t="s">
        <v>9468</v>
      </c>
      <c r="H4665" s="6" t="s">
        <v>9469</v>
      </c>
      <c r="I4665" s="7">
        <v>4.4297623000000002</v>
      </c>
      <c r="J4665" s="8">
        <v>-75.233215700000002</v>
      </c>
    </row>
    <row r="4666" spans="1:10" x14ac:dyDescent="0.35">
      <c r="A4666" s="5" t="s">
        <v>10</v>
      </c>
      <c r="B4666" s="6">
        <v>223265</v>
      </c>
      <c r="C4666" s="6" t="s">
        <v>16</v>
      </c>
      <c r="D4666" s="6" t="s">
        <v>2825</v>
      </c>
      <c r="E4666" s="6">
        <v>68276</v>
      </c>
      <c r="F4666" s="6" t="s">
        <v>18</v>
      </c>
      <c r="G4666" s="6" t="s">
        <v>9470</v>
      </c>
      <c r="H4666" s="6" t="s">
        <v>9471</v>
      </c>
      <c r="I4666" s="7">
        <v>7.0818915999999996</v>
      </c>
      <c r="J4666" s="8">
        <v>-73.086603100000005</v>
      </c>
    </row>
    <row r="4667" spans="1:10" x14ac:dyDescent="0.35">
      <c r="A4667" s="5" t="s">
        <v>10</v>
      </c>
      <c r="B4667" s="6">
        <v>236791</v>
      </c>
      <c r="C4667" s="6" t="s">
        <v>294</v>
      </c>
      <c r="D4667" s="6" t="s">
        <v>703</v>
      </c>
      <c r="E4667" s="6">
        <v>41001</v>
      </c>
      <c r="F4667" s="6" t="s">
        <v>18</v>
      </c>
      <c r="G4667" s="6" t="s">
        <v>9472</v>
      </c>
      <c r="H4667" s="6" t="s">
        <v>9473</v>
      </c>
      <c r="I4667" s="7">
        <v>2.9235269000000002</v>
      </c>
      <c r="J4667" s="8">
        <v>-75.273149000000004</v>
      </c>
    </row>
    <row r="4668" spans="1:10" x14ac:dyDescent="0.35">
      <c r="A4668" s="5" t="s">
        <v>10</v>
      </c>
      <c r="B4668" s="6">
        <v>154627</v>
      </c>
      <c r="C4668" s="6" t="s">
        <v>68</v>
      </c>
      <c r="D4668" s="6" t="s">
        <v>69</v>
      </c>
      <c r="E4668" s="6">
        <v>11001</v>
      </c>
      <c r="F4668" s="6" t="s">
        <v>18</v>
      </c>
      <c r="G4668" s="6" t="s">
        <v>9474</v>
      </c>
      <c r="H4668" s="6" t="s">
        <v>9475</v>
      </c>
      <c r="I4668" s="7">
        <v>4.5191096999999996</v>
      </c>
      <c r="J4668" s="8">
        <v>-74.118570099999999</v>
      </c>
    </row>
    <row r="4669" spans="1:10" x14ac:dyDescent="0.35">
      <c r="A4669" s="5" t="s">
        <v>10</v>
      </c>
      <c r="B4669" s="6">
        <v>190403</v>
      </c>
      <c r="C4669" s="6" t="s">
        <v>11</v>
      </c>
      <c r="D4669" s="6" t="s">
        <v>1294</v>
      </c>
      <c r="E4669" s="6">
        <v>25873</v>
      </c>
      <c r="F4669" s="6" t="s">
        <v>18</v>
      </c>
      <c r="G4669" s="6" t="s">
        <v>9476</v>
      </c>
      <c r="H4669" s="6" t="s">
        <v>9477</v>
      </c>
      <c r="I4669" s="7">
        <v>5.2152089999999998</v>
      </c>
      <c r="J4669" s="8">
        <v>-73.594624899999999</v>
      </c>
    </row>
    <row r="4670" spans="1:10" x14ac:dyDescent="0.35">
      <c r="A4670" s="5" t="s">
        <v>10</v>
      </c>
      <c r="B4670" s="6">
        <v>220369</v>
      </c>
      <c r="C4670" s="6" t="s">
        <v>38</v>
      </c>
      <c r="D4670" s="6" t="s">
        <v>9478</v>
      </c>
      <c r="E4670" s="6">
        <v>19622</v>
      </c>
      <c r="F4670" s="6" t="s">
        <v>18</v>
      </c>
      <c r="G4670" s="6" t="s">
        <v>9479</v>
      </c>
      <c r="H4670" s="6" t="s">
        <v>9480</v>
      </c>
      <c r="I4670" s="7">
        <v>2.2622232000000002</v>
      </c>
      <c r="J4670" s="8">
        <v>-76.740174799999906</v>
      </c>
    </row>
    <row r="4671" spans="1:10" x14ac:dyDescent="0.35">
      <c r="A4671" s="5" t="s">
        <v>10</v>
      </c>
      <c r="B4671" s="6">
        <v>242942</v>
      </c>
      <c r="C4671" s="6" t="s">
        <v>16</v>
      </c>
      <c r="D4671" s="6" t="s">
        <v>510</v>
      </c>
      <c r="E4671" s="6">
        <v>68547</v>
      </c>
      <c r="F4671" s="6" t="s">
        <v>18</v>
      </c>
      <c r="G4671" s="6" t="s">
        <v>9481</v>
      </c>
      <c r="H4671" s="6" t="s">
        <v>9482</v>
      </c>
      <c r="I4671" s="7">
        <v>7.0005505000000001</v>
      </c>
      <c r="J4671" s="8">
        <v>-73.060069299999995</v>
      </c>
    </row>
    <row r="4672" spans="1:10" x14ac:dyDescent="0.35">
      <c r="A4672" s="5" t="s">
        <v>10</v>
      </c>
      <c r="B4672" s="6">
        <v>206393</v>
      </c>
      <c r="C4672" s="6" t="s">
        <v>68</v>
      </c>
      <c r="D4672" s="6" t="s">
        <v>69</v>
      </c>
      <c r="E4672" s="6">
        <v>11001</v>
      </c>
      <c r="F4672" s="6" t="s">
        <v>13</v>
      </c>
      <c r="G4672" s="6" t="s">
        <v>9483</v>
      </c>
      <c r="H4672" s="6" t="s">
        <v>9484</v>
      </c>
      <c r="I4672" s="7">
        <v>4.5372063000000002</v>
      </c>
      <c r="J4672" s="8">
        <v>-74.137749700000001</v>
      </c>
    </row>
    <row r="4673" spans="1:10" x14ac:dyDescent="0.35">
      <c r="A4673" s="5" t="s">
        <v>10</v>
      </c>
      <c r="B4673" s="6">
        <v>227381</v>
      </c>
      <c r="C4673" s="6" t="s">
        <v>11</v>
      </c>
      <c r="D4673" s="6" t="s">
        <v>3054</v>
      </c>
      <c r="E4673" s="6">
        <v>25269</v>
      </c>
      <c r="F4673" s="6" t="s">
        <v>13</v>
      </c>
      <c r="G4673" s="6" t="s">
        <v>9485</v>
      </c>
      <c r="H4673" s="6" t="s">
        <v>9486</v>
      </c>
      <c r="I4673" s="7">
        <v>4.8561794999999996</v>
      </c>
      <c r="J4673" s="8">
        <v>-74.340671400000005</v>
      </c>
    </row>
    <row r="4674" spans="1:10" x14ac:dyDescent="0.35">
      <c r="A4674" s="5" t="s">
        <v>10</v>
      </c>
      <c r="B4674" s="6">
        <v>220805</v>
      </c>
      <c r="C4674" s="6" t="s">
        <v>68</v>
      </c>
      <c r="D4674" s="6" t="s">
        <v>69</v>
      </c>
      <c r="E4674" s="6">
        <v>11001</v>
      </c>
      <c r="F4674" s="6" t="s">
        <v>18</v>
      </c>
      <c r="G4674" s="6" t="s">
        <v>9487</v>
      </c>
      <c r="H4674" s="6" t="s">
        <v>9488</v>
      </c>
      <c r="I4674" s="7">
        <v>4.6284133000000001</v>
      </c>
      <c r="J4674" s="8">
        <v>-74.192127599999907</v>
      </c>
    </row>
    <row r="4675" spans="1:10" x14ac:dyDescent="0.35">
      <c r="A4675" s="5" t="s">
        <v>10</v>
      </c>
      <c r="B4675" s="6">
        <v>233863</v>
      </c>
      <c r="C4675" s="6" t="s">
        <v>294</v>
      </c>
      <c r="D4675" s="6" t="s">
        <v>1902</v>
      </c>
      <c r="E4675" s="6">
        <v>41799</v>
      </c>
      <c r="F4675" s="6" t="s">
        <v>18</v>
      </c>
      <c r="G4675" s="6" t="s">
        <v>9489</v>
      </c>
      <c r="H4675" s="6" t="s">
        <v>9490</v>
      </c>
      <c r="I4675" s="7">
        <v>2.9232355000000001</v>
      </c>
      <c r="J4675" s="8">
        <v>-75.287502200000006</v>
      </c>
    </row>
    <row r="4676" spans="1:10" x14ac:dyDescent="0.35">
      <c r="A4676" s="5" t="s">
        <v>10</v>
      </c>
      <c r="B4676" s="6">
        <v>239634</v>
      </c>
      <c r="C4676" s="6" t="s">
        <v>16</v>
      </c>
      <c r="D4676" s="6" t="s">
        <v>2694</v>
      </c>
      <c r="E4676" s="6">
        <v>68895</v>
      </c>
      <c r="F4676" s="6" t="s">
        <v>18</v>
      </c>
      <c r="G4676" s="6" t="s">
        <v>9491</v>
      </c>
      <c r="H4676" s="6" t="s">
        <v>9492</v>
      </c>
      <c r="I4676" s="7">
        <v>3.4480067000000001</v>
      </c>
      <c r="J4676" s="8">
        <v>-76.535094700000002</v>
      </c>
    </row>
    <row r="4677" spans="1:10" x14ac:dyDescent="0.35">
      <c r="A4677" s="5" t="s">
        <v>10</v>
      </c>
      <c r="B4677" s="6">
        <v>229219</v>
      </c>
      <c r="C4677" s="6" t="s">
        <v>68</v>
      </c>
      <c r="D4677" s="6" t="s">
        <v>69</v>
      </c>
      <c r="E4677" s="6">
        <v>11001</v>
      </c>
      <c r="F4677" s="6" t="s">
        <v>18</v>
      </c>
      <c r="G4677" s="6" t="s">
        <v>9493</v>
      </c>
      <c r="H4677" s="6" t="s">
        <v>9494</v>
      </c>
      <c r="I4677" s="7">
        <v>4.5789384000000002</v>
      </c>
      <c r="J4677" s="8">
        <v>-74.178513499999994</v>
      </c>
    </row>
    <row r="4678" spans="1:10" x14ac:dyDescent="0.35">
      <c r="A4678" s="5" t="s">
        <v>10</v>
      </c>
      <c r="B4678" s="6">
        <v>203797</v>
      </c>
      <c r="C4678" s="6" t="s">
        <v>2821</v>
      </c>
      <c r="D4678" s="6" t="s">
        <v>9495</v>
      </c>
      <c r="E4678" s="6">
        <v>47245</v>
      </c>
      <c r="F4678" s="6" t="s">
        <v>18</v>
      </c>
      <c r="G4678" s="6" t="s">
        <v>9496</v>
      </c>
      <c r="H4678" s="6" t="s">
        <v>9497</v>
      </c>
      <c r="I4678" s="7">
        <v>8.9958670000000005</v>
      </c>
      <c r="J4678" s="8">
        <v>-73.945898799999995</v>
      </c>
    </row>
    <row r="4679" spans="1:10" x14ac:dyDescent="0.35">
      <c r="A4679" s="5" t="s">
        <v>10</v>
      </c>
      <c r="B4679" s="6">
        <v>219076</v>
      </c>
      <c r="C4679" s="6" t="s">
        <v>38</v>
      </c>
      <c r="D4679" s="6" t="s">
        <v>9498</v>
      </c>
      <c r="E4679" s="6">
        <v>19548</v>
      </c>
      <c r="F4679" s="6" t="s">
        <v>18</v>
      </c>
      <c r="G4679" s="6" t="s">
        <v>9499</v>
      </c>
      <c r="H4679" s="6" t="s">
        <v>9500</v>
      </c>
      <c r="I4679" s="7">
        <v>2.6434438999999998</v>
      </c>
      <c r="J4679" s="8">
        <v>-76.533071399999997</v>
      </c>
    </row>
    <row r="4680" spans="1:10" x14ac:dyDescent="0.35">
      <c r="A4680" s="5" t="s">
        <v>10</v>
      </c>
      <c r="B4680" s="6">
        <v>242925</v>
      </c>
      <c r="C4680" s="6" t="s">
        <v>16</v>
      </c>
      <c r="D4680" s="6" t="s">
        <v>1266</v>
      </c>
      <c r="E4680" s="6">
        <v>68081</v>
      </c>
      <c r="F4680" s="6" t="s">
        <v>18</v>
      </c>
      <c r="G4680" s="6" t="s">
        <v>9501</v>
      </c>
      <c r="H4680" s="6" t="s">
        <v>9502</v>
      </c>
      <c r="I4680" s="7">
        <v>7.0627575</v>
      </c>
      <c r="J4680" s="8">
        <v>-73.846610600000005</v>
      </c>
    </row>
    <row r="4681" spans="1:10" x14ac:dyDescent="0.35">
      <c r="A4681" s="5" t="s">
        <v>10</v>
      </c>
      <c r="B4681" s="6">
        <v>224860</v>
      </c>
      <c r="C4681" s="6" t="s">
        <v>117</v>
      </c>
      <c r="D4681" s="6" t="s">
        <v>1334</v>
      </c>
      <c r="E4681" s="6">
        <v>76001</v>
      </c>
      <c r="F4681" s="6" t="s">
        <v>13</v>
      </c>
      <c r="G4681" s="6" t="s">
        <v>9503</v>
      </c>
      <c r="H4681" s="6" t="s">
        <v>9504</v>
      </c>
      <c r="I4681" s="7">
        <v>3.4193951</v>
      </c>
      <c r="J4681" s="8">
        <v>-76.503756600000003</v>
      </c>
    </row>
    <row r="4682" spans="1:10" x14ac:dyDescent="0.35">
      <c r="A4682" s="5" t="s">
        <v>10</v>
      </c>
      <c r="B4682" s="6">
        <v>231962</v>
      </c>
      <c r="C4682" s="6" t="s">
        <v>68</v>
      </c>
      <c r="D4682" s="6" t="s">
        <v>69</v>
      </c>
      <c r="E4682" s="6">
        <v>11001</v>
      </c>
      <c r="F4682" s="6" t="s">
        <v>18</v>
      </c>
      <c r="G4682" s="6" t="s">
        <v>9505</v>
      </c>
      <c r="H4682" s="6" t="s">
        <v>9506</v>
      </c>
      <c r="I4682" s="7">
        <v>4.6547739999999997</v>
      </c>
      <c r="J4682" s="8">
        <v>-74.136853000000002</v>
      </c>
    </row>
    <row r="4683" spans="1:10" x14ac:dyDescent="0.35">
      <c r="A4683" s="5" t="s">
        <v>10</v>
      </c>
      <c r="B4683" s="6">
        <v>233747</v>
      </c>
      <c r="C4683" s="6" t="s">
        <v>68</v>
      </c>
      <c r="D4683" s="6" t="s">
        <v>69</v>
      </c>
      <c r="E4683" s="6">
        <v>11001</v>
      </c>
      <c r="F4683" s="6" t="s">
        <v>18</v>
      </c>
      <c r="G4683" s="6" t="s">
        <v>9507</v>
      </c>
      <c r="H4683" s="6" t="s">
        <v>9508</v>
      </c>
      <c r="I4683" s="7">
        <v>4.6963400000000002</v>
      </c>
      <c r="J4683" s="8">
        <v>-74.031970000000001</v>
      </c>
    </row>
    <row r="4684" spans="1:10" x14ac:dyDescent="0.35">
      <c r="A4684" s="5" t="s">
        <v>10</v>
      </c>
      <c r="B4684" s="6">
        <v>225780</v>
      </c>
      <c r="C4684" s="6" t="s">
        <v>16</v>
      </c>
      <c r="D4684" s="6" t="s">
        <v>510</v>
      </c>
      <c r="E4684" s="6">
        <v>68547</v>
      </c>
      <c r="F4684" s="6" t="s">
        <v>18</v>
      </c>
      <c r="G4684" s="6" t="s">
        <v>9509</v>
      </c>
      <c r="H4684" s="6" t="s">
        <v>9510</v>
      </c>
      <c r="I4684" s="7">
        <v>6.9927164999999896</v>
      </c>
      <c r="J4684" s="8">
        <v>-73.054297599999998</v>
      </c>
    </row>
    <row r="4685" spans="1:10" x14ac:dyDescent="0.35">
      <c r="A4685" s="5" t="s">
        <v>10</v>
      </c>
      <c r="B4685" s="6">
        <v>143325</v>
      </c>
      <c r="C4685" s="6" t="s">
        <v>294</v>
      </c>
      <c r="D4685" s="6" t="s">
        <v>703</v>
      </c>
      <c r="E4685" s="6">
        <v>41001</v>
      </c>
      <c r="F4685" s="6" t="s">
        <v>18</v>
      </c>
      <c r="G4685" s="6" t="s">
        <v>9511</v>
      </c>
      <c r="H4685" s="6" t="s">
        <v>9512</v>
      </c>
      <c r="I4685" s="7">
        <v>2.9473576000000001</v>
      </c>
      <c r="J4685" s="8">
        <v>-75.291141199999998</v>
      </c>
    </row>
    <row r="4686" spans="1:10" x14ac:dyDescent="0.35">
      <c r="A4686" s="5" t="s">
        <v>10</v>
      </c>
      <c r="B4686" s="6">
        <v>201756</v>
      </c>
      <c r="C4686" s="6" t="s">
        <v>68</v>
      </c>
      <c r="D4686" s="6" t="s">
        <v>69</v>
      </c>
      <c r="E4686" s="6">
        <v>11001</v>
      </c>
      <c r="F4686" s="6" t="s">
        <v>18</v>
      </c>
      <c r="G4686" s="6" t="s">
        <v>9513</v>
      </c>
      <c r="H4686" s="6" t="s">
        <v>9514</v>
      </c>
      <c r="I4686" s="7">
        <v>4.5620216999999998</v>
      </c>
      <c r="J4686" s="8">
        <v>-74.098407999999907</v>
      </c>
    </row>
    <row r="4687" spans="1:10" x14ac:dyDescent="0.35">
      <c r="A4687" s="5" t="s">
        <v>10</v>
      </c>
      <c r="B4687" s="6">
        <v>236825</v>
      </c>
      <c r="C4687" s="6" t="s">
        <v>68</v>
      </c>
      <c r="D4687" s="6" t="s">
        <v>69</v>
      </c>
      <c r="E4687" s="6">
        <v>11001</v>
      </c>
      <c r="F4687" s="6" t="s">
        <v>18</v>
      </c>
      <c r="G4687" s="6" t="s">
        <v>9515</v>
      </c>
      <c r="H4687" s="6" t="s">
        <v>9516</v>
      </c>
      <c r="I4687" s="7">
        <v>4.6421792000000002</v>
      </c>
      <c r="J4687" s="8">
        <v>-74.166375799999997</v>
      </c>
    </row>
    <row r="4688" spans="1:10" x14ac:dyDescent="0.35">
      <c r="A4688" s="5" t="s">
        <v>10</v>
      </c>
      <c r="B4688" s="6">
        <v>149993</v>
      </c>
      <c r="C4688" s="6" t="s">
        <v>11</v>
      </c>
      <c r="D4688" s="6" t="s">
        <v>337</v>
      </c>
      <c r="E4688" s="6">
        <v>25290</v>
      </c>
      <c r="F4688" s="6" t="s">
        <v>18</v>
      </c>
      <c r="G4688" s="6" t="s">
        <v>9517</v>
      </c>
      <c r="H4688" s="6" t="s">
        <v>9518</v>
      </c>
      <c r="I4688" s="7">
        <v>4.3329342999999998</v>
      </c>
      <c r="J4688" s="8">
        <v>-74.370027699999994</v>
      </c>
    </row>
    <row r="4689" spans="1:10" x14ac:dyDescent="0.35">
      <c r="A4689" s="5" t="s">
        <v>10</v>
      </c>
      <c r="B4689" s="6">
        <v>239742</v>
      </c>
      <c r="C4689" s="6" t="s">
        <v>2821</v>
      </c>
      <c r="D4689" s="6" t="s">
        <v>2822</v>
      </c>
      <c r="E4689" s="6">
        <v>47001</v>
      </c>
      <c r="F4689" s="6" t="s">
        <v>18</v>
      </c>
      <c r="G4689" s="6" t="s">
        <v>9519</v>
      </c>
      <c r="H4689" s="6" t="s">
        <v>9520</v>
      </c>
      <c r="I4689" s="7">
        <v>11.2485084</v>
      </c>
      <c r="J4689" s="8">
        <v>-74.1709721</v>
      </c>
    </row>
    <row r="4690" spans="1:10" x14ac:dyDescent="0.35">
      <c r="A4690" s="5" t="s">
        <v>10</v>
      </c>
      <c r="B4690" s="6">
        <v>211338</v>
      </c>
      <c r="C4690" s="6" t="s">
        <v>16</v>
      </c>
      <c r="D4690" s="6" t="s">
        <v>2825</v>
      </c>
      <c r="E4690" s="6">
        <v>68276</v>
      </c>
      <c r="F4690" s="6" t="s">
        <v>18</v>
      </c>
      <c r="G4690" s="6" t="s">
        <v>9521</v>
      </c>
      <c r="H4690" s="6" t="s">
        <v>9522</v>
      </c>
      <c r="I4690" s="7">
        <v>7.0791757000000004</v>
      </c>
      <c r="J4690" s="8">
        <v>-73.085170099999999</v>
      </c>
    </row>
    <row r="4691" spans="1:10" x14ac:dyDescent="0.35">
      <c r="A4691" s="5" t="s">
        <v>10</v>
      </c>
      <c r="B4691" s="6">
        <v>192506</v>
      </c>
      <c r="C4691" s="6" t="s">
        <v>366</v>
      </c>
      <c r="D4691" s="6" t="s">
        <v>367</v>
      </c>
      <c r="E4691" s="6">
        <v>44430</v>
      </c>
      <c r="F4691" s="6" t="s">
        <v>13</v>
      </c>
      <c r="G4691" s="6" t="s">
        <v>9523</v>
      </c>
      <c r="H4691" s="6" t="s">
        <v>9524</v>
      </c>
      <c r="I4691" s="7">
        <v>11.1792122</v>
      </c>
      <c r="J4691" s="8">
        <v>-72.502826499999998</v>
      </c>
    </row>
    <row r="4692" spans="1:10" x14ac:dyDescent="0.35">
      <c r="A4692" s="5" t="s">
        <v>10</v>
      </c>
      <c r="B4692" s="6">
        <v>205710</v>
      </c>
      <c r="C4692" s="6" t="s">
        <v>278</v>
      </c>
      <c r="D4692" s="6" t="s">
        <v>1331</v>
      </c>
      <c r="E4692" s="6">
        <v>50006</v>
      </c>
      <c r="F4692" s="6" t="s">
        <v>18</v>
      </c>
      <c r="G4692" s="6" t="s">
        <v>9525</v>
      </c>
      <c r="H4692" s="6" t="s">
        <v>9526</v>
      </c>
      <c r="I4692" s="7">
        <v>3.9912017</v>
      </c>
      <c r="J4692" s="8">
        <v>-73.760001099999997</v>
      </c>
    </row>
    <row r="4693" spans="1:10" x14ac:dyDescent="0.35">
      <c r="A4693" s="5" t="s">
        <v>10</v>
      </c>
      <c r="B4693" s="6">
        <v>222076</v>
      </c>
      <c r="C4693" s="6" t="s">
        <v>68</v>
      </c>
      <c r="D4693" s="6" t="s">
        <v>69</v>
      </c>
      <c r="E4693" s="6">
        <v>11001</v>
      </c>
      <c r="F4693" s="6" t="s">
        <v>18</v>
      </c>
      <c r="G4693" s="6" t="s">
        <v>9527</v>
      </c>
      <c r="H4693" s="6" t="s">
        <v>9528</v>
      </c>
      <c r="I4693" s="7">
        <v>4.7103605000000002</v>
      </c>
      <c r="J4693" s="8">
        <v>-74.032177699999906</v>
      </c>
    </row>
    <row r="4694" spans="1:10" x14ac:dyDescent="0.35">
      <c r="A4694" s="5" t="s">
        <v>10</v>
      </c>
      <c r="B4694" s="6">
        <v>234339</v>
      </c>
      <c r="C4694" s="6" t="s">
        <v>68</v>
      </c>
      <c r="D4694" s="6" t="s">
        <v>69</v>
      </c>
      <c r="E4694" s="6">
        <v>11001</v>
      </c>
      <c r="F4694" s="6" t="s">
        <v>18</v>
      </c>
      <c r="G4694" s="6" t="s">
        <v>7675</v>
      </c>
      <c r="H4694" s="6" t="s">
        <v>9529</v>
      </c>
      <c r="I4694" s="7">
        <v>4.7427087999999999</v>
      </c>
      <c r="J4694" s="8">
        <v>-74.098651899999993</v>
      </c>
    </row>
    <row r="4695" spans="1:10" x14ac:dyDescent="0.35">
      <c r="A4695" s="5" t="s">
        <v>10</v>
      </c>
      <c r="B4695" s="6">
        <v>181486</v>
      </c>
      <c r="C4695" s="6" t="s">
        <v>308</v>
      </c>
      <c r="D4695" s="6" t="s">
        <v>7998</v>
      </c>
      <c r="E4695" s="6">
        <v>23855</v>
      </c>
      <c r="F4695" s="6" t="s">
        <v>18</v>
      </c>
      <c r="G4695" s="6" t="s">
        <v>9530</v>
      </c>
      <c r="H4695" s="6" t="s">
        <v>9531</v>
      </c>
      <c r="I4695" s="7">
        <v>8.2009387999999994</v>
      </c>
      <c r="J4695" s="8">
        <v>-76.2247366</v>
      </c>
    </row>
    <row r="4696" spans="1:10" x14ac:dyDescent="0.35">
      <c r="A4696" s="5" t="s">
        <v>10</v>
      </c>
      <c r="B4696" s="6">
        <v>200503</v>
      </c>
      <c r="C4696" s="6" t="s">
        <v>302</v>
      </c>
      <c r="D4696" s="6" t="s">
        <v>4041</v>
      </c>
      <c r="E4696" s="6">
        <v>8758</v>
      </c>
      <c r="F4696" s="6" t="s">
        <v>18</v>
      </c>
      <c r="G4696" s="6" t="s">
        <v>9532</v>
      </c>
      <c r="H4696" s="6" t="s">
        <v>9533</v>
      </c>
      <c r="I4696" s="7">
        <v>10.9267877</v>
      </c>
      <c r="J4696" s="8">
        <v>-74.769055100000003</v>
      </c>
    </row>
    <row r="4697" spans="1:10" x14ac:dyDescent="0.35">
      <c r="A4697" s="5" t="s">
        <v>10</v>
      </c>
      <c r="B4697" s="6">
        <v>239125</v>
      </c>
      <c r="C4697" s="6" t="s">
        <v>109</v>
      </c>
      <c r="D4697" s="6" t="s">
        <v>9534</v>
      </c>
      <c r="E4697" s="6">
        <v>13620</v>
      </c>
      <c r="F4697" s="6" t="s">
        <v>18</v>
      </c>
      <c r="G4697" s="6" t="s">
        <v>9535</v>
      </c>
      <c r="H4697" s="6" t="s">
        <v>9536</v>
      </c>
      <c r="I4697" s="7">
        <v>8.6704381999999995</v>
      </c>
      <c r="J4697" s="8">
        <v>-74.030012200000002</v>
      </c>
    </row>
    <row r="4698" spans="1:10" x14ac:dyDescent="0.35">
      <c r="A4698" s="5" t="s">
        <v>10</v>
      </c>
      <c r="B4698" s="6">
        <v>239850</v>
      </c>
      <c r="C4698" s="6" t="s">
        <v>2821</v>
      </c>
      <c r="D4698" s="6" t="s">
        <v>2822</v>
      </c>
      <c r="E4698" s="6">
        <v>47001</v>
      </c>
      <c r="F4698" s="6" t="s">
        <v>18</v>
      </c>
      <c r="G4698" s="6" t="s">
        <v>9537</v>
      </c>
      <c r="H4698" s="6" t="s">
        <v>9538</v>
      </c>
      <c r="I4698" s="7">
        <v>11.2222133</v>
      </c>
      <c r="J4698" s="8">
        <v>-74.1735051</v>
      </c>
    </row>
    <row r="4699" spans="1:10" x14ac:dyDescent="0.35">
      <c r="A4699" s="5" t="s">
        <v>10</v>
      </c>
      <c r="B4699" s="6">
        <v>204360</v>
      </c>
      <c r="C4699" s="6" t="s">
        <v>302</v>
      </c>
      <c r="D4699" s="6" t="s">
        <v>359</v>
      </c>
      <c r="E4699" s="6">
        <v>8001</v>
      </c>
      <c r="F4699" s="6" t="s">
        <v>18</v>
      </c>
      <c r="G4699" s="6" t="s">
        <v>9539</v>
      </c>
      <c r="H4699" s="6" t="s">
        <v>9540</v>
      </c>
      <c r="I4699" s="7">
        <v>10.9553227</v>
      </c>
      <c r="J4699" s="8">
        <v>-74.853991299999905</v>
      </c>
    </row>
    <row r="4700" spans="1:10" x14ac:dyDescent="0.35">
      <c r="A4700" s="5" t="s">
        <v>10</v>
      </c>
      <c r="B4700" s="6">
        <v>242944</v>
      </c>
      <c r="C4700" s="6" t="s">
        <v>16</v>
      </c>
      <c r="D4700" s="6" t="s">
        <v>846</v>
      </c>
      <c r="E4700" s="6">
        <v>68500</v>
      </c>
      <c r="F4700" s="6" t="s">
        <v>18</v>
      </c>
      <c r="G4700" s="6" t="s">
        <v>9541</v>
      </c>
      <c r="H4700" s="6" t="s">
        <v>9542</v>
      </c>
      <c r="I4700" s="7">
        <v>6.2652175999999997</v>
      </c>
      <c r="J4700" s="8">
        <v>-73.298139500000005</v>
      </c>
    </row>
    <row r="4701" spans="1:10" x14ac:dyDescent="0.35">
      <c r="A4701" s="5" t="s">
        <v>10</v>
      </c>
      <c r="B4701" s="6">
        <v>206678</v>
      </c>
      <c r="C4701" s="6" t="s">
        <v>68</v>
      </c>
      <c r="D4701" s="6" t="s">
        <v>69</v>
      </c>
      <c r="E4701" s="6">
        <v>11001</v>
      </c>
      <c r="F4701" s="6" t="s">
        <v>13</v>
      </c>
      <c r="G4701" s="6" t="s">
        <v>9543</v>
      </c>
      <c r="H4701" s="6" t="s">
        <v>9544</v>
      </c>
      <c r="I4701" s="7">
        <v>4.5651291000000001</v>
      </c>
      <c r="J4701" s="8">
        <v>-74.093166499999995</v>
      </c>
    </row>
    <row r="4702" spans="1:10" x14ac:dyDescent="0.35">
      <c r="A4702" s="5" t="s">
        <v>10</v>
      </c>
      <c r="B4702" s="6">
        <v>238000</v>
      </c>
      <c r="C4702" s="6" t="s">
        <v>68</v>
      </c>
      <c r="D4702" s="6" t="s">
        <v>69</v>
      </c>
      <c r="E4702" s="6">
        <v>11001</v>
      </c>
      <c r="F4702" s="6" t="s">
        <v>18</v>
      </c>
      <c r="G4702" s="6" t="s">
        <v>9545</v>
      </c>
      <c r="H4702" s="6" t="s">
        <v>9546</v>
      </c>
      <c r="I4702" s="7">
        <v>4.7380095999999998</v>
      </c>
      <c r="J4702" s="8">
        <v>-74.096429999999998</v>
      </c>
    </row>
    <row r="4703" spans="1:10" x14ac:dyDescent="0.35">
      <c r="A4703" s="5" t="s">
        <v>10</v>
      </c>
      <c r="B4703" s="6">
        <v>233732</v>
      </c>
      <c r="C4703" s="6" t="s">
        <v>551</v>
      </c>
      <c r="D4703" s="6" t="s">
        <v>3868</v>
      </c>
      <c r="E4703" s="6">
        <v>20001</v>
      </c>
      <c r="F4703" s="6" t="s">
        <v>18</v>
      </c>
      <c r="G4703" s="6" t="s">
        <v>9547</v>
      </c>
      <c r="H4703" s="6" t="s">
        <v>9548</v>
      </c>
      <c r="I4703" s="7">
        <v>10.4742</v>
      </c>
      <c r="J4703" s="8">
        <v>-73.243629999999996</v>
      </c>
    </row>
    <row r="4704" spans="1:10" x14ac:dyDescent="0.35">
      <c r="A4704" s="5" t="s">
        <v>10</v>
      </c>
      <c r="B4704" s="6">
        <v>234260</v>
      </c>
      <c r="C4704" s="6" t="s">
        <v>294</v>
      </c>
      <c r="D4704" s="6" t="s">
        <v>703</v>
      </c>
      <c r="E4704" s="6">
        <v>41001</v>
      </c>
      <c r="F4704" s="6" t="s">
        <v>18</v>
      </c>
      <c r="G4704" s="6" t="s">
        <v>9549</v>
      </c>
      <c r="H4704" s="6" t="s">
        <v>9550</v>
      </c>
      <c r="I4704" s="7">
        <v>2.9213037000000002</v>
      </c>
      <c r="J4704" s="8">
        <v>-75.270587000000006</v>
      </c>
    </row>
    <row r="4705" spans="1:10" x14ac:dyDescent="0.35">
      <c r="A4705" s="5" t="s">
        <v>10</v>
      </c>
      <c r="B4705" s="6">
        <v>215111</v>
      </c>
      <c r="C4705" s="6" t="s">
        <v>68</v>
      </c>
      <c r="D4705" s="6" t="s">
        <v>69</v>
      </c>
      <c r="E4705" s="6">
        <v>11001</v>
      </c>
      <c r="F4705" s="6" t="s">
        <v>18</v>
      </c>
      <c r="G4705" s="6" t="s">
        <v>5867</v>
      </c>
      <c r="H4705" s="6" t="s">
        <v>9551</v>
      </c>
      <c r="I4705" s="7">
        <v>4.6703175999999997</v>
      </c>
      <c r="J4705" s="8">
        <v>-74.150530699999905</v>
      </c>
    </row>
    <row r="4706" spans="1:10" x14ac:dyDescent="0.35">
      <c r="A4706" s="5" t="s">
        <v>10</v>
      </c>
      <c r="B4706" s="6">
        <v>159100</v>
      </c>
      <c r="C4706" s="6" t="s">
        <v>11</v>
      </c>
      <c r="D4706" s="6" t="s">
        <v>1193</v>
      </c>
      <c r="E4706" s="6">
        <v>25035</v>
      </c>
      <c r="F4706" s="6" t="s">
        <v>18</v>
      </c>
      <c r="G4706" s="6" t="s">
        <v>9552</v>
      </c>
      <c r="H4706" s="6" t="s">
        <v>9553</v>
      </c>
      <c r="I4706" s="7">
        <v>4.8073097999999996</v>
      </c>
      <c r="J4706" s="8">
        <v>-74.350673599999993</v>
      </c>
    </row>
    <row r="4707" spans="1:10" x14ac:dyDescent="0.35">
      <c r="A4707" s="5" t="s">
        <v>10</v>
      </c>
      <c r="B4707" s="6">
        <v>241403</v>
      </c>
      <c r="C4707" s="6" t="s">
        <v>366</v>
      </c>
      <c r="D4707" s="6" t="s">
        <v>8296</v>
      </c>
      <c r="E4707" s="6">
        <v>44001</v>
      </c>
      <c r="F4707" s="6" t="s">
        <v>18</v>
      </c>
      <c r="G4707" s="6" t="s">
        <v>9554</v>
      </c>
      <c r="H4707" s="6" t="s">
        <v>9555</v>
      </c>
      <c r="I4707" s="7">
        <v>11.177372</v>
      </c>
      <c r="J4707" s="8">
        <v>-72.843019400000003</v>
      </c>
    </row>
    <row r="4708" spans="1:10" x14ac:dyDescent="0.35">
      <c r="A4708" s="5" t="s">
        <v>10</v>
      </c>
      <c r="B4708" s="6">
        <v>182353</v>
      </c>
      <c r="C4708" s="6" t="s">
        <v>16</v>
      </c>
      <c r="D4708" s="6" t="s">
        <v>510</v>
      </c>
      <c r="E4708" s="6">
        <v>68547</v>
      </c>
      <c r="F4708" s="6" t="s">
        <v>18</v>
      </c>
      <c r="G4708" s="6" t="s">
        <v>9556</v>
      </c>
      <c r="H4708" s="6" t="s">
        <v>9557</v>
      </c>
      <c r="I4708" s="7">
        <v>6.9915390000000004</v>
      </c>
      <c r="J4708" s="8">
        <v>-73.053997999999893</v>
      </c>
    </row>
    <row r="4709" spans="1:10" x14ac:dyDescent="0.35">
      <c r="A4709" s="5" t="s">
        <v>10</v>
      </c>
      <c r="B4709" s="6">
        <v>247011</v>
      </c>
      <c r="C4709" s="6" t="s">
        <v>16</v>
      </c>
      <c r="D4709" s="6" t="s">
        <v>78</v>
      </c>
      <c r="E4709" s="6">
        <v>68001</v>
      </c>
      <c r="F4709" s="6" t="s">
        <v>18</v>
      </c>
      <c r="G4709" s="6" t="s">
        <v>9558</v>
      </c>
      <c r="H4709" s="6" t="s">
        <v>9559</v>
      </c>
      <c r="I4709" s="7">
        <v>7.0841908</v>
      </c>
      <c r="J4709" s="8">
        <v>-73.117053799999994</v>
      </c>
    </row>
    <row r="4710" spans="1:10" x14ac:dyDescent="0.35">
      <c r="A4710" s="5" t="s">
        <v>10</v>
      </c>
      <c r="B4710" s="6">
        <v>182595</v>
      </c>
      <c r="C4710" s="6" t="s">
        <v>16</v>
      </c>
      <c r="D4710" s="6" t="s">
        <v>510</v>
      </c>
      <c r="E4710" s="6">
        <v>68547</v>
      </c>
      <c r="F4710" s="6" t="s">
        <v>18</v>
      </c>
      <c r="G4710" s="6" t="s">
        <v>9560</v>
      </c>
      <c r="H4710" s="6" t="s">
        <v>9561</v>
      </c>
      <c r="I4710" s="7">
        <v>6.9961216000000004</v>
      </c>
      <c r="J4710" s="8">
        <v>-73.047629999999998</v>
      </c>
    </row>
    <row r="4711" spans="1:10" x14ac:dyDescent="0.35">
      <c r="A4711" s="5" t="s">
        <v>10</v>
      </c>
      <c r="B4711" s="6">
        <v>222778</v>
      </c>
      <c r="C4711" s="6" t="s">
        <v>42</v>
      </c>
      <c r="D4711" s="6" t="s">
        <v>1697</v>
      </c>
      <c r="E4711" s="6">
        <v>17433</v>
      </c>
      <c r="F4711" s="6" t="s">
        <v>18</v>
      </c>
      <c r="G4711" s="6" t="s">
        <v>9562</v>
      </c>
      <c r="H4711" s="6" t="s">
        <v>9563</v>
      </c>
      <c r="I4711" s="7">
        <v>5.25345</v>
      </c>
      <c r="J4711" s="8">
        <v>-75.155150000000006</v>
      </c>
    </row>
    <row r="4712" spans="1:10" x14ac:dyDescent="0.35">
      <c r="A4712" s="5" t="s">
        <v>10</v>
      </c>
      <c r="B4712" s="6">
        <v>154918</v>
      </c>
      <c r="C4712" s="6" t="s">
        <v>3788</v>
      </c>
      <c r="D4712" s="6" t="s">
        <v>8936</v>
      </c>
      <c r="E4712" s="6">
        <v>18256</v>
      </c>
      <c r="F4712" s="6" t="s">
        <v>18</v>
      </c>
      <c r="G4712" s="6" t="s">
        <v>9564</v>
      </c>
      <c r="H4712" s="6" t="s">
        <v>9565</v>
      </c>
      <c r="I4712" s="7">
        <v>1.5710820999999999</v>
      </c>
      <c r="J4712" s="8">
        <v>-75.326834899999994</v>
      </c>
    </row>
    <row r="4713" spans="1:10" x14ac:dyDescent="0.35">
      <c r="A4713" s="5" t="s">
        <v>10</v>
      </c>
      <c r="B4713" s="6">
        <v>234405</v>
      </c>
      <c r="C4713" s="6" t="s">
        <v>68</v>
      </c>
      <c r="D4713" s="6" t="s">
        <v>69</v>
      </c>
      <c r="E4713" s="6">
        <v>11001</v>
      </c>
      <c r="F4713" s="6" t="s">
        <v>13</v>
      </c>
      <c r="G4713" s="6" t="s">
        <v>9566</v>
      </c>
      <c r="H4713" s="6" t="s">
        <v>9567</v>
      </c>
      <c r="I4713" s="7">
        <v>4.5892419999999996</v>
      </c>
      <c r="J4713" s="8">
        <v>-74.162543900000003</v>
      </c>
    </row>
    <row r="4714" spans="1:10" x14ac:dyDescent="0.35">
      <c r="A4714" s="5" t="s">
        <v>10</v>
      </c>
      <c r="B4714" s="6">
        <v>234657</v>
      </c>
      <c r="C4714" s="6" t="s">
        <v>117</v>
      </c>
      <c r="D4714" s="6" t="s">
        <v>1334</v>
      </c>
      <c r="E4714" s="6">
        <v>76001</v>
      </c>
      <c r="F4714" s="6" t="s">
        <v>13</v>
      </c>
      <c r="G4714" s="6" t="s">
        <v>9568</v>
      </c>
      <c r="H4714" s="6" t="s">
        <v>9569</v>
      </c>
      <c r="I4714" s="7">
        <v>3.4535472999999999</v>
      </c>
      <c r="J4714" s="8">
        <v>-76.558836299999996</v>
      </c>
    </row>
    <row r="4715" spans="1:10" x14ac:dyDescent="0.35">
      <c r="A4715" s="5" t="s">
        <v>10</v>
      </c>
      <c r="B4715" s="6">
        <v>232604</v>
      </c>
      <c r="C4715" s="6" t="s">
        <v>294</v>
      </c>
      <c r="D4715" s="6" t="s">
        <v>703</v>
      </c>
      <c r="E4715" s="6">
        <v>41001</v>
      </c>
      <c r="F4715" s="6" t="s">
        <v>18</v>
      </c>
      <c r="G4715" s="6" t="s">
        <v>9570</v>
      </c>
      <c r="H4715" s="6" t="s">
        <v>9571</v>
      </c>
      <c r="I4715" s="7">
        <v>2.9510787999999999</v>
      </c>
      <c r="J4715" s="8">
        <v>-75.291128299999997</v>
      </c>
    </row>
    <row r="4716" spans="1:10" x14ac:dyDescent="0.35">
      <c r="A4716" s="5" t="s">
        <v>10</v>
      </c>
      <c r="B4716" s="6">
        <v>145769</v>
      </c>
      <c r="C4716" s="6" t="s">
        <v>294</v>
      </c>
      <c r="D4716" s="6" t="s">
        <v>4789</v>
      </c>
      <c r="E4716" s="6">
        <v>41548</v>
      </c>
      <c r="F4716" s="6" t="s">
        <v>18</v>
      </c>
      <c r="G4716" s="6" t="s">
        <v>9572</v>
      </c>
      <c r="H4716" s="6" t="s">
        <v>9573</v>
      </c>
      <c r="I4716" s="7">
        <v>2.2667329999999999</v>
      </c>
      <c r="J4716" s="8">
        <v>-75.803848000000002</v>
      </c>
    </row>
    <row r="4717" spans="1:10" x14ac:dyDescent="0.35">
      <c r="A4717" s="5" t="s">
        <v>10</v>
      </c>
      <c r="B4717" s="6">
        <v>234844</v>
      </c>
      <c r="C4717" s="6" t="s">
        <v>16</v>
      </c>
      <c r="D4717" s="6" t="s">
        <v>78</v>
      </c>
      <c r="E4717" s="6">
        <v>68001</v>
      </c>
      <c r="F4717" s="6" t="s">
        <v>18</v>
      </c>
      <c r="G4717" s="6" t="s">
        <v>9574</v>
      </c>
      <c r="H4717" s="6" t="s">
        <v>9575</v>
      </c>
      <c r="I4717" s="7">
        <v>7.0815026000000003</v>
      </c>
      <c r="J4717" s="8">
        <v>-73.114815199999995</v>
      </c>
    </row>
    <row r="4718" spans="1:10" x14ac:dyDescent="0.35">
      <c r="A4718" s="5" t="s">
        <v>10</v>
      </c>
      <c r="B4718" s="6">
        <v>182624</v>
      </c>
      <c r="C4718" s="6" t="s">
        <v>68</v>
      </c>
      <c r="D4718" s="6" t="s">
        <v>69</v>
      </c>
      <c r="E4718" s="6">
        <v>11001</v>
      </c>
      <c r="F4718" s="6" t="s">
        <v>18</v>
      </c>
      <c r="G4718" s="6" t="s">
        <v>9576</v>
      </c>
      <c r="H4718" s="6" t="s">
        <v>9577</v>
      </c>
      <c r="I4718" s="7">
        <v>4.6842348999999999</v>
      </c>
      <c r="J4718" s="8">
        <v>-74.091120799999999</v>
      </c>
    </row>
    <row r="4719" spans="1:10" x14ac:dyDescent="0.35">
      <c r="A4719" s="5" t="s">
        <v>10</v>
      </c>
      <c r="B4719" s="6">
        <v>235894</v>
      </c>
      <c r="C4719" s="6" t="s">
        <v>16</v>
      </c>
      <c r="D4719" s="6" t="s">
        <v>254</v>
      </c>
      <c r="E4719" s="6">
        <v>68079</v>
      </c>
      <c r="F4719" s="6" t="s">
        <v>18</v>
      </c>
      <c r="G4719" s="6" t="s">
        <v>9578</v>
      </c>
      <c r="H4719" s="6" t="s">
        <v>9579</v>
      </c>
      <c r="I4719" s="7">
        <v>6.6353951000000002</v>
      </c>
      <c r="J4719" s="8">
        <v>-73.2229399</v>
      </c>
    </row>
    <row r="4720" spans="1:10" x14ac:dyDescent="0.35">
      <c r="A4720" s="5" t="s">
        <v>10</v>
      </c>
      <c r="B4720" s="6">
        <v>240242</v>
      </c>
      <c r="C4720" s="6" t="s">
        <v>3788</v>
      </c>
      <c r="D4720" s="6" t="s">
        <v>3974</v>
      </c>
      <c r="E4720" s="6">
        <v>18001</v>
      </c>
      <c r="F4720" s="6" t="s">
        <v>18</v>
      </c>
      <c r="G4720" s="6" t="s">
        <v>9580</v>
      </c>
      <c r="H4720" s="6" t="s">
        <v>9581</v>
      </c>
      <c r="I4720" s="7">
        <v>1.6097973000000001</v>
      </c>
      <c r="J4720" s="8">
        <v>-75.610519600000003</v>
      </c>
    </row>
    <row r="4721" spans="1:10" x14ac:dyDescent="0.35">
      <c r="A4721" s="5" t="s">
        <v>10</v>
      </c>
      <c r="B4721" s="6">
        <v>234408</v>
      </c>
      <c r="C4721" s="6" t="s">
        <v>68</v>
      </c>
      <c r="D4721" s="6" t="s">
        <v>69</v>
      </c>
      <c r="E4721" s="6">
        <v>11001</v>
      </c>
      <c r="F4721" s="6" t="s">
        <v>13</v>
      </c>
      <c r="G4721" s="6" t="s">
        <v>9582</v>
      </c>
      <c r="H4721" s="6" t="s">
        <v>9583</v>
      </c>
      <c r="I4721" s="7">
        <v>4.6855615999999998</v>
      </c>
      <c r="J4721" s="8">
        <v>-74.099563799999999</v>
      </c>
    </row>
    <row r="4722" spans="1:10" x14ac:dyDescent="0.35">
      <c r="A4722" s="5" t="s">
        <v>10</v>
      </c>
      <c r="B4722" s="6">
        <v>227828</v>
      </c>
      <c r="C4722" s="6" t="s">
        <v>68</v>
      </c>
      <c r="D4722" s="6" t="s">
        <v>69</v>
      </c>
      <c r="E4722" s="6">
        <v>11001</v>
      </c>
      <c r="F4722" s="6" t="s">
        <v>18</v>
      </c>
      <c r="G4722" s="6" t="s">
        <v>9584</v>
      </c>
      <c r="H4722" s="6" t="s">
        <v>9585</v>
      </c>
      <c r="I4722" s="7">
        <v>4.6711201999999998</v>
      </c>
      <c r="J4722" s="8">
        <v>-74.149046299999995</v>
      </c>
    </row>
    <row r="4723" spans="1:10" x14ac:dyDescent="0.35">
      <c r="A4723" s="5" t="s">
        <v>10</v>
      </c>
      <c r="B4723" s="6">
        <v>136885</v>
      </c>
      <c r="C4723" s="6" t="s">
        <v>11</v>
      </c>
      <c r="D4723" s="6" t="s">
        <v>337</v>
      </c>
      <c r="E4723" s="6">
        <v>25290</v>
      </c>
      <c r="F4723" s="6" t="s">
        <v>18</v>
      </c>
      <c r="G4723" s="6" t="s">
        <v>9586</v>
      </c>
      <c r="H4723" s="6" t="s">
        <v>9587</v>
      </c>
      <c r="I4723" s="7">
        <v>4.3465182999999996</v>
      </c>
      <c r="J4723" s="8">
        <v>-74.366131499999995</v>
      </c>
    </row>
    <row r="4724" spans="1:10" x14ac:dyDescent="0.35">
      <c r="A4724" s="5" t="s">
        <v>10</v>
      </c>
      <c r="B4724" s="6">
        <v>170988</v>
      </c>
      <c r="C4724" s="6" t="s">
        <v>11</v>
      </c>
      <c r="D4724" s="6" t="s">
        <v>12</v>
      </c>
      <c r="E4724" s="6">
        <v>25899</v>
      </c>
      <c r="F4724" s="6" t="s">
        <v>18</v>
      </c>
      <c r="G4724" s="6" t="s">
        <v>9588</v>
      </c>
      <c r="H4724" s="6" t="s">
        <v>9589</v>
      </c>
      <c r="I4724" s="7">
        <v>5.0229184</v>
      </c>
      <c r="J4724" s="8">
        <v>-73.981647999999893</v>
      </c>
    </row>
    <row r="4725" spans="1:10" x14ac:dyDescent="0.35">
      <c r="A4725" s="5" t="s">
        <v>10</v>
      </c>
      <c r="B4725" s="6">
        <v>201050</v>
      </c>
      <c r="C4725" s="6" t="s">
        <v>302</v>
      </c>
      <c r="D4725" s="6" t="s">
        <v>4041</v>
      </c>
      <c r="E4725" s="6">
        <v>8758</v>
      </c>
      <c r="F4725" s="6" t="s">
        <v>18</v>
      </c>
      <c r="G4725" s="6" t="s">
        <v>9590</v>
      </c>
      <c r="H4725" s="6" t="s">
        <v>9591</v>
      </c>
      <c r="I4725" s="7">
        <v>10.9103604</v>
      </c>
      <c r="J4725" s="8">
        <v>-74.810798499999905</v>
      </c>
    </row>
    <row r="4726" spans="1:10" x14ac:dyDescent="0.35">
      <c r="A4726" s="5" t="s">
        <v>10</v>
      </c>
      <c r="B4726" s="6">
        <v>241306</v>
      </c>
      <c r="C4726" s="6" t="s">
        <v>302</v>
      </c>
      <c r="D4726" s="6" t="s">
        <v>359</v>
      </c>
      <c r="E4726" s="6">
        <v>8001</v>
      </c>
      <c r="F4726" s="6" t="s">
        <v>18</v>
      </c>
      <c r="G4726" s="6" t="s">
        <v>9592</v>
      </c>
      <c r="H4726" s="6" t="s">
        <v>9593</v>
      </c>
      <c r="I4726" s="7">
        <v>10.953075</v>
      </c>
      <c r="J4726" s="8">
        <v>-74.778727000000003</v>
      </c>
    </row>
    <row r="4727" spans="1:10" x14ac:dyDescent="0.35">
      <c r="A4727" s="5" t="s">
        <v>10</v>
      </c>
      <c r="B4727" s="6">
        <v>241541</v>
      </c>
      <c r="C4727" s="6" t="s">
        <v>302</v>
      </c>
      <c r="D4727" s="6" t="s">
        <v>359</v>
      </c>
      <c r="E4727" s="6">
        <v>8001</v>
      </c>
      <c r="F4727" s="6" t="s">
        <v>18</v>
      </c>
      <c r="G4727" s="6" t="s">
        <v>9594</v>
      </c>
      <c r="H4727" s="6" t="s">
        <v>9595</v>
      </c>
      <c r="I4727" s="7">
        <v>11.0042388</v>
      </c>
      <c r="J4727" s="8">
        <v>-74.787097900000006</v>
      </c>
    </row>
    <row r="4728" spans="1:10" x14ac:dyDescent="0.35">
      <c r="A4728" s="5" t="s">
        <v>10</v>
      </c>
      <c r="B4728" s="6">
        <v>238900</v>
      </c>
      <c r="C4728" s="6" t="s">
        <v>16</v>
      </c>
      <c r="D4728" s="6" t="s">
        <v>510</v>
      </c>
      <c r="E4728" s="6">
        <v>68547</v>
      </c>
      <c r="F4728" s="6" t="s">
        <v>18</v>
      </c>
      <c r="G4728" s="6" t="s">
        <v>9596</v>
      </c>
      <c r="H4728" s="6" t="s">
        <v>9597</v>
      </c>
      <c r="I4728" s="7">
        <v>6.9915390000000004</v>
      </c>
      <c r="J4728" s="8">
        <v>-73.053998000000007</v>
      </c>
    </row>
    <row r="4729" spans="1:10" x14ac:dyDescent="0.35">
      <c r="A4729" s="5" t="s">
        <v>10</v>
      </c>
      <c r="B4729" s="6">
        <v>199083</v>
      </c>
      <c r="C4729" s="6" t="s">
        <v>16</v>
      </c>
      <c r="D4729" s="6" t="s">
        <v>1266</v>
      </c>
      <c r="E4729" s="6">
        <v>68081</v>
      </c>
      <c r="F4729" s="6" t="s">
        <v>18</v>
      </c>
      <c r="G4729" s="6" t="s">
        <v>9598</v>
      </c>
      <c r="H4729" s="6" t="s">
        <v>9599</v>
      </c>
      <c r="I4729" s="7">
        <v>6.93452</v>
      </c>
      <c r="J4729" s="8">
        <v>-73.751069999999999</v>
      </c>
    </row>
    <row r="4730" spans="1:10" x14ac:dyDescent="0.35">
      <c r="A4730" s="5" t="s">
        <v>10</v>
      </c>
      <c r="B4730" s="6">
        <v>223320</v>
      </c>
      <c r="C4730" s="6" t="s">
        <v>68</v>
      </c>
      <c r="D4730" s="6" t="s">
        <v>69</v>
      </c>
      <c r="E4730" s="6">
        <v>11001</v>
      </c>
      <c r="F4730" s="6" t="s">
        <v>13</v>
      </c>
      <c r="G4730" s="6" t="s">
        <v>9600</v>
      </c>
      <c r="H4730" s="6" t="s">
        <v>9601</v>
      </c>
      <c r="I4730" s="7">
        <v>4.5890636999999996</v>
      </c>
      <c r="J4730" s="8">
        <v>-74.173710299999996</v>
      </c>
    </row>
    <row r="4731" spans="1:10" x14ac:dyDescent="0.35">
      <c r="A4731" s="5" t="s">
        <v>10</v>
      </c>
      <c r="B4731" s="6">
        <v>217206</v>
      </c>
      <c r="C4731" s="6" t="s">
        <v>551</v>
      </c>
      <c r="D4731" s="6" t="s">
        <v>1529</v>
      </c>
      <c r="E4731" s="6">
        <v>20400</v>
      </c>
      <c r="F4731" s="6" t="s">
        <v>18</v>
      </c>
      <c r="G4731" s="6" t="s">
        <v>9602</v>
      </c>
      <c r="H4731" s="6" t="s">
        <v>9603</v>
      </c>
      <c r="I4731" s="7">
        <v>9.5655995999999899</v>
      </c>
      <c r="J4731" s="8">
        <v>-73.341717000000003</v>
      </c>
    </row>
    <row r="4732" spans="1:10" x14ac:dyDescent="0.35">
      <c r="A4732" s="5" t="s">
        <v>10</v>
      </c>
      <c r="B4732" s="6">
        <v>232922</v>
      </c>
      <c r="C4732" s="6" t="s">
        <v>11</v>
      </c>
      <c r="D4732" s="6" t="s">
        <v>106</v>
      </c>
      <c r="E4732" s="6">
        <v>25843</v>
      </c>
      <c r="F4732" s="6" t="s">
        <v>18</v>
      </c>
      <c r="G4732" s="6" t="s">
        <v>9604</v>
      </c>
      <c r="H4732" s="6" t="s">
        <v>9605</v>
      </c>
      <c r="I4732" s="7">
        <v>5.3120200000000004</v>
      </c>
      <c r="J4732" s="8">
        <v>-73.818219999999997</v>
      </c>
    </row>
    <row r="4733" spans="1:10" x14ac:dyDescent="0.35">
      <c r="A4733" s="5" t="s">
        <v>10</v>
      </c>
      <c r="B4733" s="6">
        <v>233906</v>
      </c>
      <c r="C4733" s="6" t="s">
        <v>68</v>
      </c>
      <c r="D4733" s="6" t="s">
        <v>69</v>
      </c>
      <c r="E4733" s="6">
        <v>11001</v>
      </c>
      <c r="F4733" s="6" t="s">
        <v>18</v>
      </c>
      <c r="G4733" s="6" t="s">
        <v>9606</v>
      </c>
      <c r="H4733" s="6" t="s">
        <v>9607</v>
      </c>
      <c r="I4733" s="7">
        <v>4.6254660999999997</v>
      </c>
      <c r="J4733" s="8">
        <v>-74.192176500000002</v>
      </c>
    </row>
    <row r="4734" spans="1:10" x14ac:dyDescent="0.35">
      <c r="A4734" s="5" t="s">
        <v>10</v>
      </c>
      <c r="B4734" s="6">
        <v>186026</v>
      </c>
      <c r="C4734" s="6" t="s">
        <v>68</v>
      </c>
      <c r="D4734" s="6" t="s">
        <v>69</v>
      </c>
      <c r="E4734" s="6">
        <v>11001</v>
      </c>
      <c r="F4734" s="6" t="s">
        <v>18</v>
      </c>
      <c r="G4734" s="6" t="s">
        <v>9608</v>
      </c>
      <c r="H4734" s="6" t="s">
        <v>9609</v>
      </c>
      <c r="I4734" s="7">
        <v>4.6377204000000001</v>
      </c>
      <c r="J4734" s="8">
        <v>-74.191701199999997</v>
      </c>
    </row>
    <row r="4735" spans="1:10" x14ac:dyDescent="0.35">
      <c r="A4735" s="5" t="s">
        <v>10</v>
      </c>
      <c r="B4735" s="6">
        <v>187523</v>
      </c>
      <c r="C4735" s="6" t="s">
        <v>68</v>
      </c>
      <c r="D4735" s="6" t="s">
        <v>69</v>
      </c>
      <c r="E4735" s="6">
        <v>11001</v>
      </c>
      <c r="F4735" s="6" t="s">
        <v>18</v>
      </c>
      <c r="G4735" s="6" t="s">
        <v>9610</v>
      </c>
      <c r="H4735" s="6" t="s">
        <v>9611</v>
      </c>
      <c r="I4735" s="7">
        <v>4.6123164999999897</v>
      </c>
      <c r="J4735" s="8">
        <v>-74.211793900000004</v>
      </c>
    </row>
    <row r="4736" spans="1:10" x14ac:dyDescent="0.35">
      <c r="A4736" s="5" t="s">
        <v>10</v>
      </c>
      <c r="B4736" s="6">
        <v>212623</v>
      </c>
      <c r="C4736" s="6" t="s">
        <v>68</v>
      </c>
      <c r="D4736" s="6" t="s">
        <v>69</v>
      </c>
      <c r="E4736" s="6">
        <v>11001</v>
      </c>
      <c r="F4736" s="6" t="s">
        <v>18</v>
      </c>
      <c r="G4736" s="6" t="s">
        <v>9612</v>
      </c>
      <c r="H4736" s="6" t="s">
        <v>9613</v>
      </c>
      <c r="I4736" s="7">
        <v>4.6983253999999999</v>
      </c>
      <c r="J4736" s="8">
        <v>-74.098052299999907</v>
      </c>
    </row>
    <row r="4737" spans="1:10" x14ac:dyDescent="0.35">
      <c r="A4737" s="5" t="s">
        <v>10</v>
      </c>
      <c r="B4737" s="6">
        <v>206043</v>
      </c>
      <c r="C4737" s="6" t="s">
        <v>302</v>
      </c>
      <c r="D4737" s="6" t="s">
        <v>7833</v>
      </c>
      <c r="E4737" s="6">
        <v>8685</v>
      </c>
      <c r="F4737" s="6" t="s">
        <v>18</v>
      </c>
      <c r="G4737" s="6" t="s">
        <v>9614</v>
      </c>
      <c r="H4737" s="6" t="s">
        <v>9615</v>
      </c>
      <c r="I4737" s="7">
        <v>10.763286000000001</v>
      </c>
      <c r="J4737" s="8">
        <v>-74.756498999999906</v>
      </c>
    </row>
    <row r="4738" spans="1:10" x14ac:dyDescent="0.35">
      <c r="A4738" s="5" t="s">
        <v>10</v>
      </c>
      <c r="B4738" s="6">
        <v>174898</v>
      </c>
      <c r="C4738" s="6" t="s">
        <v>302</v>
      </c>
      <c r="D4738" s="6" t="s">
        <v>359</v>
      </c>
      <c r="E4738" s="6">
        <v>8001</v>
      </c>
      <c r="F4738" s="6" t="s">
        <v>18</v>
      </c>
      <c r="G4738" s="6" t="s">
        <v>9616</v>
      </c>
      <c r="H4738" s="6" t="s">
        <v>9617</v>
      </c>
      <c r="I4738" s="7">
        <v>10.9501287</v>
      </c>
      <c r="J4738" s="8">
        <v>-74.785758099999995</v>
      </c>
    </row>
    <row r="4739" spans="1:10" x14ac:dyDescent="0.35">
      <c r="A4739" s="5" t="s">
        <v>10</v>
      </c>
      <c r="B4739" s="6">
        <v>241392</v>
      </c>
      <c r="C4739" s="6" t="s">
        <v>2821</v>
      </c>
      <c r="D4739" s="6" t="s">
        <v>8602</v>
      </c>
      <c r="E4739" s="6">
        <v>47980</v>
      </c>
      <c r="F4739" s="6" t="s">
        <v>18</v>
      </c>
      <c r="G4739" s="6" t="s">
        <v>9618</v>
      </c>
      <c r="H4739" s="6" t="s">
        <v>9619</v>
      </c>
      <c r="I4739" s="7">
        <v>10.792244699999999</v>
      </c>
      <c r="J4739" s="8">
        <v>-74.170970199999999</v>
      </c>
    </row>
    <row r="4740" spans="1:10" x14ac:dyDescent="0.35">
      <c r="A4740" s="5" t="s">
        <v>10</v>
      </c>
      <c r="B4740" s="6">
        <v>186538</v>
      </c>
      <c r="C4740" s="6" t="s">
        <v>16</v>
      </c>
      <c r="D4740" s="6" t="s">
        <v>1401</v>
      </c>
      <c r="E4740" s="6">
        <v>68307</v>
      </c>
      <c r="F4740" s="6" t="s">
        <v>18</v>
      </c>
      <c r="G4740" s="6" t="s">
        <v>9620</v>
      </c>
      <c r="H4740" s="6" t="s">
        <v>9621</v>
      </c>
      <c r="I4740" s="7">
        <v>7.0877013999999896</v>
      </c>
      <c r="J4740" s="8">
        <v>-73.166665399999999</v>
      </c>
    </row>
    <row r="4741" spans="1:10" x14ac:dyDescent="0.35">
      <c r="A4741" s="5" t="s">
        <v>10</v>
      </c>
      <c r="B4741" s="6">
        <v>166350</v>
      </c>
      <c r="C4741" s="6" t="s">
        <v>3788</v>
      </c>
      <c r="D4741" s="6" t="s">
        <v>3974</v>
      </c>
      <c r="E4741" s="6">
        <v>18001</v>
      </c>
      <c r="F4741" s="6" t="s">
        <v>18</v>
      </c>
      <c r="G4741" s="6" t="s">
        <v>9622</v>
      </c>
      <c r="H4741" s="6" t="s">
        <v>9623</v>
      </c>
      <c r="I4741" s="7">
        <v>1.5955345000000001</v>
      </c>
      <c r="J4741" s="8">
        <v>-75.582853099999994</v>
      </c>
    </row>
    <row r="4742" spans="1:10" x14ac:dyDescent="0.35">
      <c r="A4742" s="5" t="s">
        <v>10</v>
      </c>
      <c r="B4742" s="6">
        <v>238333</v>
      </c>
      <c r="C4742" s="6" t="s">
        <v>117</v>
      </c>
      <c r="D4742" s="6" t="s">
        <v>1334</v>
      </c>
      <c r="E4742" s="6">
        <v>76001</v>
      </c>
      <c r="F4742" s="6" t="s">
        <v>18</v>
      </c>
      <c r="G4742" s="6" t="s">
        <v>9624</v>
      </c>
      <c r="H4742" s="6" t="s">
        <v>9625</v>
      </c>
      <c r="I4742" s="7">
        <v>4.569083</v>
      </c>
      <c r="J4742" s="8">
        <v>-74.149886699999996</v>
      </c>
    </row>
    <row r="4743" spans="1:10" x14ac:dyDescent="0.35">
      <c r="A4743" s="5" t="s">
        <v>10</v>
      </c>
      <c r="B4743" s="6">
        <v>234201</v>
      </c>
      <c r="C4743" s="6" t="s">
        <v>117</v>
      </c>
      <c r="D4743" s="6" t="s">
        <v>1334</v>
      </c>
      <c r="E4743" s="6">
        <v>76001</v>
      </c>
      <c r="F4743" s="6" t="s">
        <v>13</v>
      </c>
      <c r="G4743" s="6" t="s">
        <v>9626</v>
      </c>
      <c r="H4743" s="6" t="s">
        <v>9627</v>
      </c>
      <c r="I4743" s="7">
        <v>3.3916840000000001</v>
      </c>
      <c r="J4743" s="8">
        <v>-76.548853500000007</v>
      </c>
    </row>
    <row r="4744" spans="1:10" x14ac:dyDescent="0.35">
      <c r="A4744" s="5" t="s">
        <v>10</v>
      </c>
      <c r="B4744" s="6">
        <v>236133</v>
      </c>
      <c r="C4744" s="6" t="s">
        <v>68</v>
      </c>
      <c r="D4744" s="6" t="s">
        <v>69</v>
      </c>
      <c r="E4744" s="6">
        <v>11001</v>
      </c>
      <c r="F4744" s="6" t="s">
        <v>18</v>
      </c>
      <c r="G4744" s="6" t="s">
        <v>9628</v>
      </c>
      <c r="H4744" s="6" t="s">
        <v>9629</v>
      </c>
      <c r="I4744" s="7">
        <v>4.7085743999999998</v>
      </c>
      <c r="J4744" s="8">
        <v>-74.102702899999997</v>
      </c>
    </row>
    <row r="4745" spans="1:10" x14ac:dyDescent="0.35">
      <c r="A4745" s="5" t="s">
        <v>10</v>
      </c>
      <c r="B4745" s="6">
        <v>237505</v>
      </c>
      <c r="C4745" s="6" t="s">
        <v>16</v>
      </c>
      <c r="D4745" s="6" t="s">
        <v>78</v>
      </c>
      <c r="E4745" s="6">
        <v>68001</v>
      </c>
      <c r="F4745" s="6" t="s">
        <v>18</v>
      </c>
      <c r="G4745" s="6" t="s">
        <v>9630</v>
      </c>
      <c r="H4745" s="6" t="s">
        <v>9631</v>
      </c>
      <c r="I4745" s="7">
        <v>7.0939117999999999</v>
      </c>
      <c r="J4745" s="8">
        <v>-73.129463900000005</v>
      </c>
    </row>
    <row r="4746" spans="1:10" x14ac:dyDescent="0.35">
      <c r="A4746" s="5" t="s">
        <v>10</v>
      </c>
      <c r="B4746" s="6">
        <v>237025</v>
      </c>
      <c r="C4746" s="6" t="s">
        <v>294</v>
      </c>
      <c r="D4746" s="6" t="s">
        <v>703</v>
      </c>
      <c r="E4746" s="6">
        <v>41001</v>
      </c>
      <c r="F4746" s="6" t="s">
        <v>18</v>
      </c>
      <c r="G4746" s="6" t="s">
        <v>9632</v>
      </c>
      <c r="H4746" s="6" t="s">
        <v>9633</v>
      </c>
      <c r="I4746" s="7">
        <v>2.9344836999999999</v>
      </c>
      <c r="J4746" s="8">
        <v>-75.280900099999997</v>
      </c>
    </row>
    <row r="4747" spans="1:10" x14ac:dyDescent="0.35">
      <c r="A4747" s="5" t="s">
        <v>10</v>
      </c>
      <c r="B4747" s="6">
        <v>187023</v>
      </c>
      <c r="C4747" s="6" t="s">
        <v>68</v>
      </c>
      <c r="D4747" s="6" t="s">
        <v>69</v>
      </c>
      <c r="E4747" s="6">
        <v>11001</v>
      </c>
      <c r="F4747" s="6" t="s">
        <v>18</v>
      </c>
      <c r="G4747" s="6" t="s">
        <v>9634</v>
      </c>
      <c r="H4747" s="6" t="s">
        <v>9635</v>
      </c>
      <c r="I4747" s="7">
        <v>4.6378424999999996</v>
      </c>
      <c r="J4747" s="8">
        <v>-74.121438499999996</v>
      </c>
    </row>
    <row r="4748" spans="1:10" x14ac:dyDescent="0.35">
      <c r="A4748" s="5" t="s">
        <v>10</v>
      </c>
      <c r="B4748" s="6">
        <v>209461</v>
      </c>
      <c r="C4748" s="6" t="s">
        <v>11</v>
      </c>
      <c r="D4748" s="6" t="s">
        <v>3054</v>
      </c>
      <c r="E4748" s="6">
        <v>25269</v>
      </c>
      <c r="F4748" s="6" t="s">
        <v>18</v>
      </c>
      <c r="G4748" s="6" t="s">
        <v>9636</v>
      </c>
      <c r="H4748" s="6" t="s">
        <v>9637</v>
      </c>
      <c r="I4748" s="7">
        <v>4.8038841999999997</v>
      </c>
      <c r="J4748" s="8">
        <v>-74.347020000000001</v>
      </c>
    </row>
    <row r="4749" spans="1:10" x14ac:dyDescent="0.35">
      <c r="A4749" s="5" t="s">
        <v>10</v>
      </c>
      <c r="B4749" s="6">
        <v>187358</v>
      </c>
      <c r="C4749" s="6" t="s">
        <v>11</v>
      </c>
      <c r="D4749" s="6" t="s">
        <v>334</v>
      </c>
      <c r="E4749" s="6">
        <v>25754</v>
      </c>
      <c r="F4749" s="6" t="s">
        <v>18</v>
      </c>
      <c r="G4749" s="6" t="s">
        <v>9638</v>
      </c>
      <c r="H4749" s="6" t="s">
        <v>9639</v>
      </c>
      <c r="I4749" s="7">
        <v>4.6071317000000001</v>
      </c>
      <c r="J4749" s="8">
        <v>-74.219170700000006</v>
      </c>
    </row>
    <row r="4750" spans="1:10" x14ac:dyDescent="0.35">
      <c r="A4750" s="5" t="s">
        <v>10</v>
      </c>
      <c r="B4750" s="6">
        <v>225484</v>
      </c>
      <c r="C4750" s="6" t="s">
        <v>68</v>
      </c>
      <c r="D4750" s="6" t="s">
        <v>69</v>
      </c>
      <c r="E4750" s="6">
        <v>11001</v>
      </c>
      <c r="F4750" s="6" t="s">
        <v>18</v>
      </c>
      <c r="G4750" s="6" t="s">
        <v>9640</v>
      </c>
      <c r="H4750" s="6" t="s">
        <v>9641</v>
      </c>
      <c r="I4750" s="7">
        <v>4.6927306</v>
      </c>
      <c r="J4750" s="8">
        <v>-74.111024200000003</v>
      </c>
    </row>
    <row r="4751" spans="1:10" x14ac:dyDescent="0.35">
      <c r="A4751" s="5" t="s">
        <v>10</v>
      </c>
      <c r="B4751" s="6">
        <v>228638</v>
      </c>
      <c r="C4751" s="6" t="s">
        <v>4364</v>
      </c>
      <c r="D4751" s="6" t="s">
        <v>8079</v>
      </c>
      <c r="E4751" s="6">
        <v>70215</v>
      </c>
      <c r="F4751" s="6" t="s">
        <v>18</v>
      </c>
      <c r="G4751" s="6" t="s">
        <v>9642</v>
      </c>
      <c r="H4751" s="6" t="s">
        <v>9643</v>
      </c>
      <c r="I4751" s="7">
        <v>9.3257630000000002</v>
      </c>
      <c r="J4751" s="8">
        <v>-75.298133300000003</v>
      </c>
    </row>
    <row r="4752" spans="1:10" x14ac:dyDescent="0.35">
      <c r="A4752" s="5" t="s">
        <v>10</v>
      </c>
      <c r="B4752" s="6">
        <v>217782</v>
      </c>
      <c r="C4752" s="6" t="s">
        <v>302</v>
      </c>
      <c r="D4752" s="6" t="s">
        <v>359</v>
      </c>
      <c r="E4752" s="6">
        <v>8001</v>
      </c>
      <c r="F4752" s="6" t="s">
        <v>18</v>
      </c>
      <c r="G4752" s="6" t="s">
        <v>9644</v>
      </c>
      <c r="H4752" s="6" t="s">
        <v>9645</v>
      </c>
      <c r="I4752" s="7">
        <v>10.929184599999999</v>
      </c>
      <c r="J4752" s="8">
        <v>-74.806007100000002</v>
      </c>
    </row>
    <row r="4753" spans="1:10" x14ac:dyDescent="0.35">
      <c r="A4753" s="5" t="s">
        <v>10</v>
      </c>
      <c r="B4753" s="6">
        <v>239568</v>
      </c>
      <c r="C4753" s="6" t="s">
        <v>302</v>
      </c>
      <c r="D4753" s="6" t="s">
        <v>9646</v>
      </c>
      <c r="E4753" s="6">
        <v>8606</v>
      </c>
      <c r="F4753" s="6" t="s">
        <v>18</v>
      </c>
      <c r="G4753" s="6" t="s">
        <v>9647</v>
      </c>
      <c r="H4753" s="6" t="s">
        <v>9648</v>
      </c>
      <c r="I4753" s="7">
        <v>10.4107407</v>
      </c>
      <c r="J4753" s="8">
        <v>-75.129633100000007</v>
      </c>
    </row>
    <row r="4754" spans="1:10" x14ac:dyDescent="0.35">
      <c r="A4754" s="5" t="s">
        <v>10</v>
      </c>
      <c r="B4754" s="6">
        <v>226021</v>
      </c>
      <c r="C4754" s="6" t="s">
        <v>16</v>
      </c>
      <c r="D4754" s="6" t="s">
        <v>510</v>
      </c>
      <c r="E4754" s="6">
        <v>68547</v>
      </c>
      <c r="F4754" s="6" t="s">
        <v>18</v>
      </c>
      <c r="G4754" s="6" t="s">
        <v>9649</v>
      </c>
      <c r="H4754" s="6" t="s">
        <v>9650</v>
      </c>
      <c r="I4754" s="7">
        <v>6.9879416000000001</v>
      </c>
      <c r="J4754" s="8">
        <v>-73.040795699999904</v>
      </c>
    </row>
    <row r="4755" spans="1:10" x14ac:dyDescent="0.35">
      <c r="A4755" s="5" t="s">
        <v>10</v>
      </c>
      <c r="B4755" s="6">
        <v>233893</v>
      </c>
      <c r="C4755" s="6" t="s">
        <v>3788</v>
      </c>
      <c r="D4755" s="6" t="s">
        <v>3974</v>
      </c>
      <c r="E4755" s="6">
        <v>18001</v>
      </c>
      <c r="F4755" s="6" t="s">
        <v>18</v>
      </c>
      <c r="G4755" s="6" t="s">
        <v>9651</v>
      </c>
      <c r="H4755" s="6" t="s">
        <v>9652</v>
      </c>
      <c r="I4755" s="7">
        <v>1.6205164000000001</v>
      </c>
      <c r="J4755" s="8">
        <v>-75.611620900000005</v>
      </c>
    </row>
    <row r="4756" spans="1:10" x14ac:dyDescent="0.35">
      <c r="A4756" s="5" t="s">
        <v>10</v>
      </c>
      <c r="B4756" s="6">
        <v>239938</v>
      </c>
      <c r="C4756" s="6" t="s">
        <v>61</v>
      </c>
      <c r="D4756" s="6" t="s">
        <v>62</v>
      </c>
      <c r="E4756" s="6">
        <v>63001</v>
      </c>
      <c r="F4756" s="6" t="s">
        <v>18</v>
      </c>
      <c r="G4756" s="6" t="s">
        <v>9653</v>
      </c>
      <c r="H4756" s="6" t="s">
        <v>9654</v>
      </c>
      <c r="I4756" s="7">
        <v>4.5391269000000003</v>
      </c>
      <c r="J4756" s="8">
        <v>-75.664847600000002</v>
      </c>
    </row>
    <row r="4757" spans="1:10" x14ac:dyDescent="0.35">
      <c r="A4757" s="5" t="s">
        <v>10</v>
      </c>
      <c r="B4757" s="6">
        <v>221094</v>
      </c>
      <c r="C4757" s="6" t="s">
        <v>68</v>
      </c>
      <c r="D4757" s="6" t="s">
        <v>69</v>
      </c>
      <c r="E4757" s="6">
        <v>11001</v>
      </c>
      <c r="F4757" s="6" t="s">
        <v>70</v>
      </c>
      <c r="G4757" s="6" t="s">
        <v>9655</v>
      </c>
      <c r="H4757" s="6" t="s">
        <v>9656</v>
      </c>
      <c r="I4757" s="7">
        <v>6.2297672999999998</v>
      </c>
      <c r="J4757" s="8">
        <v>-75.574107699999999</v>
      </c>
    </row>
    <row r="4758" spans="1:10" x14ac:dyDescent="0.35">
      <c r="A4758" s="5" t="s">
        <v>10</v>
      </c>
      <c r="B4758" s="6">
        <v>96111</v>
      </c>
      <c r="C4758" s="6" t="s">
        <v>11</v>
      </c>
      <c r="D4758" s="6" t="s">
        <v>6321</v>
      </c>
      <c r="E4758" s="6">
        <v>25040</v>
      </c>
      <c r="F4758" s="6" t="s">
        <v>18</v>
      </c>
      <c r="G4758" s="6" t="s">
        <v>9657</v>
      </c>
      <c r="H4758" s="6" t="s">
        <v>9658</v>
      </c>
      <c r="I4758" s="7">
        <v>4.8042278999999999</v>
      </c>
      <c r="J4758" s="8">
        <v>-74.106898799999996</v>
      </c>
    </row>
    <row r="4759" spans="1:10" x14ac:dyDescent="0.35">
      <c r="A4759" s="5" t="s">
        <v>10</v>
      </c>
      <c r="B4759" s="6">
        <v>232548</v>
      </c>
      <c r="C4759" s="6" t="s">
        <v>302</v>
      </c>
      <c r="D4759" s="6" t="s">
        <v>359</v>
      </c>
      <c r="E4759" s="6">
        <v>8001</v>
      </c>
      <c r="F4759" s="6" t="s">
        <v>18</v>
      </c>
      <c r="G4759" s="6" t="s">
        <v>9659</v>
      </c>
      <c r="H4759" s="6" t="s">
        <v>9660</v>
      </c>
      <c r="I4759" s="7">
        <v>10.975281499999999</v>
      </c>
      <c r="J4759" s="8">
        <v>-74.846950699999994</v>
      </c>
    </row>
    <row r="4760" spans="1:10" x14ac:dyDescent="0.35">
      <c r="A4760" s="5" t="s">
        <v>10</v>
      </c>
      <c r="B4760" s="6">
        <v>239039</v>
      </c>
      <c r="C4760" s="6" t="s">
        <v>302</v>
      </c>
      <c r="D4760" s="6" t="s">
        <v>4041</v>
      </c>
      <c r="E4760" s="6">
        <v>8758</v>
      </c>
      <c r="F4760" s="6" t="s">
        <v>18</v>
      </c>
      <c r="G4760" s="6" t="s">
        <v>9661</v>
      </c>
      <c r="H4760" s="6" t="s">
        <v>9662</v>
      </c>
      <c r="I4760" s="7">
        <v>10.9159994</v>
      </c>
      <c r="J4760" s="8">
        <v>-74.798189300000004</v>
      </c>
    </row>
    <row r="4761" spans="1:10" x14ac:dyDescent="0.35">
      <c r="A4761" s="5" t="s">
        <v>10</v>
      </c>
      <c r="B4761" s="6">
        <v>227275</v>
      </c>
      <c r="C4761" s="6" t="s">
        <v>68</v>
      </c>
      <c r="D4761" s="6" t="s">
        <v>69</v>
      </c>
      <c r="E4761" s="6">
        <v>11001</v>
      </c>
      <c r="F4761" s="6" t="s">
        <v>18</v>
      </c>
      <c r="G4761" s="6" t="s">
        <v>9663</v>
      </c>
      <c r="H4761" s="6" t="s">
        <v>9664</v>
      </c>
      <c r="I4761" s="7">
        <v>4.5052719000000003</v>
      </c>
      <c r="J4761" s="8">
        <v>-74.112737799999906</v>
      </c>
    </row>
    <row r="4762" spans="1:10" x14ac:dyDescent="0.35">
      <c r="A4762" s="5" t="s">
        <v>10</v>
      </c>
      <c r="B4762" s="6">
        <v>233956</v>
      </c>
      <c r="C4762" s="6" t="s">
        <v>68</v>
      </c>
      <c r="D4762" s="6" t="s">
        <v>69</v>
      </c>
      <c r="E4762" s="6">
        <v>11001</v>
      </c>
      <c r="F4762" s="6" t="s">
        <v>18</v>
      </c>
      <c r="G4762" s="6" t="s">
        <v>9665</v>
      </c>
      <c r="H4762" s="6" t="s">
        <v>9666</v>
      </c>
      <c r="I4762" s="7">
        <v>4.6141876999999996</v>
      </c>
      <c r="J4762" s="8">
        <v>-74.198463500000003</v>
      </c>
    </row>
    <row r="4763" spans="1:10" x14ac:dyDescent="0.35">
      <c r="A4763" s="5" t="s">
        <v>10</v>
      </c>
      <c r="B4763" s="6">
        <v>213802</v>
      </c>
      <c r="C4763" s="6" t="s">
        <v>68</v>
      </c>
      <c r="D4763" s="6" t="s">
        <v>69</v>
      </c>
      <c r="E4763" s="6">
        <v>11001</v>
      </c>
      <c r="F4763" s="6" t="s">
        <v>18</v>
      </c>
      <c r="G4763" s="6" t="s">
        <v>9667</v>
      </c>
      <c r="H4763" s="6" t="s">
        <v>9668</v>
      </c>
      <c r="I4763" s="7">
        <v>4.5801863000000003</v>
      </c>
      <c r="J4763" s="8">
        <v>-74.088811500000006</v>
      </c>
    </row>
    <row r="4764" spans="1:10" x14ac:dyDescent="0.35">
      <c r="A4764" s="5" t="s">
        <v>10</v>
      </c>
      <c r="B4764" s="6">
        <v>221659</v>
      </c>
      <c r="C4764" s="6" t="s">
        <v>11</v>
      </c>
      <c r="D4764" s="6" t="s">
        <v>334</v>
      </c>
      <c r="E4764" s="6">
        <v>25754</v>
      </c>
      <c r="F4764" s="6" t="s">
        <v>18</v>
      </c>
      <c r="G4764" s="6" t="s">
        <v>9669</v>
      </c>
      <c r="H4764" s="6" t="s">
        <v>9670</v>
      </c>
      <c r="I4764" s="7">
        <v>4.5694007000000001</v>
      </c>
      <c r="J4764" s="8">
        <v>-74.237936300000001</v>
      </c>
    </row>
    <row r="4765" spans="1:10" x14ac:dyDescent="0.35">
      <c r="A4765" s="5" t="s">
        <v>10</v>
      </c>
      <c r="B4765" s="6">
        <v>235642</v>
      </c>
      <c r="C4765" s="6" t="s">
        <v>16</v>
      </c>
      <c r="D4765" s="6" t="s">
        <v>78</v>
      </c>
      <c r="E4765" s="6">
        <v>68001</v>
      </c>
      <c r="F4765" s="6" t="s">
        <v>18</v>
      </c>
      <c r="G4765" s="6" t="s">
        <v>9671</v>
      </c>
      <c r="H4765" s="6" t="s">
        <v>9672</v>
      </c>
      <c r="I4765" s="7">
        <v>7.0783424000000004</v>
      </c>
      <c r="J4765" s="8">
        <v>-73.099836300000007</v>
      </c>
    </row>
    <row r="4766" spans="1:10" x14ac:dyDescent="0.35">
      <c r="A4766" s="5" t="s">
        <v>10</v>
      </c>
      <c r="B4766" s="6">
        <v>230481</v>
      </c>
      <c r="C4766" s="6" t="s">
        <v>11</v>
      </c>
      <c r="D4766" s="6" t="s">
        <v>334</v>
      </c>
      <c r="E4766" s="6">
        <v>25754</v>
      </c>
      <c r="F4766" s="6" t="s">
        <v>18</v>
      </c>
      <c r="G4766" s="6" t="s">
        <v>9673</v>
      </c>
      <c r="H4766" s="6" t="s">
        <v>9674</v>
      </c>
      <c r="I4766" s="7">
        <v>4.5703503999999997</v>
      </c>
      <c r="J4766" s="8">
        <v>-74.239205599999906</v>
      </c>
    </row>
    <row r="4767" spans="1:10" x14ac:dyDescent="0.35">
      <c r="A4767" s="5" t="s">
        <v>10</v>
      </c>
      <c r="B4767" s="6">
        <v>238723</v>
      </c>
      <c r="C4767" s="6" t="s">
        <v>366</v>
      </c>
      <c r="D4767" s="6" t="s">
        <v>9675</v>
      </c>
      <c r="E4767" s="6">
        <v>44855</v>
      </c>
      <c r="F4767" s="6" t="s">
        <v>18</v>
      </c>
      <c r="G4767" s="6" t="s">
        <v>9676</v>
      </c>
      <c r="H4767" s="6" t="s">
        <v>9677</v>
      </c>
      <c r="I4767" s="7">
        <v>10.558601400000001</v>
      </c>
      <c r="J4767" s="8">
        <v>-73.011316199999996</v>
      </c>
    </row>
    <row r="4768" spans="1:10" x14ac:dyDescent="0.35">
      <c r="A4768" s="5" t="s">
        <v>10</v>
      </c>
      <c r="B4768" s="6">
        <v>192554</v>
      </c>
      <c r="C4768" s="6" t="s">
        <v>38</v>
      </c>
      <c r="D4768" s="6" t="s">
        <v>6300</v>
      </c>
      <c r="E4768" s="6">
        <v>19698</v>
      </c>
      <c r="F4768" s="6" t="s">
        <v>18</v>
      </c>
      <c r="G4768" s="6" t="s">
        <v>9678</v>
      </c>
      <c r="H4768" s="6" t="s">
        <v>9679</v>
      </c>
      <c r="I4768" s="7">
        <v>3.0092264000000002</v>
      </c>
      <c r="J4768" s="8">
        <v>-76.494190799999998</v>
      </c>
    </row>
    <row r="4769" spans="1:10" x14ac:dyDescent="0.35">
      <c r="A4769" s="5" t="s">
        <v>10</v>
      </c>
      <c r="B4769" s="6">
        <v>241695</v>
      </c>
      <c r="C4769" s="6" t="s">
        <v>94</v>
      </c>
      <c r="D4769" s="6" t="s">
        <v>843</v>
      </c>
      <c r="E4769" s="6">
        <v>66400</v>
      </c>
      <c r="F4769" s="6" t="s">
        <v>18</v>
      </c>
      <c r="G4769" s="6" t="s">
        <v>9680</v>
      </c>
      <c r="H4769" s="6" t="s">
        <v>9681</v>
      </c>
      <c r="I4769" s="7">
        <v>4.9019630999999997</v>
      </c>
      <c r="J4769" s="8">
        <v>-75.8844402</v>
      </c>
    </row>
    <row r="4770" spans="1:10" x14ac:dyDescent="0.35">
      <c r="A4770" s="5" t="s">
        <v>10</v>
      </c>
      <c r="B4770" s="6">
        <v>232231</v>
      </c>
      <c r="C4770" s="6" t="s">
        <v>68</v>
      </c>
      <c r="D4770" s="6" t="s">
        <v>69</v>
      </c>
      <c r="E4770" s="6">
        <v>11001</v>
      </c>
      <c r="F4770" s="6" t="s">
        <v>18</v>
      </c>
      <c r="G4770" s="6" t="s">
        <v>9682</v>
      </c>
      <c r="H4770" s="6" t="s">
        <v>9683</v>
      </c>
      <c r="I4770" s="7">
        <v>4.5872437000000001</v>
      </c>
      <c r="J4770" s="8">
        <v>-74.165534800000003</v>
      </c>
    </row>
    <row r="4771" spans="1:10" x14ac:dyDescent="0.35">
      <c r="A4771" s="5" t="s">
        <v>10</v>
      </c>
      <c r="B4771" s="6">
        <v>235881</v>
      </c>
      <c r="C4771" s="6" t="s">
        <v>278</v>
      </c>
      <c r="D4771" s="6" t="s">
        <v>1331</v>
      </c>
      <c r="E4771" s="6">
        <v>50006</v>
      </c>
      <c r="F4771" s="6" t="s">
        <v>18</v>
      </c>
      <c r="G4771" s="6" t="s">
        <v>9684</v>
      </c>
      <c r="H4771" s="6" t="s">
        <v>9685</v>
      </c>
      <c r="I4771" s="7">
        <v>3.9907069000000002</v>
      </c>
      <c r="J4771" s="8">
        <v>-73.762859000000006</v>
      </c>
    </row>
    <row r="4772" spans="1:10" x14ac:dyDescent="0.35">
      <c r="A4772" s="5" t="s">
        <v>10</v>
      </c>
      <c r="B4772" s="6">
        <v>248553</v>
      </c>
      <c r="C4772" s="6" t="s">
        <v>68</v>
      </c>
      <c r="D4772" s="6" t="s">
        <v>69</v>
      </c>
      <c r="E4772" s="6">
        <v>11001</v>
      </c>
      <c r="F4772" s="6" t="s">
        <v>18</v>
      </c>
      <c r="G4772" s="6" t="s">
        <v>9686</v>
      </c>
      <c r="H4772" s="6" t="s">
        <v>9687</v>
      </c>
      <c r="I4772" s="7">
        <v>4.7109886000000003</v>
      </c>
      <c r="J4772" s="8">
        <v>-74.072091999999998</v>
      </c>
    </row>
    <row r="4773" spans="1:10" x14ac:dyDescent="0.35">
      <c r="A4773" s="5" t="s">
        <v>10</v>
      </c>
      <c r="B4773" s="6">
        <v>233832</v>
      </c>
      <c r="C4773" s="6" t="s">
        <v>117</v>
      </c>
      <c r="D4773" s="6" t="s">
        <v>1334</v>
      </c>
      <c r="E4773" s="6">
        <v>76001</v>
      </c>
      <c r="F4773" s="6" t="s">
        <v>18</v>
      </c>
      <c r="G4773" s="6" t="s">
        <v>9688</v>
      </c>
      <c r="H4773" s="6" t="s">
        <v>9689</v>
      </c>
      <c r="I4773" s="7">
        <v>3.4275403</v>
      </c>
      <c r="J4773" s="8">
        <v>-76.465826199999995</v>
      </c>
    </row>
    <row r="4774" spans="1:10" x14ac:dyDescent="0.35">
      <c r="A4774" s="5" t="s">
        <v>10</v>
      </c>
      <c r="B4774" s="6">
        <v>233197</v>
      </c>
      <c r="C4774" s="6" t="s">
        <v>16</v>
      </c>
      <c r="D4774" s="6" t="s">
        <v>510</v>
      </c>
      <c r="E4774" s="6">
        <v>68547</v>
      </c>
      <c r="F4774" s="6" t="s">
        <v>18</v>
      </c>
      <c r="G4774" s="6" t="s">
        <v>9690</v>
      </c>
      <c r="H4774" s="6" t="s">
        <v>9691</v>
      </c>
      <c r="I4774" s="7">
        <v>7.1319400000000002</v>
      </c>
      <c r="J4774" s="8">
        <v>-73.099459999999993</v>
      </c>
    </row>
    <row r="4775" spans="1:10" x14ac:dyDescent="0.35">
      <c r="A4775" s="5" t="s">
        <v>10</v>
      </c>
      <c r="B4775" s="6">
        <v>223105</v>
      </c>
      <c r="C4775" s="6" t="s">
        <v>294</v>
      </c>
      <c r="D4775" s="6" t="s">
        <v>703</v>
      </c>
      <c r="E4775" s="6">
        <v>41001</v>
      </c>
      <c r="F4775" s="6" t="s">
        <v>18</v>
      </c>
      <c r="G4775" s="6" t="s">
        <v>9692</v>
      </c>
      <c r="H4775" s="6" t="s">
        <v>9693</v>
      </c>
      <c r="I4775" s="7">
        <v>2.9438392000000002</v>
      </c>
      <c r="J4775" s="8">
        <v>-75.290768299999996</v>
      </c>
    </row>
    <row r="4776" spans="1:10" x14ac:dyDescent="0.35">
      <c r="A4776" s="5" t="s">
        <v>10</v>
      </c>
      <c r="B4776" s="6">
        <v>215554</v>
      </c>
      <c r="C4776" s="6" t="s">
        <v>294</v>
      </c>
      <c r="D4776" s="6" t="s">
        <v>703</v>
      </c>
      <c r="E4776" s="6">
        <v>41001</v>
      </c>
      <c r="F4776" s="6" t="s">
        <v>18</v>
      </c>
      <c r="G4776" s="6" t="s">
        <v>9694</v>
      </c>
      <c r="H4776" s="6" t="s">
        <v>9695</v>
      </c>
      <c r="I4776" s="7">
        <v>2.9132121999999998</v>
      </c>
      <c r="J4776" s="8">
        <v>-75.273932400000007</v>
      </c>
    </row>
    <row r="4777" spans="1:10" x14ac:dyDescent="0.35">
      <c r="A4777" s="5" t="s">
        <v>10</v>
      </c>
      <c r="B4777" s="6">
        <v>231500</v>
      </c>
      <c r="C4777" s="6" t="s">
        <v>68</v>
      </c>
      <c r="D4777" s="6" t="s">
        <v>69</v>
      </c>
      <c r="E4777" s="6">
        <v>11001</v>
      </c>
      <c r="F4777" s="6" t="s">
        <v>18</v>
      </c>
      <c r="G4777" s="6" t="s">
        <v>9696</v>
      </c>
      <c r="H4777" s="6" t="s">
        <v>9697</v>
      </c>
      <c r="I4777" s="7">
        <v>4.6351230000000001</v>
      </c>
      <c r="J4777" s="8">
        <v>-74.187513999999993</v>
      </c>
    </row>
    <row r="4778" spans="1:10" x14ac:dyDescent="0.35">
      <c r="A4778" s="5" t="s">
        <v>10</v>
      </c>
      <c r="B4778" s="6">
        <v>153150</v>
      </c>
      <c r="C4778" s="6" t="s">
        <v>68</v>
      </c>
      <c r="D4778" s="6" t="s">
        <v>69</v>
      </c>
      <c r="E4778" s="6">
        <v>11001</v>
      </c>
      <c r="F4778" s="6" t="s">
        <v>18</v>
      </c>
      <c r="G4778" s="6" t="s">
        <v>9698</v>
      </c>
      <c r="H4778" s="6" t="s">
        <v>9699</v>
      </c>
      <c r="I4778" s="7">
        <v>4.7554194999999897</v>
      </c>
      <c r="J4778" s="8">
        <v>-74.101333699999998</v>
      </c>
    </row>
    <row r="4779" spans="1:10" x14ac:dyDescent="0.35">
      <c r="A4779" s="5" t="s">
        <v>10</v>
      </c>
      <c r="B4779" s="6">
        <v>204079</v>
      </c>
      <c r="C4779" s="6" t="s">
        <v>68</v>
      </c>
      <c r="D4779" s="6" t="s">
        <v>69</v>
      </c>
      <c r="E4779" s="6">
        <v>11001</v>
      </c>
      <c r="F4779" s="6" t="s">
        <v>18</v>
      </c>
      <c r="G4779" s="6" t="s">
        <v>9700</v>
      </c>
      <c r="H4779" s="6" t="s">
        <v>9701</v>
      </c>
      <c r="I4779" s="7">
        <v>4.5899622000000004</v>
      </c>
      <c r="J4779" s="8">
        <v>-74.124885199999994</v>
      </c>
    </row>
    <row r="4780" spans="1:10" x14ac:dyDescent="0.35">
      <c r="A4780" s="5" t="s">
        <v>10</v>
      </c>
      <c r="B4780" s="6">
        <v>174053</v>
      </c>
      <c r="C4780" s="6" t="s">
        <v>11</v>
      </c>
      <c r="D4780" s="6" t="s">
        <v>407</v>
      </c>
      <c r="E4780" s="6">
        <v>25126</v>
      </c>
      <c r="F4780" s="6" t="s">
        <v>18</v>
      </c>
      <c r="G4780" s="6" t="s">
        <v>9702</v>
      </c>
      <c r="H4780" s="6" t="s">
        <v>9703</v>
      </c>
      <c r="I4780" s="7">
        <v>4.9341455999999999</v>
      </c>
      <c r="J4780" s="8">
        <v>-74.036315299999998</v>
      </c>
    </row>
    <row r="4781" spans="1:10" x14ac:dyDescent="0.35">
      <c r="A4781" s="5" t="s">
        <v>10</v>
      </c>
      <c r="B4781" s="6">
        <v>241372</v>
      </c>
      <c r="C4781" s="6" t="s">
        <v>4364</v>
      </c>
      <c r="D4781" s="6" t="s">
        <v>4365</v>
      </c>
      <c r="E4781" s="6">
        <v>70001</v>
      </c>
      <c r="F4781" s="6" t="s">
        <v>18</v>
      </c>
      <c r="G4781" s="6" t="s">
        <v>9704</v>
      </c>
      <c r="H4781" s="6" t="s">
        <v>9705</v>
      </c>
      <c r="I4781" s="7">
        <v>9.3061225000000007</v>
      </c>
      <c r="J4781" s="8">
        <v>-75.387087899999997</v>
      </c>
    </row>
    <row r="4782" spans="1:10" x14ac:dyDescent="0.35">
      <c r="A4782" s="5" t="s">
        <v>10</v>
      </c>
      <c r="B4782" s="6">
        <v>237312</v>
      </c>
      <c r="C4782" s="6" t="s">
        <v>3788</v>
      </c>
      <c r="D4782" s="6" t="s">
        <v>3974</v>
      </c>
      <c r="E4782" s="6">
        <v>18001</v>
      </c>
      <c r="F4782" s="6" t="s">
        <v>18</v>
      </c>
      <c r="G4782" s="6" t="s">
        <v>9706</v>
      </c>
      <c r="H4782" s="6" t="s">
        <v>9707</v>
      </c>
      <c r="I4782" s="7">
        <v>1.6095177000000001</v>
      </c>
      <c r="J4782" s="8">
        <v>-75.596856099999997</v>
      </c>
    </row>
    <row r="4783" spans="1:10" x14ac:dyDescent="0.35">
      <c r="A4783" s="5" t="s">
        <v>10</v>
      </c>
      <c r="B4783" s="6">
        <v>200869</v>
      </c>
      <c r="C4783" s="6" t="s">
        <v>11</v>
      </c>
      <c r="D4783" s="6" t="s">
        <v>513</v>
      </c>
      <c r="E4783" s="6">
        <v>25286</v>
      </c>
      <c r="F4783" s="6" t="s">
        <v>13</v>
      </c>
      <c r="G4783" s="6" t="s">
        <v>9708</v>
      </c>
      <c r="H4783" s="6" t="s">
        <v>9709</v>
      </c>
      <c r="I4783" s="7">
        <v>4.7137947000000002</v>
      </c>
      <c r="J4783" s="8">
        <v>-74.210237199999995</v>
      </c>
    </row>
    <row r="4784" spans="1:10" x14ac:dyDescent="0.35">
      <c r="A4784" s="5" t="s">
        <v>10</v>
      </c>
      <c r="B4784" s="6">
        <v>232641</v>
      </c>
      <c r="C4784" s="6" t="s">
        <v>16</v>
      </c>
      <c r="D4784" s="6" t="s">
        <v>510</v>
      </c>
      <c r="E4784" s="6">
        <v>68547</v>
      </c>
      <c r="F4784" s="6" t="s">
        <v>18</v>
      </c>
      <c r="G4784" s="6" t="s">
        <v>9710</v>
      </c>
      <c r="H4784" s="6" t="s">
        <v>9711</v>
      </c>
      <c r="I4784" s="7">
        <v>6.9928602</v>
      </c>
      <c r="J4784" s="8">
        <v>-73.062334399999997</v>
      </c>
    </row>
    <row r="4785" spans="1:10" x14ac:dyDescent="0.35">
      <c r="A4785" s="5" t="s">
        <v>10</v>
      </c>
      <c r="B4785" s="6">
        <v>232891</v>
      </c>
      <c r="C4785" s="6" t="s">
        <v>4364</v>
      </c>
      <c r="D4785" s="6" t="s">
        <v>7995</v>
      </c>
      <c r="E4785" s="6">
        <v>70508</v>
      </c>
      <c r="F4785" s="6" t="s">
        <v>18</v>
      </c>
      <c r="G4785" s="6" t="s">
        <v>9712</v>
      </c>
      <c r="H4785" s="6" t="s">
        <v>9713</v>
      </c>
      <c r="I4785" s="7">
        <v>9.5238872000000008</v>
      </c>
      <c r="J4785" s="8">
        <v>-75.2315909</v>
      </c>
    </row>
    <row r="4786" spans="1:10" x14ac:dyDescent="0.35">
      <c r="A4786" s="5" t="s">
        <v>10</v>
      </c>
      <c r="B4786" s="6">
        <v>234057</v>
      </c>
      <c r="C4786" s="6" t="s">
        <v>68</v>
      </c>
      <c r="D4786" s="6" t="s">
        <v>69</v>
      </c>
      <c r="E4786" s="6">
        <v>11001</v>
      </c>
      <c r="F4786" s="6" t="s">
        <v>18</v>
      </c>
      <c r="G4786" s="6" t="s">
        <v>9714</v>
      </c>
      <c r="H4786" s="6" t="s">
        <v>9715</v>
      </c>
      <c r="I4786" s="7">
        <v>4.7144022000000003</v>
      </c>
      <c r="J4786" s="8">
        <v>-74.212050099999999</v>
      </c>
    </row>
    <row r="4787" spans="1:10" x14ac:dyDescent="0.35">
      <c r="A4787" s="5" t="s">
        <v>10</v>
      </c>
      <c r="B4787" s="6">
        <v>97894</v>
      </c>
      <c r="C4787" s="6" t="s">
        <v>11</v>
      </c>
      <c r="D4787" s="6" t="s">
        <v>9716</v>
      </c>
      <c r="E4787" s="6">
        <v>25488</v>
      </c>
      <c r="F4787" s="6" t="s">
        <v>18</v>
      </c>
      <c r="G4787" s="6" t="s">
        <v>9717</v>
      </c>
      <c r="H4787" s="6" t="s">
        <v>9718</v>
      </c>
      <c r="I4787" s="7">
        <v>4.3073389999999998</v>
      </c>
      <c r="J4787" s="8">
        <v>-74.619934999999998</v>
      </c>
    </row>
    <row r="4788" spans="1:10" x14ac:dyDescent="0.35">
      <c r="A4788" s="5" t="s">
        <v>10</v>
      </c>
      <c r="B4788" s="6">
        <v>231001</v>
      </c>
      <c r="C4788" s="6" t="s">
        <v>366</v>
      </c>
      <c r="D4788" s="6" t="s">
        <v>367</v>
      </c>
      <c r="E4788" s="6">
        <v>44430</v>
      </c>
      <c r="F4788" s="6" t="s">
        <v>18</v>
      </c>
      <c r="G4788" s="6" t="s">
        <v>9719</v>
      </c>
      <c r="H4788" s="6" t="s">
        <v>9720</v>
      </c>
      <c r="I4788" s="7">
        <v>11.1792122</v>
      </c>
      <c r="J4788" s="8">
        <v>-72.502826499999998</v>
      </c>
    </row>
    <row r="4789" spans="1:10" x14ac:dyDescent="0.35">
      <c r="A4789" s="5" t="s">
        <v>10</v>
      </c>
      <c r="B4789" s="6">
        <v>248529</v>
      </c>
      <c r="C4789" s="6" t="s">
        <v>38</v>
      </c>
      <c r="D4789" s="6" t="s">
        <v>7839</v>
      </c>
      <c r="E4789" s="6">
        <v>19573</v>
      </c>
      <c r="F4789" s="6" t="s">
        <v>18</v>
      </c>
      <c r="G4789" s="6" t="s">
        <v>9721</v>
      </c>
      <c r="H4789" s="6" t="s">
        <v>9722</v>
      </c>
      <c r="I4789" s="7">
        <v>3.2205900000000001</v>
      </c>
      <c r="J4789" s="8">
        <v>-76.415464999999998</v>
      </c>
    </row>
    <row r="4790" spans="1:10" x14ac:dyDescent="0.35">
      <c r="A4790" s="5" t="s">
        <v>10</v>
      </c>
      <c r="B4790" s="6">
        <v>234592</v>
      </c>
      <c r="C4790" s="6" t="s">
        <v>16</v>
      </c>
      <c r="D4790" s="6" t="s">
        <v>78</v>
      </c>
      <c r="E4790" s="6">
        <v>68001</v>
      </c>
      <c r="F4790" s="6" t="s">
        <v>18</v>
      </c>
      <c r="G4790" s="6" t="s">
        <v>9723</v>
      </c>
      <c r="H4790" s="6" t="s">
        <v>9724</v>
      </c>
      <c r="I4790" s="7">
        <v>7.0797086</v>
      </c>
      <c r="J4790" s="8">
        <v>-73.122179299999999</v>
      </c>
    </row>
    <row r="4791" spans="1:10" x14ac:dyDescent="0.35">
      <c r="A4791" s="5" t="s">
        <v>10</v>
      </c>
      <c r="B4791" s="6">
        <v>245308</v>
      </c>
      <c r="C4791" s="6" t="s">
        <v>16</v>
      </c>
      <c r="D4791" s="6" t="s">
        <v>78</v>
      </c>
      <c r="E4791" s="6">
        <v>68001</v>
      </c>
      <c r="F4791" s="6" t="s">
        <v>18</v>
      </c>
      <c r="G4791" s="6" t="s">
        <v>9725</v>
      </c>
      <c r="H4791" s="6" t="s">
        <v>9726</v>
      </c>
      <c r="I4791" s="7">
        <v>7.1378947000000004</v>
      </c>
      <c r="J4791" s="8">
        <v>-73.129912899999994</v>
      </c>
    </row>
    <row r="4792" spans="1:10" x14ac:dyDescent="0.35">
      <c r="A4792" s="5" t="s">
        <v>10</v>
      </c>
      <c r="B4792" s="6">
        <v>210616</v>
      </c>
      <c r="C4792" s="6" t="s">
        <v>16</v>
      </c>
      <c r="D4792" s="6" t="s">
        <v>2825</v>
      </c>
      <c r="E4792" s="6">
        <v>68276</v>
      </c>
      <c r="F4792" s="6" t="s">
        <v>18</v>
      </c>
      <c r="G4792" s="6" t="s">
        <v>9727</v>
      </c>
      <c r="H4792" s="6" t="s">
        <v>9728</v>
      </c>
      <c r="I4792" s="7">
        <v>7.0679349</v>
      </c>
      <c r="J4792" s="8">
        <v>-73.086170800000005</v>
      </c>
    </row>
    <row r="4793" spans="1:10" x14ac:dyDescent="0.35">
      <c r="A4793" s="5" t="s">
        <v>10</v>
      </c>
      <c r="B4793" s="6">
        <v>248283</v>
      </c>
      <c r="C4793" s="6" t="s">
        <v>190</v>
      </c>
      <c r="D4793" s="6" t="s">
        <v>191</v>
      </c>
      <c r="E4793" s="6">
        <v>5001</v>
      </c>
      <c r="F4793" s="6" t="s">
        <v>18</v>
      </c>
      <c r="G4793" s="6" t="s">
        <v>9729</v>
      </c>
      <c r="H4793" s="6" t="s">
        <v>9730</v>
      </c>
      <c r="I4793" s="7">
        <v>8.3227849999999997</v>
      </c>
      <c r="J4793" s="8">
        <v>-73.744909199999995</v>
      </c>
    </row>
    <row r="4794" spans="1:10" x14ac:dyDescent="0.35">
      <c r="A4794" s="5" t="s">
        <v>10</v>
      </c>
      <c r="B4794" s="6">
        <v>221345</v>
      </c>
      <c r="C4794" s="6" t="s">
        <v>61</v>
      </c>
      <c r="D4794" s="6" t="s">
        <v>62</v>
      </c>
      <c r="E4794" s="6">
        <v>63001</v>
      </c>
      <c r="F4794" s="6" t="s">
        <v>18</v>
      </c>
      <c r="G4794" s="6" t="s">
        <v>9731</v>
      </c>
      <c r="H4794" s="6" t="s">
        <v>9732</v>
      </c>
      <c r="I4794" s="7">
        <v>4.5586070000000003</v>
      </c>
      <c r="J4794" s="8">
        <v>-75.6544308</v>
      </c>
    </row>
    <row r="4795" spans="1:10" x14ac:dyDescent="0.35">
      <c r="A4795" s="5" t="s">
        <v>10</v>
      </c>
      <c r="B4795" s="6">
        <v>232174</v>
      </c>
      <c r="C4795" s="6" t="s">
        <v>68</v>
      </c>
      <c r="D4795" s="6" t="s">
        <v>69</v>
      </c>
      <c r="E4795" s="6">
        <v>11001</v>
      </c>
      <c r="F4795" s="6" t="s">
        <v>18</v>
      </c>
      <c r="G4795" s="6" t="s">
        <v>9733</v>
      </c>
      <c r="H4795" s="6" t="s">
        <v>9734</v>
      </c>
      <c r="I4795" s="7">
        <v>4.4982119999999997</v>
      </c>
      <c r="J4795" s="8">
        <v>-74.086050999999998</v>
      </c>
    </row>
    <row r="4796" spans="1:10" x14ac:dyDescent="0.35">
      <c r="A4796" s="5" t="s">
        <v>10</v>
      </c>
      <c r="B4796" s="6">
        <v>235247</v>
      </c>
      <c r="C4796" s="6" t="s">
        <v>68</v>
      </c>
      <c r="D4796" s="6" t="s">
        <v>69</v>
      </c>
      <c r="E4796" s="6">
        <v>11001</v>
      </c>
      <c r="F4796" s="6" t="s">
        <v>18</v>
      </c>
      <c r="G4796" s="6" t="s">
        <v>9735</v>
      </c>
      <c r="H4796" s="6" t="s">
        <v>9736</v>
      </c>
      <c r="I4796" s="7">
        <v>4.6141965999999996</v>
      </c>
      <c r="J4796" s="8">
        <v>-74.177095899999998</v>
      </c>
    </row>
    <row r="4797" spans="1:10" x14ac:dyDescent="0.35">
      <c r="A4797" s="5" t="s">
        <v>10</v>
      </c>
      <c r="B4797" s="6">
        <v>222467</v>
      </c>
      <c r="C4797" s="6" t="s">
        <v>68</v>
      </c>
      <c r="D4797" s="6" t="s">
        <v>69</v>
      </c>
      <c r="E4797" s="6">
        <v>11001</v>
      </c>
      <c r="F4797" s="6" t="s">
        <v>18</v>
      </c>
      <c r="G4797" s="6" t="s">
        <v>9737</v>
      </c>
      <c r="H4797" s="6" t="s">
        <v>9738</v>
      </c>
      <c r="I4797" s="7">
        <v>4.5522580000000001</v>
      </c>
      <c r="J4797" s="8">
        <v>-74.148289899999995</v>
      </c>
    </row>
    <row r="4798" spans="1:10" x14ac:dyDescent="0.35">
      <c r="A4798" s="5" t="s">
        <v>10</v>
      </c>
      <c r="B4798" s="6">
        <v>238732</v>
      </c>
      <c r="C4798" s="6" t="s">
        <v>68</v>
      </c>
      <c r="D4798" s="6" t="s">
        <v>69</v>
      </c>
      <c r="E4798" s="6">
        <v>11001</v>
      </c>
      <c r="F4798" s="6" t="s">
        <v>18</v>
      </c>
      <c r="G4798" s="6" t="s">
        <v>9739</v>
      </c>
      <c r="H4798" s="6" t="s">
        <v>9740</v>
      </c>
      <c r="I4798" s="7">
        <v>4.6093558000000003</v>
      </c>
      <c r="J4798" s="8">
        <v>-74.085999799999996</v>
      </c>
    </row>
    <row r="4799" spans="1:10" x14ac:dyDescent="0.35">
      <c r="A4799" s="5" t="s">
        <v>10</v>
      </c>
      <c r="B4799" s="6">
        <v>202718</v>
      </c>
      <c r="C4799" s="6" t="s">
        <v>294</v>
      </c>
      <c r="D4799" s="6" t="s">
        <v>703</v>
      </c>
      <c r="E4799" s="6">
        <v>41001</v>
      </c>
      <c r="F4799" s="6" t="s">
        <v>18</v>
      </c>
      <c r="G4799" s="6" t="s">
        <v>9741</v>
      </c>
      <c r="H4799" s="6" t="s">
        <v>9742</v>
      </c>
      <c r="I4799" s="7">
        <v>2.9553620999999999</v>
      </c>
      <c r="J4799" s="8">
        <v>-75.282540099999906</v>
      </c>
    </row>
    <row r="4800" spans="1:10" x14ac:dyDescent="0.35">
      <c r="A4800" s="5" t="s">
        <v>10</v>
      </c>
      <c r="B4800" s="6">
        <v>192710</v>
      </c>
      <c r="C4800" s="6" t="s">
        <v>294</v>
      </c>
      <c r="D4800" s="6" t="s">
        <v>703</v>
      </c>
      <c r="E4800" s="6">
        <v>41001</v>
      </c>
      <c r="F4800" s="6" t="s">
        <v>18</v>
      </c>
      <c r="G4800" s="6" t="s">
        <v>9743</v>
      </c>
      <c r="H4800" s="6" t="s">
        <v>9744</v>
      </c>
      <c r="I4800" s="7">
        <v>2.9566748</v>
      </c>
      <c r="J4800" s="8">
        <v>-75.283467899999906</v>
      </c>
    </row>
    <row r="4801" spans="1:10" x14ac:dyDescent="0.35">
      <c r="A4801" s="5" t="s">
        <v>10</v>
      </c>
      <c r="B4801" s="6">
        <v>214534</v>
      </c>
      <c r="C4801" s="6" t="s">
        <v>68</v>
      </c>
      <c r="D4801" s="6" t="s">
        <v>69</v>
      </c>
      <c r="E4801" s="6">
        <v>11001</v>
      </c>
      <c r="F4801" s="6" t="s">
        <v>18</v>
      </c>
      <c r="G4801" s="6" t="s">
        <v>9745</v>
      </c>
      <c r="H4801" s="6" t="s">
        <v>9746</v>
      </c>
      <c r="I4801" s="7">
        <v>4.6871269999999896</v>
      </c>
      <c r="J4801" s="8">
        <v>-74.149066099999999</v>
      </c>
    </row>
    <row r="4802" spans="1:10" x14ac:dyDescent="0.35">
      <c r="A4802" s="5" t="s">
        <v>10</v>
      </c>
      <c r="B4802" s="6">
        <v>185255</v>
      </c>
      <c r="C4802" s="6" t="s">
        <v>68</v>
      </c>
      <c r="D4802" s="6" t="s">
        <v>69</v>
      </c>
      <c r="E4802" s="6">
        <v>11001</v>
      </c>
      <c r="F4802" s="6" t="s">
        <v>18</v>
      </c>
      <c r="G4802" s="6" t="s">
        <v>9747</v>
      </c>
      <c r="H4802" s="6" t="s">
        <v>9748</v>
      </c>
      <c r="I4802" s="7">
        <v>4.6745070999999996</v>
      </c>
      <c r="J4802" s="8">
        <v>-74.120660299999997</v>
      </c>
    </row>
    <row r="4803" spans="1:10" x14ac:dyDescent="0.35">
      <c r="A4803" s="5" t="s">
        <v>10</v>
      </c>
      <c r="B4803" s="6">
        <v>224250</v>
      </c>
      <c r="C4803" s="6" t="s">
        <v>68</v>
      </c>
      <c r="D4803" s="6" t="s">
        <v>69</v>
      </c>
      <c r="E4803" s="6">
        <v>11001</v>
      </c>
      <c r="F4803" s="6" t="s">
        <v>18</v>
      </c>
      <c r="G4803" s="6" t="s">
        <v>9749</v>
      </c>
      <c r="H4803" s="6" t="s">
        <v>9750</v>
      </c>
      <c r="I4803" s="7">
        <v>4.5705083000000002</v>
      </c>
      <c r="J4803" s="8">
        <v>-74.151843900000003</v>
      </c>
    </row>
    <row r="4804" spans="1:10" x14ac:dyDescent="0.35">
      <c r="A4804" s="5" t="s">
        <v>10</v>
      </c>
      <c r="B4804" s="6">
        <v>85378</v>
      </c>
      <c r="C4804" s="6" t="s">
        <v>68</v>
      </c>
      <c r="D4804" s="6" t="s">
        <v>69</v>
      </c>
      <c r="E4804" s="6">
        <v>11001</v>
      </c>
      <c r="F4804" s="6" t="s">
        <v>18</v>
      </c>
      <c r="G4804" s="6" t="s">
        <v>9751</v>
      </c>
      <c r="H4804" s="6" t="s">
        <v>9752</v>
      </c>
      <c r="I4804" s="7">
        <v>4.6816142999999997</v>
      </c>
      <c r="J4804" s="8">
        <v>-74.144673799999893</v>
      </c>
    </row>
    <row r="4805" spans="1:10" x14ac:dyDescent="0.35">
      <c r="A4805" s="5" t="s">
        <v>10</v>
      </c>
      <c r="B4805" s="6">
        <v>243935</v>
      </c>
      <c r="C4805" s="6" t="s">
        <v>16</v>
      </c>
      <c r="D4805" s="6" t="s">
        <v>1266</v>
      </c>
      <c r="E4805" s="6">
        <v>68081</v>
      </c>
      <c r="F4805" s="6" t="s">
        <v>18</v>
      </c>
      <c r="G4805" s="6" t="s">
        <v>9753</v>
      </c>
      <c r="H4805" s="6" t="s">
        <v>9754</v>
      </c>
      <c r="I4805" s="7">
        <v>7.0672183000000004</v>
      </c>
      <c r="J4805" s="8">
        <v>-73.857761199999999</v>
      </c>
    </row>
    <row r="4806" spans="1:10" x14ac:dyDescent="0.35">
      <c r="A4806" s="5" t="s">
        <v>10</v>
      </c>
      <c r="B4806" s="6">
        <v>209867</v>
      </c>
      <c r="C4806" s="6" t="s">
        <v>16</v>
      </c>
      <c r="D4806" s="6" t="s">
        <v>2825</v>
      </c>
      <c r="E4806" s="6">
        <v>68276</v>
      </c>
      <c r="F4806" s="6" t="s">
        <v>18</v>
      </c>
      <c r="G4806" s="6" t="s">
        <v>9755</v>
      </c>
      <c r="H4806" s="6" t="s">
        <v>9756</v>
      </c>
      <c r="I4806" s="7">
        <v>7.108949</v>
      </c>
      <c r="J4806" s="8">
        <v>-73.116732099999993</v>
      </c>
    </row>
    <row r="4807" spans="1:10" x14ac:dyDescent="0.35">
      <c r="A4807" s="5" t="s">
        <v>10</v>
      </c>
      <c r="B4807" s="6">
        <v>238387</v>
      </c>
      <c r="C4807" s="6" t="s">
        <v>16</v>
      </c>
      <c r="D4807" s="6" t="s">
        <v>78</v>
      </c>
      <c r="E4807" s="6">
        <v>68001</v>
      </c>
      <c r="F4807" s="6" t="s">
        <v>18</v>
      </c>
      <c r="G4807" s="6" t="s">
        <v>9757</v>
      </c>
      <c r="H4807" s="6" t="s">
        <v>9758</v>
      </c>
      <c r="I4807" s="7">
        <v>7.1449173000000004</v>
      </c>
      <c r="J4807" s="8">
        <v>-73.125062</v>
      </c>
    </row>
    <row r="4808" spans="1:10" x14ac:dyDescent="0.35">
      <c r="A4808" s="5" t="s">
        <v>10</v>
      </c>
      <c r="B4808" s="6">
        <v>224410</v>
      </c>
      <c r="C4808" s="6" t="s">
        <v>16</v>
      </c>
      <c r="D4808" s="6" t="s">
        <v>510</v>
      </c>
      <c r="E4808" s="6">
        <v>68547</v>
      </c>
      <c r="F4808" s="6" t="s">
        <v>18</v>
      </c>
      <c r="G4808" s="6" t="s">
        <v>9759</v>
      </c>
      <c r="H4808" s="6" t="s">
        <v>9760</v>
      </c>
      <c r="I4808" s="7">
        <v>6.9913871999999904</v>
      </c>
      <c r="J4808" s="8">
        <v>-73.054096000000001</v>
      </c>
    </row>
    <row r="4809" spans="1:10" x14ac:dyDescent="0.35">
      <c r="A4809" s="5" t="s">
        <v>10</v>
      </c>
      <c r="B4809" s="6">
        <v>208396</v>
      </c>
      <c r="C4809" s="6" t="s">
        <v>24</v>
      </c>
      <c r="D4809" s="6" t="s">
        <v>88</v>
      </c>
      <c r="E4809" s="6">
        <v>15001</v>
      </c>
      <c r="F4809" s="6" t="s">
        <v>13</v>
      </c>
      <c r="G4809" s="6" t="s">
        <v>9761</v>
      </c>
      <c r="H4809" s="6" t="s">
        <v>9762</v>
      </c>
      <c r="I4809" s="7">
        <v>5.5446422000000002</v>
      </c>
      <c r="J4809" s="8">
        <v>-73.357557200000002</v>
      </c>
    </row>
    <row r="4810" spans="1:10" x14ac:dyDescent="0.35">
      <c r="A4810" s="5" t="s">
        <v>10</v>
      </c>
      <c r="B4810" s="6">
        <v>231450</v>
      </c>
      <c r="C4810" s="6" t="s">
        <v>117</v>
      </c>
      <c r="D4810" s="6" t="s">
        <v>1334</v>
      </c>
      <c r="E4810" s="6">
        <v>76001</v>
      </c>
      <c r="F4810" s="6" t="s">
        <v>13</v>
      </c>
      <c r="G4810" s="6" t="s">
        <v>9763</v>
      </c>
      <c r="H4810" s="6" t="s">
        <v>9764</v>
      </c>
      <c r="I4810" s="7">
        <v>3.4409450000000001</v>
      </c>
      <c r="J4810" s="8">
        <v>-76.541702000000001</v>
      </c>
    </row>
    <row r="4811" spans="1:10" x14ac:dyDescent="0.35">
      <c r="A4811" s="5" t="s">
        <v>10</v>
      </c>
      <c r="B4811" s="6">
        <v>234141</v>
      </c>
      <c r="C4811" s="6" t="s">
        <v>68</v>
      </c>
      <c r="D4811" s="6" t="s">
        <v>69</v>
      </c>
      <c r="E4811" s="6">
        <v>11001</v>
      </c>
      <c r="F4811" s="6" t="s">
        <v>18</v>
      </c>
      <c r="G4811" s="6" t="s">
        <v>9765</v>
      </c>
      <c r="H4811" s="6" t="s">
        <v>9766</v>
      </c>
      <c r="I4811" s="7">
        <v>4.5346652000000001</v>
      </c>
      <c r="J4811" s="8">
        <v>-74.090426300000004</v>
      </c>
    </row>
    <row r="4812" spans="1:10" x14ac:dyDescent="0.35">
      <c r="A4812" s="5" t="s">
        <v>10</v>
      </c>
      <c r="B4812" s="6">
        <v>244441</v>
      </c>
      <c r="C4812" s="6" t="s">
        <v>68</v>
      </c>
      <c r="D4812" s="6" t="s">
        <v>69</v>
      </c>
      <c r="E4812" s="6">
        <v>11001</v>
      </c>
      <c r="F4812" s="6" t="s">
        <v>18</v>
      </c>
      <c r="G4812" s="6" t="s">
        <v>9767</v>
      </c>
      <c r="H4812" s="6" t="s">
        <v>9768</v>
      </c>
      <c r="I4812" s="7">
        <v>4.6456749999999998</v>
      </c>
      <c r="J4812" s="8">
        <v>-74.1438335</v>
      </c>
    </row>
    <row r="4813" spans="1:10" x14ac:dyDescent="0.35">
      <c r="A4813" s="5" t="s">
        <v>10</v>
      </c>
      <c r="B4813" s="6">
        <v>102633</v>
      </c>
      <c r="C4813" s="6" t="s">
        <v>11</v>
      </c>
      <c r="D4813" s="6" t="s">
        <v>4282</v>
      </c>
      <c r="E4813" s="6">
        <v>25181</v>
      </c>
      <c r="F4813" s="6" t="s">
        <v>18</v>
      </c>
      <c r="G4813" s="6" t="s">
        <v>9769</v>
      </c>
      <c r="H4813" s="6" t="s">
        <v>9770</v>
      </c>
      <c r="I4813" s="7">
        <v>4.5286590000000002</v>
      </c>
      <c r="J4813" s="8">
        <v>-73.922967999999997</v>
      </c>
    </row>
    <row r="4814" spans="1:10" x14ac:dyDescent="0.35">
      <c r="A4814" s="5" t="s">
        <v>10</v>
      </c>
      <c r="B4814" s="6">
        <v>210382</v>
      </c>
      <c r="C4814" s="6" t="s">
        <v>2821</v>
      </c>
      <c r="D4814" s="6" t="s">
        <v>2822</v>
      </c>
      <c r="E4814" s="6">
        <v>47001</v>
      </c>
      <c r="F4814" s="6" t="s">
        <v>18</v>
      </c>
      <c r="G4814" s="6" t="s">
        <v>9771</v>
      </c>
      <c r="H4814" s="6" t="s">
        <v>9772</v>
      </c>
      <c r="I4814" s="7">
        <v>11.2071337</v>
      </c>
      <c r="J4814" s="8">
        <v>-74.164377999999999</v>
      </c>
    </row>
    <row r="4815" spans="1:10" x14ac:dyDescent="0.35">
      <c r="A4815" s="5" t="s">
        <v>10</v>
      </c>
      <c r="B4815" s="6">
        <v>242897</v>
      </c>
      <c r="C4815" s="6" t="s">
        <v>16</v>
      </c>
      <c r="D4815" s="6" t="s">
        <v>78</v>
      </c>
      <c r="E4815" s="6">
        <v>68001</v>
      </c>
      <c r="F4815" s="6" t="s">
        <v>18</v>
      </c>
      <c r="G4815" s="6" t="s">
        <v>9773</v>
      </c>
      <c r="H4815" s="6" t="s">
        <v>9774</v>
      </c>
      <c r="I4815" s="7">
        <v>7.1223825999999999</v>
      </c>
      <c r="J4815" s="8">
        <v>-73.125152499999999</v>
      </c>
    </row>
    <row r="4816" spans="1:10" x14ac:dyDescent="0.35">
      <c r="A4816" s="5" t="s">
        <v>10</v>
      </c>
      <c r="B4816" s="6">
        <v>236204</v>
      </c>
      <c r="C4816" s="6" t="s">
        <v>16</v>
      </c>
      <c r="D4816" s="6" t="s">
        <v>78</v>
      </c>
      <c r="E4816" s="6">
        <v>68001</v>
      </c>
      <c r="F4816" s="6" t="s">
        <v>18</v>
      </c>
      <c r="G4816" s="6" t="s">
        <v>9775</v>
      </c>
      <c r="H4816" s="6" t="s">
        <v>9776</v>
      </c>
      <c r="I4816" s="7">
        <v>7.1310950999999996</v>
      </c>
      <c r="J4816" s="8">
        <v>-73.123927399999999</v>
      </c>
    </row>
    <row r="4817" spans="1:10" x14ac:dyDescent="0.35">
      <c r="A4817" s="5" t="s">
        <v>10</v>
      </c>
      <c r="B4817" s="6">
        <v>229895</v>
      </c>
      <c r="C4817" s="6" t="s">
        <v>11</v>
      </c>
      <c r="D4817" s="6" t="s">
        <v>101</v>
      </c>
      <c r="E4817" s="6">
        <v>25473</v>
      </c>
      <c r="F4817" s="6" t="s">
        <v>18</v>
      </c>
      <c r="G4817" s="6" t="s">
        <v>9777</v>
      </c>
      <c r="H4817" s="6" t="s">
        <v>9778</v>
      </c>
      <c r="I4817" s="7">
        <v>4.7175254000000004</v>
      </c>
      <c r="J4817" s="8">
        <v>-74.224089599999999</v>
      </c>
    </row>
    <row r="4818" spans="1:10" x14ac:dyDescent="0.35">
      <c r="A4818" s="5" t="s">
        <v>10</v>
      </c>
      <c r="B4818" s="6">
        <v>200504</v>
      </c>
      <c r="C4818" s="6" t="s">
        <v>294</v>
      </c>
      <c r="D4818" s="6" t="s">
        <v>703</v>
      </c>
      <c r="E4818" s="6">
        <v>41001</v>
      </c>
      <c r="F4818" s="6" t="s">
        <v>18</v>
      </c>
      <c r="G4818" s="6" t="s">
        <v>9779</v>
      </c>
      <c r="H4818" s="6" t="s">
        <v>9780</v>
      </c>
      <c r="I4818" s="7">
        <v>2.9125969</v>
      </c>
      <c r="J4818" s="8">
        <v>-75.274383200000003</v>
      </c>
    </row>
    <row r="4819" spans="1:10" x14ac:dyDescent="0.35">
      <c r="A4819" s="5" t="s">
        <v>10</v>
      </c>
      <c r="B4819" s="6">
        <v>235508</v>
      </c>
      <c r="C4819" s="6" t="s">
        <v>16</v>
      </c>
      <c r="D4819" s="6" t="s">
        <v>1942</v>
      </c>
      <c r="E4819" s="6">
        <v>68406</v>
      </c>
      <c r="F4819" s="6" t="s">
        <v>18</v>
      </c>
      <c r="G4819" s="6" t="s">
        <v>9781</v>
      </c>
      <c r="H4819" s="6" t="s">
        <v>9782</v>
      </c>
      <c r="I4819" s="7">
        <v>7.1899943000000004</v>
      </c>
      <c r="J4819" s="8">
        <v>-73.300123299999996</v>
      </c>
    </row>
    <row r="4820" spans="1:10" x14ac:dyDescent="0.35">
      <c r="A4820" s="5" t="s">
        <v>10</v>
      </c>
      <c r="B4820" s="6">
        <v>161078</v>
      </c>
      <c r="C4820" s="6" t="s">
        <v>68</v>
      </c>
      <c r="D4820" s="6" t="s">
        <v>69</v>
      </c>
      <c r="E4820" s="6">
        <v>11001</v>
      </c>
      <c r="F4820" s="6" t="s">
        <v>18</v>
      </c>
      <c r="G4820" s="6" t="s">
        <v>9783</v>
      </c>
      <c r="H4820" s="6" t="s">
        <v>9784</v>
      </c>
      <c r="I4820" s="7">
        <v>4.7363577000000001</v>
      </c>
      <c r="J4820" s="8">
        <v>-74.029493500000001</v>
      </c>
    </row>
    <row r="4821" spans="1:10" x14ac:dyDescent="0.35">
      <c r="A4821" s="5" t="s">
        <v>10</v>
      </c>
      <c r="B4821" s="6">
        <v>192438</v>
      </c>
      <c r="C4821" s="6" t="s">
        <v>11</v>
      </c>
      <c r="D4821" s="6" t="s">
        <v>12</v>
      </c>
      <c r="E4821" s="6">
        <v>25899</v>
      </c>
      <c r="F4821" s="6" t="s">
        <v>18</v>
      </c>
      <c r="G4821" s="6" t="s">
        <v>9785</v>
      </c>
      <c r="H4821" s="6" t="s">
        <v>9786</v>
      </c>
      <c r="I4821" s="7">
        <v>6.1885313000000002</v>
      </c>
      <c r="J4821" s="8">
        <v>-74.991584000000003</v>
      </c>
    </row>
    <row r="4822" spans="1:10" x14ac:dyDescent="0.35">
      <c r="A4822" s="5" t="s">
        <v>10</v>
      </c>
      <c r="B4822" s="6">
        <v>245474</v>
      </c>
      <c r="C4822" s="6" t="s">
        <v>16</v>
      </c>
      <c r="D4822" s="6" t="s">
        <v>1266</v>
      </c>
      <c r="E4822" s="6">
        <v>68081</v>
      </c>
      <c r="F4822" s="6" t="s">
        <v>18</v>
      </c>
      <c r="G4822" s="6" t="s">
        <v>9787</v>
      </c>
      <c r="H4822" s="6" t="s">
        <v>9788</v>
      </c>
      <c r="I4822" s="7">
        <v>7.0617084999999999</v>
      </c>
      <c r="J4822" s="8">
        <v>-73.851931899999997</v>
      </c>
    </row>
    <row r="4823" spans="1:10" x14ac:dyDescent="0.35">
      <c r="A4823" s="5" t="s">
        <v>10</v>
      </c>
      <c r="B4823" s="6">
        <v>241514</v>
      </c>
      <c r="C4823" s="6" t="s">
        <v>302</v>
      </c>
      <c r="D4823" s="6" t="s">
        <v>9646</v>
      </c>
      <c r="E4823" s="6">
        <v>8606</v>
      </c>
      <c r="F4823" s="6" t="s">
        <v>18</v>
      </c>
      <c r="G4823" s="6" t="s">
        <v>9789</v>
      </c>
      <c r="H4823" s="6" t="s">
        <v>9790</v>
      </c>
      <c r="I4823" s="7">
        <v>10.512600900000001</v>
      </c>
      <c r="J4823" s="8">
        <v>-75.127451699999995</v>
      </c>
    </row>
    <row r="4824" spans="1:10" x14ac:dyDescent="0.35">
      <c r="A4824" s="5" t="s">
        <v>10</v>
      </c>
      <c r="B4824" s="6">
        <v>187592</v>
      </c>
      <c r="C4824" s="6" t="s">
        <v>2821</v>
      </c>
      <c r="D4824" s="6" t="s">
        <v>9791</v>
      </c>
      <c r="E4824" s="6">
        <v>47720</v>
      </c>
      <c r="F4824" s="6" t="s">
        <v>18</v>
      </c>
      <c r="G4824" s="6" t="s">
        <v>9792</v>
      </c>
      <c r="H4824" s="6" t="s">
        <v>9793</v>
      </c>
      <c r="I4824" s="7">
        <v>9.4326314</v>
      </c>
      <c r="J4824" s="8">
        <v>-74.704076899999905</v>
      </c>
    </row>
    <row r="4825" spans="1:10" x14ac:dyDescent="0.35">
      <c r="A4825" s="5" t="s">
        <v>10</v>
      </c>
      <c r="B4825" s="6">
        <v>208667</v>
      </c>
      <c r="C4825" s="6" t="s">
        <v>302</v>
      </c>
      <c r="D4825" s="6" t="s">
        <v>359</v>
      </c>
      <c r="E4825" s="6">
        <v>8001</v>
      </c>
      <c r="F4825" s="6" t="s">
        <v>18</v>
      </c>
      <c r="G4825" s="6" t="s">
        <v>9794</v>
      </c>
      <c r="H4825" s="6" t="s">
        <v>9795</v>
      </c>
      <c r="I4825" s="7">
        <v>10.952907</v>
      </c>
      <c r="J4825" s="8">
        <v>-74.806868199999997</v>
      </c>
    </row>
    <row r="4826" spans="1:10" x14ac:dyDescent="0.35">
      <c r="A4826" s="5" t="s">
        <v>10</v>
      </c>
      <c r="B4826" s="6">
        <v>233716</v>
      </c>
      <c r="C4826" s="6" t="s">
        <v>11</v>
      </c>
      <c r="D4826" s="6" t="s">
        <v>12</v>
      </c>
      <c r="E4826" s="6">
        <v>25899</v>
      </c>
      <c r="F4826" s="6" t="s">
        <v>13</v>
      </c>
      <c r="G4826" s="6" t="s">
        <v>9796</v>
      </c>
      <c r="H4826" s="6" t="s">
        <v>9797</v>
      </c>
      <c r="I4826" s="7">
        <v>5.0292399999999997</v>
      </c>
      <c r="J4826" s="8">
        <v>-73.980930000000001</v>
      </c>
    </row>
    <row r="4827" spans="1:10" x14ac:dyDescent="0.35">
      <c r="A4827" s="5" t="s">
        <v>10</v>
      </c>
      <c r="B4827" s="6">
        <v>235399</v>
      </c>
      <c r="C4827" s="6" t="s">
        <v>68</v>
      </c>
      <c r="D4827" s="6" t="s">
        <v>69</v>
      </c>
      <c r="E4827" s="6">
        <v>11001</v>
      </c>
      <c r="F4827" s="6" t="s">
        <v>13</v>
      </c>
      <c r="G4827" s="6" t="s">
        <v>9798</v>
      </c>
      <c r="H4827" s="6" t="s">
        <v>9799</v>
      </c>
      <c r="I4827" s="7">
        <v>4.6172911000000001</v>
      </c>
      <c r="J4827" s="8">
        <v>-74.119397199999995</v>
      </c>
    </row>
    <row r="4828" spans="1:10" x14ac:dyDescent="0.35">
      <c r="A4828" s="5" t="s">
        <v>10</v>
      </c>
      <c r="B4828" s="6">
        <v>201715</v>
      </c>
      <c r="C4828" s="6" t="s">
        <v>11</v>
      </c>
      <c r="D4828" s="6" t="s">
        <v>334</v>
      </c>
      <c r="E4828" s="6">
        <v>25754</v>
      </c>
      <c r="F4828" s="6" t="s">
        <v>13</v>
      </c>
      <c r="G4828" s="6" t="s">
        <v>9800</v>
      </c>
      <c r="H4828" s="6" t="s">
        <v>9801</v>
      </c>
      <c r="I4828" s="7">
        <v>4.5904815000000001</v>
      </c>
      <c r="J4828" s="8">
        <v>-74.206301699999997</v>
      </c>
    </row>
    <row r="4829" spans="1:10" x14ac:dyDescent="0.35">
      <c r="A4829" s="5" t="s">
        <v>10</v>
      </c>
      <c r="B4829" s="6">
        <v>211791</v>
      </c>
      <c r="C4829" s="6" t="s">
        <v>16</v>
      </c>
      <c r="D4829" s="6" t="s">
        <v>2825</v>
      </c>
      <c r="E4829" s="6">
        <v>68276</v>
      </c>
      <c r="F4829" s="6" t="s">
        <v>18</v>
      </c>
      <c r="G4829" s="6" t="s">
        <v>9802</v>
      </c>
      <c r="H4829" s="6" t="s">
        <v>9803</v>
      </c>
      <c r="I4829" s="7">
        <v>7.0808979000000001</v>
      </c>
      <c r="J4829" s="8">
        <v>-73.103241299999993</v>
      </c>
    </row>
    <row r="4830" spans="1:10" x14ac:dyDescent="0.35">
      <c r="A4830" s="5" t="s">
        <v>10</v>
      </c>
      <c r="B4830" s="6">
        <v>99386</v>
      </c>
      <c r="C4830" s="6" t="s">
        <v>68</v>
      </c>
      <c r="D4830" s="6" t="s">
        <v>69</v>
      </c>
      <c r="E4830" s="6">
        <v>11001</v>
      </c>
      <c r="F4830" s="6" t="s">
        <v>18</v>
      </c>
      <c r="G4830" s="6" t="s">
        <v>9335</v>
      </c>
      <c r="H4830" s="6" t="s">
        <v>9336</v>
      </c>
      <c r="I4830" s="7">
        <v>4.7214942000000004</v>
      </c>
      <c r="J4830" s="8">
        <v>-74.114765899999995</v>
      </c>
    </row>
    <row r="4831" spans="1:10" x14ac:dyDescent="0.35">
      <c r="A4831" s="5" t="s">
        <v>10</v>
      </c>
      <c r="B4831" s="6">
        <v>234240</v>
      </c>
      <c r="C4831" s="6" t="s">
        <v>68</v>
      </c>
      <c r="D4831" s="6" t="s">
        <v>69</v>
      </c>
      <c r="E4831" s="6">
        <v>11001</v>
      </c>
      <c r="F4831" s="6" t="s">
        <v>18</v>
      </c>
      <c r="G4831" s="6" t="s">
        <v>9804</v>
      </c>
      <c r="H4831" s="6" t="s">
        <v>9805</v>
      </c>
      <c r="I4831" s="7">
        <v>4.5592405999999999</v>
      </c>
      <c r="J4831" s="8">
        <v>-74.116882399999994</v>
      </c>
    </row>
    <row r="4832" spans="1:10" x14ac:dyDescent="0.35">
      <c r="A4832" s="5" t="s">
        <v>10</v>
      </c>
      <c r="B4832" s="6">
        <v>187040</v>
      </c>
      <c r="C4832" s="6" t="s">
        <v>68</v>
      </c>
      <c r="D4832" s="6" t="s">
        <v>69</v>
      </c>
      <c r="E4832" s="6">
        <v>11001</v>
      </c>
      <c r="F4832" s="6" t="s">
        <v>18</v>
      </c>
      <c r="G4832" s="6" t="s">
        <v>9806</v>
      </c>
      <c r="H4832" s="6" t="s">
        <v>9807</v>
      </c>
      <c r="I4832" s="7">
        <v>4.5673537</v>
      </c>
      <c r="J4832" s="8">
        <v>-74.169505399999906</v>
      </c>
    </row>
    <row r="4833" spans="1:10" x14ac:dyDescent="0.35">
      <c r="A4833" s="5" t="s">
        <v>10</v>
      </c>
      <c r="B4833" s="6">
        <v>226654</v>
      </c>
      <c r="C4833" s="6" t="s">
        <v>302</v>
      </c>
      <c r="D4833" s="6" t="s">
        <v>4041</v>
      </c>
      <c r="E4833" s="6">
        <v>8758</v>
      </c>
      <c r="F4833" s="6" t="s">
        <v>18</v>
      </c>
      <c r="G4833" s="6" t="s">
        <v>9808</v>
      </c>
      <c r="H4833" s="6" t="s">
        <v>9809</v>
      </c>
      <c r="I4833" s="7">
        <v>10.904262900000001</v>
      </c>
      <c r="J4833" s="8">
        <v>-74.797280999999998</v>
      </c>
    </row>
    <row r="4834" spans="1:10" x14ac:dyDescent="0.35">
      <c r="A4834" s="5" t="s">
        <v>10</v>
      </c>
      <c r="B4834" s="6">
        <v>242946</v>
      </c>
      <c r="C4834" s="6" t="s">
        <v>16</v>
      </c>
      <c r="D4834" s="6" t="s">
        <v>410</v>
      </c>
      <c r="E4834" s="6">
        <v>68418</v>
      </c>
      <c r="F4834" s="6" t="s">
        <v>18</v>
      </c>
      <c r="G4834" s="6" t="s">
        <v>9810</v>
      </c>
      <c r="H4834" s="6" t="s">
        <v>9811</v>
      </c>
      <c r="I4834" s="7">
        <v>6.7557340000000003</v>
      </c>
      <c r="J4834" s="8">
        <v>-73.102305000000001</v>
      </c>
    </row>
    <row r="4835" spans="1:10" x14ac:dyDescent="0.35">
      <c r="A4835" s="5" t="s">
        <v>10</v>
      </c>
      <c r="B4835" s="6">
        <v>238737</v>
      </c>
      <c r="C4835" s="6" t="s">
        <v>68</v>
      </c>
      <c r="D4835" s="6" t="s">
        <v>69</v>
      </c>
      <c r="E4835" s="6">
        <v>11001</v>
      </c>
      <c r="F4835" s="6" t="s">
        <v>13</v>
      </c>
      <c r="G4835" s="6" t="s">
        <v>9812</v>
      </c>
      <c r="H4835" s="6" t="s">
        <v>9813</v>
      </c>
      <c r="I4835" s="7">
        <v>4.5464188999999999</v>
      </c>
      <c r="J4835" s="8">
        <v>-74.115051800000003</v>
      </c>
    </row>
    <row r="4836" spans="1:10" x14ac:dyDescent="0.35">
      <c r="A4836" s="5" t="s">
        <v>10</v>
      </c>
      <c r="B4836" s="6">
        <v>216538</v>
      </c>
      <c r="C4836" s="6" t="s">
        <v>68</v>
      </c>
      <c r="D4836" s="6" t="s">
        <v>69</v>
      </c>
      <c r="E4836" s="6">
        <v>11001</v>
      </c>
      <c r="F4836" s="6" t="s">
        <v>18</v>
      </c>
      <c r="G4836" s="6" t="s">
        <v>9814</v>
      </c>
      <c r="H4836" s="6" t="s">
        <v>9815</v>
      </c>
      <c r="I4836" s="7">
        <v>4.6831572000000001</v>
      </c>
      <c r="J4836" s="8">
        <v>-74.101855700000002</v>
      </c>
    </row>
    <row r="4837" spans="1:10" x14ac:dyDescent="0.35">
      <c r="A4837" s="5" t="s">
        <v>10</v>
      </c>
      <c r="B4837" s="6">
        <v>69362</v>
      </c>
      <c r="C4837" s="6" t="s">
        <v>294</v>
      </c>
      <c r="D4837" s="6" t="s">
        <v>703</v>
      </c>
      <c r="E4837" s="6">
        <v>41001</v>
      </c>
      <c r="F4837" s="6" t="s">
        <v>18</v>
      </c>
      <c r="G4837" s="6" t="s">
        <v>7849</v>
      </c>
      <c r="H4837" s="6" t="s">
        <v>7850</v>
      </c>
      <c r="I4837" s="7">
        <v>2.9567022999999999</v>
      </c>
      <c r="J4837" s="8">
        <v>-75.282984400000004</v>
      </c>
    </row>
    <row r="4838" spans="1:10" x14ac:dyDescent="0.35">
      <c r="A4838" s="5" t="s">
        <v>10</v>
      </c>
      <c r="B4838" s="6">
        <v>175172</v>
      </c>
      <c r="C4838" s="6" t="s">
        <v>294</v>
      </c>
      <c r="D4838" s="6" t="s">
        <v>703</v>
      </c>
      <c r="E4838" s="6">
        <v>41001</v>
      </c>
      <c r="F4838" s="6" t="s">
        <v>18</v>
      </c>
      <c r="G4838" s="6" t="s">
        <v>9816</v>
      </c>
      <c r="H4838" s="6" t="s">
        <v>9817</v>
      </c>
      <c r="I4838" s="7">
        <v>2.9344836999999999</v>
      </c>
      <c r="J4838" s="8">
        <v>-75.280900099999997</v>
      </c>
    </row>
    <row r="4839" spans="1:10" x14ac:dyDescent="0.35">
      <c r="A4839" s="5" t="s">
        <v>10</v>
      </c>
      <c r="B4839" s="6">
        <v>247502</v>
      </c>
      <c r="C4839" s="6" t="s">
        <v>294</v>
      </c>
      <c r="D4839" s="6" t="s">
        <v>703</v>
      </c>
      <c r="E4839" s="6">
        <v>41001</v>
      </c>
      <c r="F4839" s="6" t="s">
        <v>18</v>
      </c>
      <c r="G4839" s="6" t="s">
        <v>9818</v>
      </c>
      <c r="H4839" s="6" t="s">
        <v>9819</v>
      </c>
      <c r="I4839" s="7">
        <v>2.9045738000000001</v>
      </c>
      <c r="J4839" s="8">
        <v>-75.273861199999999</v>
      </c>
    </row>
    <row r="4840" spans="1:10" x14ac:dyDescent="0.35">
      <c r="A4840" s="5" t="s">
        <v>10</v>
      </c>
      <c r="B4840" s="6">
        <v>232591</v>
      </c>
      <c r="C4840" s="6" t="s">
        <v>16</v>
      </c>
      <c r="D4840" s="6" t="s">
        <v>78</v>
      </c>
      <c r="E4840" s="6">
        <v>68001</v>
      </c>
      <c r="F4840" s="6" t="s">
        <v>18</v>
      </c>
      <c r="G4840" s="6" t="s">
        <v>9820</v>
      </c>
      <c r="H4840" s="6" t="s">
        <v>9821</v>
      </c>
      <c r="I4840" s="7">
        <v>7.0986478000000002</v>
      </c>
      <c r="J4840" s="8">
        <v>-73.116398399999994</v>
      </c>
    </row>
    <row r="4841" spans="1:10" x14ac:dyDescent="0.35">
      <c r="A4841" s="5" t="s">
        <v>10</v>
      </c>
      <c r="B4841" s="6">
        <v>141544</v>
      </c>
      <c r="C4841" s="6" t="s">
        <v>68</v>
      </c>
      <c r="D4841" s="6" t="s">
        <v>69</v>
      </c>
      <c r="E4841" s="6">
        <v>11001</v>
      </c>
      <c r="F4841" s="6" t="s">
        <v>18</v>
      </c>
      <c r="G4841" s="6" t="s">
        <v>9822</v>
      </c>
      <c r="H4841" s="6" t="s">
        <v>9823</v>
      </c>
      <c r="I4841" s="7">
        <v>4.5060316999999896</v>
      </c>
      <c r="J4841" s="8">
        <v>-74.116775899999993</v>
      </c>
    </row>
    <row r="4842" spans="1:10" x14ac:dyDescent="0.35">
      <c r="A4842" s="5" t="s">
        <v>10</v>
      </c>
      <c r="B4842" s="6">
        <v>206897</v>
      </c>
      <c r="C4842" s="6" t="s">
        <v>68</v>
      </c>
      <c r="D4842" s="6" t="s">
        <v>69</v>
      </c>
      <c r="E4842" s="6">
        <v>11001</v>
      </c>
      <c r="F4842" s="6" t="s">
        <v>18</v>
      </c>
      <c r="G4842" s="6" t="s">
        <v>9824</v>
      </c>
      <c r="H4842" s="6" t="s">
        <v>9825</v>
      </c>
      <c r="I4842" s="7">
        <v>4.6282038999999999</v>
      </c>
      <c r="J4842" s="8">
        <v>-74.197301899999999</v>
      </c>
    </row>
    <row r="4843" spans="1:10" x14ac:dyDescent="0.35">
      <c r="A4843" s="5" t="s">
        <v>10</v>
      </c>
      <c r="B4843" s="6">
        <v>226194</v>
      </c>
      <c r="C4843" s="6" t="s">
        <v>68</v>
      </c>
      <c r="D4843" s="6" t="s">
        <v>69</v>
      </c>
      <c r="E4843" s="6">
        <v>11001</v>
      </c>
      <c r="F4843" s="6" t="s">
        <v>18</v>
      </c>
      <c r="G4843" s="6" t="s">
        <v>9826</v>
      </c>
      <c r="H4843" s="6" t="s">
        <v>9827</v>
      </c>
      <c r="I4843" s="7">
        <v>4.6261624000000001</v>
      </c>
      <c r="J4843" s="8">
        <v>-74.163881399999994</v>
      </c>
    </row>
    <row r="4844" spans="1:10" x14ac:dyDescent="0.35">
      <c r="A4844" s="5" t="s">
        <v>10</v>
      </c>
      <c r="B4844" s="6">
        <v>230640</v>
      </c>
      <c r="C4844" s="6" t="s">
        <v>3788</v>
      </c>
      <c r="D4844" s="6" t="s">
        <v>7125</v>
      </c>
      <c r="E4844" s="6">
        <v>18247</v>
      </c>
      <c r="F4844" s="6" t="s">
        <v>18</v>
      </c>
      <c r="G4844" s="6" t="s">
        <v>9828</v>
      </c>
      <c r="H4844" s="6" t="s">
        <v>9829</v>
      </c>
      <c r="I4844" s="7">
        <v>1.680042</v>
      </c>
      <c r="J4844" s="8">
        <v>-75.2833349</v>
      </c>
    </row>
    <row r="4845" spans="1:10" x14ac:dyDescent="0.35">
      <c r="A4845" s="5" t="s">
        <v>10</v>
      </c>
      <c r="B4845" s="6">
        <v>236656</v>
      </c>
      <c r="C4845" s="6" t="s">
        <v>2821</v>
      </c>
      <c r="D4845" s="6" t="s">
        <v>2822</v>
      </c>
      <c r="E4845" s="6">
        <v>47001</v>
      </c>
      <c r="F4845" s="6" t="s">
        <v>18</v>
      </c>
      <c r="G4845" s="6" t="s">
        <v>9830</v>
      </c>
      <c r="H4845" s="6" t="s">
        <v>9831</v>
      </c>
      <c r="I4845" s="7">
        <v>11.1809425</v>
      </c>
      <c r="J4845" s="8">
        <v>-74.197227499999997</v>
      </c>
    </row>
    <row r="4846" spans="1:10" x14ac:dyDescent="0.35">
      <c r="A4846" s="5" t="s">
        <v>10</v>
      </c>
      <c r="B4846" s="6">
        <v>209934</v>
      </c>
      <c r="C4846" s="6" t="s">
        <v>366</v>
      </c>
      <c r="D4846" s="6" t="s">
        <v>8296</v>
      </c>
      <c r="E4846" s="6">
        <v>44001</v>
      </c>
      <c r="F4846" s="6" t="s">
        <v>18</v>
      </c>
      <c r="G4846" s="6" t="s">
        <v>9832</v>
      </c>
      <c r="H4846" s="6" t="s">
        <v>9833</v>
      </c>
      <c r="I4846" s="7">
        <v>11.544078900000001</v>
      </c>
      <c r="J4846" s="8">
        <v>-72.910874899999996</v>
      </c>
    </row>
    <row r="4847" spans="1:10" x14ac:dyDescent="0.35">
      <c r="A4847" s="5" t="s">
        <v>10</v>
      </c>
      <c r="B4847" s="6">
        <v>242952</v>
      </c>
      <c r="C4847" s="6" t="s">
        <v>16</v>
      </c>
      <c r="D4847" s="6" t="s">
        <v>78</v>
      </c>
      <c r="E4847" s="6">
        <v>68001</v>
      </c>
      <c r="F4847" s="6" t="s">
        <v>18</v>
      </c>
      <c r="G4847" s="6" t="s">
        <v>9834</v>
      </c>
      <c r="H4847" s="6" t="s">
        <v>9835</v>
      </c>
      <c r="I4847" s="7">
        <v>7.0955671000000002</v>
      </c>
      <c r="J4847" s="8">
        <v>-73.134386899999996</v>
      </c>
    </row>
    <row r="4848" spans="1:10" x14ac:dyDescent="0.35">
      <c r="A4848" s="5" t="s">
        <v>10</v>
      </c>
      <c r="B4848" s="6">
        <v>238869</v>
      </c>
      <c r="C4848" s="6" t="s">
        <v>68</v>
      </c>
      <c r="D4848" s="6" t="s">
        <v>69</v>
      </c>
      <c r="E4848" s="6">
        <v>11001</v>
      </c>
      <c r="F4848" s="6" t="s">
        <v>13</v>
      </c>
      <c r="G4848" s="6" t="s">
        <v>9836</v>
      </c>
      <c r="H4848" s="6" t="s">
        <v>9837</v>
      </c>
      <c r="I4848" s="7">
        <v>4.5941619999999999</v>
      </c>
      <c r="J4848" s="8">
        <v>-74.098565699999995</v>
      </c>
    </row>
    <row r="4849" spans="1:10" x14ac:dyDescent="0.35">
      <c r="A4849" s="5" t="s">
        <v>10</v>
      </c>
      <c r="B4849" s="6">
        <v>217100</v>
      </c>
      <c r="C4849" s="6" t="s">
        <v>366</v>
      </c>
      <c r="D4849" s="6" t="s">
        <v>763</v>
      </c>
      <c r="E4849" s="6">
        <v>44279</v>
      </c>
      <c r="F4849" s="6" t="s">
        <v>13</v>
      </c>
      <c r="G4849" s="6" t="s">
        <v>9838</v>
      </c>
      <c r="H4849" s="6" t="s">
        <v>9839</v>
      </c>
      <c r="I4849" s="7">
        <v>10.8878767</v>
      </c>
      <c r="J4849" s="8">
        <v>-72.855906300000001</v>
      </c>
    </row>
    <row r="4850" spans="1:10" x14ac:dyDescent="0.35">
      <c r="A4850" s="5" t="s">
        <v>10</v>
      </c>
      <c r="B4850" s="6">
        <v>232810</v>
      </c>
      <c r="C4850" s="6" t="s">
        <v>117</v>
      </c>
      <c r="D4850" s="6" t="s">
        <v>3860</v>
      </c>
      <c r="E4850" s="6">
        <v>76130</v>
      </c>
      <c r="F4850" s="6" t="s">
        <v>18</v>
      </c>
      <c r="G4850" s="6" t="s">
        <v>9840</v>
      </c>
      <c r="H4850" s="6" t="s">
        <v>9841</v>
      </c>
      <c r="I4850" s="7">
        <v>3.4100967</v>
      </c>
      <c r="J4850" s="8">
        <v>-76.347201499999997</v>
      </c>
    </row>
    <row r="4851" spans="1:10" x14ac:dyDescent="0.35">
      <c r="A4851" s="5" t="s">
        <v>10</v>
      </c>
      <c r="B4851" s="6">
        <v>233014</v>
      </c>
      <c r="C4851" s="6" t="s">
        <v>68</v>
      </c>
      <c r="D4851" s="6" t="s">
        <v>69</v>
      </c>
      <c r="E4851" s="6">
        <v>11001</v>
      </c>
      <c r="F4851" s="6" t="s">
        <v>18</v>
      </c>
      <c r="G4851" s="6" t="s">
        <v>9842</v>
      </c>
      <c r="H4851" s="6" t="s">
        <v>9843</v>
      </c>
      <c r="I4851" s="7">
        <v>4.6202500000000004</v>
      </c>
      <c r="J4851" s="8">
        <v>-74.189260000000004</v>
      </c>
    </row>
    <row r="4852" spans="1:10" x14ac:dyDescent="0.35">
      <c r="A4852" s="5" t="s">
        <v>10</v>
      </c>
      <c r="B4852" s="6">
        <v>227554</v>
      </c>
      <c r="C4852" s="6" t="s">
        <v>16</v>
      </c>
      <c r="D4852" s="6" t="s">
        <v>510</v>
      </c>
      <c r="E4852" s="6">
        <v>68547</v>
      </c>
      <c r="F4852" s="6" t="s">
        <v>18</v>
      </c>
      <c r="G4852" s="6" t="s">
        <v>9844</v>
      </c>
      <c r="H4852" s="6" t="s">
        <v>9845</v>
      </c>
      <c r="I4852" s="7">
        <v>6.9915390000000004</v>
      </c>
      <c r="J4852" s="8">
        <v>-73.053997999999893</v>
      </c>
    </row>
    <row r="4853" spans="1:10" x14ac:dyDescent="0.35">
      <c r="A4853" s="5" t="s">
        <v>10</v>
      </c>
      <c r="B4853" s="6">
        <v>229798</v>
      </c>
      <c r="C4853" s="6" t="s">
        <v>294</v>
      </c>
      <c r="D4853" s="6" t="s">
        <v>703</v>
      </c>
      <c r="E4853" s="6">
        <v>41001</v>
      </c>
      <c r="F4853" s="6" t="s">
        <v>18</v>
      </c>
      <c r="G4853" s="6" t="s">
        <v>9846</v>
      </c>
      <c r="H4853" s="6" t="s">
        <v>9847</v>
      </c>
      <c r="I4853" s="7">
        <v>2.9274330000000002</v>
      </c>
      <c r="J4853" s="8">
        <v>-75.287492999999998</v>
      </c>
    </row>
    <row r="4854" spans="1:10" x14ac:dyDescent="0.35">
      <c r="A4854" s="5" t="s">
        <v>10</v>
      </c>
      <c r="B4854" s="6">
        <v>218805</v>
      </c>
      <c r="C4854" s="6" t="s">
        <v>294</v>
      </c>
      <c r="D4854" s="6" t="s">
        <v>703</v>
      </c>
      <c r="E4854" s="6">
        <v>41001</v>
      </c>
      <c r="F4854" s="6" t="s">
        <v>18</v>
      </c>
      <c r="G4854" s="6" t="s">
        <v>9848</v>
      </c>
      <c r="H4854" s="6" t="s">
        <v>9849</v>
      </c>
      <c r="I4854" s="7">
        <v>2.9019943000000001</v>
      </c>
      <c r="J4854" s="8">
        <v>-75.264175600000002</v>
      </c>
    </row>
    <row r="4855" spans="1:10" x14ac:dyDescent="0.35">
      <c r="A4855" s="5" t="s">
        <v>10</v>
      </c>
      <c r="B4855" s="6">
        <v>187249</v>
      </c>
      <c r="C4855" s="6" t="s">
        <v>68</v>
      </c>
      <c r="D4855" s="6" t="s">
        <v>69</v>
      </c>
      <c r="E4855" s="6">
        <v>11001</v>
      </c>
      <c r="F4855" s="6" t="s">
        <v>18</v>
      </c>
      <c r="G4855" s="6" t="s">
        <v>9850</v>
      </c>
      <c r="H4855" s="6" t="s">
        <v>9851</v>
      </c>
      <c r="I4855" s="7">
        <v>4.6371954000000004</v>
      </c>
      <c r="J4855" s="8">
        <v>-74.164872000000003</v>
      </c>
    </row>
    <row r="4856" spans="1:10" x14ac:dyDescent="0.35">
      <c r="A4856" s="5" t="s">
        <v>10</v>
      </c>
      <c r="B4856" s="6">
        <v>159101</v>
      </c>
      <c r="C4856" s="6" t="s">
        <v>11</v>
      </c>
      <c r="D4856" s="6" t="s">
        <v>5326</v>
      </c>
      <c r="E4856" s="6">
        <v>25200</v>
      </c>
      <c r="F4856" s="6" t="s">
        <v>18</v>
      </c>
      <c r="G4856" s="6" t="s">
        <v>9852</v>
      </c>
      <c r="H4856" s="6" t="s">
        <v>9853</v>
      </c>
      <c r="I4856" s="7">
        <v>3.4489722999999999</v>
      </c>
      <c r="J4856" s="8">
        <v>-76.540004600000003</v>
      </c>
    </row>
    <row r="4857" spans="1:10" x14ac:dyDescent="0.35">
      <c r="A4857" s="5" t="s">
        <v>10</v>
      </c>
      <c r="B4857" s="6">
        <v>112568</v>
      </c>
      <c r="C4857" s="6" t="s">
        <v>68</v>
      </c>
      <c r="D4857" s="6" t="s">
        <v>69</v>
      </c>
      <c r="E4857" s="6">
        <v>11001</v>
      </c>
      <c r="F4857" s="6" t="s">
        <v>18</v>
      </c>
      <c r="G4857" s="6" t="s">
        <v>9854</v>
      </c>
      <c r="H4857" s="6" t="s">
        <v>9855</v>
      </c>
      <c r="I4857" s="7">
        <v>4.6848713999999996</v>
      </c>
      <c r="J4857" s="8">
        <v>-74.105115799999993</v>
      </c>
    </row>
    <row r="4858" spans="1:10" x14ac:dyDescent="0.35">
      <c r="A4858" s="5" t="s">
        <v>10</v>
      </c>
      <c r="B4858" s="6">
        <v>245571</v>
      </c>
      <c r="C4858" s="6" t="s">
        <v>2821</v>
      </c>
      <c r="D4858" s="6" t="s">
        <v>2822</v>
      </c>
      <c r="E4858" s="6">
        <v>47001</v>
      </c>
      <c r="F4858" s="6" t="s">
        <v>18</v>
      </c>
      <c r="G4858" s="6" t="s">
        <v>9856</v>
      </c>
      <c r="H4858" s="6" t="s">
        <v>9857</v>
      </c>
      <c r="I4858" s="7">
        <v>11.1909116</v>
      </c>
      <c r="J4858" s="8">
        <v>-74.218495099999998</v>
      </c>
    </row>
    <row r="4859" spans="1:10" x14ac:dyDescent="0.35">
      <c r="A4859" s="5" t="s">
        <v>10</v>
      </c>
      <c r="B4859" s="6">
        <v>227916</v>
      </c>
      <c r="C4859" s="6" t="s">
        <v>68</v>
      </c>
      <c r="D4859" s="6" t="s">
        <v>69</v>
      </c>
      <c r="E4859" s="6">
        <v>11001</v>
      </c>
      <c r="F4859" s="6" t="s">
        <v>13</v>
      </c>
      <c r="G4859" s="6" t="s">
        <v>9858</v>
      </c>
      <c r="H4859" s="6" t="s">
        <v>9859</v>
      </c>
      <c r="I4859" s="7">
        <v>4.5621767999999996</v>
      </c>
      <c r="J4859" s="8">
        <v>-74.088539499999996</v>
      </c>
    </row>
    <row r="4860" spans="1:10" x14ac:dyDescent="0.35">
      <c r="A4860" s="5" t="s">
        <v>10</v>
      </c>
      <c r="B4860" s="6">
        <v>233690</v>
      </c>
      <c r="C4860" s="6" t="s">
        <v>4364</v>
      </c>
      <c r="D4860" s="6" t="s">
        <v>8441</v>
      </c>
      <c r="E4860" s="6">
        <v>70708</v>
      </c>
      <c r="F4860" s="6" t="s">
        <v>18</v>
      </c>
      <c r="G4860" s="6" t="s">
        <v>9860</v>
      </c>
      <c r="H4860" s="6" t="s">
        <v>9861</v>
      </c>
      <c r="I4860" s="7">
        <v>8.6606100000000001</v>
      </c>
      <c r="J4860" s="8">
        <v>-75.134720000000002</v>
      </c>
    </row>
    <row r="4861" spans="1:10" x14ac:dyDescent="0.35">
      <c r="A4861" s="5" t="s">
        <v>10</v>
      </c>
      <c r="B4861" s="6">
        <v>236437</v>
      </c>
      <c r="C4861" s="6" t="s">
        <v>55</v>
      </c>
      <c r="D4861" s="6" t="s">
        <v>56</v>
      </c>
      <c r="E4861" s="6">
        <v>73001</v>
      </c>
      <c r="F4861" s="6" t="s">
        <v>18</v>
      </c>
      <c r="G4861" s="6" t="s">
        <v>9862</v>
      </c>
      <c r="H4861" s="6" t="s">
        <v>9863</v>
      </c>
      <c r="I4861" s="7">
        <v>4.4485389</v>
      </c>
      <c r="J4861" s="8">
        <v>-75.147630399999997</v>
      </c>
    </row>
    <row r="4862" spans="1:10" x14ac:dyDescent="0.35">
      <c r="A4862" s="5" t="s">
        <v>10</v>
      </c>
      <c r="B4862" s="6">
        <v>236777</v>
      </c>
      <c r="C4862" s="6" t="s">
        <v>28</v>
      </c>
      <c r="D4862" s="6" t="s">
        <v>29</v>
      </c>
      <c r="E4862" s="6">
        <v>54001</v>
      </c>
      <c r="F4862" s="6" t="s">
        <v>18</v>
      </c>
      <c r="G4862" s="6" t="s">
        <v>9864</v>
      </c>
      <c r="H4862" s="6" t="s">
        <v>9865</v>
      </c>
      <c r="I4862" s="7">
        <v>7.8873461000000002</v>
      </c>
      <c r="J4862" s="8">
        <v>-72.499773399999995</v>
      </c>
    </row>
    <row r="4863" spans="1:10" x14ac:dyDescent="0.35">
      <c r="A4863" s="5" t="s">
        <v>10</v>
      </c>
      <c r="B4863" s="6">
        <v>229896</v>
      </c>
      <c r="C4863" s="6" t="s">
        <v>11</v>
      </c>
      <c r="D4863" s="6" t="s">
        <v>221</v>
      </c>
      <c r="E4863" s="6">
        <v>25430</v>
      </c>
      <c r="F4863" s="6" t="s">
        <v>18</v>
      </c>
      <c r="G4863" s="6" t="s">
        <v>9866</v>
      </c>
      <c r="H4863" s="6" t="s">
        <v>9867</v>
      </c>
      <c r="I4863" s="7">
        <v>4.7361618999999999</v>
      </c>
      <c r="J4863" s="8">
        <v>-74.275770199999997</v>
      </c>
    </row>
    <row r="4864" spans="1:10" x14ac:dyDescent="0.35">
      <c r="A4864" s="5" t="s">
        <v>10</v>
      </c>
      <c r="B4864" s="6">
        <v>232239</v>
      </c>
      <c r="C4864" s="6" t="s">
        <v>61</v>
      </c>
      <c r="D4864" s="6" t="s">
        <v>62</v>
      </c>
      <c r="E4864" s="6">
        <v>63001</v>
      </c>
      <c r="F4864" s="6" t="s">
        <v>18</v>
      </c>
      <c r="G4864" s="6" t="s">
        <v>9868</v>
      </c>
      <c r="H4864" s="6" t="s">
        <v>9869</v>
      </c>
      <c r="I4864" s="7">
        <v>4.5448199999999996</v>
      </c>
      <c r="J4864" s="8">
        <v>-75.668379999999999</v>
      </c>
    </row>
    <row r="4865" spans="1:10" x14ac:dyDescent="0.35">
      <c r="A4865" s="5" t="s">
        <v>10</v>
      </c>
      <c r="B4865" s="6">
        <v>231594</v>
      </c>
      <c r="C4865" s="6" t="s">
        <v>68</v>
      </c>
      <c r="D4865" s="6" t="s">
        <v>69</v>
      </c>
      <c r="E4865" s="6">
        <v>11001</v>
      </c>
      <c r="F4865" s="6" t="s">
        <v>18</v>
      </c>
      <c r="G4865" s="6" t="s">
        <v>9870</v>
      </c>
      <c r="H4865" s="6" t="s">
        <v>9871</v>
      </c>
      <c r="I4865" s="7">
        <v>4.5610869999999997</v>
      </c>
      <c r="J4865" s="8">
        <v>-74.146037000000007</v>
      </c>
    </row>
    <row r="4866" spans="1:10" x14ac:dyDescent="0.35">
      <c r="A4866" s="5" t="s">
        <v>10</v>
      </c>
      <c r="B4866" s="6">
        <v>139044</v>
      </c>
      <c r="C4866" s="6" t="s">
        <v>294</v>
      </c>
      <c r="D4866" s="6" t="s">
        <v>703</v>
      </c>
      <c r="E4866" s="6">
        <v>41001</v>
      </c>
      <c r="F4866" s="6" t="s">
        <v>18</v>
      </c>
      <c r="G4866" s="6" t="s">
        <v>9872</v>
      </c>
      <c r="H4866" s="6" t="s">
        <v>9873</v>
      </c>
      <c r="I4866" s="7">
        <v>2.9438392000000002</v>
      </c>
      <c r="J4866" s="8">
        <v>-75.290768299999996</v>
      </c>
    </row>
    <row r="4867" spans="1:10" x14ac:dyDescent="0.35">
      <c r="A4867" s="5" t="s">
        <v>10</v>
      </c>
      <c r="B4867" s="6">
        <v>118917</v>
      </c>
      <c r="C4867" s="6" t="s">
        <v>16</v>
      </c>
      <c r="D4867" s="6" t="s">
        <v>78</v>
      </c>
      <c r="E4867" s="6">
        <v>68001</v>
      </c>
      <c r="F4867" s="6" t="s">
        <v>18</v>
      </c>
      <c r="G4867" s="6" t="s">
        <v>186</v>
      </c>
      <c r="H4867" s="6" t="s">
        <v>9874</v>
      </c>
      <c r="I4867" s="7">
        <v>7.1215557</v>
      </c>
      <c r="J4867" s="8">
        <v>-73.132782899999995</v>
      </c>
    </row>
    <row r="4868" spans="1:10" x14ac:dyDescent="0.35">
      <c r="A4868" s="5" t="s">
        <v>10</v>
      </c>
      <c r="B4868" s="6">
        <v>205670</v>
      </c>
      <c r="C4868" s="6" t="s">
        <v>68</v>
      </c>
      <c r="D4868" s="6" t="s">
        <v>69</v>
      </c>
      <c r="E4868" s="6">
        <v>11001</v>
      </c>
      <c r="F4868" s="6" t="s">
        <v>18</v>
      </c>
      <c r="G4868" s="6" t="s">
        <v>9875</v>
      </c>
      <c r="H4868" s="6" t="s">
        <v>9876</v>
      </c>
      <c r="I4868" s="7">
        <v>4.6346379000000004</v>
      </c>
      <c r="J4868" s="8">
        <v>-74.188966899999997</v>
      </c>
    </row>
    <row r="4869" spans="1:10" x14ac:dyDescent="0.35">
      <c r="A4869" s="5" t="s">
        <v>10</v>
      </c>
      <c r="B4869" s="6">
        <v>118186</v>
      </c>
      <c r="C4869" s="6" t="s">
        <v>302</v>
      </c>
      <c r="D4869" s="6" t="s">
        <v>4041</v>
      </c>
      <c r="E4869" s="6">
        <v>8758</v>
      </c>
      <c r="F4869" s="6" t="s">
        <v>18</v>
      </c>
      <c r="G4869" s="6" t="s">
        <v>9877</v>
      </c>
      <c r="H4869" s="6" t="s">
        <v>9878</v>
      </c>
      <c r="I4869" s="7">
        <v>10.9640928</v>
      </c>
      <c r="J4869" s="8">
        <v>-74.771596000000002</v>
      </c>
    </row>
    <row r="4870" spans="1:10" x14ac:dyDescent="0.35">
      <c r="A4870" s="5" t="s">
        <v>10</v>
      </c>
      <c r="B4870" s="6">
        <v>244644</v>
      </c>
      <c r="C4870" s="6" t="s">
        <v>2821</v>
      </c>
      <c r="D4870" s="6" t="s">
        <v>7712</v>
      </c>
      <c r="E4870" s="6">
        <v>47189</v>
      </c>
      <c r="F4870" s="6" t="s">
        <v>18</v>
      </c>
      <c r="G4870" s="6" t="s">
        <v>9879</v>
      </c>
      <c r="H4870" s="6" t="s">
        <v>9880</v>
      </c>
      <c r="I4870" s="7">
        <v>11.007984</v>
      </c>
      <c r="J4870" s="8">
        <v>-74.248925999999997</v>
      </c>
    </row>
    <row r="4871" spans="1:10" x14ac:dyDescent="0.35">
      <c r="A4871" s="5" t="s">
        <v>10</v>
      </c>
      <c r="B4871" s="6">
        <v>241354</v>
      </c>
      <c r="C4871" s="6" t="s">
        <v>366</v>
      </c>
      <c r="D4871" s="6" t="s">
        <v>367</v>
      </c>
      <c r="E4871" s="6">
        <v>44430</v>
      </c>
      <c r="F4871" s="6" t="s">
        <v>18</v>
      </c>
      <c r="G4871" s="6" t="s">
        <v>9881</v>
      </c>
      <c r="H4871" s="6" t="s">
        <v>9882</v>
      </c>
      <c r="I4871" s="7">
        <v>11.379440600000001</v>
      </c>
      <c r="J4871" s="8">
        <v>-72.240284700000004</v>
      </c>
    </row>
    <row r="4872" spans="1:10" x14ac:dyDescent="0.35">
      <c r="A4872" s="5" t="s">
        <v>10</v>
      </c>
      <c r="B4872" s="6">
        <v>197937</v>
      </c>
      <c r="C4872" s="6" t="s">
        <v>308</v>
      </c>
      <c r="D4872" s="6" t="s">
        <v>309</v>
      </c>
      <c r="E4872" s="6">
        <v>23001</v>
      </c>
      <c r="F4872" s="6" t="s">
        <v>18</v>
      </c>
      <c r="G4872" s="6" t="s">
        <v>9883</v>
      </c>
      <c r="H4872" s="6" t="s">
        <v>9884</v>
      </c>
      <c r="I4872" s="7">
        <v>8.7339963999999899</v>
      </c>
      <c r="J4872" s="8">
        <v>-75.869955300000001</v>
      </c>
    </row>
    <row r="4873" spans="1:10" x14ac:dyDescent="0.35">
      <c r="A4873" s="5" t="s">
        <v>10</v>
      </c>
      <c r="B4873" s="6">
        <v>234097</v>
      </c>
      <c r="C4873" s="6" t="s">
        <v>38</v>
      </c>
      <c r="D4873" s="6" t="s">
        <v>431</v>
      </c>
      <c r="E4873" s="6">
        <v>19397</v>
      </c>
      <c r="F4873" s="6" t="s">
        <v>18</v>
      </c>
      <c r="G4873" s="6" t="s">
        <v>9885</v>
      </c>
      <c r="H4873" s="6" t="s">
        <v>9886</v>
      </c>
      <c r="I4873" s="7">
        <v>2.2598490999999998</v>
      </c>
      <c r="J4873" s="8">
        <v>-76.741178099999999</v>
      </c>
    </row>
    <row r="4874" spans="1:10" x14ac:dyDescent="0.35">
      <c r="A4874" s="5" t="s">
        <v>10</v>
      </c>
      <c r="B4874" s="6">
        <v>243358</v>
      </c>
      <c r="C4874" s="6" t="s">
        <v>94</v>
      </c>
      <c r="D4874" s="6" t="s">
        <v>95</v>
      </c>
      <c r="E4874" s="6">
        <v>66170</v>
      </c>
      <c r="F4874" s="6" t="s">
        <v>18</v>
      </c>
      <c r="G4874" s="6" t="s">
        <v>9887</v>
      </c>
      <c r="H4874" s="6" t="s">
        <v>9888</v>
      </c>
      <c r="I4874" s="7">
        <v>4.8348570000000004</v>
      </c>
      <c r="J4874" s="8">
        <v>-75.680792800000006</v>
      </c>
    </row>
    <row r="4875" spans="1:10" x14ac:dyDescent="0.35">
      <c r="A4875" s="5" t="s">
        <v>10</v>
      </c>
      <c r="B4875" s="6">
        <v>243697</v>
      </c>
      <c r="C4875" s="6" t="s">
        <v>294</v>
      </c>
      <c r="D4875" s="6" t="s">
        <v>1902</v>
      </c>
      <c r="E4875" s="6">
        <v>41799</v>
      </c>
      <c r="F4875" s="6" t="s">
        <v>18</v>
      </c>
      <c r="G4875" s="6" t="s">
        <v>9889</v>
      </c>
      <c r="H4875" s="6" t="s">
        <v>9890</v>
      </c>
      <c r="I4875" s="7">
        <v>3.4759150999999999</v>
      </c>
      <c r="J4875" s="8">
        <v>-76.510244099999994</v>
      </c>
    </row>
    <row r="4876" spans="1:10" x14ac:dyDescent="0.35">
      <c r="A4876" s="5" t="s">
        <v>10</v>
      </c>
      <c r="B4876" s="6">
        <v>185367</v>
      </c>
      <c r="C4876" s="6" t="s">
        <v>68</v>
      </c>
      <c r="D4876" s="6" t="s">
        <v>69</v>
      </c>
      <c r="E4876" s="6">
        <v>11001</v>
      </c>
      <c r="F4876" s="6" t="s">
        <v>13</v>
      </c>
      <c r="G4876" s="6" t="s">
        <v>9891</v>
      </c>
      <c r="H4876" s="6" t="s">
        <v>9892</v>
      </c>
      <c r="I4876" s="7">
        <v>4.6714412999999997</v>
      </c>
      <c r="J4876" s="8">
        <v>-74.106902399999996</v>
      </c>
    </row>
    <row r="4877" spans="1:10" x14ac:dyDescent="0.35">
      <c r="A4877" s="5" t="s">
        <v>10</v>
      </c>
      <c r="B4877" s="6">
        <v>225397</v>
      </c>
      <c r="C4877" s="6" t="s">
        <v>68</v>
      </c>
      <c r="D4877" s="6" t="s">
        <v>69</v>
      </c>
      <c r="E4877" s="6">
        <v>11001</v>
      </c>
      <c r="F4877" s="6" t="s">
        <v>13</v>
      </c>
      <c r="G4877" s="6" t="s">
        <v>9893</v>
      </c>
      <c r="H4877" s="6" t="s">
        <v>9894</v>
      </c>
      <c r="I4877" s="7">
        <v>4.5610201999999997</v>
      </c>
      <c r="J4877" s="8">
        <v>-74.126951500000004</v>
      </c>
    </row>
    <row r="4878" spans="1:10" x14ac:dyDescent="0.35">
      <c r="A4878" s="5" t="s">
        <v>10</v>
      </c>
      <c r="B4878" s="6">
        <v>238654</v>
      </c>
      <c r="C4878" s="6" t="s">
        <v>68</v>
      </c>
      <c r="D4878" s="6" t="s">
        <v>69</v>
      </c>
      <c r="E4878" s="6">
        <v>11001</v>
      </c>
      <c r="F4878" s="6" t="s">
        <v>18</v>
      </c>
      <c r="G4878" s="6" t="s">
        <v>9895</v>
      </c>
      <c r="H4878" s="6" t="s">
        <v>9896</v>
      </c>
      <c r="I4878" s="7">
        <v>4.4926406999999999</v>
      </c>
      <c r="J4878" s="8">
        <v>-74.102866199999994</v>
      </c>
    </row>
    <row r="4879" spans="1:10" x14ac:dyDescent="0.35">
      <c r="A4879" s="5" t="s">
        <v>10</v>
      </c>
      <c r="B4879" s="6">
        <v>245020</v>
      </c>
      <c r="C4879" s="6" t="s">
        <v>68</v>
      </c>
      <c r="D4879" s="6" t="s">
        <v>69</v>
      </c>
      <c r="E4879" s="6">
        <v>11001</v>
      </c>
      <c r="F4879" s="6" t="s">
        <v>18</v>
      </c>
      <c r="G4879" s="6" t="s">
        <v>9897</v>
      </c>
      <c r="H4879" s="6" t="s">
        <v>9898</v>
      </c>
      <c r="I4879" s="7">
        <v>4.5621494</v>
      </c>
      <c r="J4879" s="8">
        <v>-74.097573699999998</v>
      </c>
    </row>
    <row r="4880" spans="1:10" x14ac:dyDescent="0.35">
      <c r="A4880" s="5" t="s">
        <v>10</v>
      </c>
      <c r="B4880" s="6">
        <v>222622</v>
      </c>
      <c r="C4880" s="6" t="s">
        <v>68</v>
      </c>
      <c r="D4880" s="6" t="s">
        <v>69</v>
      </c>
      <c r="E4880" s="6">
        <v>11001</v>
      </c>
      <c r="F4880" s="6" t="s">
        <v>18</v>
      </c>
      <c r="G4880" s="6" t="s">
        <v>9899</v>
      </c>
      <c r="H4880" s="6" t="s">
        <v>9900</v>
      </c>
      <c r="I4880" s="7">
        <v>4.5837851999999897</v>
      </c>
      <c r="J4880" s="8">
        <v>-74.119742000000002</v>
      </c>
    </row>
    <row r="4881" spans="1:10" x14ac:dyDescent="0.35">
      <c r="A4881" s="5" t="s">
        <v>10</v>
      </c>
      <c r="B4881" s="6">
        <v>73867</v>
      </c>
      <c r="C4881" s="6" t="s">
        <v>294</v>
      </c>
      <c r="D4881" s="6" t="s">
        <v>703</v>
      </c>
      <c r="E4881" s="6">
        <v>41001</v>
      </c>
      <c r="F4881" s="6" t="s">
        <v>18</v>
      </c>
      <c r="G4881" s="6" t="s">
        <v>9901</v>
      </c>
      <c r="H4881" s="6" t="s">
        <v>9902</v>
      </c>
      <c r="I4881" s="7">
        <v>2.9810180000000002</v>
      </c>
      <c r="J4881" s="8">
        <v>-75.282346399999994</v>
      </c>
    </row>
    <row r="4882" spans="1:10" x14ac:dyDescent="0.35">
      <c r="A4882" s="5" t="s">
        <v>10</v>
      </c>
      <c r="B4882" s="6">
        <v>199527</v>
      </c>
      <c r="C4882" s="6" t="s">
        <v>294</v>
      </c>
      <c r="D4882" s="6" t="s">
        <v>703</v>
      </c>
      <c r="E4882" s="6">
        <v>41001</v>
      </c>
      <c r="F4882" s="6" t="s">
        <v>18</v>
      </c>
      <c r="G4882" s="6" t="s">
        <v>9903</v>
      </c>
      <c r="H4882" s="6" t="s">
        <v>9904</v>
      </c>
      <c r="I4882" s="7">
        <v>2.9572248999999999</v>
      </c>
      <c r="J4882" s="8">
        <v>-75.281742699999995</v>
      </c>
    </row>
    <row r="4883" spans="1:10" x14ac:dyDescent="0.35">
      <c r="A4883" s="5" t="s">
        <v>10</v>
      </c>
      <c r="B4883" s="6">
        <v>188560</v>
      </c>
      <c r="C4883" s="6" t="s">
        <v>68</v>
      </c>
      <c r="D4883" s="6" t="s">
        <v>69</v>
      </c>
      <c r="E4883" s="6">
        <v>11001</v>
      </c>
      <c r="F4883" s="6" t="s">
        <v>18</v>
      </c>
      <c r="G4883" s="6" t="s">
        <v>9905</v>
      </c>
      <c r="H4883" s="6" t="s">
        <v>9906</v>
      </c>
      <c r="I4883" s="7">
        <v>4.6522696999999997</v>
      </c>
      <c r="J4883" s="8">
        <v>-74.065788400000002</v>
      </c>
    </row>
    <row r="4884" spans="1:10" x14ac:dyDescent="0.35">
      <c r="A4884" s="5" t="s">
        <v>10</v>
      </c>
      <c r="B4884" s="6">
        <v>78538</v>
      </c>
      <c r="C4884" s="6" t="s">
        <v>11</v>
      </c>
      <c r="D4884" s="6" t="s">
        <v>4775</v>
      </c>
      <c r="E4884" s="6">
        <v>25148</v>
      </c>
      <c r="F4884" s="6" t="s">
        <v>18</v>
      </c>
      <c r="G4884" s="6" t="s">
        <v>9907</v>
      </c>
      <c r="H4884" s="6" t="s">
        <v>9908</v>
      </c>
      <c r="I4884" s="7">
        <v>5.3456185999999999</v>
      </c>
      <c r="J4884" s="8">
        <v>-74.491844399999906</v>
      </c>
    </row>
    <row r="4885" spans="1:10" x14ac:dyDescent="0.35">
      <c r="A4885" s="5" t="s">
        <v>10</v>
      </c>
      <c r="B4885" s="6">
        <v>219482</v>
      </c>
      <c r="C4885" s="6" t="s">
        <v>308</v>
      </c>
      <c r="D4885" s="6" t="s">
        <v>309</v>
      </c>
      <c r="E4885" s="6">
        <v>23001</v>
      </c>
      <c r="F4885" s="6" t="s">
        <v>18</v>
      </c>
      <c r="G4885" s="6" t="s">
        <v>9909</v>
      </c>
      <c r="H4885" s="6" t="s">
        <v>9910</v>
      </c>
      <c r="I4885" s="7">
        <v>8.7570359</v>
      </c>
      <c r="J4885" s="8">
        <v>-75.900914400000005</v>
      </c>
    </row>
    <row r="4886" spans="1:10" x14ac:dyDescent="0.35">
      <c r="A4886" s="5" t="s">
        <v>10</v>
      </c>
      <c r="B4886" s="6">
        <v>177328</v>
      </c>
      <c r="C4886" s="6" t="s">
        <v>16</v>
      </c>
      <c r="D4886" s="6" t="s">
        <v>2825</v>
      </c>
      <c r="E4886" s="6">
        <v>68276</v>
      </c>
      <c r="F4886" s="6" t="s">
        <v>18</v>
      </c>
      <c r="G4886" s="6" t="s">
        <v>9911</v>
      </c>
      <c r="H4886" s="6" t="s">
        <v>9912</v>
      </c>
      <c r="I4886" s="7">
        <v>7.0728825000000004</v>
      </c>
      <c r="J4886" s="8">
        <v>-73.103537599999996</v>
      </c>
    </row>
    <row r="4887" spans="1:10" x14ac:dyDescent="0.35">
      <c r="A4887" s="5" t="s">
        <v>10</v>
      </c>
      <c r="B4887" s="6">
        <v>219590</v>
      </c>
      <c r="C4887" s="6" t="s">
        <v>16</v>
      </c>
      <c r="D4887" s="6" t="s">
        <v>78</v>
      </c>
      <c r="E4887" s="6">
        <v>68001</v>
      </c>
      <c r="F4887" s="6" t="s">
        <v>18</v>
      </c>
      <c r="G4887" s="6" t="s">
        <v>9913</v>
      </c>
      <c r="H4887" s="6" t="s">
        <v>9914</v>
      </c>
      <c r="I4887" s="7">
        <v>7.1349491999999897</v>
      </c>
      <c r="J4887" s="8">
        <v>-73.123400599999997</v>
      </c>
    </row>
    <row r="4888" spans="1:10" x14ac:dyDescent="0.35">
      <c r="A4888" s="5" t="s">
        <v>10</v>
      </c>
      <c r="B4888" s="6">
        <v>234060</v>
      </c>
      <c r="C4888" s="6" t="s">
        <v>16</v>
      </c>
      <c r="D4888" s="6" t="s">
        <v>846</v>
      </c>
      <c r="E4888" s="6">
        <v>68500</v>
      </c>
      <c r="F4888" s="6" t="s">
        <v>18</v>
      </c>
      <c r="G4888" s="6" t="s">
        <v>9915</v>
      </c>
      <c r="H4888" s="6" t="s">
        <v>9916</v>
      </c>
      <c r="I4888" s="7">
        <v>6.1650178999999996</v>
      </c>
      <c r="J4888" s="8">
        <v>-73.112944999999996</v>
      </c>
    </row>
    <row r="4889" spans="1:10" x14ac:dyDescent="0.35">
      <c r="A4889" s="5" t="s">
        <v>10</v>
      </c>
      <c r="B4889" s="6">
        <v>245070</v>
      </c>
      <c r="C4889" s="6" t="s">
        <v>16</v>
      </c>
      <c r="D4889" s="6" t="s">
        <v>78</v>
      </c>
      <c r="E4889" s="6">
        <v>68001</v>
      </c>
      <c r="F4889" s="6" t="s">
        <v>18</v>
      </c>
      <c r="G4889" s="6" t="s">
        <v>9917</v>
      </c>
      <c r="H4889" s="6" t="s">
        <v>9918</v>
      </c>
      <c r="I4889" s="7">
        <v>7.1390905</v>
      </c>
      <c r="J4889" s="8">
        <v>-73.124012300000004</v>
      </c>
    </row>
    <row r="4890" spans="1:10" x14ac:dyDescent="0.35">
      <c r="A4890" s="5" t="s">
        <v>10</v>
      </c>
      <c r="B4890" s="6">
        <v>240001</v>
      </c>
      <c r="C4890" s="6" t="s">
        <v>3788</v>
      </c>
      <c r="D4890" s="6" t="s">
        <v>6771</v>
      </c>
      <c r="E4890" s="6">
        <v>18753</v>
      </c>
      <c r="F4890" s="6" t="s">
        <v>18</v>
      </c>
      <c r="G4890" s="6" t="s">
        <v>9919</v>
      </c>
      <c r="H4890" s="6" t="s">
        <v>9920</v>
      </c>
      <c r="I4890" s="7">
        <v>2.1136446000000002</v>
      </c>
      <c r="J4890" s="8">
        <v>-74.773205599999997</v>
      </c>
    </row>
    <row r="4891" spans="1:10" x14ac:dyDescent="0.35">
      <c r="A4891" s="5" t="s">
        <v>10</v>
      </c>
      <c r="B4891" s="6">
        <v>153153</v>
      </c>
      <c r="C4891" s="6" t="s">
        <v>3788</v>
      </c>
      <c r="D4891" s="6" t="s">
        <v>3974</v>
      </c>
      <c r="E4891" s="6">
        <v>18001</v>
      </c>
      <c r="F4891" s="6" t="s">
        <v>18</v>
      </c>
      <c r="G4891" s="6" t="s">
        <v>9921</v>
      </c>
      <c r="H4891" s="6" t="s">
        <v>9922</v>
      </c>
      <c r="I4891" s="7">
        <v>1.5961211</v>
      </c>
      <c r="J4891" s="8">
        <v>-75.583791499999904</v>
      </c>
    </row>
    <row r="4892" spans="1:10" x14ac:dyDescent="0.35">
      <c r="A4892" s="5" t="s">
        <v>10</v>
      </c>
      <c r="B4892" s="6">
        <v>246660</v>
      </c>
      <c r="C4892" s="6" t="s">
        <v>68</v>
      </c>
      <c r="D4892" s="6" t="s">
        <v>69</v>
      </c>
      <c r="E4892" s="6">
        <v>11001</v>
      </c>
      <c r="F4892" s="6" t="s">
        <v>13</v>
      </c>
      <c r="G4892" s="6" t="s">
        <v>9923</v>
      </c>
      <c r="H4892" s="6" t="s">
        <v>9924</v>
      </c>
      <c r="I4892" s="7">
        <v>4.5631871000000004</v>
      </c>
      <c r="J4892" s="8">
        <v>-74.086789899999999</v>
      </c>
    </row>
    <row r="4893" spans="1:10" x14ac:dyDescent="0.35">
      <c r="A4893" s="5" t="s">
        <v>10</v>
      </c>
      <c r="B4893" s="6">
        <v>227376</v>
      </c>
      <c r="C4893" s="6" t="s">
        <v>68</v>
      </c>
      <c r="D4893" s="6" t="s">
        <v>69</v>
      </c>
      <c r="E4893" s="6">
        <v>11001</v>
      </c>
      <c r="F4893" s="6" t="s">
        <v>13</v>
      </c>
      <c r="G4893" s="6" t="s">
        <v>9925</v>
      </c>
      <c r="H4893" s="6" t="s">
        <v>9926</v>
      </c>
      <c r="I4893" s="7">
        <v>4.5794604000000003</v>
      </c>
      <c r="J4893" s="8">
        <v>-74.138378799999998</v>
      </c>
    </row>
    <row r="4894" spans="1:10" x14ac:dyDescent="0.35">
      <c r="A4894" s="5" t="s">
        <v>10</v>
      </c>
      <c r="B4894" s="6">
        <v>245558</v>
      </c>
      <c r="C4894" s="6" t="s">
        <v>55</v>
      </c>
      <c r="D4894" s="6" t="s">
        <v>56</v>
      </c>
      <c r="E4894" s="6">
        <v>73001</v>
      </c>
      <c r="F4894" s="6" t="s">
        <v>18</v>
      </c>
      <c r="G4894" s="6" t="s">
        <v>9927</v>
      </c>
      <c r="H4894" s="6" t="s">
        <v>9928</v>
      </c>
      <c r="I4894" s="7">
        <v>4.4504060000000001</v>
      </c>
      <c r="J4894" s="8">
        <v>-75.235531600000002</v>
      </c>
    </row>
    <row r="4895" spans="1:10" x14ac:dyDescent="0.35">
      <c r="A4895" s="5" t="s">
        <v>10</v>
      </c>
      <c r="B4895" s="6">
        <v>229271</v>
      </c>
      <c r="C4895" s="6" t="s">
        <v>68</v>
      </c>
      <c r="D4895" s="6" t="s">
        <v>69</v>
      </c>
      <c r="E4895" s="6">
        <v>11001</v>
      </c>
      <c r="F4895" s="6" t="s">
        <v>18</v>
      </c>
      <c r="G4895" s="6" t="s">
        <v>9929</v>
      </c>
      <c r="H4895" s="6" t="s">
        <v>9930</v>
      </c>
      <c r="I4895" s="7">
        <v>4.6143558000000002</v>
      </c>
      <c r="J4895" s="8">
        <v>-74.175040600000003</v>
      </c>
    </row>
    <row r="4896" spans="1:10" x14ac:dyDescent="0.35">
      <c r="A4896" s="5" t="s">
        <v>10</v>
      </c>
      <c r="B4896" s="6">
        <v>231427</v>
      </c>
      <c r="C4896" s="6" t="s">
        <v>11</v>
      </c>
      <c r="D4896" s="6" t="s">
        <v>454</v>
      </c>
      <c r="E4896" s="6">
        <v>25594</v>
      </c>
      <c r="F4896" s="6" t="s">
        <v>18</v>
      </c>
      <c r="G4896" s="6" t="s">
        <v>9931</v>
      </c>
      <c r="H4896" s="6" t="s">
        <v>9932</v>
      </c>
      <c r="I4896" s="7">
        <v>4.3301800000000004</v>
      </c>
      <c r="J4896" s="8">
        <v>-73.863399999999999</v>
      </c>
    </row>
    <row r="4897" spans="1:10" x14ac:dyDescent="0.35">
      <c r="A4897" s="5" t="s">
        <v>10</v>
      </c>
      <c r="B4897" s="6">
        <v>233492</v>
      </c>
      <c r="C4897" s="6" t="s">
        <v>68</v>
      </c>
      <c r="D4897" s="6" t="s">
        <v>69</v>
      </c>
      <c r="E4897" s="6">
        <v>11001</v>
      </c>
      <c r="F4897" s="6" t="s">
        <v>18</v>
      </c>
      <c r="G4897" s="6" t="s">
        <v>9933</v>
      </c>
      <c r="H4897" s="6" t="s">
        <v>9934</v>
      </c>
      <c r="I4897" s="7">
        <v>4.6172000000000004</v>
      </c>
      <c r="J4897" s="8">
        <v>-74.178899999999999</v>
      </c>
    </row>
    <row r="4898" spans="1:10" x14ac:dyDescent="0.35">
      <c r="A4898" s="5" t="s">
        <v>10</v>
      </c>
      <c r="B4898" s="6">
        <v>239159</v>
      </c>
      <c r="C4898" s="6" t="s">
        <v>68</v>
      </c>
      <c r="D4898" s="6" t="s">
        <v>69</v>
      </c>
      <c r="E4898" s="6">
        <v>11001</v>
      </c>
      <c r="F4898" s="6" t="s">
        <v>18</v>
      </c>
      <c r="G4898" s="6" t="s">
        <v>9935</v>
      </c>
      <c r="H4898" s="6" t="s">
        <v>9936</v>
      </c>
      <c r="I4898" s="7">
        <v>4.5980584000000002</v>
      </c>
      <c r="J4898" s="8">
        <v>-74.085003799999996</v>
      </c>
    </row>
    <row r="4899" spans="1:10" x14ac:dyDescent="0.35">
      <c r="A4899" s="5" t="s">
        <v>10</v>
      </c>
      <c r="B4899" s="6">
        <v>244728</v>
      </c>
      <c r="C4899" s="6" t="s">
        <v>457</v>
      </c>
      <c r="D4899" s="6" t="s">
        <v>118</v>
      </c>
      <c r="E4899" s="6">
        <v>52399</v>
      </c>
      <c r="F4899" s="6" t="s">
        <v>18</v>
      </c>
      <c r="G4899" s="6" t="s">
        <v>9937</v>
      </c>
      <c r="H4899" s="6" t="s">
        <v>9938</v>
      </c>
      <c r="I4899" s="7">
        <v>1.6001745999999999</v>
      </c>
      <c r="J4899" s="8">
        <v>-77.132047200000002</v>
      </c>
    </row>
    <row r="4900" spans="1:10" x14ac:dyDescent="0.35">
      <c r="A4900" s="5" t="s">
        <v>10</v>
      </c>
      <c r="B4900" s="6">
        <v>83513</v>
      </c>
      <c r="C4900" s="6" t="s">
        <v>294</v>
      </c>
      <c r="D4900" s="6" t="s">
        <v>703</v>
      </c>
      <c r="E4900" s="6">
        <v>41001</v>
      </c>
      <c r="F4900" s="6" t="s">
        <v>18</v>
      </c>
      <c r="G4900" s="6" t="s">
        <v>9939</v>
      </c>
      <c r="H4900" s="6" t="s">
        <v>9940</v>
      </c>
      <c r="I4900" s="7">
        <v>2.9651187000000001</v>
      </c>
      <c r="J4900" s="8">
        <v>-75.295293399999906</v>
      </c>
    </row>
    <row r="4901" spans="1:10" x14ac:dyDescent="0.35">
      <c r="A4901" s="5" t="s">
        <v>10</v>
      </c>
      <c r="B4901" s="6">
        <v>168335</v>
      </c>
      <c r="C4901" s="6" t="s">
        <v>68</v>
      </c>
      <c r="D4901" s="6" t="s">
        <v>69</v>
      </c>
      <c r="E4901" s="6">
        <v>11001</v>
      </c>
      <c r="F4901" s="6" t="s">
        <v>18</v>
      </c>
      <c r="G4901" s="6" t="s">
        <v>9941</v>
      </c>
      <c r="H4901" s="6" t="s">
        <v>9942</v>
      </c>
      <c r="I4901" s="7">
        <v>4.6886441999999997</v>
      </c>
      <c r="J4901" s="8">
        <v>-74.084747999999905</v>
      </c>
    </row>
    <row r="4902" spans="1:10" x14ac:dyDescent="0.35">
      <c r="A4902" s="5" t="s">
        <v>10</v>
      </c>
      <c r="B4902" s="6">
        <v>148320</v>
      </c>
      <c r="C4902" s="6" t="s">
        <v>68</v>
      </c>
      <c r="D4902" s="6" t="s">
        <v>69</v>
      </c>
      <c r="E4902" s="6">
        <v>11001</v>
      </c>
      <c r="F4902" s="6" t="s">
        <v>18</v>
      </c>
      <c r="G4902" s="6" t="s">
        <v>9943</v>
      </c>
      <c r="H4902" s="6" t="s">
        <v>9944</v>
      </c>
      <c r="I4902" s="7">
        <v>4.6369590000000001</v>
      </c>
      <c r="J4902" s="8">
        <v>-74.167600100000001</v>
      </c>
    </row>
    <row r="4903" spans="1:10" x14ac:dyDescent="0.35">
      <c r="A4903" s="5" t="s">
        <v>10</v>
      </c>
      <c r="B4903" s="6">
        <v>204675</v>
      </c>
      <c r="C4903" s="6" t="s">
        <v>308</v>
      </c>
      <c r="D4903" s="6" t="s">
        <v>7590</v>
      </c>
      <c r="E4903" s="6">
        <v>23466</v>
      </c>
      <c r="F4903" s="6" t="s">
        <v>18</v>
      </c>
      <c r="G4903" s="6" t="s">
        <v>9945</v>
      </c>
      <c r="H4903" s="6" t="s">
        <v>9946</v>
      </c>
      <c r="I4903" s="7">
        <v>7.9691953</v>
      </c>
      <c r="J4903" s="8">
        <v>-75.418894899999998</v>
      </c>
    </row>
    <row r="4904" spans="1:10" x14ac:dyDescent="0.35">
      <c r="A4904" s="5" t="s">
        <v>10</v>
      </c>
      <c r="B4904" s="6">
        <v>228653</v>
      </c>
      <c r="C4904" s="6" t="s">
        <v>308</v>
      </c>
      <c r="D4904" s="6" t="s">
        <v>8338</v>
      </c>
      <c r="E4904" s="6">
        <v>23555</v>
      </c>
      <c r="F4904" s="6" t="s">
        <v>18</v>
      </c>
      <c r="G4904" s="6" t="s">
        <v>9947</v>
      </c>
      <c r="H4904" s="6" t="s">
        <v>9948</v>
      </c>
      <c r="I4904" s="7">
        <v>8.4169947000000001</v>
      </c>
      <c r="J4904" s="8">
        <v>-75.587806299999997</v>
      </c>
    </row>
    <row r="4905" spans="1:10" x14ac:dyDescent="0.35">
      <c r="A4905" s="5" t="s">
        <v>10</v>
      </c>
      <c r="B4905" s="6">
        <v>241479</v>
      </c>
      <c r="C4905" s="6" t="s">
        <v>302</v>
      </c>
      <c r="D4905" s="6" t="s">
        <v>359</v>
      </c>
      <c r="E4905" s="6">
        <v>8001</v>
      </c>
      <c r="F4905" s="6" t="s">
        <v>18</v>
      </c>
      <c r="G4905" s="6" t="s">
        <v>9949</v>
      </c>
      <c r="H4905" s="6" t="s">
        <v>9950</v>
      </c>
      <c r="I4905" s="7">
        <v>10.969653599999999</v>
      </c>
      <c r="J4905" s="8">
        <v>-74.785729900000007</v>
      </c>
    </row>
    <row r="4906" spans="1:10" x14ac:dyDescent="0.35">
      <c r="A4906" s="5" t="s">
        <v>10</v>
      </c>
      <c r="B4906" s="6">
        <v>205718</v>
      </c>
      <c r="C4906" s="6" t="s">
        <v>302</v>
      </c>
      <c r="D4906" s="6" t="s">
        <v>4041</v>
      </c>
      <c r="E4906" s="6">
        <v>8758</v>
      </c>
      <c r="F4906" s="6" t="s">
        <v>18</v>
      </c>
      <c r="G4906" s="6" t="s">
        <v>9951</v>
      </c>
      <c r="H4906" s="6" t="s">
        <v>9952</v>
      </c>
      <c r="I4906" s="7">
        <v>10.8778902</v>
      </c>
      <c r="J4906" s="8">
        <v>-74.801493199999996</v>
      </c>
    </row>
    <row r="4907" spans="1:10" x14ac:dyDescent="0.35">
      <c r="A4907" s="5" t="s">
        <v>10</v>
      </c>
      <c r="B4907" s="6">
        <v>214593</v>
      </c>
      <c r="C4907" s="6" t="s">
        <v>4364</v>
      </c>
      <c r="D4907" s="6" t="s">
        <v>9953</v>
      </c>
      <c r="E4907" s="6">
        <v>70742</v>
      </c>
      <c r="F4907" s="6" t="s">
        <v>18</v>
      </c>
      <c r="G4907" s="6" t="s">
        <v>9954</v>
      </c>
      <c r="H4907" s="6" t="s">
        <v>9955</v>
      </c>
      <c r="I4907" s="7">
        <v>8.8115311999999992</v>
      </c>
      <c r="J4907" s="8">
        <v>-74.718750700000001</v>
      </c>
    </row>
    <row r="4908" spans="1:10" x14ac:dyDescent="0.35">
      <c r="A4908" s="5" t="s">
        <v>10</v>
      </c>
      <c r="B4908" s="6">
        <v>220109</v>
      </c>
      <c r="C4908" s="6" t="s">
        <v>302</v>
      </c>
      <c r="D4908" s="6" t="s">
        <v>4041</v>
      </c>
      <c r="E4908" s="6">
        <v>8758</v>
      </c>
      <c r="F4908" s="6" t="s">
        <v>18</v>
      </c>
      <c r="G4908" s="6" t="s">
        <v>9956</v>
      </c>
      <c r="H4908" s="6" t="s">
        <v>9957</v>
      </c>
      <c r="I4908" s="7">
        <v>10.9409423</v>
      </c>
      <c r="J4908" s="8">
        <v>-74.802869599999994</v>
      </c>
    </row>
    <row r="4909" spans="1:10" x14ac:dyDescent="0.35">
      <c r="A4909" s="5" t="s">
        <v>10</v>
      </c>
      <c r="B4909" s="6">
        <v>239760</v>
      </c>
      <c r="C4909" s="6" t="s">
        <v>2821</v>
      </c>
      <c r="D4909" s="6" t="s">
        <v>2822</v>
      </c>
      <c r="E4909" s="6">
        <v>47001</v>
      </c>
      <c r="F4909" s="6" t="s">
        <v>18</v>
      </c>
      <c r="G4909" s="6" t="s">
        <v>9958</v>
      </c>
      <c r="H4909" s="6" t="s">
        <v>9959</v>
      </c>
      <c r="I4909" s="7">
        <v>11.2677415</v>
      </c>
      <c r="J4909" s="8">
        <v>-74.189415299999993</v>
      </c>
    </row>
    <row r="4910" spans="1:10" x14ac:dyDescent="0.35">
      <c r="A4910" s="5" t="s">
        <v>10</v>
      </c>
      <c r="B4910" s="6">
        <v>227441</v>
      </c>
      <c r="C4910" s="6" t="s">
        <v>38</v>
      </c>
      <c r="D4910" s="6" t="s">
        <v>7839</v>
      </c>
      <c r="E4910" s="6">
        <v>19573</v>
      </c>
      <c r="F4910" s="6" t="s">
        <v>18</v>
      </c>
      <c r="G4910" s="6" t="s">
        <v>8027</v>
      </c>
      <c r="H4910" s="6" t="s">
        <v>8028</v>
      </c>
      <c r="I4910" s="7">
        <v>3.2205900000000001</v>
      </c>
      <c r="J4910" s="8">
        <v>-76.415464999999998</v>
      </c>
    </row>
    <row r="4911" spans="1:10" x14ac:dyDescent="0.35">
      <c r="A4911" s="5" t="s">
        <v>10</v>
      </c>
      <c r="B4911" s="6">
        <v>111342</v>
      </c>
      <c r="C4911" s="6" t="s">
        <v>7527</v>
      </c>
      <c r="D4911" s="6" t="s">
        <v>9960</v>
      </c>
      <c r="E4911" s="6">
        <v>27245</v>
      </c>
      <c r="F4911" s="6" t="s">
        <v>18</v>
      </c>
      <c r="G4911" s="6" t="s">
        <v>9961</v>
      </c>
      <c r="H4911" s="6" t="s">
        <v>9962</v>
      </c>
      <c r="I4911" s="7">
        <v>5.8998577000000001</v>
      </c>
      <c r="J4911" s="8">
        <v>-76.142231799999905</v>
      </c>
    </row>
    <row r="4912" spans="1:10" x14ac:dyDescent="0.35">
      <c r="A4912" s="5" t="s">
        <v>10</v>
      </c>
      <c r="B4912" s="6">
        <v>154226</v>
      </c>
      <c r="C4912" s="6" t="s">
        <v>3788</v>
      </c>
      <c r="D4912" s="6" t="s">
        <v>3974</v>
      </c>
      <c r="E4912" s="6">
        <v>18001</v>
      </c>
      <c r="F4912" s="6" t="s">
        <v>18</v>
      </c>
      <c r="G4912" s="6" t="s">
        <v>9963</v>
      </c>
      <c r="H4912" s="6" t="s">
        <v>9964</v>
      </c>
      <c r="I4912" s="7">
        <v>1.6137011000000001</v>
      </c>
      <c r="J4912" s="8">
        <v>-75.612707999999998</v>
      </c>
    </row>
    <row r="4913" spans="1:10" x14ac:dyDescent="0.35">
      <c r="A4913" s="5" t="s">
        <v>10</v>
      </c>
      <c r="B4913" s="6">
        <v>231262</v>
      </c>
      <c r="C4913" s="6" t="s">
        <v>55</v>
      </c>
      <c r="D4913" s="6" t="s">
        <v>1705</v>
      </c>
      <c r="E4913" s="6">
        <v>73443</v>
      </c>
      <c r="F4913" s="6" t="s">
        <v>18</v>
      </c>
      <c r="G4913" s="6" t="s">
        <v>9965</v>
      </c>
      <c r="H4913" s="6" t="s">
        <v>9966</v>
      </c>
      <c r="I4913" s="7">
        <v>5.2012485999999996</v>
      </c>
      <c r="J4913" s="8">
        <v>-74.886543099999997</v>
      </c>
    </row>
    <row r="4914" spans="1:10" x14ac:dyDescent="0.35">
      <c r="A4914" s="5" t="s">
        <v>10</v>
      </c>
      <c r="B4914" s="6">
        <v>248018</v>
      </c>
      <c r="C4914" s="6" t="s">
        <v>68</v>
      </c>
      <c r="D4914" s="6" t="s">
        <v>69</v>
      </c>
      <c r="E4914" s="6">
        <v>11001</v>
      </c>
      <c r="F4914" s="6" t="s">
        <v>18</v>
      </c>
      <c r="G4914" s="6" t="s">
        <v>9967</v>
      </c>
      <c r="H4914" s="6" t="s">
        <v>9968</v>
      </c>
      <c r="I4914" s="7">
        <v>4.7385339999999996</v>
      </c>
      <c r="J4914" s="8">
        <v>-74.088707999999997</v>
      </c>
    </row>
    <row r="4915" spans="1:10" x14ac:dyDescent="0.35">
      <c r="A4915" s="5" t="s">
        <v>10</v>
      </c>
      <c r="B4915" s="6">
        <v>149802</v>
      </c>
      <c r="C4915" s="6" t="s">
        <v>294</v>
      </c>
      <c r="D4915" s="6" t="s">
        <v>3777</v>
      </c>
      <c r="E4915" s="6">
        <v>41132</v>
      </c>
      <c r="F4915" s="6" t="s">
        <v>18</v>
      </c>
      <c r="G4915" s="6" t="s">
        <v>9969</v>
      </c>
      <c r="H4915" s="6" t="s">
        <v>9970</v>
      </c>
      <c r="I4915" s="7">
        <v>2.9402301</v>
      </c>
      <c r="J4915" s="8">
        <v>-75.259003499999906</v>
      </c>
    </row>
    <row r="4916" spans="1:10" x14ac:dyDescent="0.35">
      <c r="A4916" s="5" t="s">
        <v>10</v>
      </c>
      <c r="B4916" s="6">
        <v>209376</v>
      </c>
      <c r="C4916" s="6" t="s">
        <v>294</v>
      </c>
      <c r="D4916" s="6" t="s">
        <v>703</v>
      </c>
      <c r="E4916" s="6">
        <v>41001</v>
      </c>
      <c r="F4916" s="6" t="s">
        <v>18</v>
      </c>
      <c r="G4916" s="6" t="s">
        <v>9971</v>
      </c>
      <c r="H4916" s="6" t="s">
        <v>9972</v>
      </c>
      <c r="I4916" s="7">
        <v>2.9299681999999998</v>
      </c>
      <c r="J4916" s="8">
        <v>-75.291160099999999</v>
      </c>
    </row>
    <row r="4917" spans="1:10" x14ac:dyDescent="0.35">
      <c r="A4917" s="5" t="s">
        <v>10</v>
      </c>
      <c r="B4917" s="6">
        <v>203259</v>
      </c>
      <c r="C4917" s="6" t="s">
        <v>4738</v>
      </c>
      <c r="D4917" s="6" t="s">
        <v>9973</v>
      </c>
      <c r="E4917" s="6">
        <v>88564</v>
      </c>
      <c r="F4917" s="6" t="s">
        <v>18</v>
      </c>
      <c r="G4917" s="6" t="s">
        <v>9974</v>
      </c>
      <c r="H4917" s="6" t="s">
        <v>9975</v>
      </c>
      <c r="I4917" s="7">
        <v>13.3387613</v>
      </c>
      <c r="J4917" s="8">
        <v>-81.372937199999996</v>
      </c>
    </row>
    <row r="4918" spans="1:10" x14ac:dyDescent="0.35">
      <c r="A4918" s="5" t="s">
        <v>10</v>
      </c>
      <c r="B4918" s="6">
        <v>226437</v>
      </c>
      <c r="C4918" s="6" t="s">
        <v>16</v>
      </c>
      <c r="D4918" s="6" t="s">
        <v>2825</v>
      </c>
      <c r="E4918" s="6">
        <v>68276</v>
      </c>
      <c r="F4918" s="6" t="s">
        <v>18</v>
      </c>
      <c r="G4918" s="6" t="s">
        <v>9976</v>
      </c>
      <c r="H4918" s="6" t="s">
        <v>9977</v>
      </c>
      <c r="I4918" s="7">
        <v>7.0599555000000001</v>
      </c>
      <c r="J4918" s="8">
        <v>-73.097593199999906</v>
      </c>
    </row>
    <row r="4919" spans="1:10" x14ac:dyDescent="0.35">
      <c r="A4919" s="5" t="s">
        <v>10</v>
      </c>
      <c r="B4919" s="6">
        <v>244109</v>
      </c>
      <c r="C4919" s="6" t="s">
        <v>16</v>
      </c>
      <c r="D4919" s="6" t="s">
        <v>8062</v>
      </c>
      <c r="E4919" s="6">
        <v>68575</v>
      </c>
      <c r="F4919" s="6" t="s">
        <v>18</v>
      </c>
      <c r="G4919" s="6" t="s">
        <v>9978</v>
      </c>
      <c r="H4919" s="6" t="s">
        <v>8770</v>
      </c>
      <c r="I4919" s="7">
        <v>7.1250663000000003</v>
      </c>
      <c r="J4919" s="8">
        <v>-73.125452100000004</v>
      </c>
    </row>
    <row r="4920" spans="1:10" x14ac:dyDescent="0.35">
      <c r="A4920" s="5" t="s">
        <v>10</v>
      </c>
      <c r="B4920" s="6">
        <v>231988</v>
      </c>
      <c r="C4920" s="6" t="s">
        <v>3788</v>
      </c>
      <c r="D4920" s="6" t="s">
        <v>6771</v>
      </c>
      <c r="E4920" s="6">
        <v>18753</v>
      </c>
      <c r="F4920" s="6" t="s">
        <v>18</v>
      </c>
      <c r="G4920" s="6" t="s">
        <v>9979</v>
      </c>
      <c r="H4920" s="6" t="s">
        <v>9980</v>
      </c>
      <c r="I4920" s="7">
        <v>2.113645</v>
      </c>
      <c r="J4920" s="8">
        <v>-74.773206000000002</v>
      </c>
    </row>
    <row r="4921" spans="1:10" x14ac:dyDescent="0.35">
      <c r="A4921" s="5" t="s">
        <v>10</v>
      </c>
      <c r="B4921" s="6">
        <v>239877</v>
      </c>
      <c r="C4921" s="6" t="s">
        <v>68</v>
      </c>
      <c r="D4921" s="6" t="s">
        <v>69</v>
      </c>
      <c r="E4921" s="6">
        <v>11001</v>
      </c>
      <c r="F4921" s="6" t="s">
        <v>18</v>
      </c>
      <c r="G4921" s="6" t="s">
        <v>9981</v>
      </c>
      <c r="H4921" s="6" t="s">
        <v>9982</v>
      </c>
      <c r="I4921" s="7">
        <v>4.6388644000000001</v>
      </c>
      <c r="J4921" s="8">
        <v>-74.160741900000005</v>
      </c>
    </row>
    <row r="4922" spans="1:10" x14ac:dyDescent="0.35">
      <c r="A4922" s="5" t="s">
        <v>10</v>
      </c>
      <c r="B4922" s="6">
        <v>188433</v>
      </c>
      <c r="C4922" s="6" t="s">
        <v>16</v>
      </c>
      <c r="D4922" s="6" t="s">
        <v>2825</v>
      </c>
      <c r="E4922" s="6">
        <v>68276</v>
      </c>
      <c r="F4922" s="6" t="s">
        <v>18</v>
      </c>
      <c r="G4922" s="6" t="s">
        <v>186</v>
      </c>
      <c r="H4922" s="6" t="s">
        <v>9983</v>
      </c>
      <c r="I4922" s="7">
        <v>7.0391037000000001</v>
      </c>
      <c r="J4922" s="8">
        <v>-73.109635299999994</v>
      </c>
    </row>
    <row r="4923" spans="1:10" x14ac:dyDescent="0.35">
      <c r="A4923" s="5" t="s">
        <v>10</v>
      </c>
      <c r="B4923" s="6">
        <v>96472</v>
      </c>
      <c r="C4923" s="6" t="s">
        <v>11</v>
      </c>
      <c r="D4923" s="6" t="s">
        <v>337</v>
      </c>
      <c r="E4923" s="6">
        <v>25290</v>
      </c>
      <c r="F4923" s="6" t="s">
        <v>18</v>
      </c>
      <c r="G4923" s="6" t="s">
        <v>9984</v>
      </c>
      <c r="H4923" s="6" t="s">
        <v>9985</v>
      </c>
      <c r="I4923" s="7">
        <v>4.3454497999999999</v>
      </c>
      <c r="J4923" s="8">
        <v>-74.361503299999995</v>
      </c>
    </row>
    <row r="4924" spans="1:10" x14ac:dyDescent="0.35">
      <c r="A4924" s="5" t="s">
        <v>10</v>
      </c>
      <c r="B4924" s="6">
        <v>238889</v>
      </c>
      <c r="C4924" s="6" t="s">
        <v>2821</v>
      </c>
      <c r="D4924" s="6" t="s">
        <v>2822</v>
      </c>
      <c r="E4924" s="6">
        <v>47001</v>
      </c>
      <c r="F4924" s="6" t="s">
        <v>18</v>
      </c>
      <c r="G4924" s="6" t="s">
        <v>9986</v>
      </c>
      <c r="H4924" s="6" t="s">
        <v>9987</v>
      </c>
      <c r="I4924" s="7">
        <v>11.245058999999999</v>
      </c>
      <c r="J4924" s="8">
        <v>-74.205254400000001</v>
      </c>
    </row>
    <row r="4925" spans="1:10" x14ac:dyDescent="0.35">
      <c r="A4925" s="5" t="s">
        <v>10</v>
      </c>
      <c r="B4925" s="6">
        <v>209964</v>
      </c>
      <c r="C4925" s="6" t="s">
        <v>302</v>
      </c>
      <c r="D4925" s="6" t="s">
        <v>359</v>
      </c>
      <c r="E4925" s="6">
        <v>8001</v>
      </c>
      <c r="F4925" s="6" t="s">
        <v>18</v>
      </c>
      <c r="G4925" s="6" t="s">
        <v>9988</v>
      </c>
      <c r="H4925" s="6" t="s">
        <v>9989</v>
      </c>
      <c r="I4925" s="7">
        <v>10.9762921</v>
      </c>
      <c r="J4925" s="8">
        <v>-74.805987799999997</v>
      </c>
    </row>
    <row r="4926" spans="1:10" x14ac:dyDescent="0.35">
      <c r="A4926" s="5" t="s">
        <v>10</v>
      </c>
      <c r="B4926" s="6">
        <v>225574</v>
      </c>
      <c r="C4926" s="6" t="s">
        <v>302</v>
      </c>
      <c r="D4926" s="6" t="s">
        <v>9646</v>
      </c>
      <c r="E4926" s="6">
        <v>8606</v>
      </c>
      <c r="F4926" s="6" t="s">
        <v>18</v>
      </c>
      <c r="G4926" s="6" t="s">
        <v>9990</v>
      </c>
      <c r="H4926" s="6" t="s">
        <v>9991</v>
      </c>
      <c r="I4926" s="7">
        <v>10.492092299999999</v>
      </c>
      <c r="J4926" s="8">
        <v>-75.129823799999997</v>
      </c>
    </row>
    <row r="4927" spans="1:10" x14ac:dyDescent="0.35">
      <c r="A4927" s="5" t="s">
        <v>10</v>
      </c>
      <c r="B4927" s="6">
        <v>233280</v>
      </c>
      <c r="C4927" s="6" t="s">
        <v>16</v>
      </c>
      <c r="D4927" s="6" t="s">
        <v>78</v>
      </c>
      <c r="E4927" s="6">
        <v>68001</v>
      </c>
      <c r="F4927" s="6" t="s">
        <v>18</v>
      </c>
      <c r="G4927" s="6" t="s">
        <v>9992</v>
      </c>
      <c r="H4927" s="6" t="s">
        <v>9993</v>
      </c>
      <c r="I4927" s="7">
        <v>7.12113</v>
      </c>
      <c r="J4927" s="8">
        <v>-73.124480000000005</v>
      </c>
    </row>
    <row r="4928" spans="1:10" x14ac:dyDescent="0.35">
      <c r="A4928" s="5" t="s">
        <v>10</v>
      </c>
      <c r="B4928" s="6">
        <v>211410</v>
      </c>
      <c r="C4928" s="6" t="s">
        <v>16</v>
      </c>
      <c r="D4928" s="6" t="s">
        <v>2825</v>
      </c>
      <c r="E4928" s="6">
        <v>68276</v>
      </c>
      <c r="F4928" s="6" t="s">
        <v>18</v>
      </c>
      <c r="G4928" s="6" t="s">
        <v>9994</v>
      </c>
      <c r="H4928" s="6" t="s">
        <v>9995</v>
      </c>
      <c r="I4928" s="7">
        <v>7.0547727999999896</v>
      </c>
      <c r="J4928" s="8">
        <v>-73.090193799999994</v>
      </c>
    </row>
    <row r="4929" spans="1:10" x14ac:dyDescent="0.35">
      <c r="A4929" s="5" t="s">
        <v>10</v>
      </c>
      <c r="B4929" s="6">
        <v>192787</v>
      </c>
      <c r="C4929" s="6" t="s">
        <v>68</v>
      </c>
      <c r="D4929" s="6" t="s">
        <v>69</v>
      </c>
      <c r="E4929" s="6">
        <v>11001</v>
      </c>
      <c r="F4929" s="6" t="s">
        <v>13</v>
      </c>
      <c r="G4929" s="6" t="s">
        <v>9996</v>
      </c>
      <c r="H4929" s="6" t="s">
        <v>9997</v>
      </c>
      <c r="I4929" s="7">
        <v>4.6229846999999999</v>
      </c>
      <c r="J4929" s="8">
        <v>-74.075374800000006</v>
      </c>
    </row>
    <row r="4930" spans="1:10" x14ac:dyDescent="0.35">
      <c r="A4930" s="5" t="s">
        <v>10</v>
      </c>
      <c r="B4930" s="6">
        <v>223842</v>
      </c>
      <c r="C4930" s="6" t="s">
        <v>24</v>
      </c>
      <c r="D4930" s="6" t="s">
        <v>1856</v>
      </c>
      <c r="E4930" s="6">
        <v>15480</v>
      </c>
      <c r="F4930" s="6" t="s">
        <v>18</v>
      </c>
      <c r="G4930" s="6" t="s">
        <v>9998</v>
      </c>
      <c r="H4930" s="6" t="s">
        <v>9999</v>
      </c>
      <c r="I4930" s="7">
        <v>5.5316289999999997</v>
      </c>
      <c r="J4930" s="8">
        <v>-74.103015999999997</v>
      </c>
    </row>
    <row r="4931" spans="1:10" x14ac:dyDescent="0.35">
      <c r="A4931" s="5" t="s">
        <v>10</v>
      </c>
      <c r="B4931" s="6">
        <v>247496</v>
      </c>
      <c r="C4931" s="6" t="s">
        <v>294</v>
      </c>
      <c r="D4931" s="6" t="s">
        <v>703</v>
      </c>
      <c r="E4931" s="6">
        <v>41001</v>
      </c>
      <c r="F4931" s="6" t="s">
        <v>18</v>
      </c>
      <c r="G4931" s="6" t="s">
        <v>10000</v>
      </c>
      <c r="H4931" s="6" t="s">
        <v>10001</v>
      </c>
      <c r="I4931" s="7">
        <v>2.9466161</v>
      </c>
      <c r="J4931" s="8">
        <v>-75.298184399999997</v>
      </c>
    </row>
    <row r="4932" spans="1:10" x14ac:dyDescent="0.35">
      <c r="A4932" s="5" t="s">
        <v>10</v>
      </c>
      <c r="B4932" s="6">
        <v>166310</v>
      </c>
      <c r="C4932" s="6" t="s">
        <v>16</v>
      </c>
      <c r="D4932" s="6" t="s">
        <v>78</v>
      </c>
      <c r="E4932" s="6">
        <v>68001</v>
      </c>
      <c r="F4932" s="6" t="s">
        <v>18</v>
      </c>
      <c r="G4932" s="6" t="s">
        <v>10002</v>
      </c>
      <c r="H4932" s="6" t="s">
        <v>10003</v>
      </c>
      <c r="I4932" s="7">
        <v>7.1270628999999897</v>
      </c>
      <c r="J4932" s="8">
        <v>-73.113067299999997</v>
      </c>
    </row>
    <row r="4933" spans="1:10" x14ac:dyDescent="0.35">
      <c r="A4933" s="5" t="s">
        <v>10</v>
      </c>
      <c r="B4933" s="6">
        <v>236980</v>
      </c>
      <c r="C4933" s="6" t="s">
        <v>68</v>
      </c>
      <c r="D4933" s="6" t="s">
        <v>69</v>
      </c>
      <c r="E4933" s="6">
        <v>11001</v>
      </c>
      <c r="F4933" s="6" t="s">
        <v>18</v>
      </c>
      <c r="G4933" s="6" t="s">
        <v>10004</v>
      </c>
      <c r="H4933" s="6" t="s">
        <v>10005</v>
      </c>
      <c r="I4933" s="7">
        <v>4.6682268999999996</v>
      </c>
      <c r="J4933" s="8">
        <v>-74.149250699999996</v>
      </c>
    </row>
    <row r="4934" spans="1:10" x14ac:dyDescent="0.35">
      <c r="A4934" s="5" t="s">
        <v>10</v>
      </c>
      <c r="B4934" s="6">
        <v>187352</v>
      </c>
      <c r="C4934" s="6" t="s">
        <v>68</v>
      </c>
      <c r="D4934" s="6" t="s">
        <v>69</v>
      </c>
      <c r="E4934" s="6">
        <v>11001</v>
      </c>
      <c r="F4934" s="6" t="s">
        <v>18</v>
      </c>
      <c r="G4934" s="6" t="s">
        <v>10006</v>
      </c>
      <c r="H4934" s="6" t="s">
        <v>10007</v>
      </c>
      <c r="I4934" s="7">
        <v>4.6522785999999998</v>
      </c>
      <c r="J4934" s="8">
        <v>-74.139777699999996</v>
      </c>
    </row>
    <row r="4935" spans="1:10" x14ac:dyDescent="0.35">
      <c r="A4935" s="5" t="s">
        <v>10</v>
      </c>
      <c r="B4935" s="6">
        <v>95823</v>
      </c>
      <c r="C4935" s="6" t="s">
        <v>11</v>
      </c>
      <c r="D4935" s="6" t="s">
        <v>997</v>
      </c>
      <c r="E4935" s="6">
        <v>25599</v>
      </c>
      <c r="F4935" s="6" t="s">
        <v>18</v>
      </c>
      <c r="G4935" s="6" t="s">
        <v>10008</v>
      </c>
      <c r="H4935" s="6" t="s">
        <v>10009</v>
      </c>
      <c r="I4935" s="7">
        <v>4.5213019999999897</v>
      </c>
      <c r="J4935" s="8">
        <v>-74.593705999999997</v>
      </c>
    </row>
    <row r="4936" spans="1:10" x14ac:dyDescent="0.35">
      <c r="A4936" s="5" t="s">
        <v>10</v>
      </c>
      <c r="B4936" s="6">
        <v>197053</v>
      </c>
      <c r="C4936" s="6" t="s">
        <v>2821</v>
      </c>
      <c r="D4936" s="6" t="s">
        <v>2822</v>
      </c>
      <c r="E4936" s="6">
        <v>47001</v>
      </c>
      <c r="F4936" s="6" t="s">
        <v>18</v>
      </c>
      <c r="G4936" s="6" t="s">
        <v>8385</v>
      </c>
      <c r="H4936" s="6" t="s">
        <v>8386</v>
      </c>
      <c r="I4936" s="7">
        <v>11.2326335</v>
      </c>
      <c r="J4936" s="8">
        <v>-74.194842699999995</v>
      </c>
    </row>
    <row r="4937" spans="1:10" x14ac:dyDescent="0.35">
      <c r="A4937" s="5" t="s">
        <v>10</v>
      </c>
      <c r="B4937" s="6">
        <v>224942</v>
      </c>
      <c r="C4937" s="6" t="s">
        <v>302</v>
      </c>
      <c r="D4937" s="6" t="s">
        <v>4041</v>
      </c>
      <c r="E4937" s="6">
        <v>8758</v>
      </c>
      <c r="F4937" s="6" t="s">
        <v>18</v>
      </c>
      <c r="G4937" s="6" t="s">
        <v>10010</v>
      </c>
      <c r="H4937" s="6" t="s">
        <v>10011</v>
      </c>
      <c r="I4937" s="7">
        <v>10.9140207</v>
      </c>
      <c r="J4937" s="8">
        <v>-74.784978100000004</v>
      </c>
    </row>
    <row r="4938" spans="1:10" x14ac:dyDescent="0.35">
      <c r="A4938" s="5" t="s">
        <v>10</v>
      </c>
      <c r="B4938" s="6">
        <v>197464</v>
      </c>
      <c r="C4938" s="6" t="s">
        <v>308</v>
      </c>
      <c r="D4938" s="6" t="s">
        <v>309</v>
      </c>
      <c r="E4938" s="6">
        <v>23001</v>
      </c>
      <c r="F4938" s="6" t="s">
        <v>18</v>
      </c>
      <c r="G4938" s="6" t="s">
        <v>10012</v>
      </c>
      <c r="H4938" s="6" t="s">
        <v>10013</v>
      </c>
      <c r="I4938" s="7">
        <v>8.7547470999999994</v>
      </c>
      <c r="J4938" s="8">
        <v>-75.899515600000001</v>
      </c>
    </row>
    <row r="4939" spans="1:10" x14ac:dyDescent="0.35">
      <c r="A4939" s="5" t="s">
        <v>10</v>
      </c>
      <c r="B4939" s="6">
        <v>215983</v>
      </c>
      <c r="C4939" s="6" t="s">
        <v>308</v>
      </c>
      <c r="D4939" s="6" t="s">
        <v>8321</v>
      </c>
      <c r="E4939" s="6">
        <v>23162</v>
      </c>
      <c r="F4939" s="6" t="s">
        <v>18</v>
      </c>
      <c r="G4939" s="6" t="s">
        <v>10014</v>
      </c>
      <c r="H4939" s="6" t="s">
        <v>10015</v>
      </c>
      <c r="I4939" s="7">
        <v>8.8780193000000001</v>
      </c>
      <c r="J4939" s="8">
        <v>-75.789834900000002</v>
      </c>
    </row>
    <row r="4940" spans="1:10" x14ac:dyDescent="0.35">
      <c r="A4940" s="5" t="s">
        <v>10</v>
      </c>
      <c r="B4940" s="6">
        <v>200762</v>
      </c>
      <c r="C4940" s="6" t="s">
        <v>302</v>
      </c>
      <c r="D4940" s="6" t="s">
        <v>359</v>
      </c>
      <c r="E4940" s="6">
        <v>8001</v>
      </c>
      <c r="F4940" s="6" t="s">
        <v>18</v>
      </c>
      <c r="G4940" s="6" t="s">
        <v>10016</v>
      </c>
      <c r="H4940" s="6" t="s">
        <v>10017</v>
      </c>
      <c r="I4940" s="7">
        <v>10.9333054</v>
      </c>
      <c r="J4940" s="8">
        <v>-74.8329655</v>
      </c>
    </row>
    <row r="4941" spans="1:10" x14ac:dyDescent="0.35">
      <c r="A4941" s="5" t="s">
        <v>10</v>
      </c>
      <c r="B4941" s="6">
        <v>229747</v>
      </c>
      <c r="C4941" s="6" t="s">
        <v>38</v>
      </c>
      <c r="D4941" s="6" t="s">
        <v>39</v>
      </c>
      <c r="E4941" s="6">
        <v>19001</v>
      </c>
      <c r="F4941" s="6" t="s">
        <v>18</v>
      </c>
      <c r="G4941" s="6" t="s">
        <v>10018</v>
      </c>
      <c r="H4941" s="6" t="s">
        <v>10019</v>
      </c>
      <c r="I4941" s="7">
        <v>2.4826437000000001</v>
      </c>
      <c r="J4941" s="8">
        <v>-76.5764298</v>
      </c>
    </row>
    <row r="4942" spans="1:10" x14ac:dyDescent="0.35">
      <c r="A4942" s="5" t="s">
        <v>10</v>
      </c>
      <c r="B4942" s="6">
        <v>227337</v>
      </c>
      <c r="C4942" s="6" t="s">
        <v>38</v>
      </c>
      <c r="D4942" s="6" t="s">
        <v>39</v>
      </c>
      <c r="E4942" s="6">
        <v>19001</v>
      </c>
      <c r="F4942" s="6" t="s">
        <v>18</v>
      </c>
      <c r="G4942" s="6" t="s">
        <v>10020</v>
      </c>
      <c r="H4942" s="6" t="s">
        <v>10021</v>
      </c>
      <c r="I4942" s="7">
        <v>2.4526479999999999</v>
      </c>
      <c r="J4942" s="8">
        <v>-76.597759699999997</v>
      </c>
    </row>
    <row r="4943" spans="1:10" x14ac:dyDescent="0.35">
      <c r="A4943" s="5" t="s">
        <v>10</v>
      </c>
      <c r="B4943" s="6">
        <v>242947</v>
      </c>
      <c r="C4943" s="6" t="s">
        <v>16</v>
      </c>
      <c r="D4943" s="6" t="s">
        <v>17</v>
      </c>
      <c r="E4943" s="6">
        <v>68679</v>
      </c>
      <c r="F4943" s="6" t="s">
        <v>18</v>
      </c>
      <c r="G4943" s="6" t="s">
        <v>10022</v>
      </c>
      <c r="H4943" s="6" t="s">
        <v>10023</v>
      </c>
      <c r="I4943" s="7">
        <v>6.5542980000000002</v>
      </c>
      <c r="J4943" s="8">
        <v>-73.133818000000005</v>
      </c>
    </row>
    <row r="4944" spans="1:10" x14ac:dyDescent="0.35">
      <c r="A4944" s="5" t="s">
        <v>10</v>
      </c>
      <c r="B4944" s="6">
        <v>231829</v>
      </c>
      <c r="C4944" s="6" t="s">
        <v>16</v>
      </c>
      <c r="D4944" s="6" t="s">
        <v>78</v>
      </c>
      <c r="E4944" s="6">
        <v>68001</v>
      </c>
      <c r="F4944" s="6" t="s">
        <v>18</v>
      </c>
      <c r="G4944" s="6" t="s">
        <v>10024</v>
      </c>
      <c r="H4944" s="6" t="s">
        <v>10025</v>
      </c>
      <c r="I4944" s="7">
        <v>7.1222656000000004</v>
      </c>
      <c r="J4944" s="8">
        <v>-73.132010899999997</v>
      </c>
    </row>
    <row r="4945" spans="1:10" x14ac:dyDescent="0.35">
      <c r="A4945" s="5" t="s">
        <v>10</v>
      </c>
      <c r="B4945" s="6">
        <v>187455</v>
      </c>
      <c r="C4945" s="6" t="s">
        <v>16</v>
      </c>
      <c r="D4945" s="6" t="s">
        <v>78</v>
      </c>
      <c r="E4945" s="6">
        <v>68001</v>
      </c>
      <c r="F4945" s="6" t="s">
        <v>18</v>
      </c>
      <c r="G4945" s="6" t="s">
        <v>10026</v>
      </c>
      <c r="H4945" s="6" t="s">
        <v>10027</v>
      </c>
      <c r="I4945" s="7">
        <v>7.1241509999999897</v>
      </c>
      <c r="J4945" s="8">
        <v>-73.130489599999905</v>
      </c>
    </row>
    <row r="4946" spans="1:10" x14ac:dyDescent="0.35">
      <c r="A4946" s="5" t="s">
        <v>10</v>
      </c>
      <c r="B4946" s="6">
        <v>234943</v>
      </c>
      <c r="C4946" s="6" t="s">
        <v>55</v>
      </c>
      <c r="D4946" s="6" t="s">
        <v>56</v>
      </c>
      <c r="E4946" s="6">
        <v>73001</v>
      </c>
      <c r="F4946" s="6" t="s">
        <v>18</v>
      </c>
      <c r="G4946" s="6" t="s">
        <v>10028</v>
      </c>
      <c r="H4946" s="6" t="s">
        <v>10029</v>
      </c>
      <c r="I4946" s="7">
        <v>4.4420912000000001</v>
      </c>
      <c r="J4946" s="8">
        <v>-75.189532200000002</v>
      </c>
    </row>
    <row r="4947" spans="1:10" x14ac:dyDescent="0.35">
      <c r="A4947" s="5" t="s">
        <v>10</v>
      </c>
      <c r="B4947" s="6">
        <v>233563</v>
      </c>
      <c r="C4947" s="6" t="s">
        <v>68</v>
      </c>
      <c r="D4947" s="6" t="s">
        <v>69</v>
      </c>
      <c r="E4947" s="6">
        <v>11001</v>
      </c>
      <c r="F4947" s="6" t="s">
        <v>18</v>
      </c>
      <c r="G4947" s="6" t="s">
        <v>10030</v>
      </c>
      <c r="H4947" s="6" t="s">
        <v>10031</v>
      </c>
      <c r="I4947" s="7">
        <v>4.6095300000000003</v>
      </c>
      <c r="J4947" s="8">
        <v>-74.193989999999999</v>
      </c>
    </row>
    <row r="4948" spans="1:10" x14ac:dyDescent="0.35">
      <c r="A4948" s="5" t="s">
        <v>10</v>
      </c>
      <c r="B4948" s="6">
        <v>230785</v>
      </c>
      <c r="C4948" s="6" t="s">
        <v>55</v>
      </c>
      <c r="D4948" s="6" t="s">
        <v>56</v>
      </c>
      <c r="E4948" s="6">
        <v>73001</v>
      </c>
      <c r="F4948" s="6" t="s">
        <v>18</v>
      </c>
      <c r="G4948" s="6" t="s">
        <v>10032</v>
      </c>
      <c r="H4948" s="6" t="s">
        <v>10033</v>
      </c>
      <c r="I4948" s="7">
        <v>4.4460990000000002</v>
      </c>
      <c r="J4948" s="8">
        <v>-75.241375000000005</v>
      </c>
    </row>
    <row r="4949" spans="1:10" x14ac:dyDescent="0.35">
      <c r="A4949" s="5" t="s">
        <v>10</v>
      </c>
      <c r="B4949" s="6">
        <v>234557</v>
      </c>
      <c r="C4949" s="6" t="s">
        <v>68</v>
      </c>
      <c r="D4949" s="6" t="s">
        <v>69</v>
      </c>
      <c r="E4949" s="6">
        <v>11001</v>
      </c>
      <c r="F4949" s="6" t="s">
        <v>18</v>
      </c>
      <c r="G4949" s="6" t="s">
        <v>10034</v>
      </c>
      <c r="H4949" s="6" t="s">
        <v>10035</v>
      </c>
      <c r="I4949" s="7">
        <v>4.5780250000000002</v>
      </c>
      <c r="J4949" s="8">
        <v>-74.156830999999997</v>
      </c>
    </row>
    <row r="4950" spans="1:10" x14ac:dyDescent="0.35">
      <c r="A4950" s="5" t="s">
        <v>10</v>
      </c>
      <c r="B4950" s="6">
        <v>233334</v>
      </c>
      <c r="C4950" s="6" t="s">
        <v>16</v>
      </c>
      <c r="D4950" s="6" t="s">
        <v>78</v>
      </c>
      <c r="E4950" s="6">
        <v>68001</v>
      </c>
      <c r="F4950" s="6" t="s">
        <v>18</v>
      </c>
      <c r="G4950" s="6" t="s">
        <v>10036</v>
      </c>
      <c r="H4950" s="6" t="s">
        <v>10037</v>
      </c>
      <c r="I4950" s="7">
        <v>7.1013099999999998</v>
      </c>
      <c r="J4950" s="8">
        <v>-73.170940000000002</v>
      </c>
    </row>
    <row r="4951" spans="1:10" x14ac:dyDescent="0.35">
      <c r="A4951" s="5" t="s">
        <v>10</v>
      </c>
      <c r="B4951" s="6">
        <v>167064</v>
      </c>
      <c r="C4951" s="6" t="s">
        <v>68</v>
      </c>
      <c r="D4951" s="6" t="s">
        <v>69</v>
      </c>
      <c r="E4951" s="6">
        <v>11001</v>
      </c>
      <c r="F4951" s="6" t="s">
        <v>18</v>
      </c>
      <c r="G4951" s="6" t="s">
        <v>10038</v>
      </c>
      <c r="H4951" s="6" t="s">
        <v>10039</v>
      </c>
      <c r="I4951" s="7">
        <v>4.5677165999999998</v>
      </c>
      <c r="J4951" s="8">
        <v>-74.083368699999994</v>
      </c>
    </row>
    <row r="4952" spans="1:10" x14ac:dyDescent="0.35">
      <c r="A4952" s="5" t="s">
        <v>10</v>
      </c>
      <c r="B4952" s="6">
        <v>72079</v>
      </c>
      <c r="C4952" s="6" t="s">
        <v>68</v>
      </c>
      <c r="D4952" s="6" t="s">
        <v>69</v>
      </c>
      <c r="E4952" s="6">
        <v>11001</v>
      </c>
      <c r="F4952" s="6" t="s">
        <v>18</v>
      </c>
      <c r="G4952" s="6" t="s">
        <v>10040</v>
      </c>
      <c r="H4952" s="6" t="s">
        <v>10041</v>
      </c>
      <c r="I4952" s="7">
        <v>4.7333049999999997</v>
      </c>
      <c r="J4952" s="8">
        <v>-74.105425499999996</v>
      </c>
    </row>
    <row r="4953" spans="1:10" x14ac:dyDescent="0.35">
      <c r="A4953" s="5" t="s">
        <v>10</v>
      </c>
      <c r="B4953" s="6">
        <v>176214</v>
      </c>
      <c r="C4953" s="6" t="s">
        <v>68</v>
      </c>
      <c r="D4953" s="6" t="s">
        <v>69</v>
      </c>
      <c r="E4953" s="6">
        <v>11001</v>
      </c>
      <c r="F4953" s="6" t="s">
        <v>18</v>
      </c>
      <c r="G4953" s="6" t="s">
        <v>10042</v>
      </c>
      <c r="H4953" s="6" t="s">
        <v>10043</v>
      </c>
      <c r="I4953" s="7">
        <v>4.6712407999999996</v>
      </c>
      <c r="J4953" s="8">
        <v>-74.045459600000001</v>
      </c>
    </row>
    <row r="4954" spans="1:10" x14ac:dyDescent="0.35">
      <c r="A4954" s="5" t="s">
        <v>10</v>
      </c>
      <c r="B4954" s="6">
        <v>165791</v>
      </c>
      <c r="C4954" s="6" t="s">
        <v>11</v>
      </c>
      <c r="D4954" s="6" t="s">
        <v>4141</v>
      </c>
      <c r="E4954" s="6">
        <v>25224</v>
      </c>
      <c r="F4954" s="6" t="s">
        <v>18</v>
      </c>
      <c r="G4954" s="6" t="s">
        <v>10044</v>
      </c>
      <c r="H4954" s="6" t="s">
        <v>10045</v>
      </c>
      <c r="I4954" s="7">
        <v>5.2502122999999896</v>
      </c>
      <c r="J4954" s="8">
        <v>-73.766106299999905</v>
      </c>
    </row>
    <row r="4955" spans="1:10" x14ac:dyDescent="0.35">
      <c r="A4955" s="5" t="s">
        <v>10</v>
      </c>
      <c r="B4955" s="6">
        <v>192249</v>
      </c>
      <c r="C4955" s="6" t="s">
        <v>302</v>
      </c>
      <c r="D4955" s="6" t="s">
        <v>359</v>
      </c>
      <c r="E4955" s="6">
        <v>8001</v>
      </c>
      <c r="F4955" s="6" t="s">
        <v>18</v>
      </c>
      <c r="G4955" s="6" t="s">
        <v>10046</v>
      </c>
      <c r="H4955" s="6" t="s">
        <v>10047</v>
      </c>
      <c r="I4955" s="7">
        <v>10.9954272</v>
      </c>
      <c r="J4955" s="8">
        <v>-74.787163699999994</v>
      </c>
    </row>
    <row r="4956" spans="1:10" x14ac:dyDescent="0.35">
      <c r="A4956" s="5" t="s">
        <v>10</v>
      </c>
      <c r="B4956" s="6">
        <v>207258</v>
      </c>
      <c r="C4956" s="6" t="s">
        <v>16</v>
      </c>
      <c r="D4956" s="6" t="s">
        <v>2825</v>
      </c>
      <c r="E4956" s="6">
        <v>68276</v>
      </c>
      <c r="F4956" s="6" t="s">
        <v>18</v>
      </c>
      <c r="G4956" s="6" t="s">
        <v>10048</v>
      </c>
      <c r="H4956" s="6" t="s">
        <v>10049</v>
      </c>
      <c r="I4956" s="7">
        <v>7.0748023</v>
      </c>
      <c r="J4956" s="8">
        <v>-73.088382199999998</v>
      </c>
    </row>
    <row r="4957" spans="1:10" x14ac:dyDescent="0.35">
      <c r="A4957" s="5" t="s">
        <v>10</v>
      </c>
      <c r="B4957" s="6">
        <v>236461</v>
      </c>
      <c r="C4957" s="6" t="s">
        <v>16</v>
      </c>
      <c r="D4957" s="6" t="s">
        <v>510</v>
      </c>
      <c r="E4957" s="6">
        <v>68547</v>
      </c>
      <c r="F4957" s="6" t="s">
        <v>18</v>
      </c>
      <c r="G4957" s="6" t="s">
        <v>10050</v>
      </c>
      <c r="H4957" s="6" t="s">
        <v>10051</v>
      </c>
      <c r="I4957" s="7">
        <v>7.0024730000000002</v>
      </c>
      <c r="J4957" s="8">
        <v>-73.051916399999996</v>
      </c>
    </row>
    <row r="4958" spans="1:10" x14ac:dyDescent="0.35">
      <c r="A4958" s="5" t="s">
        <v>10</v>
      </c>
      <c r="B4958" s="6">
        <v>238194</v>
      </c>
      <c r="C4958" s="6" t="s">
        <v>16</v>
      </c>
      <c r="D4958" s="6" t="s">
        <v>510</v>
      </c>
      <c r="E4958" s="6">
        <v>68547</v>
      </c>
      <c r="F4958" s="6" t="s">
        <v>18</v>
      </c>
      <c r="G4958" s="6" t="s">
        <v>10052</v>
      </c>
      <c r="H4958" s="6" t="s">
        <v>10053</v>
      </c>
      <c r="I4958" s="7">
        <v>6.9915390000000004</v>
      </c>
      <c r="J4958" s="8">
        <v>-73.053998000000007</v>
      </c>
    </row>
    <row r="4959" spans="1:10" x14ac:dyDescent="0.35">
      <c r="A4959" s="5" t="s">
        <v>10</v>
      </c>
      <c r="B4959" s="6">
        <v>248551</v>
      </c>
      <c r="C4959" s="6" t="s">
        <v>16</v>
      </c>
      <c r="D4959" s="6" t="s">
        <v>2825</v>
      </c>
      <c r="E4959" s="6">
        <v>68276</v>
      </c>
      <c r="F4959" s="6" t="s">
        <v>18</v>
      </c>
      <c r="G4959" s="6" t="s">
        <v>10054</v>
      </c>
      <c r="H4959" s="6" t="s">
        <v>10055</v>
      </c>
      <c r="I4959" s="7">
        <v>7.0903666000000003</v>
      </c>
      <c r="J4959" s="8">
        <v>-73.091011199999997</v>
      </c>
    </row>
    <row r="4960" spans="1:10" x14ac:dyDescent="0.35">
      <c r="A4960" s="5" t="s">
        <v>10</v>
      </c>
      <c r="B4960" s="6">
        <v>217103</v>
      </c>
      <c r="C4960" s="6" t="s">
        <v>68</v>
      </c>
      <c r="D4960" s="6" t="s">
        <v>69</v>
      </c>
      <c r="E4960" s="6">
        <v>11001</v>
      </c>
      <c r="F4960" s="6" t="s">
        <v>13</v>
      </c>
      <c r="G4960" s="6" t="s">
        <v>10056</v>
      </c>
      <c r="H4960" s="6" t="s">
        <v>10057</v>
      </c>
      <c r="I4960" s="7">
        <v>4.6280380000000001</v>
      </c>
      <c r="J4960" s="8">
        <v>-74.188554199999999</v>
      </c>
    </row>
    <row r="4961" spans="1:10" x14ac:dyDescent="0.35">
      <c r="A4961" s="5" t="s">
        <v>10</v>
      </c>
      <c r="B4961" s="6">
        <v>188420</v>
      </c>
      <c r="C4961" s="6" t="s">
        <v>294</v>
      </c>
      <c r="D4961" s="6" t="s">
        <v>703</v>
      </c>
      <c r="E4961" s="6">
        <v>41001</v>
      </c>
      <c r="F4961" s="6" t="s">
        <v>18</v>
      </c>
      <c r="G4961" s="6" t="s">
        <v>10058</v>
      </c>
      <c r="H4961" s="6" t="s">
        <v>10059</v>
      </c>
      <c r="I4961" s="7">
        <v>2.9681796</v>
      </c>
      <c r="J4961" s="8">
        <v>-75.2943365</v>
      </c>
    </row>
    <row r="4962" spans="1:10" x14ac:dyDescent="0.35">
      <c r="A4962" s="5" t="s">
        <v>10</v>
      </c>
      <c r="B4962" s="6">
        <v>124038</v>
      </c>
      <c r="C4962" s="6" t="s">
        <v>294</v>
      </c>
      <c r="D4962" s="6" t="s">
        <v>703</v>
      </c>
      <c r="E4962" s="6">
        <v>41001</v>
      </c>
      <c r="F4962" s="6" t="s">
        <v>18</v>
      </c>
      <c r="G4962" s="6" t="s">
        <v>10060</v>
      </c>
      <c r="H4962" s="6" t="s">
        <v>10061</v>
      </c>
      <c r="I4962" s="7">
        <v>2.9177200000000001</v>
      </c>
      <c r="J4962" s="8">
        <v>-75.273982899999993</v>
      </c>
    </row>
    <row r="4963" spans="1:10" x14ac:dyDescent="0.35">
      <c r="A4963" s="5" t="s">
        <v>10</v>
      </c>
      <c r="B4963" s="6">
        <v>237950</v>
      </c>
      <c r="C4963" s="6" t="s">
        <v>294</v>
      </c>
      <c r="D4963" s="6" t="s">
        <v>3777</v>
      </c>
      <c r="E4963" s="6">
        <v>41132</v>
      </c>
      <c r="F4963" s="6" t="s">
        <v>18</v>
      </c>
      <c r="G4963" s="6" t="s">
        <v>10062</v>
      </c>
      <c r="H4963" s="6" t="s">
        <v>10063</v>
      </c>
      <c r="I4963" s="7">
        <v>2.6834994999999999</v>
      </c>
      <c r="J4963" s="8">
        <v>-75.326129899999998</v>
      </c>
    </row>
    <row r="4964" spans="1:10" x14ac:dyDescent="0.35">
      <c r="A4964" s="5" t="s">
        <v>10</v>
      </c>
      <c r="B4964" s="6">
        <v>236424</v>
      </c>
      <c r="C4964" s="6" t="s">
        <v>68</v>
      </c>
      <c r="D4964" s="6" t="s">
        <v>69</v>
      </c>
      <c r="E4964" s="6">
        <v>11001</v>
      </c>
      <c r="F4964" s="6" t="s">
        <v>18</v>
      </c>
      <c r="G4964" s="6" t="s">
        <v>10064</v>
      </c>
      <c r="H4964" s="6" t="s">
        <v>10065</v>
      </c>
      <c r="I4964" s="7">
        <v>4.6696483999999998</v>
      </c>
      <c r="J4964" s="8">
        <v>-74.146205100000003</v>
      </c>
    </row>
    <row r="4965" spans="1:10" x14ac:dyDescent="0.35">
      <c r="A4965" s="5" t="s">
        <v>10</v>
      </c>
      <c r="B4965" s="6">
        <v>94633</v>
      </c>
      <c r="C4965" s="6" t="s">
        <v>11</v>
      </c>
      <c r="D4965" s="6" t="s">
        <v>494</v>
      </c>
      <c r="E4965" s="6">
        <v>25154</v>
      </c>
      <c r="F4965" s="6" t="s">
        <v>18</v>
      </c>
      <c r="G4965" s="6" t="s">
        <v>10066</v>
      </c>
      <c r="H4965" s="6" t="s">
        <v>10067</v>
      </c>
      <c r="I4965" s="7">
        <v>5.3488322999999998</v>
      </c>
      <c r="J4965" s="8">
        <v>-73.901276600000003</v>
      </c>
    </row>
    <row r="4966" spans="1:10" x14ac:dyDescent="0.35">
      <c r="A4966" s="5" t="s">
        <v>10</v>
      </c>
      <c r="B4966" s="6">
        <v>204549</v>
      </c>
      <c r="C4966" s="6" t="s">
        <v>302</v>
      </c>
      <c r="D4966" s="6" t="s">
        <v>359</v>
      </c>
      <c r="E4966" s="6">
        <v>8001</v>
      </c>
      <c r="F4966" s="6" t="s">
        <v>18</v>
      </c>
      <c r="G4966" s="6" t="s">
        <v>10068</v>
      </c>
      <c r="H4966" s="6" t="s">
        <v>10069</v>
      </c>
      <c r="I4966" s="7">
        <v>10.941172099999999</v>
      </c>
      <c r="J4966" s="8">
        <v>-74.833863399999998</v>
      </c>
    </row>
    <row r="4967" spans="1:10" x14ac:dyDescent="0.35">
      <c r="A4967" s="5" t="s">
        <v>10</v>
      </c>
      <c r="B4967" s="6">
        <v>242965</v>
      </c>
      <c r="C4967" s="6" t="s">
        <v>16</v>
      </c>
      <c r="D4967" s="6" t="s">
        <v>8062</v>
      </c>
      <c r="E4967" s="6">
        <v>68575</v>
      </c>
      <c r="F4967" s="6" t="s">
        <v>18</v>
      </c>
      <c r="G4967" s="6" t="s">
        <v>10070</v>
      </c>
      <c r="H4967" s="6" t="s">
        <v>10071</v>
      </c>
      <c r="I4967" s="7">
        <v>7.3436510000000004</v>
      </c>
      <c r="J4967" s="8">
        <v>-73.904017499999995</v>
      </c>
    </row>
    <row r="4968" spans="1:10" x14ac:dyDescent="0.35">
      <c r="A4968" s="5" t="s">
        <v>10</v>
      </c>
      <c r="B4968" s="6">
        <v>220796</v>
      </c>
      <c r="C4968" s="6" t="s">
        <v>68</v>
      </c>
      <c r="D4968" s="6" t="s">
        <v>69</v>
      </c>
      <c r="E4968" s="6">
        <v>11001</v>
      </c>
      <c r="F4968" s="6" t="s">
        <v>13</v>
      </c>
      <c r="G4968" s="6" t="s">
        <v>10072</v>
      </c>
      <c r="H4968" s="6" t="s">
        <v>10073</v>
      </c>
      <c r="I4968" s="7">
        <v>4.6435111999999998</v>
      </c>
      <c r="J4968" s="8">
        <v>-74.186696799999993</v>
      </c>
    </row>
    <row r="4969" spans="1:10" x14ac:dyDescent="0.35">
      <c r="A4969" s="5" t="s">
        <v>10</v>
      </c>
      <c r="B4969" s="6">
        <v>235918</v>
      </c>
      <c r="C4969" s="6" t="s">
        <v>68</v>
      </c>
      <c r="D4969" s="6" t="s">
        <v>69</v>
      </c>
      <c r="E4969" s="6">
        <v>11001</v>
      </c>
      <c r="F4969" s="6" t="s">
        <v>18</v>
      </c>
      <c r="G4969" s="6" t="s">
        <v>10074</v>
      </c>
      <c r="H4969" s="6" t="s">
        <v>10075</v>
      </c>
      <c r="I4969" s="7">
        <v>4.5909870000000002</v>
      </c>
      <c r="J4969" s="8">
        <v>-74.139933600000006</v>
      </c>
    </row>
    <row r="4970" spans="1:10" x14ac:dyDescent="0.35">
      <c r="A4970" s="5" t="s">
        <v>10</v>
      </c>
      <c r="B4970" s="6">
        <v>170210</v>
      </c>
      <c r="C4970" s="6" t="s">
        <v>294</v>
      </c>
      <c r="D4970" s="6" t="s">
        <v>5252</v>
      </c>
      <c r="E4970" s="6">
        <v>41807</v>
      </c>
      <c r="F4970" s="6" t="s">
        <v>18</v>
      </c>
      <c r="G4970" s="6" t="s">
        <v>10076</v>
      </c>
      <c r="H4970" s="6" t="s">
        <v>10077</v>
      </c>
      <c r="I4970" s="7">
        <v>1.8532635</v>
      </c>
      <c r="J4970" s="8">
        <v>-76.043698800000001</v>
      </c>
    </row>
    <row r="4971" spans="1:10" x14ac:dyDescent="0.35">
      <c r="A4971" s="5" t="s">
        <v>10</v>
      </c>
      <c r="B4971" s="6">
        <v>234262</v>
      </c>
      <c r="C4971" s="6" t="s">
        <v>294</v>
      </c>
      <c r="D4971" s="6" t="s">
        <v>703</v>
      </c>
      <c r="E4971" s="6">
        <v>41001</v>
      </c>
      <c r="F4971" s="6" t="s">
        <v>18</v>
      </c>
      <c r="G4971" s="6" t="s">
        <v>10078</v>
      </c>
      <c r="H4971" s="6" t="s">
        <v>10079</v>
      </c>
      <c r="I4971" s="7">
        <v>2.9304332999999998</v>
      </c>
      <c r="J4971" s="8">
        <v>-75.289764099999999</v>
      </c>
    </row>
    <row r="4972" spans="1:10" x14ac:dyDescent="0.35">
      <c r="A4972" s="5" t="s">
        <v>10</v>
      </c>
      <c r="B4972" s="6">
        <v>227307</v>
      </c>
      <c r="C4972" s="6" t="s">
        <v>294</v>
      </c>
      <c r="D4972" s="6" t="s">
        <v>703</v>
      </c>
      <c r="E4972" s="6">
        <v>41001</v>
      </c>
      <c r="F4972" s="6" t="s">
        <v>18</v>
      </c>
      <c r="G4972" s="6" t="s">
        <v>10080</v>
      </c>
      <c r="H4972" s="6" t="s">
        <v>10081</v>
      </c>
      <c r="I4972" s="7">
        <v>2.9506323999999999</v>
      </c>
      <c r="J4972" s="8">
        <v>-75.302280600000003</v>
      </c>
    </row>
    <row r="4973" spans="1:10" x14ac:dyDescent="0.35">
      <c r="A4973" s="5" t="s">
        <v>10</v>
      </c>
      <c r="B4973" s="6">
        <v>177578</v>
      </c>
      <c r="C4973" s="6" t="s">
        <v>11</v>
      </c>
      <c r="D4973" s="6" t="s">
        <v>337</v>
      </c>
      <c r="E4973" s="6">
        <v>25290</v>
      </c>
      <c r="F4973" s="6" t="s">
        <v>18</v>
      </c>
      <c r="G4973" s="6" t="s">
        <v>10082</v>
      </c>
      <c r="H4973" s="6" t="s">
        <v>10083</v>
      </c>
      <c r="I4973" s="7">
        <v>4.3486916000000004</v>
      </c>
      <c r="J4973" s="8">
        <v>-74.358553299999997</v>
      </c>
    </row>
    <row r="4974" spans="1:10" x14ac:dyDescent="0.35">
      <c r="A4974" s="5" t="s">
        <v>10</v>
      </c>
      <c r="B4974" s="6">
        <v>163222</v>
      </c>
      <c r="C4974" s="6" t="s">
        <v>11</v>
      </c>
      <c r="D4974" s="6" t="s">
        <v>5259</v>
      </c>
      <c r="E4974" s="6">
        <v>25320</v>
      </c>
      <c r="F4974" s="6" t="s">
        <v>18</v>
      </c>
      <c r="G4974" s="6" t="s">
        <v>10084</v>
      </c>
      <c r="H4974" s="6" t="s">
        <v>10085</v>
      </c>
      <c r="I4974" s="7">
        <v>5.0678087999999999</v>
      </c>
      <c r="J4974" s="8">
        <v>-74.5953205</v>
      </c>
    </row>
    <row r="4975" spans="1:10" x14ac:dyDescent="0.35">
      <c r="A4975" s="5" t="s">
        <v>10</v>
      </c>
      <c r="B4975" s="6">
        <v>228690</v>
      </c>
      <c r="C4975" s="6" t="s">
        <v>308</v>
      </c>
      <c r="D4975" s="6" t="s">
        <v>8338</v>
      </c>
      <c r="E4975" s="6">
        <v>23555</v>
      </c>
      <c r="F4975" s="6" t="s">
        <v>18</v>
      </c>
      <c r="G4975" s="6" t="s">
        <v>10086</v>
      </c>
      <c r="H4975" s="6" t="s">
        <v>10087</v>
      </c>
      <c r="I4975" s="7">
        <v>8.4086436999999901</v>
      </c>
      <c r="J4975" s="8">
        <v>-75.580667699999907</v>
      </c>
    </row>
    <row r="4976" spans="1:10" x14ac:dyDescent="0.35">
      <c r="A4976" s="5" t="s">
        <v>10</v>
      </c>
      <c r="B4976" s="6">
        <v>219364</v>
      </c>
      <c r="C4976" s="6" t="s">
        <v>16</v>
      </c>
      <c r="D4976" s="6" t="s">
        <v>7769</v>
      </c>
      <c r="E4976" s="6">
        <v>68689</v>
      </c>
      <c r="F4976" s="6" t="s">
        <v>18</v>
      </c>
      <c r="G4976" s="6" t="s">
        <v>10088</v>
      </c>
      <c r="H4976" s="6" t="s">
        <v>10089</v>
      </c>
      <c r="I4976" s="7">
        <v>6.8785179999999997</v>
      </c>
      <c r="J4976" s="8">
        <v>-73.413233000000005</v>
      </c>
    </row>
    <row r="4977" spans="1:10" x14ac:dyDescent="0.35">
      <c r="A4977" s="5" t="s">
        <v>10</v>
      </c>
      <c r="B4977" s="6">
        <v>233123</v>
      </c>
      <c r="C4977" s="6" t="s">
        <v>16</v>
      </c>
      <c r="D4977" s="6" t="s">
        <v>1401</v>
      </c>
      <c r="E4977" s="6">
        <v>68307</v>
      </c>
      <c r="F4977" s="6" t="s">
        <v>18</v>
      </c>
      <c r="G4977" s="6" t="s">
        <v>10090</v>
      </c>
      <c r="H4977" s="6" t="s">
        <v>10091</v>
      </c>
      <c r="I4977" s="7">
        <v>7.0584642000000004</v>
      </c>
      <c r="J4977" s="8">
        <v>-73.166326100000006</v>
      </c>
    </row>
    <row r="4978" spans="1:10" x14ac:dyDescent="0.35">
      <c r="A4978" s="5" t="s">
        <v>10</v>
      </c>
      <c r="B4978" s="6">
        <v>235897</v>
      </c>
      <c r="C4978" s="6" t="s">
        <v>16</v>
      </c>
      <c r="D4978" s="6" t="s">
        <v>1401</v>
      </c>
      <c r="E4978" s="6">
        <v>68307</v>
      </c>
      <c r="F4978" s="6" t="s">
        <v>18</v>
      </c>
      <c r="G4978" s="6" t="s">
        <v>10092</v>
      </c>
      <c r="H4978" s="6" t="s">
        <v>10093</v>
      </c>
      <c r="I4978" s="7">
        <v>7.0631050000000002</v>
      </c>
      <c r="J4978" s="8">
        <v>-73.161608999999999</v>
      </c>
    </row>
    <row r="4979" spans="1:10" x14ac:dyDescent="0.35">
      <c r="A4979" s="5" t="s">
        <v>10</v>
      </c>
      <c r="B4979" s="6">
        <v>237526</v>
      </c>
      <c r="C4979" s="6" t="s">
        <v>16</v>
      </c>
      <c r="D4979" s="6" t="s">
        <v>7769</v>
      </c>
      <c r="E4979" s="6">
        <v>68689</v>
      </c>
      <c r="F4979" s="6" t="s">
        <v>18</v>
      </c>
      <c r="G4979" s="6" t="s">
        <v>10094</v>
      </c>
      <c r="H4979" s="6" t="s">
        <v>10095</v>
      </c>
      <c r="I4979" s="7">
        <v>6.880471</v>
      </c>
      <c r="J4979" s="8">
        <v>-73.410560000000004</v>
      </c>
    </row>
    <row r="4980" spans="1:10" x14ac:dyDescent="0.35">
      <c r="A4980" s="5" t="s">
        <v>10</v>
      </c>
      <c r="B4980" s="6">
        <v>242989</v>
      </c>
      <c r="C4980" s="6" t="s">
        <v>16</v>
      </c>
      <c r="D4980" s="6" t="s">
        <v>78</v>
      </c>
      <c r="E4980" s="6">
        <v>68001</v>
      </c>
      <c r="F4980" s="6" t="s">
        <v>18</v>
      </c>
      <c r="G4980" s="6" t="s">
        <v>10096</v>
      </c>
      <c r="H4980" s="6" t="s">
        <v>10097</v>
      </c>
      <c r="I4980" s="7">
        <v>7.1130225999999999</v>
      </c>
      <c r="J4980" s="8">
        <v>-73.109089499999996</v>
      </c>
    </row>
    <row r="4981" spans="1:10" x14ac:dyDescent="0.35">
      <c r="A4981" s="5" t="s">
        <v>10</v>
      </c>
      <c r="B4981" s="6">
        <v>215828</v>
      </c>
      <c r="C4981" s="6" t="s">
        <v>68</v>
      </c>
      <c r="D4981" s="6" t="s">
        <v>69</v>
      </c>
      <c r="E4981" s="6">
        <v>11001</v>
      </c>
      <c r="F4981" s="6" t="s">
        <v>13</v>
      </c>
      <c r="G4981" s="6" t="s">
        <v>10098</v>
      </c>
      <c r="H4981" s="6" t="s">
        <v>10099</v>
      </c>
      <c r="I4981" s="7">
        <v>4.5859036</v>
      </c>
      <c r="J4981" s="8">
        <v>-74.099942400000003</v>
      </c>
    </row>
    <row r="4982" spans="1:10" x14ac:dyDescent="0.35">
      <c r="A4982" s="5" t="s">
        <v>10</v>
      </c>
      <c r="B4982" s="6">
        <v>235662</v>
      </c>
      <c r="C4982" s="6" t="s">
        <v>117</v>
      </c>
      <c r="D4982" s="6" t="s">
        <v>1334</v>
      </c>
      <c r="E4982" s="6">
        <v>76001</v>
      </c>
      <c r="F4982" s="6" t="s">
        <v>13</v>
      </c>
      <c r="G4982" s="6" t="s">
        <v>10100</v>
      </c>
      <c r="H4982" s="6" t="s">
        <v>10101</v>
      </c>
      <c r="I4982" s="7">
        <v>3.4613664000000002</v>
      </c>
      <c r="J4982" s="8">
        <v>-76.505282899999997</v>
      </c>
    </row>
    <row r="4983" spans="1:10" x14ac:dyDescent="0.35">
      <c r="A4983" s="5" t="s">
        <v>10</v>
      </c>
      <c r="B4983" s="6">
        <v>206680</v>
      </c>
      <c r="C4983" s="6" t="s">
        <v>28</v>
      </c>
      <c r="D4983" s="6" t="s">
        <v>29</v>
      </c>
      <c r="E4983" s="6">
        <v>54001</v>
      </c>
      <c r="F4983" s="6" t="s">
        <v>13</v>
      </c>
      <c r="G4983" s="6" t="s">
        <v>10102</v>
      </c>
      <c r="H4983" s="6" t="s">
        <v>10103</v>
      </c>
      <c r="I4983" s="7">
        <v>7.9602439</v>
      </c>
      <c r="J4983" s="8">
        <v>-72.474937100000005</v>
      </c>
    </row>
    <row r="4984" spans="1:10" x14ac:dyDescent="0.35">
      <c r="A4984" s="5" t="s">
        <v>10</v>
      </c>
      <c r="B4984" s="6">
        <v>247240</v>
      </c>
      <c r="C4984" s="6" t="s">
        <v>68</v>
      </c>
      <c r="D4984" s="6" t="s">
        <v>69</v>
      </c>
      <c r="E4984" s="6">
        <v>11001</v>
      </c>
      <c r="F4984" s="6" t="s">
        <v>18</v>
      </c>
      <c r="G4984" s="6" t="s">
        <v>10104</v>
      </c>
      <c r="H4984" s="6" t="s">
        <v>10105</v>
      </c>
      <c r="I4984" s="7">
        <v>4.5625844999999998</v>
      </c>
      <c r="J4984" s="8">
        <v>-74.139939999999996</v>
      </c>
    </row>
    <row r="4985" spans="1:10" x14ac:dyDescent="0.35">
      <c r="A4985" s="5" t="s">
        <v>10</v>
      </c>
      <c r="B4985" s="6">
        <v>236899</v>
      </c>
      <c r="C4985" s="6" t="s">
        <v>68</v>
      </c>
      <c r="D4985" s="6" t="s">
        <v>69</v>
      </c>
      <c r="E4985" s="6">
        <v>11001</v>
      </c>
      <c r="F4985" s="6" t="s">
        <v>18</v>
      </c>
      <c r="G4985" s="6" t="s">
        <v>10106</v>
      </c>
      <c r="H4985" s="6" t="s">
        <v>10107</v>
      </c>
      <c r="I4985" s="7">
        <v>4.5506640000000003</v>
      </c>
      <c r="J4985" s="8">
        <v>-74.161126800000005</v>
      </c>
    </row>
    <row r="4986" spans="1:10" x14ac:dyDescent="0.35">
      <c r="A4986" s="5" t="s">
        <v>10</v>
      </c>
      <c r="B4986" s="6">
        <v>238397</v>
      </c>
      <c r="C4986" s="6" t="s">
        <v>117</v>
      </c>
      <c r="D4986" s="6" t="s">
        <v>1291</v>
      </c>
      <c r="E4986" s="6">
        <v>76834</v>
      </c>
      <c r="F4986" s="6" t="s">
        <v>18</v>
      </c>
      <c r="G4986" s="6" t="s">
        <v>10108</v>
      </c>
      <c r="H4986" s="6" t="s">
        <v>10109</v>
      </c>
      <c r="I4986" s="7">
        <v>4.0776541999999996</v>
      </c>
      <c r="J4986" s="8">
        <v>-76.197504800000004</v>
      </c>
    </row>
    <row r="4987" spans="1:10" x14ac:dyDescent="0.35">
      <c r="A4987" s="5" t="s">
        <v>10</v>
      </c>
      <c r="B4987" s="6">
        <v>233455</v>
      </c>
      <c r="C4987" s="6" t="s">
        <v>294</v>
      </c>
      <c r="D4987" s="6" t="s">
        <v>703</v>
      </c>
      <c r="E4987" s="6">
        <v>41001</v>
      </c>
      <c r="F4987" s="6" t="s">
        <v>18</v>
      </c>
      <c r="G4987" s="6" t="s">
        <v>10110</v>
      </c>
      <c r="H4987" s="6" t="s">
        <v>10111</v>
      </c>
      <c r="I4987" s="7">
        <v>2.9456799999999999</v>
      </c>
      <c r="J4987" s="8">
        <v>-75.302000000000007</v>
      </c>
    </row>
    <row r="4988" spans="1:10" x14ac:dyDescent="0.35">
      <c r="A4988" s="5" t="s">
        <v>10</v>
      </c>
      <c r="B4988" s="6">
        <v>190297</v>
      </c>
      <c r="C4988" s="6" t="s">
        <v>68</v>
      </c>
      <c r="D4988" s="6" t="s">
        <v>69</v>
      </c>
      <c r="E4988" s="6">
        <v>11001</v>
      </c>
      <c r="F4988" s="6" t="s">
        <v>18</v>
      </c>
      <c r="G4988" s="6" t="s">
        <v>10112</v>
      </c>
      <c r="H4988" s="6" t="s">
        <v>10113</v>
      </c>
      <c r="I4988" s="7">
        <v>4.6385768999999897</v>
      </c>
      <c r="J4988" s="8">
        <v>-74.161586200000002</v>
      </c>
    </row>
    <row r="4989" spans="1:10" x14ac:dyDescent="0.35">
      <c r="A4989" s="5" t="s">
        <v>10</v>
      </c>
      <c r="B4989" s="6">
        <v>131424</v>
      </c>
      <c r="C4989" s="6" t="s">
        <v>11</v>
      </c>
      <c r="D4989" s="6" t="s">
        <v>337</v>
      </c>
      <c r="E4989" s="6">
        <v>25290</v>
      </c>
      <c r="F4989" s="6" t="s">
        <v>18</v>
      </c>
      <c r="G4989" s="6" t="s">
        <v>10114</v>
      </c>
      <c r="H4989" s="6" t="s">
        <v>10115</v>
      </c>
      <c r="I4989" s="7">
        <v>4.3333320000000004</v>
      </c>
      <c r="J4989" s="8">
        <v>-74.370530000000002</v>
      </c>
    </row>
    <row r="4990" spans="1:10" x14ac:dyDescent="0.35">
      <c r="A4990" s="5" t="s">
        <v>10</v>
      </c>
      <c r="B4990" s="6">
        <v>219436</v>
      </c>
      <c r="C4990" s="6" t="s">
        <v>302</v>
      </c>
      <c r="D4990" s="6" t="s">
        <v>4041</v>
      </c>
      <c r="E4990" s="6">
        <v>8758</v>
      </c>
      <c r="F4990" s="6" t="s">
        <v>18</v>
      </c>
      <c r="G4990" s="6" t="s">
        <v>10116</v>
      </c>
      <c r="H4990" s="6" t="s">
        <v>10117</v>
      </c>
      <c r="I4990" s="7">
        <v>10.8850529</v>
      </c>
      <c r="J4990" s="8">
        <v>-74.767525899999995</v>
      </c>
    </row>
    <row r="4991" spans="1:10" x14ac:dyDescent="0.35">
      <c r="A4991" s="5" t="s">
        <v>10</v>
      </c>
      <c r="B4991" s="6">
        <v>235830</v>
      </c>
      <c r="C4991" s="6" t="s">
        <v>302</v>
      </c>
      <c r="D4991" s="6" t="s">
        <v>10118</v>
      </c>
      <c r="E4991" s="6">
        <v>8832</v>
      </c>
      <c r="F4991" s="6" t="s">
        <v>18</v>
      </c>
      <c r="G4991" s="6" t="s">
        <v>10119</v>
      </c>
      <c r="H4991" s="6" t="s">
        <v>4023</v>
      </c>
      <c r="I4991" s="7">
        <v>10.9289836</v>
      </c>
      <c r="J4991" s="8">
        <v>-74.796539999999993</v>
      </c>
    </row>
    <row r="4992" spans="1:10" x14ac:dyDescent="0.35">
      <c r="A4992" s="5" t="s">
        <v>10</v>
      </c>
      <c r="B4992" s="6">
        <v>218108</v>
      </c>
      <c r="C4992" s="6" t="s">
        <v>4364</v>
      </c>
      <c r="D4992" s="6" t="s">
        <v>8079</v>
      </c>
      <c r="E4992" s="6">
        <v>70215</v>
      </c>
      <c r="F4992" s="6" t="s">
        <v>18</v>
      </c>
      <c r="G4992" s="6" t="s">
        <v>10120</v>
      </c>
      <c r="H4992" s="6" t="s">
        <v>10121</v>
      </c>
      <c r="I4992" s="7">
        <v>9.3160632000000003</v>
      </c>
      <c r="J4992" s="8">
        <v>-75.292971199999997</v>
      </c>
    </row>
    <row r="4993" spans="1:10" x14ac:dyDescent="0.35">
      <c r="A4993" s="5" t="s">
        <v>10</v>
      </c>
      <c r="B4993" s="6">
        <v>207415</v>
      </c>
      <c r="C4993" s="6" t="s">
        <v>16</v>
      </c>
      <c r="D4993" s="6" t="s">
        <v>78</v>
      </c>
      <c r="E4993" s="6">
        <v>68001</v>
      </c>
      <c r="F4993" s="6" t="s">
        <v>18</v>
      </c>
      <c r="G4993" s="6" t="s">
        <v>10122</v>
      </c>
      <c r="H4993" s="6" t="s">
        <v>10123</v>
      </c>
      <c r="I4993" s="7">
        <v>7.1338122999999998</v>
      </c>
      <c r="J4993" s="8">
        <v>-73.129224499999907</v>
      </c>
    </row>
    <row r="4994" spans="1:10" x14ac:dyDescent="0.35">
      <c r="A4994" s="5" t="s">
        <v>10</v>
      </c>
      <c r="B4994" s="6">
        <v>239623</v>
      </c>
      <c r="C4994" s="6" t="s">
        <v>16</v>
      </c>
      <c r="D4994" s="6" t="s">
        <v>1266</v>
      </c>
      <c r="E4994" s="6">
        <v>68081</v>
      </c>
      <c r="F4994" s="6" t="s">
        <v>18</v>
      </c>
      <c r="G4994" s="6" t="s">
        <v>10124</v>
      </c>
      <c r="H4994" s="6" t="s">
        <v>10125</v>
      </c>
      <c r="I4994" s="7">
        <v>7.0751315000000004</v>
      </c>
      <c r="J4994" s="8">
        <v>-73.827273700000006</v>
      </c>
    </row>
    <row r="4995" spans="1:10" x14ac:dyDescent="0.35">
      <c r="A4995" s="5" t="s">
        <v>10</v>
      </c>
      <c r="B4995" s="6">
        <v>198037</v>
      </c>
      <c r="C4995" s="6" t="s">
        <v>68</v>
      </c>
      <c r="D4995" s="6" t="s">
        <v>69</v>
      </c>
      <c r="E4995" s="6">
        <v>11001</v>
      </c>
      <c r="F4995" s="6" t="s">
        <v>13</v>
      </c>
      <c r="G4995" s="6" t="s">
        <v>10126</v>
      </c>
      <c r="H4995" s="6" t="s">
        <v>10127</v>
      </c>
      <c r="I4995" s="7">
        <v>4.7141945999999999</v>
      </c>
      <c r="J4995" s="8">
        <v>-74.105103900000003</v>
      </c>
    </row>
    <row r="4996" spans="1:10" x14ac:dyDescent="0.35">
      <c r="A4996" s="5" t="s">
        <v>10</v>
      </c>
      <c r="B4996" s="6">
        <v>234740</v>
      </c>
      <c r="C4996" s="6" t="s">
        <v>68</v>
      </c>
      <c r="D4996" s="6" t="s">
        <v>69</v>
      </c>
      <c r="E4996" s="6">
        <v>11001</v>
      </c>
      <c r="F4996" s="6" t="s">
        <v>13</v>
      </c>
      <c r="G4996" s="6" t="s">
        <v>10128</v>
      </c>
      <c r="H4996" s="6" t="s">
        <v>10129</v>
      </c>
      <c r="I4996" s="7">
        <v>4.7266557000000002</v>
      </c>
      <c r="J4996" s="8">
        <v>-74.055699200000006</v>
      </c>
    </row>
    <row r="4997" spans="1:10" x14ac:dyDescent="0.35">
      <c r="A4997" s="5" t="s">
        <v>10</v>
      </c>
      <c r="B4997" s="6">
        <v>233407</v>
      </c>
      <c r="C4997" s="6" t="s">
        <v>68</v>
      </c>
      <c r="D4997" s="6" t="s">
        <v>69</v>
      </c>
      <c r="E4997" s="6">
        <v>11001</v>
      </c>
      <c r="F4997" s="6" t="s">
        <v>18</v>
      </c>
      <c r="G4997" s="6" t="s">
        <v>10130</v>
      </c>
      <c r="H4997" s="6" t="s">
        <v>10131</v>
      </c>
      <c r="I4997" s="7">
        <v>4.5841900000000004</v>
      </c>
      <c r="J4997" s="8">
        <v>-74.12433</v>
      </c>
    </row>
    <row r="4998" spans="1:10" x14ac:dyDescent="0.35">
      <c r="A4998" s="5" t="s">
        <v>10</v>
      </c>
      <c r="B4998" s="6">
        <v>248059</v>
      </c>
      <c r="C4998" s="6" t="s">
        <v>16</v>
      </c>
      <c r="D4998" s="6" t="s">
        <v>510</v>
      </c>
      <c r="E4998" s="6">
        <v>68547</v>
      </c>
      <c r="F4998" s="6" t="s">
        <v>18</v>
      </c>
      <c r="G4998" s="6" t="s">
        <v>10132</v>
      </c>
      <c r="H4998" s="6" t="s">
        <v>10133</v>
      </c>
      <c r="I4998" s="7">
        <v>6.9866380000000001</v>
      </c>
      <c r="J4998" s="8">
        <v>-73.040656999999996</v>
      </c>
    </row>
    <row r="4999" spans="1:10" x14ac:dyDescent="0.35">
      <c r="A4999" s="5" t="s">
        <v>10</v>
      </c>
      <c r="B4999" s="6">
        <v>232090</v>
      </c>
      <c r="C4999" s="6" t="s">
        <v>68</v>
      </c>
      <c r="D4999" s="6" t="s">
        <v>69</v>
      </c>
      <c r="E4999" s="6">
        <v>11001</v>
      </c>
      <c r="F4999" s="6" t="s">
        <v>18</v>
      </c>
      <c r="G4999" s="6" t="s">
        <v>10134</v>
      </c>
      <c r="H4999" s="6" t="s">
        <v>10135</v>
      </c>
      <c r="I4999" s="7">
        <v>4.5384779999999996</v>
      </c>
      <c r="J4999" s="8">
        <v>-74.134240000000005</v>
      </c>
    </row>
    <row r="5000" spans="1:10" x14ac:dyDescent="0.35">
      <c r="A5000" s="5" t="s">
        <v>10</v>
      </c>
      <c r="B5000" s="6">
        <v>224199</v>
      </c>
      <c r="C5000" s="6" t="s">
        <v>294</v>
      </c>
      <c r="D5000" s="6" t="s">
        <v>703</v>
      </c>
      <c r="E5000" s="6">
        <v>41001</v>
      </c>
      <c r="F5000" s="6" t="s">
        <v>18</v>
      </c>
      <c r="G5000" s="6" t="s">
        <v>10136</v>
      </c>
      <c r="H5000" s="6" t="s">
        <v>10137</v>
      </c>
      <c r="I5000" s="7">
        <v>2.9377143000000001</v>
      </c>
      <c r="J5000" s="8">
        <v>-75.302610599999994</v>
      </c>
    </row>
    <row r="5001" spans="1:10" x14ac:dyDescent="0.35">
      <c r="A5001" s="5" t="s">
        <v>10</v>
      </c>
      <c r="B5001" s="6">
        <v>211388</v>
      </c>
      <c r="C5001" s="6" t="s">
        <v>16</v>
      </c>
      <c r="D5001" s="6" t="s">
        <v>1401</v>
      </c>
      <c r="E5001" s="6">
        <v>68307</v>
      </c>
      <c r="F5001" s="6" t="s">
        <v>18</v>
      </c>
      <c r="G5001" s="6" t="s">
        <v>10138</v>
      </c>
      <c r="H5001" s="6" t="s">
        <v>10139</v>
      </c>
      <c r="I5001" s="7">
        <v>7.0784178999999998</v>
      </c>
      <c r="J5001" s="8">
        <v>-73.1733464</v>
      </c>
    </row>
    <row r="5002" spans="1:10" x14ac:dyDescent="0.35">
      <c r="A5002" s="5" t="s">
        <v>10</v>
      </c>
      <c r="B5002" s="6">
        <v>235862</v>
      </c>
      <c r="C5002" s="6" t="s">
        <v>302</v>
      </c>
      <c r="D5002" s="6" t="s">
        <v>359</v>
      </c>
      <c r="E5002" s="6">
        <v>8001</v>
      </c>
      <c r="F5002" s="6" t="s">
        <v>18</v>
      </c>
      <c r="G5002" s="6" t="s">
        <v>10140</v>
      </c>
      <c r="H5002" s="6" t="s">
        <v>10141</v>
      </c>
      <c r="I5002" s="7">
        <v>10.9785048</v>
      </c>
      <c r="J5002" s="8">
        <v>-74.845616100000001</v>
      </c>
    </row>
    <row r="5003" spans="1:10" x14ac:dyDescent="0.35">
      <c r="A5003" s="5" t="s">
        <v>10</v>
      </c>
      <c r="B5003" s="6">
        <v>237592</v>
      </c>
      <c r="C5003" s="6" t="s">
        <v>117</v>
      </c>
      <c r="D5003" s="6" t="s">
        <v>1334</v>
      </c>
      <c r="E5003" s="6">
        <v>76001</v>
      </c>
      <c r="F5003" s="6" t="s">
        <v>18</v>
      </c>
      <c r="G5003" s="6" t="s">
        <v>10142</v>
      </c>
      <c r="H5003" s="6" t="s">
        <v>10143</v>
      </c>
      <c r="I5003" s="7">
        <v>3.4053168</v>
      </c>
      <c r="J5003" s="8">
        <v>-76.578540899999993</v>
      </c>
    </row>
    <row r="5004" spans="1:10" x14ac:dyDescent="0.35">
      <c r="A5004" s="5" t="s">
        <v>10</v>
      </c>
      <c r="B5004" s="6">
        <v>236303</v>
      </c>
      <c r="C5004" s="6" t="s">
        <v>68</v>
      </c>
      <c r="D5004" s="6" t="s">
        <v>69</v>
      </c>
      <c r="E5004" s="6">
        <v>11001</v>
      </c>
      <c r="F5004" s="6" t="s">
        <v>13</v>
      </c>
      <c r="G5004" s="6" t="s">
        <v>10144</v>
      </c>
      <c r="H5004" s="6" t="s">
        <v>10145</v>
      </c>
      <c r="I5004" s="7">
        <v>4.6453378000000001</v>
      </c>
      <c r="J5004" s="8">
        <v>-74.144036700000001</v>
      </c>
    </row>
    <row r="5005" spans="1:10" x14ac:dyDescent="0.35">
      <c r="A5005" s="5" t="s">
        <v>10</v>
      </c>
      <c r="B5005" s="6">
        <v>235916</v>
      </c>
      <c r="C5005" s="6" t="s">
        <v>2821</v>
      </c>
      <c r="D5005" s="6" t="s">
        <v>10146</v>
      </c>
      <c r="E5005" s="6">
        <v>47058</v>
      </c>
      <c r="F5005" s="6" t="s">
        <v>18</v>
      </c>
      <c r="G5005" s="6" t="s">
        <v>10147</v>
      </c>
      <c r="H5005" s="6" t="s">
        <v>10148</v>
      </c>
      <c r="I5005" s="7">
        <v>9.8441969999999994</v>
      </c>
      <c r="J5005" s="8">
        <v>-74.228119000000007</v>
      </c>
    </row>
    <row r="5006" spans="1:10" x14ac:dyDescent="0.35">
      <c r="A5006" s="5" t="s">
        <v>10</v>
      </c>
      <c r="B5006" s="6">
        <v>233734</v>
      </c>
      <c r="C5006" s="6" t="s">
        <v>68</v>
      </c>
      <c r="D5006" s="6" t="s">
        <v>69</v>
      </c>
      <c r="E5006" s="6">
        <v>11001</v>
      </c>
      <c r="F5006" s="6" t="s">
        <v>18</v>
      </c>
      <c r="G5006" s="6" t="s">
        <v>10149</v>
      </c>
      <c r="H5006" s="6" t="s">
        <v>10150</v>
      </c>
      <c r="I5006" s="7">
        <v>4.6056999999999997</v>
      </c>
      <c r="J5006" s="8">
        <v>-74.190089999999998</v>
      </c>
    </row>
    <row r="5007" spans="1:10" x14ac:dyDescent="0.35">
      <c r="A5007" s="5" t="s">
        <v>10</v>
      </c>
      <c r="B5007" s="6">
        <v>197190</v>
      </c>
      <c r="C5007" s="6" t="s">
        <v>294</v>
      </c>
      <c r="D5007" s="6" t="s">
        <v>703</v>
      </c>
      <c r="E5007" s="6">
        <v>41001</v>
      </c>
      <c r="F5007" s="6" t="s">
        <v>18</v>
      </c>
      <c r="G5007" s="6" t="s">
        <v>10151</v>
      </c>
      <c r="H5007" s="6" t="s">
        <v>10152</v>
      </c>
      <c r="I5007" s="7">
        <v>2.9734617000000001</v>
      </c>
      <c r="J5007" s="8">
        <v>-75.285623299999997</v>
      </c>
    </row>
    <row r="5008" spans="1:10" x14ac:dyDescent="0.35">
      <c r="A5008" s="5" t="s">
        <v>10</v>
      </c>
      <c r="B5008" s="6">
        <v>222607</v>
      </c>
      <c r="C5008" s="6" t="s">
        <v>294</v>
      </c>
      <c r="D5008" s="6" t="s">
        <v>703</v>
      </c>
      <c r="E5008" s="6">
        <v>41001</v>
      </c>
      <c r="F5008" s="6" t="s">
        <v>18</v>
      </c>
      <c r="G5008" s="6" t="s">
        <v>10153</v>
      </c>
      <c r="H5008" s="6" t="s">
        <v>10154</v>
      </c>
      <c r="I5008" s="7">
        <v>2.9344836999999999</v>
      </c>
      <c r="J5008" s="8">
        <v>-75.280900099999997</v>
      </c>
    </row>
    <row r="5009" spans="1:10" x14ac:dyDescent="0.35">
      <c r="A5009" s="5" t="s">
        <v>10</v>
      </c>
      <c r="B5009" s="6">
        <v>246697</v>
      </c>
      <c r="C5009" s="6" t="s">
        <v>68</v>
      </c>
      <c r="D5009" s="6" t="s">
        <v>69</v>
      </c>
      <c r="E5009" s="6">
        <v>11001</v>
      </c>
      <c r="F5009" s="6" t="s">
        <v>18</v>
      </c>
      <c r="G5009" s="6" t="s">
        <v>10155</v>
      </c>
      <c r="H5009" s="6" t="s">
        <v>10156</v>
      </c>
      <c r="I5009" s="7">
        <v>4.6346625000000001</v>
      </c>
      <c r="J5009" s="8">
        <v>-74.189032900000001</v>
      </c>
    </row>
    <row r="5010" spans="1:10" x14ac:dyDescent="0.35">
      <c r="A5010" s="5" t="s">
        <v>10</v>
      </c>
      <c r="B5010" s="6">
        <v>135365</v>
      </c>
      <c r="C5010" s="6" t="s">
        <v>68</v>
      </c>
      <c r="D5010" s="6" t="s">
        <v>69</v>
      </c>
      <c r="E5010" s="6">
        <v>11001</v>
      </c>
      <c r="F5010" s="6" t="s">
        <v>18</v>
      </c>
      <c r="G5010" s="6" t="s">
        <v>10157</v>
      </c>
      <c r="H5010" s="6" t="s">
        <v>10158</v>
      </c>
      <c r="I5010" s="7">
        <v>4.7571481999999996</v>
      </c>
      <c r="J5010" s="8">
        <v>-74.0838222</v>
      </c>
    </row>
    <row r="5011" spans="1:10" x14ac:dyDescent="0.35">
      <c r="A5011" s="5" t="s">
        <v>10</v>
      </c>
      <c r="B5011" s="6">
        <v>192289</v>
      </c>
      <c r="C5011" s="6" t="s">
        <v>302</v>
      </c>
      <c r="D5011" s="6" t="s">
        <v>7609</v>
      </c>
      <c r="E5011" s="6">
        <v>8436</v>
      </c>
      <c r="F5011" s="6" t="s">
        <v>18</v>
      </c>
      <c r="G5011" s="6" t="s">
        <v>10159</v>
      </c>
      <c r="H5011" s="6" t="s">
        <v>10160</v>
      </c>
      <c r="I5011" s="7">
        <v>10.4466819</v>
      </c>
      <c r="J5011" s="8">
        <v>-74.957424899999907</v>
      </c>
    </row>
    <row r="5012" spans="1:10" x14ac:dyDescent="0.35">
      <c r="A5012" s="5" t="s">
        <v>10</v>
      </c>
      <c r="B5012" s="6">
        <v>205303</v>
      </c>
      <c r="C5012" s="6" t="s">
        <v>302</v>
      </c>
      <c r="D5012" s="6" t="s">
        <v>359</v>
      </c>
      <c r="E5012" s="6">
        <v>8001</v>
      </c>
      <c r="F5012" s="6" t="s">
        <v>18</v>
      </c>
      <c r="G5012" s="6" t="s">
        <v>10161</v>
      </c>
      <c r="H5012" s="6" t="s">
        <v>10162</v>
      </c>
      <c r="I5012" s="7">
        <v>10.965128999999999</v>
      </c>
      <c r="J5012" s="8">
        <v>-74.797979099999907</v>
      </c>
    </row>
    <row r="5013" spans="1:10" x14ac:dyDescent="0.35">
      <c r="A5013" s="5" t="s">
        <v>10</v>
      </c>
      <c r="B5013" s="6">
        <v>210228</v>
      </c>
      <c r="C5013" s="6" t="s">
        <v>302</v>
      </c>
      <c r="D5013" s="6" t="s">
        <v>4041</v>
      </c>
      <c r="E5013" s="6">
        <v>8758</v>
      </c>
      <c r="F5013" s="6" t="s">
        <v>18</v>
      </c>
      <c r="G5013" s="6" t="s">
        <v>10163</v>
      </c>
      <c r="H5013" s="6" t="s">
        <v>10164</v>
      </c>
      <c r="I5013" s="7">
        <v>10.917119100000001</v>
      </c>
      <c r="J5013" s="8">
        <v>-74.799150599999905</v>
      </c>
    </row>
    <row r="5014" spans="1:10" x14ac:dyDescent="0.35">
      <c r="A5014" s="5" t="s">
        <v>10</v>
      </c>
      <c r="B5014" s="6">
        <v>209517</v>
      </c>
      <c r="C5014" s="6" t="s">
        <v>16</v>
      </c>
      <c r="D5014" s="6" t="s">
        <v>1266</v>
      </c>
      <c r="E5014" s="6">
        <v>68081</v>
      </c>
      <c r="F5014" s="6" t="s">
        <v>18</v>
      </c>
      <c r="G5014" s="6" t="s">
        <v>10165</v>
      </c>
      <c r="H5014" s="6" t="s">
        <v>10166</v>
      </c>
      <c r="I5014" s="7">
        <v>7.0572860999999998</v>
      </c>
      <c r="J5014" s="8">
        <v>-73.844061799999906</v>
      </c>
    </row>
    <row r="5015" spans="1:10" x14ac:dyDescent="0.35">
      <c r="A5015" s="5" t="s">
        <v>10</v>
      </c>
      <c r="B5015" s="6">
        <v>233423</v>
      </c>
      <c r="C5015" s="6" t="s">
        <v>16</v>
      </c>
      <c r="D5015" s="6" t="s">
        <v>17</v>
      </c>
      <c r="E5015" s="6">
        <v>68679</v>
      </c>
      <c r="F5015" s="6" t="s">
        <v>18</v>
      </c>
      <c r="G5015" s="6" t="s">
        <v>10167</v>
      </c>
      <c r="H5015" s="6" t="s">
        <v>10168</v>
      </c>
      <c r="I5015" s="7">
        <v>6.5512899999999998</v>
      </c>
      <c r="J5015" s="8">
        <v>-73.132760000000005</v>
      </c>
    </row>
    <row r="5016" spans="1:10" x14ac:dyDescent="0.35">
      <c r="A5016" s="5" t="s">
        <v>10</v>
      </c>
      <c r="B5016" s="6">
        <v>237552</v>
      </c>
      <c r="C5016" s="6" t="s">
        <v>55</v>
      </c>
      <c r="D5016" s="6" t="s">
        <v>56</v>
      </c>
      <c r="E5016" s="6">
        <v>73001</v>
      </c>
      <c r="F5016" s="6" t="s">
        <v>18</v>
      </c>
      <c r="G5016" s="6" t="s">
        <v>10169</v>
      </c>
      <c r="H5016" s="6" t="s">
        <v>10170</v>
      </c>
      <c r="I5016" s="7">
        <v>4.4483923000000001</v>
      </c>
      <c r="J5016" s="8">
        <v>-75.200413800000007</v>
      </c>
    </row>
    <row r="5017" spans="1:10" x14ac:dyDescent="0.35">
      <c r="A5017" s="5" t="s">
        <v>10</v>
      </c>
      <c r="B5017" s="6">
        <v>214203</v>
      </c>
      <c r="C5017" s="6" t="s">
        <v>68</v>
      </c>
      <c r="D5017" s="6" t="s">
        <v>69</v>
      </c>
      <c r="E5017" s="6">
        <v>11001</v>
      </c>
      <c r="F5017" s="6" t="s">
        <v>18</v>
      </c>
      <c r="G5017" s="6" t="s">
        <v>10171</v>
      </c>
      <c r="H5017" s="6" t="s">
        <v>10172</v>
      </c>
      <c r="I5017" s="7">
        <v>4.5649213999999896</v>
      </c>
      <c r="J5017" s="8">
        <v>-74.148611599999995</v>
      </c>
    </row>
    <row r="5018" spans="1:10" x14ac:dyDescent="0.35">
      <c r="A5018" s="5" t="s">
        <v>10</v>
      </c>
      <c r="B5018" s="6">
        <v>227557</v>
      </c>
      <c r="C5018" s="6" t="s">
        <v>68</v>
      </c>
      <c r="D5018" s="6" t="s">
        <v>69</v>
      </c>
      <c r="E5018" s="6">
        <v>11001</v>
      </c>
      <c r="F5018" s="6" t="s">
        <v>18</v>
      </c>
      <c r="G5018" s="6" t="s">
        <v>10173</v>
      </c>
      <c r="H5018" s="6" t="s">
        <v>10174</v>
      </c>
      <c r="I5018" s="7">
        <v>4.5587999999999997</v>
      </c>
      <c r="J5018" s="8">
        <v>-74.120724299999907</v>
      </c>
    </row>
    <row r="5019" spans="1:10" x14ac:dyDescent="0.35">
      <c r="A5019" s="5" t="s">
        <v>10</v>
      </c>
      <c r="B5019" s="6">
        <v>226544</v>
      </c>
      <c r="C5019" s="6" t="s">
        <v>16</v>
      </c>
      <c r="D5019" s="6" t="s">
        <v>1401</v>
      </c>
      <c r="E5019" s="6">
        <v>68307</v>
      </c>
      <c r="F5019" s="6" t="s">
        <v>18</v>
      </c>
      <c r="G5019" s="6" t="s">
        <v>10175</v>
      </c>
      <c r="H5019" s="6" t="s">
        <v>10176</v>
      </c>
      <c r="I5019" s="7">
        <v>7.0691756999999997</v>
      </c>
      <c r="J5019" s="8">
        <v>-73.169812699999994</v>
      </c>
    </row>
    <row r="5020" spans="1:10" x14ac:dyDescent="0.35">
      <c r="A5020" s="5" t="s">
        <v>10</v>
      </c>
      <c r="B5020" s="6">
        <v>245043</v>
      </c>
      <c r="C5020" s="6" t="s">
        <v>16</v>
      </c>
      <c r="D5020" s="6" t="s">
        <v>78</v>
      </c>
      <c r="E5020" s="6">
        <v>68001</v>
      </c>
      <c r="F5020" s="6" t="s">
        <v>18</v>
      </c>
      <c r="G5020" s="6" t="s">
        <v>10177</v>
      </c>
      <c r="H5020" s="6" t="s">
        <v>10178</v>
      </c>
      <c r="I5020" s="7">
        <v>7.0956150999999998</v>
      </c>
      <c r="J5020" s="8">
        <v>-73.094261000000003</v>
      </c>
    </row>
    <row r="5021" spans="1:10" x14ac:dyDescent="0.35">
      <c r="A5021" s="5" t="s">
        <v>10</v>
      </c>
      <c r="B5021" s="6">
        <v>214206</v>
      </c>
      <c r="C5021" s="6" t="s">
        <v>68</v>
      </c>
      <c r="D5021" s="6" t="s">
        <v>69</v>
      </c>
      <c r="E5021" s="6">
        <v>11001</v>
      </c>
      <c r="F5021" s="6" t="s">
        <v>18</v>
      </c>
      <c r="G5021" s="6" t="s">
        <v>10179</v>
      </c>
      <c r="H5021" s="6" t="s">
        <v>10180</v>
      </c>
      <c r="I5021" s="7">
        <v>4.7453959000000001</v>
      </c>
      <c r="J5021" s="8">
        <v>-74.055995600000003</v>
      </c>
    </row>
    <row r="5022" spans="1:10" x14ac:dyDescent="0.35">
      <c r="A5022" s="5" t="s">
        <v>10</v>
      </c>
      <c r="B5022" s="6">
        <v>211397</v>
      </c>
      <c r="C5022" s="6" t="s">
        <v>302</v>
      </c>
      <c r="D5022" s="6" t="s">
        <v>4041</v>
      </c>
      <c r="E5022" s="6">
        <v>8758</v>
      </c>
      <c r="F5022" s="6" t="s">
        <v>18</v>
      </c>
      <c r="G5022" s="6" t="s">
        <v>10181</v>
      </c>
      <c r="H5022" s="6" t="s">
        <v>10182</v>
      </c>
      <c r="I5022" s="7">
        <v>10.9129991</v>
      </c>
      <c r="J5022" s="8">
        <v>-74.808936199999906</v>
      </c>
    </row>
    <row r="5023" spans="1:10" x14ac:dyDescent="0.35">
      <c r="A5023" s="5" t="s">
        <v>10</v>
      </c>
      <c r="B5023" s="6">
        <v>174900</v>
      </c>
      <c r="C5023" s="6" t="s">
        <v>302</v>
      </c>
      <c r="D5023" s="6" t="s">
        <v>4041</v>
      </c>
      <c r="E5023" s="6">
        <v>8758</v>
      </c>
      <c r="F5023" s="6" t="s">
        <v>18</v>
      </c>
      <c r="G5023" s="6" t="s">
        <v>10183</v>
      </c>
      <c r="H5023" s="6" t="s">
        <v>10184</v>
      </c>
      <c r="I5023" s="7">
        <v>10.916393599999999</v>
      </c>
      <c r="J5023" s="8">
        <v>-74.817824999999999</v>
      </c>
    </row>
    <row r="5024" spans="1:10" x14ac:dyDescent="0.35">
      <c r="A5024" s="5" t="s">
        <v>10</v>
      </c>
      <c r="B5024" s="6">
        <v>232759</v>
      </c>
      <c r="C5024" s="6" t="s">
        <v>68</v>
      </c>
      <c r="D5024" s="6" t="s">
        <v>69</v>
      </c>
      <c r="E5024" s="6">
        <v>11001</v>
      </c>
      <c r="F5024" s="6" t="s">
        <v>13</v>
      </c>
      <c r="G5024" s="6" t="s">
        <v>10185</v>
      </c>
      <c r="H5024" s="6" t="s">
        <v>10186</v>
      </c>
      <c r="I5024" s="7">
        <v>4.6309873000000001</v>
      </c>
      <c r="J5024" s="8">
        <v>-74.192595699999998</v>
      </c>
    </row>
    <row r="5025" spans="1:10" x14ac:dyDescent="0.35">
      <c r="A5025" s="5" t="s">
        <v>10</v>
      </c>
      <c r="B5025" s="6">
        <v>167716</v>
      </c>
      <c r="C5025" s="6" t="s">
        <v>16</v>
      </c>
      <c r="D5025" s="6" t="s">
        <v>78</v>
      </c>
      <c r="E5025" s="6">
        <v>68001</v>
      </c>
      <c r="F5025" s="6" t="s">
        <v>18</v>
      </c>
      <c r="G5025" s="6" t="s">
        <v>10187</v>
      </c>
      <c r="H5025" s="6" t="s">
        <v>10188</v>
      </c>
      <c r="I5025" s="7">
        <v>7.1122549999999896</v>
      </c>
      <c r="J5025" s="8">
        <v>-73.116038500000002</v>
      </c>
    </row>
    <row r="5026" spans="1:10" x14ac:dyDescent="0.35">
      <c r="A5026" s="5" t="s">
        <v>10</v>
      </c>
      <c r="B5026" s="6">
        <v>136879</v>
      </c>
      <c r="C5026" s="6" t="s">
        <v>11</v>
      </c>
      <c r="D5026" s="6" t="s">
        <v>4073</v>
      </c>
      <c r="E5026" s="6">
        <v>25740</v>
      </c>
      <c r="F5026" s="6" t="s">
        <v>18</v>
      </c>
      <c r="G5026" s="6" t="s">
        <v>10189</v>
      </c>
      <c r="H5026" s="6" t="s">
        <v>10190</v>
      </c>
      <c r="I5026" s="7">
        <v>4.4931068999999999</v>
      </c>
      <c r="J5026" s="8">
        <v>-74.258745599999997</v>
      </c>
    </row>
    <row r="5027" spans="1:10" x14ac:dyDescent="0.35">
      <c r="A5027" s="5" t="s">
        <v>10</v>
      </c>
      <c r="B5027" s="6">
        <v>197498</v>
      </c>
      <c r="C5027" s="6" t="s">
        <v>302</v>
      </c>
      <c r="D5027" s="6" t="s">
        <v>9646</v>
      </c>
      <c r="E5027" s="6">
        <v>8606</v>
      </c>
      <c r="F5027" s="6" t="s">
        <v>18</v>
      </c>
      <c r="G5027" s="6" t="s">
        <v>10191</v>
      </c>
      <c r="H5027" s="6" t="s">
        <v>10192</v>
      </c>
      <c r="I5027" s="7">
        <v>10.889255199999999</v>
      </c>
      <c r="J5027" s="8">
        <v>-74.808307799999994</v>
      </c>
    </row>
    <row r="5028" spans="1:10" x14ac:dyDescent="0.35">
      <c r="A5028" s="5" t="s">
        <v>10</v>
      </c>
      <c r="B5028" s="6">
        <v>232940</v>
      </c>
      <c r="C5028" s="6" t="s">
        <v>16</v>
      </c>
      <c r="D5028" s="6" t="s">
        <v>510</v>
      </c>
      <c r="E5028" s="6">
        <v>68547</v>
      </c>
      <c r="F5028" s="6" t="s">
        <v>18</v>
      </c>
      <c r="G5028" s="6" t="s">
        <v>10193</v>
      </c>
      <c r="H5028" s="6" t="s">
        <v>10194</v>
      </c>
      <c r="I5028" s="7">
        <v>6.9977725</v>
      </c>
      <c r="J5028" s="8">
        <v>-73.055425400000004</v>
      </c>
    </row>
    <row r="5029" spans="1:10" x14ac:dyDescent="0.35">
      <c r="A5029" s="5" t="s">
        <v>10</v>
      </c>
      <c r="B5029" s="6">
        <v>239548</v>
      </c>
      <c r="C5029" s="6" t="s">
        <v>94</v>
      </c>
      <c r="D5029" s="6" t="s">
        <v>894</v>
      </c>
      <c r="E5029" s="6">
        <v>66088</v>
      </c>
      <c r="F5029" s="6" t="s">
        <v>18</v>
      </c>
      <c r="G5029" s="6" t="s">
        <v>10195</v>
      </c>
      <c r="H5029" s="6" t="s">
        <v>10196</v>
      </c>
      <c r="I5029" s="7">
        <v>5.2019083999999998</v>
      </c>
      <c r="J5029" s="8">
        <v>-75.867538499999995</v>
      </c>
    </row>
    <row r="5030" spans="1:10" x14ac:dyDescent="0.35">
      <c r="A5030" s="5" t="s">
        <v>10</v>
      </c>
      <c r="B5030" s="6">
        <v>209053</v>
      </c>
      <c r="C5030" s="6" t="s">
        <v>551</v>
      </c>
      <c r="D5030" s="6" t="s">
        <v>4403</v>
      </c>
      <c r="E5030" s="6">
        <v>20013</v>
      </c>
      <c r="F5030" s="6" t="s">
        <v>13</v>
      </c>
      <c r="G5030" s="6" t="s">
        <v>10197</v>
      </c>
      <c r="H5030" s="6" t="s">
        <v>10198</v>
      </c>
      <c r="I5030" s="7">
        <v>10.027935100000001</v>
      </c>
      <c r="J5030" s="8">
        <v>-73.240284000000003</v>
      </c>
    </row>
    <row r="5031" spans="1:10" x14ac:dyDescent="0.35">
      <c r="A5031" s="5" t="s">
        <v>10</v>
      </c>
      <c r="B5031" s="6">
        <v>230952</v>
      </c>
      <c r="C5031" s="6" t="s">
        <v>68</v>
      </c>
      <c r="D5031" s="6" t="s">
        <v>69</v>
      </c>
      <c r="E5031" s="6">
        <v>11001</v>
      </c>
      <c r="F5031" s="6" t="s">
        <v>18</v>
      </c>
      <c r="G5031" s="6" t="s">
        <v>10199</v>
      </c>
      <c r="H5031" s="6" t="s">
        <v>10200</v>
      </c>
      <c r="I5031" s="7">
        <v>4.6286309000000001</v>
      </c>
      <c r="J5031" s="8">
        <v>-74.135569500000003</v>
      </c>
    </row>
    <row r="5032" spans="1:10" x14ac:dyDescent="0.35">
      <c r="A5032" s="5" t="s">
        <v>10</v>
      </c>
      <c r="B5032" s="6">
        <v>240309</v>
      </c>
      <c r="C5032" s="6" t="s">
        <v>2130</v>
      </c>
      <c r="D5032" s="6" t="s">
        <v>2131</v>
      </c>
      <c r="E5032" s="6">
        <v>85001</v>
      </c>
      <c r="F5032" s="6" t="s">
        <v>18</v>
      </c>
      <c r="G5032" s="6" t="s">
        <v>10201</v>
      </c>
      <c r="H5032" s="6" t="s">
        <v>10202</v>
      </c>
      <c r="I5032" s="7">
        <v>5.3357916999999997</v>
      </c>
      <c r="J5032" s="8">
        <v>-72.399437399999997</v>
      </c>
    </row>
    <row r="5033" spans="1:10" x14ac:dyDescent="0.35">
      <c r="A5033" s="5" t="s">
        <v>10</v>
      </c>
      <c r="B5033" s="6">
        <v>145712</v>
      </c>
      <c r="C5033" s="6" t="s">
        <v>294</v>
      </c>
      <c r="D5033" s="6" t="s">
        <v>4244</v>
      </c>
      <c r="E5033" s="6">
        <v>41298</v>
      </c>
      <c r="F5033" s="6" t="s">
        <v>18</v>
      </c>
      <c r="G5033" s="6" t="s">
        <v>10203</v>
      </c>
      <c r="H5033" s="6" t="s">
        <v>10204</v>
      </c>
      <c r="I5033" s="7">
        <v>10.4229301</v>
      </c>
      <c r="J5033" s="8">
        <v>-75.550232399999999</v>
      </c>
    </row>
    <row r="5034" spans="1:10" x14ac:dyDescent="0.35">
      <c r="A5034" s="5" t="s">
        <v>10</v>
      </c>
      <c r="B5034" s="6">
        <v>210168</v>
      </c>
      <c r="C5034" s="6" t="s">
        <v>294</v>
      </c>
      <c r="D5034" s="6" t="s">
        <v>703</v>
      </c>
      <c r="E5034" s="6">
        <v>41001</v>
      </c>
      <c r="F5034" s="6" t="s">
        <v>18</v>
      </c>
      <c r="G5034" s="6" t="s">
        <v>10205</v>
      </c>
      <c r="H5034" s="6" t="s">
        <v>10206</v>
      </c>
      <c r="I5034" s="7">
        <v>2.9078525000000002</v>
      </c>
      <c r="J5034" s="8">
        <v>-75.273589599999994</v>
      </c>
    </row>
    <row r="5035" spans="1:10" x14ac:dyDescent="0.35">
      <c r="A5035" s="5" t="s">
        <v>10</v>
      </c>
      <c r="B5035" s="6">
        <v>228131</v>
      </c>
      <c r="C5035" s="6" t="s">
        <v>68</v>
      </c>
      <c r="D5035" s="6" t="s">
        <v>69</v>
      </c>
      <c r="E5035" s="6">
        <v>11001</v>
      </c>
      <c r="F5035" s="6" t="s">
        <v>18</v>
      </c>
      <c r="G5035" s="6" t="s">
        <v>10207</v>
      </c>
      <c r="H5035" s="6" t="s">
        <v>10208</v>
      </c>
      <c r="I5035" s="7">
        <v>4.6293588000000003</v>
      </c>
      <c r="J5035" s="8">
        <v>-74.183812099999997</v>
      </c>
    </row>
    <row r="5036" spans="1:10" x14ac:dyDescent="0.35">
      <c r="A5036" s="5" t="s">
        <v>10</v>
      </c>
      <c r="B5036" s="6">
        <v>167070</v>
      </c>
      <c r="C5036" s="6" t="s">
        <v>68</v>
      </c>
      <c r="D5036" s="6" t="s">
        <v>69</v>
      </c>
      <c r="E5036" s="6">
        <v>11001</v>
      </c>
      <c r="F5036" s="6" t="s">
        <v>18</v>
      </c>
      <c r="G5036" s="6" t="s">
        <v>10209</v>
      </c>
      <c r="H5036" s="6" t="s">
        <v>10210</v>
      </c>
      <c r="I5036" s="7">
        <v>4.575996</v>
      </c>
      <c r="J5036" s="8">
        <v>-74.088448900000003</v>
      </c>
    </row>
    <row r="5037" spans="1:10" x14ac:dyDescent="0.35">
      <c r="A5037" s="5" t="s">
        <v>10</v>
      </c>
      <c r="B5037" s="6">
        <v>236730</v>
      </c>
      <c r="C5037" s="6" t="s">
        <v>190</v>
      </c>
      <c r="D5037" s="6" t="s">
        <v>4063</v>
      </c>
      <c r="E5037" s="6">
        <v>5088</v>
      </c>
      <c r="F5037" s="6" t="s">
        <v>18</v>
      </c>
      <c r="G5037" s="6" t="s">
        <v>10211</v>
      </c>
      <c r="H5037" s="6" t="s">
        <v>10212</v>
      </c>
      <c r="I5037" s="7">
        <v>6.3078645</v>
      </c>
      <c r="J5037" s="8">
        <v>-75.553072799999995</v>
      </c>
    </row>
    <row r="5038" spans="1:10" x14ac:dyDescent="0.35">
      <c r="A5038" s="5" t="s">
        <v>10</v>
      </c>
      <c r="B5038" s="6">
        <v>236743</v>
      </c>
      <c r="C5038" s="6" t="s">
        <v>68</v>
      </c>
      <c r="D5038" s="6" t="s">
        <v>69</v>
      </c>
      <c r="E5038" s="6">
        <v>11001</v>
      </c>
      <c r="F5038" s="6" t="s">
        <v>18</v>
      </c>
      <c r="G5038" s="6" t="s">
        <v>10213</v>
      </c>
      <c r="H5038" s="6" t="s">
        <v>10214</v>
      </c>
      <c r="I5038" s="7">
        <v>4.6716860000000002</v>
      </c>
      <c r="J5038" s="8">
        <v>-74.154211200000006</v>
      </c>
    </row>
    <row r="5039" spans="1:10" x14ac:dyDescent="0.35">
      <c r="A5039" s="5" t="s">
        <v>10</v>
      </c>
      <c r="B5039" s="6">
        <v>235469</v>
      </c>
      <c r="C5039" s="6" t="s">
        <v>55</v>
      </c>
      <c r="D5039" s="6" t="s">
        <v>56</v>
      </c>
      <c r="E5039" s="6">
        <v>73001</v>
      </c>
      <c r="F5039" s="6" t="s">
        <v>18</v>
      </c>
      <c r="G5039" s="6" t="s">
        <v>10215</v>
      </c>
      <c r="H5039" s="6" t="s">
        <v>10216</v>
      </c>
      <c r="I5039" s="7">
        <v>4.3998176999999998</v>
      </c>
      <c r="J5039" s="8">
        <v>-75.143042100000002</v>
      </c>
    </row>
    <row r="5040" spans="1:10" x14ac:dyDescent="0.35">
      <c r="A5040" s="5" t="s">
        <v>10</v>
      </c>
      <c r="B5040" s="6">
        <v>238920</v>
      </c>
      <c r="C5040" s="6" t="s">
        <v>16</v>
      </c>
      <c r="D5040" s="6" t="s">
        <v>2825</v>
      </c>
      <c r="E5040" s="6">
        <v>68276</v>
      </c>
      <c r="F5040" s="6" t="s">
        <v>18</v>
      </c>
      <c r="G5040" s="6" t="s">
        <v>10217</v>
      </c>
      <c r="H5040" s="6" t="s">
        <v>10218</v>
      </c>
      <c r="I5040" s="7">
        <v>7.0796001999999998</v>
      </c>
      <c r="J5040" s="8">
        <v>-73.087975</v>
      </c>
    </row>
    <row r="5041" spans="1:10" x14ac:dyDescent="0.35">
      <c r="A5041" s="5" t="s">
        <v>10</v>
      </c>
      <c r="B5041" s="6">
        <v>166384</v>
      </c>
      <c r="C5041" s="6" t="s">
        <v>11</v>
      </c>
      <c r="D5041" s="6" t="s">
        <v>21</v>
      </c>
      <c r="E5041" s="6">
        <v>25386</v>
      </c>
      <c r="F5041" s="6" t="s">
        <v>18</v>
      </c>
      <c r="G5041" s="6" t="s">
        <v>10219</v>
      </c>
      <c r="H5041" s="6" t="s">
        <v>10220</v>
      </c>
      <c r="I5041" s="7">
        <v>4.6321469999999998</v>
      </c>
      <c r="J5041" s="8">
        <v>-74.463014000000001</v>
      </c>
    </row>
    <row r="5042" spans="1:10" x14ac:dyDescent="0.35">
      <c r="A5042" s="5" t="s">
        <v>10</v>
      </c>
      <c r="B5042" s="6">
        <v>243982</v>
      </c>
      <c r="C5042" s="6" t="s">
        <v>68</v>
      </c>
      <c r="D5042" s="6" t="s">
        <v>69</v>
      </c>
      <c r="E5042" s="6">
        <v>11001</v>
      </c>
      <c r="F5042" s="6" t="s">
        <v>18</v>
      </c>
      <c r="G5042" s="6" t="s">
        <v>10221</v>
      </c>
      <c r="H5042" s="6" t="s">
        <v>10222</v>
      </c>
      <c r="I5042" s="7">
        <v>4.6865240999999997</v>
      </c>
      <c r="J5042" s="8">
        <v>-74.080957499999997</v>
      </c>
    </row>
    <row r="5043" spans="1:10" x14ac:dyDescent="0.35">
      <c r="A5043" s="5" t="s">
        <v>10</v>
      </c>
      <c r="B5043" s="6">
        <v>224936</v>
      </c>
      <c r="C5043" s="6" t="s">
        <v>302</v>
      </c>
      <c r="D5043" s="6" t="s">
        <v>4041</v>
      </c>
      <c r="E5043" s="6">
        <v>8758</v>
      </c>
      <c r="F5043" s="6" t="s">
        <v>18</v>
      </c>
      <c r="G5043" s="6" t="s">
        <v>10223</v>
      </c>
      <c r="H5043" s="6" t="s">
        <v>10224</v>
      </c>
      <c r="I5043" s="7">
        <v>10.9143714</v>
      </c>
      <c r="J5043" s="8">
        <v>-74.818257900000006</v>
      </c>
    </row>
    <row r="5044" spans="1:10" x14ac:dyDescent="0.35">
      <c r="A5044" s="5" t="s">
        <v>10</v>
      </c>
      <c r="B5044" s="6">
        <v>241708</v>
      </c>
      <c r="C5044" s="6" t="s">
        <v>94</v>
      </c>
      <c r="D5044" s="6" t="s">
        <v>98</v>
      </c>
      <c r="E5044" s="6">
        <v>66001</v>
      </c>
      <c r="F5044" s="6" t="s">
        <v>18</v>
      </c>
      <c r="G5044" s="6" t="s">
        <v>10225</v>
      </c>
      <c r="H5044" s="6" t="s">
        <v>10226</v>
      </c>
      <c r="I5044" s="7">
        <v>4.8105865999999997</v>
      </c>
      <c r="J5044" s="8">
        <v>-75.759466500000002</v>
      </c>
    </row>
    <row r="5045" spans="1:10" x14ac:dyDescent="0.35">
      <c r="A5045" s="5" t="s">
        <v>10</v>
      </c>
      <c r="B5045" s="6">
        <v>234167</v>
      </c>
      <c r="C5045" s="6" t="s">
        <v>68</v>
      </c>
      <c r="D5045" s="6" t="s">
        <v>69</v>
      </c>
      <c r="E5045" s="6">
        <v>11001</v>
      </c>
      <c r="F5045" s="6" t="s">
        <v>13</v>
      </c>
      <c r="G5045" s="6" t="s">
        <v>10227</v>
      </c>
      <c r="H5045" s="6" t="s">
        <v>10228</v>
      </c>
      <c r="I5045" s="7">
        <v>4.7248153999999998</v>
      </c>
      <c r="J5045" s="8">
        <v>-74.1227181</v>
      </c>
    </row>
    <row r="5046" spans="1:10" x14ac:dyDescent="0.35">
      <c r="A5046" s="5" t="s">
        <v>10</v>
      </c>
      <c r="B5046" s="6">
        <v>216460</v>
      </c>
      <c r="C5046" s="6" t="s">
        <v>294</v>
      </c>
      <c r="D5046" s="6" t="s">
        <v>703</v>
      </c>
      <c r="E5046" s="6">
        <v>41001</v>
      </c>
      <c r="F5046" s="6" t="s">
        <v>13</v>
      </c>
      <c r="G5046" s="6" t="s">
        <v>10229</v>
      </c>
      <c r="H5046" s="6" t="s">
        <v>10230</v>
      </c>
      <c r="I5046" s="7">
        <v>2.9323920999999999</v>
      </c>
      <c r="J5046" s="8">
        <v>-75.288750800000003</v>
      </c>
    </row>
    <row r="5047" spans="1:10" x14ac:dyDescent="0.35">
      <c r="A5047" s="5" t="s">
        <v>10</v>
      </c>
      <c r="B5047" s="6">
        <v>208436</v>
      </c>
      <c r="C5047" s="6" t="s">
        <v>11</v>
      </c>
      <c r="D5047" s="6" t="s">
        <v>334</v>
      </c>
      <c r="E5047" s="6">
        <v>25754</v>
      </c>
      <c r="F5047" s="6" t="s">
        <v>13</v>
      </c>
      <c r="G5047" s="6" t="s">
        <v>10231</v>
      </c>
      <c r="H5047" s="6" t="s">
        <v>10232</v>
      </c>
      <c r="I5047" s="7">
        <v>4.5718877000000004</v>
      </c>
      <c r="J5047" s="8">
        <v>-74.245024799999996</v>
      </c>
    </row>
    <row r="5048" spans="1:10" x14ac:dyDescent="0.35">
      <c r="A5048" s="5" t="s">
        <v>10</v>
      </c>
      <c r="B5048" s="6">
        <v>144267</v>
      </c>
      <c r="C5048" s="6" t="s">
        <v>16</v>
      </c>
      <c r="D5048" s="6" t="s">
        <v>2825</v>
      </c>
      <c r="E5048" s="6">
        <v>68276</v>
      </c>
      <c r="F5048" s="6" t="s">
        <v>18</v>
      </c>
      <c r="G5048" s="6" t="s">
        <v>10233</v>
      </c>
      <c r="H5048" s="6" t="s">
        <v>10234</v>
      </c>
      <c r="I5048" s="7">
        <v>7.0790027999999996</v>
      </c>
      <c r="J5048" s="8">
        <v>-73.087086099999993</v>
      </c>
    </row>
    <row r="5049" spans="1:10" x14ac:dyDescent="0.35">
      <c r="A5049" s="5" t="s">
        <v>10</v>
      </c>
      <c r="B5049" s="6">
        <v>144302</v>
      </c>
      <c r="C5049" s="6" t="s">
        <v>294</v>
      </c>
      <c r="D5049" s="6" t="s">
        <v>703</v>
      </c>
      <c r="E5049" s="6">
        <v>41001</v>
      </c>
      <c r="F5049" s="6" t="s">
        <v>18</v>
      </c>
      <c r="G5049" s="6" t="s">
        <v>10235</v>
      </c>
      <c r="H5049" s="6" t="s">
        <v>10236</v>
      </c>
      <c r="I5049" s="7">
        <v>2.9752374000000001</v>
      </c>
      <c r="J5049" s="8">
        <v>-75.285638800000001</v>
      </c>
    </row>
    <row r="5050" spans="1:10" x14ac:dyDescent="0.35">
      <c r="A5050" s="5" t="s">
        <v>10</v>
      </c>
      <c r="B5050" s="6">
        <v>147048</v>
      </c>
      <c r="C5050" s="6" t="s">
        <v>294</v>
      </c>
      <c r="D5050" s="6" t="s">
        <v>703</v>
      </c>
      <c r="E5050" s="6">
        <v>41001</v>
      </c>
      <c r="F5050" s="6" t="s">
        <v>18</v>
      </c>
      <c r="G5050" s="6" t="s">
        <v>10237</v>
      </c>
      <c r="H5050" s="6" t="s">
        <v>10238</v>
      </c>
      <c r="I5050" s="7">
        <v>2.9445201999999999</v>
      </c>
      <c r="J5050" s="8">
        <v>-75.287472499999893</v>
      </c>
    </row>
    <row r="5051" spans="1:10" x14ac:dyDescent="0.35">
      <c r="A5051" s="5" t="s">
        <v>10</v>
      </c>
      <c r="B5051" s="6">
        <v>206013</v>
      </c>
      <c r="C5051" s="6" t="s">
        <v>68</v>
      </c>
      <c r="D5051" s="6" t="s">
        <v>69</v>
      </c>
      <c r="E5051" s="6">
        <v>11001</v>
      </c>
      <c r="F5051" s="6" t="s">
        <v>18</v>
      </c>
      <c r="G5051" s="6" t="s">
        <v>10239</v>
      </c>
      <c r="H5051" s="6" t="s">
        <v>10240</v>
      </c>
      <c r="I5051" s="7">
        <v>4.6790164999999897</v>
      </c>
      <c r="J5051" s="8">
        <v>-74.148552699999996</v>
      </c>
    </row>
    <row r="5052" spans="1:10" x14ac:dyDescent="0.35">
      <c r="A5052" s="5" t="s">
        <v>10</v>
      </c>
      <c r="B5052" s="6">
        <v>175102</v>
      </c>
      <c r="C5052" s="6" t="s">
        <v>68</v>
      </c>
      <c r="D5052" s="6" t="s">
        <v>69</v>
      </c>
      <c r="E5052" s="6">
        <v>11001</v>
      </c>
      <c r="F5052" s="6" t="s">
        <v>18</v>
      </c>
      <c r="G5052" s="6" t="s">
        <v>855</v>
      </c>
      <c r="H5052" s="6" t="s">
        <v>10241</v>
      </c>
      <c r="I5052" s="7">
        <v>4.6400931999999999</v>
      </c>
      <c r="J5052" s="8">
        <v>-74.193015000000003</v>
      </c>
    </row>
    <row r="5053" spans="1:10" x14ac:dyDescent="0.35">
      <c r="A5053" s="5" t="s">
        <v>10</v>
      </c>
      <c r="B5053" s="6">
        <v>209233</v>
      </c>
      <c r="C5053" s="6" t="s">
        <v>308</v>
      </c>
      <c r="D5053" s="6" t="s">
        <v>309</v>
      </c>
      <c r="E5053" s="6">
        <v>23001</v>
      </c>
      <c r="F5053" s="6" t="s">
        <v>18</v>
      </c>
      <c r="G5053" s="6" t="s">
        <v>2672</v>
      </c>
      <c r="H5053" s="6" t="s">
        <v>10242</v>
      </c>
      <c r="I5053" s="7">
        <v>8.7624037000000001</v>
      </c>
      <c r="J5053" s="8">
        <v>-75.881438699999904</v>
      </c>
    </row>
    <row r="5054" spans="1:10" x14ac:dyDescent="0.35">
      <c r="A5054" s="5" t="s">
        <v>10</v>
      </c>
      <c r="B5054" s="6">
        <v>201748</v>
      </c>
      <c r="C5054" s="6" t="s">
        <v>38</v>
      </c>
      <c r="D5054" s="6" t="s">
        <v>2510</v>
      </c>
      <c r="E5054" s="6">
        <v>19517</v>
      </c>
      <c r="F5054" s="6" t="s">
        <v>18</v>
      </c>
      <c r="G5054" s="6" t="s">
        <v>10243</v>
      </c>
      <c r="H5054" s="6" t="s">
        <v>10244</v>
      </c>
      <c r="I5054" s="7">
        <v>2.4434494</v>
      </c>
      <c r="J5054" s="8">
        <v>-76.604137299999906</v>
      </c>
    </row>
    <row r="5055" spans="1:10" x14ac:dyDescent="0.35">
      <c r="A5055" s="5" t="s">
        <v>10</v>
      </c>
      <c r="B5055" s="6">
        <v>236203</v>
      </c>
      <c r="C5055" s="6" t="s">
        <v>68</v>
      </c>
      <c r="D5055" s="6" t="s">
        <v>69</v>
      </c>
      <c r="E5055" s="6">
        <v>11001</v>
      </c>
      <c r="F5055" s="6" t="s">
        <v>13</v>
      </c>
      <c r="G5055" s="6" t="s">
        <v>10245</v>
      </c>
      <c r="H5055" s="6" t="s">
        <v>10246</v>
      </c>
      <c r="I5055" s="7">
        <v>4.6845185999999996</v>
      </c>
      <c r="J5055" s="8">
        <v>-74.068998399999998</v>
      </c>
    </row>
    <row r="5056" spans="1:10" x14ac:dyDescent="0.35">
      <c r="A5056" s="5" t="s">
        <v>10</v>
      </c>
      <c r="B5056" s="6">
        <v>232830</v>
      </c>
      <c r="C5056" s="6" t="s">
        <v>457</v>
      </c>
      <c r="D5056" s="6" t="s">
        <v>10247</v>
      </c>
      <c r="E5056" s="6">
        <v>52036</v>
      </c>
      <c r="F5056" s="6" t="s">
        <v>18</v>
      </c>
      <c r="G5056" s="6" t="s">
        <v>10248</v>
      </c>
      <c r="H5056" s="6" t="s">
        <v>10249</v>
      </c>
      <c r="I5056" s="7">
        <v>1.2625200000000001</v>
      </c>
      <c r="J5056" s="8">
        <v>-77.51446</v>
      </c>
    </row>
    <row r="5057" spans="1:10" x14ac:dyDescent="0.35">
      <c r="A5057" s="5" t="s">
        <v>10</v>
      </c>
      <c r="B5057" s="6">
        <v>231809</v>
      </c>
      <c r="C5057" s="6" t="s">
        <v>68</v>
      </c>
      <c r="D5057" s="6" t="s">
        <v>69</v>
      </c>
      <c r="E5057" s="6">
        <v>11001</v>
      </c>
      <c r="F5057" s="6" t="s">
        <v>18</v>
      </c>
      <c r="G5057" s="6" t="s">
        <v>10250</v>
      </c>
      <c r="H5057" s="6" t="s">
        <v>10251</v>
      </c>
      <c r="I5057" s="7">
        <v>4.5049805000000003</v>
      </c>
      <c r="J5057" s="8">
        <v>-74.115718599999994</v>
      </c>
    </row>
    <row r="5058" spans="1:10" x14ac:dyDescent="0.35">
      <c r="A5058" s="5" t="s">
        <v>10</v>
      </c>
      <c r="B5058" s="6">
        <v>229340</v>
      </c>
      <c r="C5058" s="6" t="s">
        <v>38</v>
      </c>
      <c r="D5058" s="6" t="s">
        <v>7793</v>
      </c>
      <c r="E5058" s="6">
        <v>19743</v>
      </c>
      <c r="F5058" s="6" t="s">
        <v>18</v>
      </c>
      <c r="G5058" s="6" t="s">
        <v>10252</v>
      </c>
      <c r="H5058" s="6" t="s">
        <v>10253</v>
      </c>
      <c r="I5058" s="7">
        <v>2.6075270000000002</v>
      </c>
      <c r="J5058" s="8">
        <v>-76.386008000000004</v>
      </c>
    </row>
    <row r="5059" spans="1:10" x14ac:dyDescent="0.35">
      <c r="A5059" s="5" t="s">
        <v>10</v>
      </c>
      <c r="B5059" s="6">
        <v>220269</v>
      </c>
      <c r="C5059" s="6" t="s">
        <v>16</v>
      </c>
      <c r="D5059" s="6" t="s">
        <v>78</v>
      </c>
      <c r="E5059" s="6">
        <v>68001</v>
      </c>
      <c r="F5059" s="6" t="s">
        <v>18</v>
      </c>
      <c r="G5059" s="6" t="s">
        <v>10254</v>
      </c>
      <c r="H5059" s="6" t="s">
        <v>10255</v>
      </c>
      <c r="I5059" s="7">
        <v>7.0864514999999999</v>
      </c>
      <c r="J5059" s="8">
        <v>-73.122534000000002</v>
      </c>
    </row>
    <row r="5060" spans="1:10" x14ac:dyDescent="0.35">
      <c r="A5060" s="5" t="s">
        <v>10</v>
      </c>
      <c r="B5060" s="6">
        <v>226924</v>
      </c>
      <c r="C5060" s="6" t="s">
        <v>16</v>
      </c>
      <c r="D5060" s="6" t="s">
        <v>7769</v>
      </c>
      <c r="E5060" s="6">
        <v>68689</v>
      </c>
      <c r="F5060" s="6" t="s">
        <v>18</v>
      </c>
      <c r="G5060" s="6" t="s">
        <v>10256</v>
      </c>
      <c r="H5060" s="6" t="s">
        <v>10257</v>
      </c>
      <c r="I5060" s="7">
        <v>6.880471</v>
      </c>
      <c r="J5060" s="8">
        <v>-73.410559999999904</v>
      </c>
    </row>
    <row r="5061" spans="1:10" x14ac:dyDescent="0.35">
      <c r="A5061" s="5" t="s">
        <v>10</v>
      </c>
      <c r="B5061" s="6">
        <v>231229</v>
      </c>
      <c r="C5061" s="6" t="s">
        <v>16</v>
      </c>
      <c r="D5061" s="6" t="s">
        <v>2851</v>
      </c>
      <c r="E5061" s="6">
        <v>68524</v>
      </c>
      <c r="F5061" s="6" t="s">
        <v>18</v>
      </c>
      <c r="G5061" s="6" t="s">
        <v>10258</v>
      </c>
      <c r="H5061" s="6" t="s">
        <v>10259</v>
      </c>
      <c r="I5061" s="7">
        <v>6.4697151000000002</v>
      </c>
      <c r="J5061" s="8">
        <v>-73.263259099999999</v>
      </c>
    </row>
    <row r="5062" spans="1:10" x14ac:dyDescent="0.35">
      <c r="A5062" s="5" t="s">
        <v>10</v>
      </c>
      <c r="B5062" s="6">
        <v>242948</v>
      </c>
      <c r="C5062" s="6" t="s">
        <v>16</v>
      </c>
      <c r="D5062" s="6" t="s">
        <v>78</v>
      </c>
      <c r="E5062" s="6">
        <v>68001</v>
      </c>
      <c r="F5062" s="6" t="s">
        <v>18</v>
      </c>
      <c r="G5062" s="6" t="s">
        <v>10260</v>
      </c>
      <c r="H5062" s="6" t="s">
        <v>10261</v>
      </c>
      <c r="I5062" s="7">
        <v>7.1098768000000003</v>
      </c>
      <c r="J5062" s="8">
        <v>-73.141322700000003</v>
      </c>
    </row>
    <row r="5063" spans="1:10" x14ac:dyDescent="0.35">
      <c r="A5063" s="5" t="s">
        <v>10</v>
      </c>
      <c r="B5063" s="6">
        <v>200086</v>
      </c>
      <c r="C5063" s="6" t="s">
        <v>16</v>
      </c>
      <c r="D5063" s="6" t="s">
        <v>78</v>
      </c>
      <c r="E5063" s="6">
        <v>68001</v>
      </c>
      <c r="F5063" s="6" t="s">
        <v>18</v>
      </c>
      <c r="G5063" s="6" t="s">
        <v>10262</v>
      </c>
      <c r="H5063" s="6" t="s">
        <v>10263</v>
      </c>
      <c r="I5063" s="7">
        <v>7.1205786999999896</v>
      </c>
      <c r="J5063" s="8">
        <v>-73.135313699999998</v>
      </c>
    </row>
    <row r="5064" spans="1:10" x14ac:dyDescent="0.35">
      <c r="A5064" s="5" t="s">
        <v>10</v>
      </c>
      <c r="B5064" s="6">
        <v>241700</v>
      </c>
      <c r="C5064" s="6" t="s">
        <v>94</v>
      </c>
      <c r="D5064" s="6" t="s">
        <v>930</v>
      </c>
      <c r="E5064" s="6">
        <v>66045</v>
      </c>
      <c r="F5064" s="6" t="s">
        <v>18</v>
      </c>
      <c r="G5064" s="6" t="s">
        <v>10264</v>
      </c>
      <c r="H5064" s="6" t="s">
        <v>10265</v>
      </c>
      <c r="I5064" s="7">
        <v>5.1066630000000002</v>
      </c>
      <c r="J5064" s="8">
        <v>-75.940865000000002</v>
      </c>
    </row>
    <row r="5065" spans="1:10" x14ac:dyDescent="0.35">
      <c r="A5065" s="5" t="s">
        <v>10</v>
      </c>
      <c r="B5065" s="6">
        <v>235659</v>
      </c>
      <c r="C5065" s="6" t="s">
        <v>294</v>
      </c>
      <c r="D5065" s="6" t="s">
        <v>447</v>
      </c>
      <c r="E5065" s="6">
        <v>41551</v>
      </c>
      <c r="F5065" s="6" t="s">
        <v>18</v>
      </c>
      <c r="G5065" s="6" t="s">
        <v>10266</v>
      </c>
      <c r="H5065" s="6" t="s">
        <v>10267</v>
      </c>
      <c r="I5065" s="7">
        <v>1.8504130999999999</v>
      </c>
      <c r="J5065" s="8">
        <v>-76.046461399999998</v>
      </c>
    </row>
    <row r="5066" spans="1:10" x14ac:dyDescent="0.35">
      <c r="A5066" s="5" t="s">
        <v>10</v>
      </c>
      <c r="B5066" s="6">
        <v>212374</v>
      </c>
      <c r="C5066" s="6" t="s">
        <v>68</v>
      </c>
      <c r="D5066" s="6" t="s">
        <v>69</v>
      </c>
      <c r="E5066" s="6">
        <v>11001</v>
      </c>
      <c r="F5066" s="6" t="s">
        <v>13</v>
      </c>
      <c r="G5066" s="6" t="s">
        <v>10268</v>
      </c>
      <c r="H5066" s="6" t="s">
        <v>10269</v>
      </c>
      <c r="I5066" s="7">
        <v>4.6091952000000003</v>
      </c>
      <c r="J5066" s="8">
        <v>-74.078106000000005</v>
      </c>
    </row>
    <row r="5067" spans="1:10" x14ac:dyDescent="0.35">
      <c r="A5067" s="5" t="s">
        <v>10</v>
      </c>
      <c r="B5067" s="6">
        <v>234147</v>
      </c>
      <c r="C5067" s="6" t="s">
        <v>68</v>
      </c>
      <c r="D5067" s="6" t="s">
        <v>69</v>
      </c>
      <c r="E5067" s="6">
        <v>11001</v>
      </c>
      <c r="F5067" s="6" t="s">
        <v>13</v>
      </c>
      <c r="G5067" s="6" t="s">
        <v>10270</v>
      </c>
      <c r="H5067" s="6" t="s">
        <v>10271</v>
      </c>
      <c r="I5067" s="7">
        <v>4.6081821999999999</v>
      </c>
      <c r="J5067" s="8">
        <v>-74.183950600000003</v>
      </c>
    </row>
    <row r="5068" spans="1:10" x14ac:dyDescent="0.35">
      <c r="A5068" s="5" t="s">
        <v>10</v>
      </c>
      <c r="B5068" s="6">
        <v>248804</v>
      </c>
      <c r="C5068" s="6" t="s">
        <v>68</v>
      </c>
      <c r="D5068" s="6" t="s">
        <v>69</v>
      </c>
      <c r="E5068" s="6">
        <v>11001</v>
      </c>
      <c r="F5068" s="6" t="s">
        <v>18</v>
      </c>
      <c r="G5068" s="6" t="s">
        <v>10272</v>
      </c>
      <c r="H5068" s="6" t="s">
        <v>10273</v>
      </c>
      <c r="I5068" s="7">
        <v>4.6256038999999998</v>
      </c>
      <c r="J5068" s="8">
        <v>-74.196926199999993</v>
      </c>
    </row>
    <row r="5069" spans="1:10" x14ac:dyDescent="0.35">
      <c r="A5069" s="5" t="s">
        <v>10</v>
      </c>
      <c r="B5069" s="6">
        <v>234361</v>
      </c>
      <c r="C5069" s="6" t="s">
        <v>68</v>
      </c>
      <c r="D5069" s="6" t="s">
        <v>69</v>
      </c>
      <c r="E5069" s="6">
        <v>11001</v>
      </c>
      <c r="F5069" s="6" t="s">
        <v>18</v>
      </c>
      <c r="G5069" s="6" t="s">
        <v>10274</v>
      </c>
      <c r="H5069" s="6" t="s">
        <v>10275</v>
      </c>
      <c r="I5069" s="7">
        <v>4.563644</v>
      </c>
      <c r="J5069" s="8">
        <v>-74.146500500000002</v>
      </c>
    </row>
    <row r="5070" spans="1:10" x14ac:dyDescent="0.35">
      <c r="A5070" s="5" t="s">
        <v>10</v>
      </c>
      <c r="B5070" s="6">
        <v>151478</v>
      </c>
      <c r="C5070" s="6" t="s">
        <v>16</v>
      </c>
      <c r="D5070" s="6" t="s">
        <v>510</v>
      </c>
      <c r="E5070" s="6">
        <v>68547</v>
      </c>
      <c r="F5070" s="6" t="s">
        <v>18</v>
      </c>
      <c r="G5070" s="6" t="s">
        <v>10276</v>
      </c>
      <c r="H5070" s="6" t="s">
        <v>10277</v>
      </c>
      <c r="I5070" s="7">
        <v>6.9824237999999896</v>
      </c>
      <c r="J5070" s="8">
        <v>-73.050070199999993</v>
      </c>
    </row>
    <row r="5071" spans="1:10" x14ac:dyDescent="0.35">
      <c r="A5071" s="5" t="s">
        <v>10</v>
      </c>
      <c r="B5071" s="6">
        <v>68279</v>
      </c>
      <c r="C5071" s="6" t="s">
        <v>294</v>
      </c>
      <c r="D5071" s="6" t="s">
        <v>703</v>
      </c>
      <c r="E5071" s="6">
        <v>41001</v>
      </c>
      <c r="F5071" s="6" t="s">
        <v>18</v>
      </c>
      <c r="G5071" s="6" t="s">
        <v>10278</v>
      </c>
      <c r="H5071" s="6" t="s">
        <v>8093</v>
      </c>
      <c r="I5071" s="7">
        <v>2.9694110999999999</v>
      </c>
      <c r="J5071" s="8">
        <v>-75.287294299999999</v>
      </c>
    </row>
    <row r="5072" spans="1:10" x14ac:dyDescent="0.35">
      <c r="A5072" s="5" t="s">
        <v>10</v>
      </c>
      <c r="B5072" s="6">
        <v>237678</v>
      </c>
      <c r="C5072" s="6" t="s">
        <v>16</v>
      </c>
      <c r="D5072" s="6" t="s">
        <v>1401</v>
      </c>
      <c r="E5072" s="6">
        <v>68307</v>
      </c>
      <c r="F5072" s="6" t="s">
        <v>18</v>
      </c>
      <c r="G5072" s="6" t="s">
        <v>10279</v>
      </c>
      <c r="H5072" s="6" t="s">
        <v>10280</v>
      </c>
      <c r="I5072" s="7">
        <v>7.0498343999999999</v>
      </c>
      <c r="J5072" s="8">
        <v>-73.168323599999994</v>
      </c>
    </row>
    <row r="5073" spans="1:10" x14ac:dyDescent="0.35">
      <c r="A5073" s="5" t="s">
        <v>10</v>
      </c>
      <c r="B5073" s="6">
        <v>206117</v>
      </c>
      <c r="C5073" s="6" t="s">
        <v>68</v>
      </c>
      <c r="D5073" s="6" t="s">
        <v>69</v>
      </c>
      <c r="E5073" s="6">
        <v>11001</v>
      </c>
      <c r="F5073" s="6" t="s">
        <v>18</v>
      </c>
      <c r="G5073" s="6" t="s">
        <v>10281</v>
      </c>
      <c r="H5073" s="6" t="s">
        <v>10282</v>
      </c>
      <c r="I5073" s="7">
        <v>4.6090719</v>
      </c>
      <c r="J5073" s="8">
        <v>-74.197897799999893</v>
      </c>
    </row>
    <row r="5074" spans="1:10" x14ac:dyDescent="0.35">
      <c r="A5074" s="5" t="s">
        <v>10</v>
      </c>
      <c r="B5074" s="6">
        <v>164085</v>
      </c>
      <c r="C5074" s="6" t="s">
        <v>11</v>
      </c>
      <c r="D5074" s="6" t="s">
        <v>4073</v>
      </c>
      <c r="E5074" s="6">
        <v>25740</v>
      </c>
      <c r="F5074" s="6" t="s">
        <v>18</v>
      </c>
      <c r="G5074" s="6" t="s">
        <v>10283</v>
      </c>
      <c r="H5074" s="6" t="s">
        <v>10284</v>
      </c>
      <c r="I5074" s="7">
        <v>4.4939682999999997</v>
      </c>
      <c r="J5074" s="8">
        <v>-74.256302099999999</v>
      </c>
    </row>
    <row r="5075" spans="1:10" x14ac:dyDescent="0.35">
      <c r="A5075" s="5" t="s">
        <v>10</v>
      </c>
      <c r="B5075" s="6">
        <v>174056</v>
      </c>
      <c r="C5075" s="6" t="s">
        <v>11</v>
      </c>
      <c r="D5075" s="6" t="s">
        <v>680</v>
      </c>
      <c r="E5075" s="6">
        <v>25743</v>
      </c>
      <c r="F5075" s="6" t="s">
        <v>18</v>
      </c>
      <c r="G5075" s="6" t="s">
        <v>10285</v>
      </c>
      <c r="H5075" s="6" t="s">
        <v>10286</v>
      </c>
      <c r="I5075" s="7">
        <v>4.3728692999999996</v>
      </c>
      <c r="J5075" s="8">
        <v>-74.386678199999906</v>
      </c>
    </row>
    <row r="5076" spans="1:10" x14ac:dyDescent="0.35">
      <c r="A5076" s="5" t="s">
        <v>10</v>
      </c>
      <c r="B5076" s="6">
        <v>231580</v>
      </c>
      <c r="C5076" s="6" t="s">
        <v>308</v>
      </c>
      <c r="D5076" s="6" t="s">
        <v>8438</v>
      </c>
      <c r="E5076" s="6">
        <v>23686</v>
      </c>
      <c r="F5076" s="6" t="s">
        <v>18</v>
      </c>
      <c r="G5076" s="6" t="s">
        <v>10287</v>
      </c>
      <c r="H5076" s="6" t="s">
        <v>10288</v>
      </c>
      <c r="I5076" s="7">
        <v>8.9581412999999994</v>
      </c>
      <c r="J5076" s="8">
        <v>-75.838369900000004</v>
      </c>
    </row>
    <row r="5077" spans="1:10" x14ac:dyDescent="0.35">
      <c r="A5077" s="5" t="s">
        <v>10</v>
      </c>
      <c r="B5077" s="6">
        <v>233266</v>
      </c>
      <c r="C5077" s="6" t="s">
        <v>302</v>
      </c>
      <c r="D5077" s="6" t="s">
        <v>359</v>
      </c>
      <c r="E5077" s="6">
        <v>8001</v>
      </c>
      <c r="F5077" s="6" t="s">
        <v>18</v>
      </c>
      <c r="G5077" s="6" t="s">
        <v>10289</v>
      </c>
      <c r="H5077" s="6" t="s">
        <v>10290</v>
      </c>
      <c r="I5077" s="7">
        <v>11.000299999999999</v>
      </c>
      <c r="J5077" s="8">
        <v>-74.790509999999998</v>
      </c>
    </row>
    <row r="5078" spans="1:10" x14ac:dyDescent="0.35">
      <c r="A5078" s="5" t="s">
        <v>10</v>
      </c>
      <c r="B5078" s="6">
        <v>239895</v>
      </c>
      <c r="C5078" s="6" t="s">
        <v>38</v>
      </c>
      <c r="D5078" s="6" t="s">
        <v>10291</v>
      </c>
      <c r="E5078" s="6">
        <v>19110</v>
      </c>
      <c r="F5078" s="6" t="s">
        <v>18</v>
      </c>
      <c r="G5078" s="6" t="s">
        <v>10292</v>
      </c>
      <c r="H5078" s="6" t="s">
        <v>10293</v>
      </c>
      <c r="I5078" s="7">
        <v>3.3929722</v>
      </c>
      <c r="J5078" s="8">
        <v>-76.549572100000006</v>
      </c>
    </row>
    <row r="5079" spans="1:10" x14ac:dyDescent="0.35">
      <c r="A5079" s="5" t="s">
        <v>10</v>
      </c>
      <c r="B5079" s="6">
        <v>229923</v>
      </c>
      <c r="C5079" s="6" t="s">
        <v>38</v>
      </c>
      <c r="D5079" s="6" t="s">
        <v>6300</v>
      </c>
      <c r="E5079" s="6">
        <v>19698</v>
      </c>
      <c r="F5079" s="6" t="s">
        <v>18</v>
      </c>
      <c r="G5079" s="6" t="s">
        <v>10294</v>
      </c>
      <c r="H5079" s="6" t="s">
        <v>10295</v>
      </c>
      <c r="I5079" s="7">
        <v>3.0090132000000001</v>
      </c>
      <c r="J5079" s="8">
        <v>-76.486304700000005</v>
      </c>
    </row>
    <row r="5080" spans="1:10" x14ac:dyDescent="0.35">
      <c r="A5080" s="5" t="s">
        <v>10</v>
      </c>
      <c r="B5080" s="6">
        <v>238044</v>
      </c>
      <c r="C5080" s="6" t="s">
        <v>68</v>
      </c>
      <c r="D5080" s="6" t="s">
        <v>69</v>
      </c>
      <c r="E5080" s="6">
        <v>11001</v>
      </c>
      <c r="F5080" s="6" t="s">
        <v>18</v>
      </c>
      <c r="G5080" s="6" t="s">
        <v>10296</v>
      </c>
      <c r="H5080" s="6" t="s">
        <v>10297</v>
      </c>
      <c r="I5080" s="7">
        <v>4.6161820999999996</v>
      </c>
      <c r="J5080" s="8">
        <v>-74.087597200000005</v>
      </c>
    </row>
    <row r="5081" spans="1:10" x14ac:dyDescent="0.35">
      <c r="A5081" s="5" t="s">
        <v>10</v>
      </c>
      <c r="B5081" s="6">
        <v>204877</v>
      </c>
      <c r="C5081" s="6" t="s">
        <v>68</v>
      </c>
      <c r="D5081" s="6" t="s">
        <v>69</v>
      </c>
      <c r="E5081" s="6">
        <v>11001</v>
      </c>
      <c r="F5081" s="6" t="s">
        <v>70</v>
      </c>
      <c r="G5081" s="6" t="s">
        <v>10298</v>
      </c>
      <c r="H5081" s="6" t="s">
        <v>10299</v>
      </c>
      <c r="I5081" s="7">
        <v>4.6533553999999997</v>
      </c>
      <c r="J5081" s="8">
        <v>-74.057007200000001</v>
      </c>
    </row>
    <row r="5082" spans="1:10" x14ac:dyDescent="0.35">
      <c r="A5082" s="5" t="s">
        <v>10</v>
      </c>
      <c r="B5082" s="6">
        <v>230672</v>
      </c>
      <c r="C5082" s="6" t="s">
        <v>294</v>
      </c>
      <c r="D5082" s="6" t="s">
        <v>10300</v>
      </c>
      <c r="E5082" s="6">
        <v>41357</v>
      </c>
      <c r="F5082" s="6" t="s">
        <v>18</v>
      </c>
      <c r="G5082" s="6" t="s">
        <v>10301</v>
      </c>
      <c r="H5082" s="6" t="s">
        <v>10302</v>
      </c>
      <c r="I5082" s="7">
        <v>2.6779069</v>
      </c>
      <c r="J5082" s="8">
        <v>-75.615635100000006</v>
      </c>
    </row>
    <row r="5083" spans="1:10" x14ac:dyDescent="0.35">
      <c r="A5083" s="5" t="s">
        <v>10</v>
      </c>
      <c r="B5083" s="6">
        <v>137884</v>
      </c>
      <c r="C5083" s="6" t="s">
        <v>16</v>
      </c>
      <c r="D5083" s="6" t="s">
        <v>78</v>
      </c>
      <c r="E5083" s="6">
        <v>68001</v>
      </c>
      <c r="F5083" s="6" t="s">
        <v>18</v>
      </c>
      <c r="G5083" s="6" t="s">
        <v>10303</v>
      </c>
      <c r="H5083" s="6" t="s">
        <v>10304</v>
      </c>
      <c r="I5083" s="7">
        <v>7.0939997999999997</v>
      </c>
      <c r="J5083" s="8">
        <v>-73.098014699999993</v>
      </c>
    </row>
    <row r="5084" spans="1:10" x14ac:dyDescent="0.35">
      <c r="A5084" s="5" t="s">
        <v>10</v>
      </c>
      <c r="B5084" s="6">
        <v>237336</v>
      </c>
      <c r="C5084" s="6" t="s">
        <v>16</v>
      </c>
      <c r="D5084" s="6" t="s">
        <v>1401</v>
      </c>
      <c r="E5084" s="6">
        <v>68307</v>
      </c>
      <c r="F5084" s="6" t="s">
        <v>18</v>
      </c>
      <c r="G5084" s="6" t="s">
        <v>10305</v>
      </c>
      <c r="H5084" s="6" t="s">
        <v>10306</v>
      </c>
      <c r="I5084" s="7">
        <v>7.0737670000000001</v>
      </c>
      <c r="J5084" s="8">
        <v>-73.167005000000003</v>
      </c>
    </row>
    <row r="5085" spans="1:10" x14ac:dyDescent="0.35">
      <c r="A5085" s="5" t="s">
        <v>10</v>
      </c>
      <c r="B5085" s="6">
        <v>218074</v>
      </c>
      <c r="C5085" s="6" t="s">
        <v>68</v>
      </c>
      <c r="D5085" s="6" t="s">
        <v>69</v>
      </c>
      <c r="E5085" s="6">
        <v>11001</v>
      </c>
      <c r="F5085" s="6" t="s">
        <v>18</v>
      </c>
      <c r="G5085" s="6" t="s">
        <v>10307</v>
      </c>
      <c r="H5085" s="6" t="s">
        <v>10308</v>
      </c>
      <c r="I5085" s="7">
        <v>4.5938365000000001</v>
      </c>
      <c r="J5085" s="8">
        <v>-74.109876200000002</v>
      </c>
    </row>
    <row r="5086" spans="1:10" x14ac:dyDescent="0.35">
      <c r="A5086" s="5" t="s">
        <v>10</v>
      </c>
      <c r="B5086" s="6">
        <v>237274</v>
      </c>
      <c r="C5086" s="6" t="s">
        <v>68</v>
      </c>
      <c r="D5086" s="6" t="s">
        <v>69</v>
      </c>
      <c r="E5086" s="6">
        <v>11001</v>
      </c>
      <c r="F5086" s="6" t="s">
        <v>18</v>
      </c>
      <c r="G5086" s="6" t="s">
        <v>10309</v>
      </c>
      <c r="H5086" s="6" t="s">
        <v>10310</v>
      </c>
      <c r="I5086" s="7">
        <v>4.6205043999999997</v>
      </c>
      <c r="J5086" s="8">
        <v>-74.185923599999995</v>
      </c>
    </row>
    <row r="5087" spans="1:10" x14ac:dyDescent="0.35">
      <c r="A5087" s="5" t="s">
        <v>10</v>
      </c>
      <c r="B5087" s="6">
        <v>230475</v>
      </c>
      <c r="C5087" s="6" t="s">
        <v>68</v>
      </c>
      <c r="D5087" s="6" t="s">
        <v>69</v>
      </c>
      <c r="E5087" s="6">
        <v>11001</v>
      </c>
      <c r="F5087" s="6" t="s">
        <v>18</v>
      </c>
      <c r="G5087" s="6" t="s">
        <v>10311</v>
      </c>
      <c r="H5087" s="6" t="s">
        <v>10312</v>
      </c>
      <c r="I5087" s="7">
        <v>4.5997082000000002</v>
      </c>
      <c r="J5087" s="8">
        <v>-74.150757400000003</v>
      </c>
    </row>
    <row r="5088" spans="1:10" x14ac:dyDescent="0.35">
      <c r="A5088" s="5" t="s">
        <v>10</v>
      </c>
      <c r="B5088" s="6">
        <v>213108</v>
      </c>
      <c r="C5088" s="6" t="s">
        <v>2821</v>
      </c>
      <c r="D5088" s="6" t="s">
        <v>2822</v>
      </c>
      <c r="E5088" s="6">
        <v>47001</v>
      </c>
      <c r="F5088" s="6" t="s">
        <v>18</v>
      </c>
      <c r="G5088" s="6" t="s">
        <v>10313</v>
      </c>
      <c r="H5088" s="6" t="s">
        <v>10314</v>
      </c>
      <c r="I5088" s="7">
        <v>11.240354699999999</v>
      </c>
      <c r="J5088" s="8">
        <v>-74.211022700000001</v>
      </c>
    </row>
    <row r="5089" spans="1:10" x14ac:dyDescent="0.35">
      <c r="A5089" s="5" t="s">
        <v>10</v>
      </c>
      <c r="B5089" s="6">
        <v>219076</v>
      </c>
      <c r="C5089" s="6" t="s">
        <v>38</v>
      </c>
      <c r="D5089" s="6" t="s">
        <v>9498</v>
      </c>
      <c r="E5089" s="6">
        <v>19548</v>
      </c>
      <c r="F5089" s="6" t="s">
        <v>18</v>
      </c>
      <c r="G5089" s="6" t="s">
        <v>9499</v>
      </c>
      <c r="H5089" s="6" t="s">
        <v>9500</v>
      </c>
      <c r="I5089" s="7">
        <v>2.6434438999999998</v>
      </c>
      <c r="J5089" s="8">
        <v>-76.533071399999997</v>
      </c>
    </row>
    <row r="5090" spans="1:10" x14ac:dyDescent="0.35">
      <c r="A5090" s="5" t="s">
        <v>10</v>
      </c>
      <c r="B5090" s="6">
        <v>243807</v>
      </c>
      <c r="C5090" s="6" t="s">
        <v>38</v>
      </c>
      <c r="D5090" s="6" t="s">
        <v>39</v>
      </c>
      <c r="E5090" s="6">
        <v>19001</v>
      </c>
      <c r="F5090" s="6" t="s">
        <v>18</v>
      </c>
      <c r="G5090" s="6" t="s">
        <v>10315</v>
      </c>
      <c r="H5090" s="6" t="s">
        <v>10316</v>
      </c>
      <c r="I5090" s="7">
        <v>2.4536023999999999</v>
      </c>
      <c r="J5090" s="8">
        <v>-76.600829099999999</v>
      </c>
    </row>
    <row r="5091" spans="1:10" x14ac:dyDescent="0.35">
      <c r="A5091" s="5" t="s">
        <v>10</v>
      </c>
      <c r="B5091" s="6">
        <v>215818</v>
      </c>
      <c r="C5091" s="6" t="s">
        <v>16</v>
      </c>
      <c r="D5091" s="6" t="s">
        <v>1401</v>
      </c>
      <c r="E5091" s="6">
        <v>68307</v>
      </c>
      <c r="F5091" s="6" t="s">
        <v>18</v>
      </c>
      <c r="G5091" s="6" t="s">
        <v>10317</v>
      </c>
      <c r="H5091" s="6" t="s">
        <v>10318</v>
      </c>
      <c r="I5091" s="7">
        <v>7.0644232999999996</v>
      </c>
      <c r="J5091" s="8">
        <v>-73.166460000000001</v>
      </c>
    </row>
    <row r="5092" spans="1:10" x14ac:dyDescent="0.35">
      <c r="A5092" s="5" t="s">
        <v>10</v>
      </c>
      <c r="B5092" s="6">
        <v>238811</v>
      </c>
      <c r="C5092" s="6" t="s">
        <v>16</v>
      </c>
      <c r="D5092" s="6" t="s">
        <v>1348</v>
      </c>
      <c r="E5092" s="6">
        <v>68167</v>
      </c>
      <c r="F5092" s="6" t="s">
        <v>18</v>
      </c>
      <c r="G5092" s="6" t="s">
        <v>10319</v>
      </c>
      <c r="H5092" s="6" t="s">
        <v>10320</v>
      </c>
      <c r="I5092" s="7">
        <v>6.2883117000000004</v>
      </c>
      <c r="J5092" s="8">
        <v>-73.144644299999996</v>
      </c>
    </row>
    <row r="5093" spans="1:10" x14ac:dyDescent="0.35">
      <c r="A5093" s="5" t="s">
        <v>10</v>
      </c>
      <c r="B5093" s="6">
        <v>239931</v>
      </c>
      <c r="C5093" s="6" t="s">
        <v>11</v>
      </c>
      <c r="D5093" s="6" t="s">
        <v>334</v>
      </c>
      <c r="E5093" s="6">
        <v>25754</v>
      </c>
      <c r="F5093" s="6" t="s">
        <v>18</v>
      </c>
      <c r="G5093" s="6" t="s">
        <v>10321</v>
      </c>
      <c r="H5093" s="6" t="s">
        <v>10322</v>
      </c>
      <c r="I5093" s="7">
        <v>4.5792447000000003</v>
      </c>
      <c r="J5093" s="8">
        <v>-74.2217615</v>
      </c>
    </row>
    <row r="5094" spans="1:10" x14ac:dyDescent="0.35">
      <c r="A5094" s="5" t="s">
        <v>10</v>
      </c>
      <c r="B5094" s="6">
        <v>205953</v>
      </c>
      <c r="C5094" s="6" t="s">
        <v>278</v>
      </c>
      <c r="D5094" s="6" t="s">
        <v>1331</v>
      </c>
      <c r="E5094" s="6">
        <v>50006</v>
      </c>
      <c r="F5094" s="6" t="s">
        <v>18</v>
      </c>
      <c r="G5094" s="6" t="s">
        <v>10323</v>
      </c>
      <c r="H5094" s="6" t="s">
        <v>10324</v>
      </c>
      <c r="I5094" s="7">
        <v>3.9868964999999998</v>
      </c>
      <c r="J5094" s="8">
        <v>-73.760288599999996</v>
      </c>
    </row>
    <row r="5095" spans="1:10" x14ac:dyDescent="0.35">
      <c r="A5095" s="5" t="s">
        <v>10</v>
      </c>
      <c r="B5095" s="6">
        <v>234108</v>
      </c>
      <c r="C5095" s="6" t="s">
        <v>68</v>
      </c>
      <c r="D5095" s="6" t="s">
        <v>69</v>
      </c>
      <c r="E5095" s="6">
        <v>11001</v>
      </c>
      <c r="F5095" s="6" t="s">
        <v>18</v>
      </c>
      <c r="G5095" s="6" t="s">
        <v>10325</v>
      </c>
      <c r="H5095" s="6" t="s">
        <v>10326</v>
      </c>
      <c r="I5095" s="7">
        <v>4.7323696999999996</v>
      </c>
      <c r="J5095" s="8">
        <v>-74.106029100000001</v>
      </c>
    </row>
    <row r="5096" spans="1:10" x14ac:dyDescent="0.35">
      <c r="A5096" s="5" t="s">
        <v>10</v>
      </c>
      <c r="B5096" s="6">
        <v>230504</v>
      </c>
      <c r="C5096" s="6" t="s">
        <v>68</v>
      </c>
      <c r="D5096" s="6" t="s">
        <v>69</v>
      </c>
      <c r="E5096" s="6">
        <v>11001</v>
      </c>
      <c r="F5096" s="6" t="s">
        <v>18</v>
      </c>
      <c r="G5096" s="6" t="s">
        <v>10327</v>
      </c>
      <c r="H5096" s="6" t="s">
        <v>10328</v>
      </c>
      <c r="I5096" s="7">
        <v>4.6420919999999999</v>
      </c>
      <c r="J5096" s="8">
        <v>-74.166021999999998</v>
      </c>
    </row>
    <row r="5097" spans="1:10" x14ac:dyDescent="0.35">
      <c r="A5097" s="5" t="s">
        <v>10</v>
      </c>
      <c r="B5097" s="6">
        <v>146580</v>
      </c>
      <c r="C5097" s="6" t="s">
        <v>11</v>
      </c>
      <c r="D5097" s="6" t="s">
        <v>337</v>
      </c>
      <c r="E5097" s="6">
        <v>25290</v>
      </c>
      <c r="F5097" s="6" t="s">
        <v>18</v>
      </c>
      <c r="G5097" s="6" t="s">
        <v>10329</v>
      </c>
      <c r="H5097" s="6" t="s">
        <v>10330</v>
      </c>
      <c r="I5097" s="7">
        <v>4.3456045000000003</v>
      </c>
      <c r="J5097" s="8">
        <v>-74.356281999999993</v>
      </c>
    </row>
    <row r="5098" spans="1:10" x14ac:dyDescent="0.35">
      <c r="A5098" s="5" t="s">
        <v>10</v>
      </c>
      <c r="B5098" s="6">
        <v>142255</v>
      </c>
      <c r="C5098" s="6" t="s">
        <v>11</v>
      </c>
      <c r="D5098" s="6" t="s">
        <v>106</v>
      </c>
      <c r="E5098" s="6">
        <v>25843</v>
      </c>
      <c r="F5098" s="6" t="s">
        <v>18</v>
      </c>
      <c r="G5098" s="6" t="s">
        <v>10331</v>
      </c>
      <c r="H5098" s="6" t="s">
        <v>10332</v>
      </c>
      <c r="I5098" s="7">
        <v>5.3086671999999897</v>
      </c>
      <c r="J5098" s="8">
        <v>-73.814326800000003</v>
      </c>
    </row>
    <row r="5099" spans="1:10" x14ac:dyDescent="0.35">
      <c r="A5099" s="5" t="s">
        <v>10</v>
      </c>
      <c r="B5099" s="6">
        <v>179674</v>
      </c>
      <c r="C5099" s="6" t="s">
        <v>11</v>
      </c>
      <c r="D5099" s="6" t="s">
        <v>1206</v>
      </c>
      <c r="E5099" s="6">
        <v>25875</v>
      </c>
      <c r="F5099" s="6" t="s">
        <v>18</v>
      </c>
      <c r="G5099" s="6" t="s">
        <v>10333</v>
      </c>
      <c r="H5099" s="6" t="s">
        <v>10334</v>
      </c>
      <c r="I5099" s="7">
        <v>5.0071110999999897</v>
      </c>
      <c r="J5099" s="8">
        <v>-74.474241999999904</v>
      </c>
    </row>
    <row r="5100" spans="1:10" x14ac:dyDescent="0.35">
      <c r="A5100" s="5" t="s">
        <v>10</v>
      </c>
      <c r="B5100" s="6">
        <v>212646</v>
      </c>
      <c r="C5100" s="6" t="s">
        <v>302</v>
      </c>
      <c r="D5100" s="6" t="s">
        <v>359</v>
      </c>
      <c r="E5100" s="6">
        <v>8001</v>
      </c>
      <c r="F5100" s="6" t="s">
        <v>18</v>
      </c>
      <c r="G5100" s="6" t="s">
        <v>10335</v>
      </c>
      <c r="H5100" s="6" t="s">
        <v>10336</v>
      </c>
      <c r="I5100" s="7">
        <v>10.9324554</v>
      </c>
      <c r="J5100" s="8">
        <v>-74.817185299999906</v>
      </c>
    </row>
    <row r="5101" spans="1:10" x14ac:dyDescent="0.35">
      <c r="A5101" s="5" t="s">
        <v>10</v>
      </c>
      <c r="B5101" s="6">
        <v>241548</v>
      </c>
      <c r="C5101" s="6" t="s">
        <v>4364</v>
      </c>
      <c r="D5101" s="6" t="s">
        <v>10337</v>
      </c>
      <c r="E5101" s="6">
        <v>70823</v>
      </c>
      <c r="F5101" s="6" t="s">
        <v>18</v>
      </c>
      <c r="G5101" s="6" t="s">
        <v>10338</v>
      </c>
      <c r="H5101" s="6" t="s">
        <v>10339</v>
      </c>
      <c r="I5101" s="7">
        <v>9.4528034999999999</v>
      </c>
      <c r="J5101" s="8">
        <v>-75.439000500000006</v>
      </c>
    </row>
    <row r="5102" spans="1:10" x14ac:dyDescent="0.35">
      <c r="A5102" s="5" t="s">
        <v>10</v>
      </c>
      <c r="B5102" s="6">
        <v>244348</v>
      </c>
      <c r="C5102" s="6" t="s">
        <v>2821</v>
      </c>
      <c r="D5102" s="6" t="s">
        <v>2822</v>
      </c>
      <c r="E5102" s="6">
        <v>47001</v>
      </c>
      <c r="F5102" s="6" t="s">
        <v>18</v>
      </c>
      <c r="G5102" s="6" t="s">
        <v>10340</v>
      </c>
      <c r="H5102" s="6" t="s">
        <v>10341</v>
      </c>
      <c r="I5102" s="7">
        <v>11.240304699999999</v>
      </c>
      <c r="J5102" s="8">
        <v>-74.2115644</v>
      </c>
    </row>
    <row r="5103" spans="1:10" x14ac:dyDescent="0.35">
      <c r="A5103" s="5" t="s">
        <v>10</v>
      </c>
      <c r="B5103" s="6">
        <v>244670</v>
      </c>
      <c r="C5103" s="6" t="s">
        <v>16</v>
      </c>
      <c r="D5103" s="6" t="s">
        <v>78</v>
      </c>
      <c r="E5103" s="6">
        <v>68001</v>
      </c>
      <c r="F5103" s="6" t="s">
        <v>18</v>
      </c>
      <c r="G5103" s="6" t="s">
        <v>10342</v>
      </c>
      <c r="H5103" s="6" t="s">
        <v>10343</v>
      </c>
      <c r="I5103" s="7">
        <v>7.1217993999999996</v>
      </c>
      <c r="J5103" s="8">
        <v>-73.120681300000001</v>
      </c>
    </row>
    <row r="5104" spans="1:10" x14ac:dyDescent="0.35">
      <c r="A5104" s="5" t="s">
        <v>10</v>
      </c>
      <c r="B5104" s="6">
        <v>213705</v>
      </c>
      <c r="C5104" s="6" t="s">
        <v>16</v>
      </c>
      <c r="D5104" s="6" t="s">
        <v>1266</v>
      </c>
      <c r="E5104" s="6">
        <v>68081</v>
      </c>
      <c r="F5104" s="6" t="s">
        <v>18</v>
      </c>
      <c r="G5104" s="6" t="s">
        <v>10344</v>
      </c>
      <c r="H5104" s="6" t="s">
        <v>10345</v>
      </c>
      <c r="I5104" s="7">
        <v>7.0453856999999998</v>
      </c>
      <c r="J5104" s="8">
        <v>-73.825911500000004</v>
      </c>
    </row>
    <row r="5105" spans="1:10" x14ac:dyDescent="0.35">
      <c r="A5105" s="5" t="s">
        <v>10</v>
      </c>
      <c r="B5105" s="6">
        <v>235823</v>
      </c>
      <c r="C5105" s="6" t="s">
        <v>16</v>
      </c>
      <c r="D5105" s="6" t="s">
        <v>2825</v>
      </c>
      <c r="E5105" s="6">
        <v>68276</v>
      </c>
      <c r="F5105" s="6" t="s">
        <v>18</v>
      </c>
      <c r="G5105" s="6" t="s">
        <v>10346</v>
      </c>
      <c r="H5105" s="6" t="s">
        <v>10347</v>
      </c>
      <c r="I5105" s="7">
        <v>7.0633667000000004</v>
      </c>
      <c r="J5105" s="8">
        <v>-73.090596199999993</v>
      </c>
    </row>
    <row r="5106" spans="1:10" x14ac:dyDescent="0.35">
      <c r="A5106" s="5" t="s">
        <v>10</v>
      </c>
      <c r="B5106" s="6">
        <v>225631</v>
      </c>
      <c r="C5106" s="6" t="s">
        <v>68</v>
      </c>
      <c r="D5106" s="6" t="s">
        <v>69</v>
      </c>
      <c r="E5106" s="6">
        <v>11001</v>
      </c>
      <c r="F5106" s="6" t="s">
        <v>13</v>
      </c>
      <c r="G5106" s="6" t="s">
        <v>10348</v>
      </c>
      <c r="H5106" s="6" t="s">
        <v>10349</v>
      </c>
      <c r="I5106" s="7">
        <v>4.6948204000000002</v>
      </c>
      <c r="J5106" s="8">
        <v>-74.169783699999996</v>
      </c>
    </row>
    <row r="5107" spans="1:10" x14ac:dyDescent="0.35">
      <c r="A5107" s="5" t="s">
        <v>10</v>
      </c>
      <c r="B5107" s="6">
        <v>232429</v>
      </c>
      <c r="C5107" s="6" t="s">
        <v>11</v>
      </c>
      <c r="D5107" s="6" t="s">
        <v>334</v>
      </c>
      <c r="E5107" s="6">
        <v>25754</v>
      </c>
      <c r="F5107" s="6" t="s">
        <v>13</v>
      </c>
      <c r="G5107" s="6" t="s">
        <v>10350</v>
      </c>
      <c r="H5107" s="6" t="s">
        <v>10351</v>
      </c>
      <c r="I5107" s="7">
        <v>4.5806570000000004</v>
      </c>
      <c r="J5107" s="8">
        <v>-74.2191543</v>
      </c>
    </row>
    <row r="5108" spans="1:10" x14ac:dyDescent="0.35">
      <c r="A5108" s="5" t="s">
        <v>10</v>
      </c>
      <c r="B5108" s="6">
        <v>235215</v>
      </c>
      <c r="C5108" s="6" t="s">
        <v>302</v>
      </c>
      <c r="D5108" s="6" t="s">
        <v>359</v>
      </c>
      <c r="E5108" s="6">
        <v>8001</v>
      </c>
      <c r="F5108" s="6" t="s">
        <v>18</v>
      </c>
      <c r="G5108" s="6" t="s">
        <v>10352</v>
      </c>
      <c r="H5108" s="6" t="s">
        <v>10353</v>
      </c>
      <c r="I5108" s="7">
        <v>10.933413399999999</v>
      </c>
      <c r="J5108" s="8">
        <v>-74.8300184</v>
      </c>
    </row>
    <row r="5109" spans="1:10" x14ac:dyDescent="0.35">
      <c r="A5109" s="5" t="s">
        <v>10</v>
      </c>
      <c r="B5109" s="6">
        <v>155473</v>
      </c>
      <c r="C5109" s="6" t="s">
        <v>11</v>
      </c>
      <c r="D5109" s="6" t="s">
        <v>4073</v>
      </c>
      <c r="E5109" s="6">
        <v>25740</v>
      </c>
      <c r="F5109" s="6" t="s">
        <v>18</v>
      </c>
      <c r="G5109" s="6" t="s">
        <v>10354</v>
      </c>
      <c r="H5109" s="6" t="s">
        <v>10355</v>
      </c>
      <c r="I5109" s="7">
        <v>4.5997884999999998</v>
      </c>
      <c r="J5109" s="8">
        <v>-74.077390100000002</v>
      </c>
    </row>
    <row r="5110" spans="1:10" x14ac:dyDescent="0.35">
      <c r="A5110" s="5" t="s">
        <v>10</v>
      </c>
      <c r="B5110" s="6">
        <v>241523</v>
      </c>
      <c r="C5110" s="6" t="s">
        <v>308</v>
      </c>
      <c r="D5110" s="6" t="s">
        <v>8869</v>
      </c>
      <c r="E5110" s="6">
        <v>23464</v>
      </c>
      <c r="F5110" s="6" t="s">
        <v>18</v>
      </c>
      <c r="G5110" s="6" t="s">
        <v>10356</v>
      </c>
      <c r="H5110" s="6" t="s">
        <v>10357</v>
      </c>
      <c r="I5110" s="7">
        <v>9.2378499999999999</v>
      </c>
      <c r="J5110" s="8">
        <v>-75.673249999999996</v>
      </c>
    </row>
    <row r="5111" spans="1:10" x14ac:dyDescent="0.35">
      <c r="A5111" s="5" t="s">
        <v>10</v>
      </c>
      <c r="B5111" s="6">
        <v>229126</v>
      </c>
      <c r="C5111" s="6" t="s">
        <v>16</v>
      </c>
      <c r="D5111" s="6" t="s">
        <v>2825</v>
      </c>
      <c r="E5111" s="6">
        <v>68276</v>
      </c>
      <c r="F5111" s="6" t="s">
        <v>18</v>
      </c>
      <c r="G5111" s="6" t="s">
        <v>10358</v>
      </c>
      <c r="H5111" s="6" t="s">
        <v>10359</v>
      </c>
      <c r="I5111" s="7">
        <v>7.0833157</v>
      </c>
      <c r="J5111" s="8">
        <v>-73.098546299999995</v>
      </c>
    </row>
    <row r="5112" spans="1:10" x14ac:dyDescent="0.35">
      <c r="A5112" s="5" t="s">
        <v>10</v>
      </c>
      <c r="B5112" s="6">
        <v>235801</v>
      </c>
      <c r="C5112" s="6" t="s">
        <v>68</v>
      </c>
      <c r="D5112" s="6" t="s">
        <v>69</v>
      </c>
      <c r="E5112" s="6">
        <v>11001</v>
      </c>
      <c r="F5112" s="6" t="s">
        <v>18</v>
      </c>
      <c r="G5112" s="6" t="s">
        <v>10360</v>
      </c>
      <c r="H5112" s="6" t="s">
        <v>10361</v>
      </c>
      <c r="I5112" s="7">
        <v>4.5628628000000004</v>
      </c>
      <c r="J5112" s="8">
        <v>-74.089765400000005</v>
      </c>
    </row>
    <row r="5113" spans="1:10" x14ac:dyDescent="0.35">
      <c r="A5113" s="5" t="s">
        <v>10</v>
      </c>
      <c r="B5113" s="6">
        <v>145765</v>
      </c>
      <c r="C5113" s="6" t="s">
        <v>294</v>
      </c>
      <c r="D5113" s="6" t="s">
        <v>4213</v>
      </c>
      <c r="E5113" s="6">
        <v>41791</v>
      </c>
      <c r="F5113" s="6" t="s">
        <v>18</v>
      </c>
      <c r="G5113" s="6" t="s">
        <v>10362</v>
      </c>
      <c r="H5113" s="6" t="s">
        <v>10363</v>
      </c>
      <c r="I5113" s="7">
        <v>2.1131628</v>
      </c>
      <c r="J5113" s="8">
        <v>-75.825105899999997</v>
      </c>
    </row>
    <row r="5114" spans="1:10" x14ac:dyDescent="0.35">
      <c r="A5114" s="5" t="s">
        <v>10</v>
      </c>
      <c r="B5114" s="6">
        <v>237639</v>
      </c>
      <c r="C5114" s="6" t="s">
        <v>68</v>
      </c>
      <c r="D5114" s="6" t="s">
        <v>69</v>
      </c>
      <c r="E5114" s="6">
        <v>11001</v>
      </c>
      <c r="F5114" s="6" t="s">
        <v>18</v>
      </c>
      <c r="G5114" s="6" t="s">
        <v>10364</v>
      </c>
      <c r="H5114" s="6" t="s">
        <v>10365</v>
      </c>
      <c r="I5114" s="7">
        <v>4.5133025</v>
      </c>
      <c r="J5114" s="8">
        <v>-74.120151199999995</v>
      </c>
    </row>
    <row r="5115" spans="1:10" x14ac:dyDescent="0.35">
      <c r="A5115" s="5" t="s">
        <v>10</v>
      </c>
      <c r="B5115" s="6">
        <v>230815</v>
      </c>
      <c r="C5115" s="6" t="s">
        <v>68</v>
      </c>
      <c r="D5115" s="6" t="s">
        <v>69</v>
      </c>
      <c r="E5115" s="6">
        <v>11001</v>
      </c>
      <c r="F5115" s="6" t="s">
        <v>18</v>
      </c>
      <c r="G5115" s="6" t="s">
        <v>10366</v>
      </c>
      <c r="H5115" s="6" t="s">
        <v>10367</v>
      </c>
      <c r="I5115" s="7">
        <v>4.5420067</v>
      </c>
      <c r="J5115" s="8">
        <v>-74.118181100000001</v>
      </c>
    </row>
    <row r="5116" spans="1:10" x14ac:dyDescent="0.35">
      <c r="A5116" s="5" t="s">
        <v>10</v>
      </c>
      <c r="B5116" s="6">
        <v>178301</v>
      </c>
      <c r="C5116" s="6" t="s">
        <v>38</v>
      </c>
      <c r="D5116" s="6" t="s">
        <v>9142</v>
      </c>
      <c r="E5116" s="6">
        <v>19473</v>
      </c>
      <c r="F5116" s="6" t="s">
        <v>18</v>
      </c>
      <c r="G5116" s="6" t="s">
        <v>10368</v>
      </c>
      <c r="H5116" s="6" t="s">
        <v>10369</v>
      </c>
      <c r="I5116" s="7">
        <v>2.1740499999999998</v>
      </c>
      <c r="J5116" s="8">
        <v>-76.59169</v>
      </c>
    </row>
    <row r="5117" spans="1:10" x14ac:dyDescent="0.35">
      <c r="A5117" s="5" t="s">
        <v>10</v>
      </c>
      <c r="B5117" s="6">
        <v>206917</v>
      </c>
      <c r="C5117" s="6" t="s">
        <v>16</v>
      </c>
      <c r="D5117" s="6" t="s">
        <v>78</v>
      </c>
      <c r="E5117" s="6">
        <v>68001</v>
      </c>
      <c r="F5117" s="6" t="s">
        <v>18</v>
      </c>
      <c r="G5117" s="6" t="s">
        <v>10370</v>
      </c>
      <c r="H5117" s="6" t="s">
        <v>10371</v>
      </c>
      <c r="I5117" s="7">
        <v>7.0924088999999997</v>
      </c>
      <c r="J5117" s="8">
        <v>-73.119402699999995</v>
      </c>
    </row>
    <row r="5118" spans="1:10" x14ac:dyDescent="0.35">
      <c r="A5118" s="5" t="s">
        <v>10</v>
      </c>
      <c r="B5118" s="6">
        <v>224746</v>
      </c>
      <c r="C5118" s="6" t="s">
        <v>68</v>
      </c>
      <c r="D5118" s="6" t="s">
        <v>69</v>
      </c>
      <c r="E5118" s="6">
        <v>11001</v>
      </c>
      <c r="F5118" s="6" t="s">
        <v>13</v>
      </c>
      <c r="G5118" s="6" t="s">
        <v>10372</v>
      </c>
      <c r="H5118" s="6" t="s">
        <v>10373</v>
      </c>
      <c r="I5118" s="7">
        <v>4.5823187000000001</v>
      </c>
      <c r="J5118" s="8">
        <v>-74.109322300000002</v>
      </c>
    </row>
    <row r="5119" spans="1:10" x14ac:dyDescent="0.35">
      <c r="A5119" s="5" t="s">
        <v>10</v>
      </c>
      <c r="B5119" s="6">
        <v>245143</v>
      </c>
      <c r="C5119" s="6" t="s">
        <v>11</v>
      </c>
      <c r="D5119" s="6" t="s">
        <v>334</v>
      </c>
      <c r="E5119" s="6">
        <v>25754</v>
      </c>
      <c r="F5119" s="6" t="s">
        <v>13</v>
      </c>
      <c r="G5119" s="6" t="s">
        <v>10374</v>
      </c>
      <c r="H5119" s="6" t="s">
        <v>10375</v>
      </c>
      <c r="I5119" s="7">
        <v>4.5655770999999996</v>
      </c>
      <c r="J5119" s="8">
        <v>-74.235563299999995</v>
      </c>
    </row>
    <row r="5120" spans="1:10" x14ac:dyDescent="0.35">
      <c r="A5120" s="5" t="s">
        <v>10</v>
      </c>
      <c r="B5120" s="6">
        <v>238389</v>
      </c>
      <c r="C5120" s="6" t="s">
        <v>190</v>
      </c>
      <c r="D5120" s="6" t="s">
        <v>6555</v>
      </c>
      <c r="E5120" s="6">
        <v>5308</v>
      </c>
      <c r="F5120" s="6" t="s">
        <v>18</v>
      </c>
      <c r="G5120" s="6" t="s">
        <v>10376</v>
      </c>
      <c r="H5120" s="6" t="s">
        <v>10377</v>
      </c>
      <c r="I5120" s="7">
        <v>6.3774240999999998</v>
      </c>
      <c r="J5120" s="8">
        <v>-75.445566200000002</v>
      </c>
    </row>
    <row r="5121" spans="1:10" x14ac:dyDescent="0.35">
      <c r="A5121" s="5" t="s">
        <v>10</v>
      </c>
      <c r="B5121" s="6">
        <v>231484</v>
      </c>
      <c r="C5121" s="6" t="s">
        <v>68</v>
      </c>
      <c r="D5121" s="6" t="s">
        <v>69</v>
      </c>
      <c r="E5121" s="6">
        <v>11001</v>
      </c>
      <c r="F5121" s="6" t="s">
        <v>18</v>
      </c>
      <c r="G5121" s="6" t="s">
        <v>10378</v>
      </c>
      <c r="H5121" s="6" t="s">
        <v>10379</v>
      </c>
      <c r="I5121" s="7">
        <v>4.6013219999999997</v>
      </c>
      <c r="J5121" s="8">
        <v>-74.195244000000002</v>
      </c>
    </row>
    <row r="5122" spans="1:10" x14ac:dyDescent="0.35">
      <c r="A5122" s="5" t="s">
        <v>10</v>
      </c>
      <c r="B5122" s="6">
        <v>145762</v>
      </c>
      <c r="C5122" s="6" t="s">
        <v>294</v>
      </c>
      <c r="D5122" s="6" t="s">
        <v>543</v>
      </c>
      <c r="E5122" s="6">
        <v>41396</v>
      </c>
      <c r="F5122" s="6" t="s">
        <v>18</v>
      </c>
      <c r="G5122" s="6" t="s">
        <v>10380</v>
      </c>
      <c r="H5122" s="6" t="s">
        <v>10381</v>
      </c>
      <c r="I5122" s="7">
        <v>2.3936646000000001</v>
      </c>
      <c r="J5122" s="8">
        <v>-75.883043900000004</v>
      </c>
    </row>
    <row r="5123" spans="1:10" x14ac:dyDescent="0.35">
      <c r="A5123" s="5" t="s">
        <v>10</v>
      </c>
      <c r="B5123" s="6">
        <v>236814</v>
      </c>
      <c r="C5123" s="6" t="s">
        <v>68</v>
      </c>
      <c r="D5123" s="6" t="s">
        <v>69</v>
      </c>
      <c r="E5123" s="6">
        <v>11001</v>
      </c>
      <c r="F5123" s="6" t="s">
        <v>18</v>
      </c>
      <c r="G5123" s="6" t="s">
        <v>10382</v>
      </c>
      <c r="H5123" s="6" t="s">
        <v>10383</v>
      </c>
      <c r="I5123" s="7">
        <v>4.6467517000000003</v>
      </c>
      <c r="J5123" s="8">
        <v>-74.174258499999993</v>
      </c>
    </row>
    <row r="5124" spans="1:10" x14ac:dyDescent="0.35">
      <c r="A5124" s="5" t="s">
        <v>10</v>
      </c>
      <c r="B5124" s="6">
        <v>175597</v>
      </c>
      <c r="C5124" s="6" t="s">
        <v>11</v>
      </c>
      <c r="D5124" s="6" t="s">
        <v>12</v>
      </c>
      <c r="E5124" s="6">
        <v>25899</v>
      </c>
      <c r="F5124" s="6" t="s">
        <v>18</v>
      </c>
      <c r="G5124" s="6" t="s">
        <v>10384</v>
      </c>
      <c r="H5124" s="6" t="s">
        <v>10385</v>
      </c>
      <c r="I5124" s="7">
        <v>5.0329145000000004</v>
      </c>
      <c r="J5124" s="8">
        <v>-74.004646100000002</v>
      </c>
    </row>
    <row r="5125" spans="1:10" x14ac:dyDescent="0.35">
      <c r="A5125" s="5" t="s">
        <v>10</v>
      </c>
      <c r="B5125" s="6">
        <v>208782</v>
      </c>
      <c r="C5125" s="6" t="s">
        <v>302</v>
      </c>
      <c r="D5125" s="6" t="s">
        <v>4041</v>
      </c>
      <c r="E5125" s="6">
        <v>8758</v>
      </c>
      <c r="F5125" s="6" t="s">
        <v>18</v>
      </c>
      <c r="G5125" s="6" t="s">
        <v>10386</v>
      </c>
      <c r="H5125" s="6" t="s">
        <v>10387</v>
      </c>
      <c r="I5125" s="7">
        <v>10.9409866</v>
      </c>
      <c r="J5125" s="8">
        <v>-74.794736499999999</v>
      </c>
    </row>
    <row r="5126" spans="1:10" x14ac:dyDescent="0.35">
      <c r="A5126" s="5" t="s">
        <v>10</v>
      </c>
      <c r="B5126" s="6">
        <v>242937</v>
      </c>
      <c r="C5126" s="6" t="s">
        <v>16</v>
      </c>
      <c r="D5126" s="6" t="s">
        <v>78</v>
      </c>
      <c r="E5126" s="6">
        <v>68001</v>
      </c>
      <c r="F5126" s="6" t="s">
        <v>18</v>
      </c>
      <c r="G5126" s="6" t="s">
        <v>10388</v>
      </c>
      <c r="H5126" s="6" t="s">
        <v>10389</v>
      </c>
      <c r="I5126" s="7">
        <v>7.1037191999999996</v>
      </c>
      <c r="J5126" s="8">
        <v>-73.112393299999994</v>
      </c>
    </row>
    <row r="5127" spans="1:10" x14ac:dyDescent="0.35">
      <c r="A5127" s="5" t="s">
        <v>10</v>
      </c>
      <c r="B5127" s="6">
        <v>242972</v>
      </c>
      <c r="C5127" s="6" t="s">
        <v>16</v>
      </c>
      <c r="D5127" s="6" t="s">
        <v>78</v>
      </c>
      <c r="E5127" s="6">
        <v>68001</v>
      </c>
      <c r="F5127" s="6" t="s">
        <v>18</v>
      </c>
      <c r="G5127" s="6" t="s">
        <v>10390</v>
      </c>
      <c r="H5127" s="6" t="s">
        <v>10391</v>
      </c>
      <c r="I5127" s="7">
        <v>7.1268057000000002</v>
      </c>
      <c r="J5127" s="8">
        <v>-73.121337499999996</v>
      </c>
    </row>
    <row r="5128" spans="1:10" x14ac:dyDescent="0.35">
      <c r="A5128" s="5" t="s">
        <v>10</v>
      </c>
      <c r="B5128" s="6">
        <v>220892</v>
      </c>
      <c r="C5128" s="6" t="s">
        <v>68</v>
      </c>
      <c r="D5128" s="6" t="s">
        <v>69</v>
      </c>
      <c r="E5128" s="6">
        <v>11001</v>
      </c>
      <c r="F5128" s="6" t="s">
        <v>18</v>
      </c>
      <c r="G5128" s="6" t="s">
        <v>10392</v>
      </c>
      <c r="H5128" s="6" t="s">
        <v>10393</v>
      </c>
      <c r="I5128" s="7">
        <v>4.5910139000000001</v>
      </c>
      <c r="J5128" s="8">
        <v>-74.079490300000003</v>
      </c>
    </row>
    <row r="5129" spans="1:10" x14ac:dyDescent="0.35">
      <c r="A5129" s="5" t="s">
        <v>10</v>
      </c>
      <c r="B5129" s="6">
        <v>229523</v>
      </c>
      <c r="C5129" s="6" t="s">
        <v>68</v>
      </c>
      <c r="D5129" s="6" t="s">
        <v>69</v>
      </c>
      <c r="E5129" s="6">
        <v>11001</v>
      </c>
      <c r="F5129" s="6" t="s">
        <v>18</v>
      </c>
      <c r="G5129" s="6" t="s">
        <v>10394</v>
      </c>
      <c r="H5129" s="6" t="s">
        <v>10395</v>
      </c>
      <c r="I5129" s="7">
        <v>4.5605924</v>
      </c>
      <c r="J5129" s="8">
        <v>-74.097285999999997</v>
      </c>
    </row>
    <row r="5130" spans="1:10" x14ac:dyDescent="0.35">
      <c r="A5130" s="5" t="s">
        <v>10</v>
      </c>
      <c r="B5130" s="6">
        <v>230097</v>
      </c>
      <c r="C5130" s="6" t="s">
        <v>68</v>
      </c>
      <c r="D5130" s="6" t="s">
        <v>69</v>
      </c>
      <c r="E5130" s="6">
        <v>11001</v>
      </c>
      <c r="F5130" s="6" t="s">
        <v>18</v>
      </c>
      <c r="G5130" s="6" t="s">
        <v>10396</v>
      </c>
      <c r="H5130" s="6" t="s">
        <v>10397</v>
      </c>
      <c r="I5130" s="7">
        <v>4.5267227999999999</v>
      </c>
      <c r="J5130" s="8">
        <v>-74.114997099999997</v>
      </c>
    </row>
    <row r="5131" spans="1:10" x14ac:dyDescent="0.35">
      <c r="A5131" s="5" t="s">
        <v>10</v>
      </c>
      <c r="B5131" s="6">
        <v>225558</v>
      </c>
      <c r="C5131" s="6" t="s">
        <v>294</v>
      </c>
      <c r="D5131" s="6" t="s">
        <v>703</v>
      </c>
      <c r="E5131" s="6">
        <v>41001</v>
      </c>
      <c r="F5131" s="6" t="s">
        <v>18</v>
      </c>
      <c r="G5131" s="6" t="s">
        <v>10398</v>
      </c>
      <c r="H5131" s="6" t="s">
        <v>10399</v>
      </c>
      <c r="I5131" s="7">
        <v>2.9542614</v>
      </c>
      <c r="J5131" s="8">
        <v>-75.287348299999906</v>
      </c>
    </row>
    <row r="5132" spans="1:10" x14ac:dyDescent="0.35">
      <c r="A5132" s="5" t="s">
        <v>10</v>
      </c>
      <c r="B5132" s="6">
        <v>232058</v>
      </c>
      <c r="C5132" s="6" t="s">
        <v>16</v>
      </c>
      <c r="D5132" s="6" t="s">
        <v>1401</v>
      </c>
      <c r="E5132" s="6">
        <v>68307</v>
      </c>
      <c r="F5132" s="6" t="s">
        <v>18</v>
      </c>
      <c r="G5132" s="6" t="s">
        <v>10400</v>
      </c>
      <c r="H5132" s="6" t="s">
        <v>10401</v>
      </c>
      <c r="I5132" s="7">
        <v>7.0514939999999999</v>
      </c>
      <c r="J5132" s="8">
        <v>-73.168924000000004</v>
      </c>
    </row>
    <row r="5133" spans="1:10" x14ac:dyDescent="0.35">
      <c r="A5133" s="5" t="s">
        <v>10</v>
      </c>
      <c r="B5133" s="6">
        <v>182143</v>
      </c>
      <c r="C5133" s="6" t="s">
        <v>16</v>
      </c>
      <c r="D5133" s="6" t="s">
        <v>78</v>
      </c>
      <c r="E5133" s="6">
        <v>68001</v>
      </c>
      <c r="F5133" s="6" t="s">
        <v>18</v>
      </c>
      <c r="G5133" s="6" t="s">
        <v>10402</v>
      </c>
      <c r="H5133" s="6" t="s">
        <v>10403</v>
      </c>
      <c r="I5133" s="7">
        <v>7.1218623999999897</v>
      </c>
      <c r="J5133" s="8">
        <v>-73.135202499999906</v>
      </c>
    </row>
    <row r="5134" spans="1:10" x14ac:dyDescent="0.35">
      <c r="A5134" s="5" t="s">
        <v>10</v>
      </c>
      <c r="B5134" s="6">
        <v>248279</v>
      </c>
      <c r="C5134" s="6" t="s">
        <v>16</v>
      </c>
      <c r="D5134" s="6" t="s">
        <v>510</v>
      </c>
      <c r="E5134" s="6">
        <v>68547</v>
      </c>
      <c r="F5134" s="6" t="s">
        <v>18</v>
      </c>
      <c r="G5134" s="6" t="s">
        <v>10404</v>
      </c>
      <c r="H5134" s="6" t="s">
        <v>10405</v>
      </c>
      <c r="I5134" s="7">
        <v>6.9915390000000004</v>
      </c>
      <c r="J5134" s="8">
        <v>-73.053998000000007</v>
      </c>
    </row>
    <row r="5135" spans="1:10" x14ac:dyDescent="0.35">
      <c r="A5135" s="5" t="s">
        <v>10</v>
      </c>
      <c r="B5135" s="6">
        <v>217098</v>
      </c>
      <c r="C5135" s="6" t="s">
        <v>68</v>
      </c>
      <c r="D5135" s="6" t="s">
        <v>69</v>
      </c>
      <c r="E5135" s="6">
        <v>11001</v>
      </c>
      <c r="F5135" s="6" t="s">
        <v>13</v>
      </c>
      <c r="G5135" s="6" t="s">
        <v>10406</v>
      </c>
      <c r="H5135" s="6" t="s">
        <v>10407</v>
      </c>
      <c r="I5135" s="7">
        <v>4.6257074999999999</v>
      </c>
      <c r="J5135" s="8">
        <v>-74.206697500000004</v>
      </c>
    </row>
    <row r="5136" spans="1:10" x14ac:dyDescent="0.35">
      <c r="A5136" s="5" t="s">
        <v>10</v>
      </c>
      <c r="B5136" s="6">
        <v>234484</v>
      </c>
      <c r="C5136" s="6" t="s">
        <v>68</v>
      </c>
      <c r="D5136" s="6" t="s">
        <v>69</v>
      </c>
      <c r="E5136" s="6">
        <v>11001</v>
      </c>
      <c r="F5136" s="6" t="s">
        <v>13</v>
      </c>
      <c r="G5136" s="6" t="s">
        <v>10408</v>
      </c>
      <c r="H5136" s="6" t="s">
        <v>10409</v>
      </c>
      <c r="I5136" s="7">
        <v>4.6439288000000003</v>
      </c>
      <c r="J5136" s="8">
        <v>-74.148569199999997</v>
      </c>
    </row>
    <row r="5137" spans="1:10" x14ac:dyDescent="0.35">
      <c r="A5137" s="5" t="s">
        <v>10</v>
      </c>
      <c r="B5137" s="6">
        <v>230436</v>
      </c>
      <c r="C5137" s="6" t="s">
        <v>68</v>
      </c>
      <c r="D5137" s="6" t="s">
        <v>69</v>
      </c>
      <c r="E5137" s="6">
        <v>11001</v>
      </c>
      <c r="F5137" s="6" t="s">
        <v>18</v>
      </c>
      <c r="G5137" s="6" t="s">
        <v>10410</v>
      </c>
      <c r="H5137" s="6" t="s">
        <v>10411</v>
      </c>
      <c r="I5137" s="7">
        <v>4.5613459000000001</v>
      </c>
      <c r="J5137" s="8">
        <v>-74.152098600000002</v>
      </c>
    </row>
    <row r="5138" spans="1:10" x14ac:dyDescent="0.35">
      <c r="A5138" s="5" t="s">
        <v>10</v>
      </c>
      <c r="B5138" s="6">
        <v>234293</v>
      </c>
      <c r="C5138" s="6" t="s">
        <v>278</v>
      </c>
      <c r="D5138" s="6" t="s">
        <v>1331</v>
      </c>
      <c r="E5138" s="6">
        <v>50006</v>
      </c>
      <c r="F5138" s="6" t="s">
        <v>18</v>
      </c>
      <c r="G5138" s="6" t="s">
        <v>10412</v>
      </c>
      <c r="H5138" s="6" t="s">
        <v>10413</v>
      </c>
      <c r="I5138" s="7">
        <v>3.9868712999999998</v>
      </c>
      <c r="J5138" s="8">
        <v>-73.761909700000004</v>
      </c>
    </row>
    <row r="5139" spans="1:10" x14ac:dyDescent="0.35">
      <c r="A5139" s="5" t="s">
        <v>10</v>
      </c>
      <c r="B5139" s="6">
        <v>248260</v>
      </c>
      <c r="C5139" s="6" t="s">
        <v>68</v>
      </c>
      <c r="D5139" s="6" t="s">
        <v>69</v>
      </c>
      <c r="E5139" s="6">
        <v>11001</v>
      </c>
      <c r="F5139" s="6" t="s">
        <v>18</v>
      </c>
      <c r="G5139" s="6" t="s">
        <v>10414</v>
      </c>
      <c r="H5139" s="6" t="s">
        <v>10415</v>
      </c>
      <c r="I5139" s="7">
        <v>4.505884</v>
      </c>
      <c r="J5139" s="8">
        <v>-74.100924000000006</v>
      </c>
    </row>
    <row r="5140" spans="1:10" x14ac:dyDescent="0.35">
      <c r="A5140" s="5" t="s">
        <v>10</v>
      </c>
      <c r="B5140" s="6">
        <v>224498</v>
      </c>
      <c r="C5140" s="6" t="s">
        <v>68</v>
      </c>
      <c r="D5140" s="6" t="s">
        <v>69</v>
      </c>
      <c r="E5140" s="6">
        <v>11001</v>
      </c>
      <c r="F5140" s="6" t="s">
        <v>18</v>
      </c>
      <c r="G5140" s="6" t="s">
        <v>10416</v>
      </c>
      <c r="H5140" s="6" t="s">
        <v>10417</v>
      </c>
      <c r="I5140" s="7">
        <v>4.6883214000000004</v>
      </c>
      <c r="J5140" s="8">
        <v>-74.045503499999995</v>
      </c>
    </row>
    <row r="5141" spans="1:10" x14ac:dyDescent="0.35">
      <c r="A5141" s="5" t="s">
        <v>10</v>
      </c>
      <c r="B5141" s="6">
        <v>242883</v>
      </c>
      <c r="C5141" s="6" t="s">
        <v>16</v>
      </c>
      <c r="D5141" s="6" t="s">
        <v>78</v>
      </c>
      <c r="E5141" s="6">
        <v>68001</v>
      </c>
      <c r="F5141" s="6" t="s">
        <v>18</v>
      </c>
      <c r="G5141" s="6" t="s">
        <v>10418</v>
      </c>
      <c r="H5141" s="6" t="s">
        <v>10419</v>
      </c>
      <c r="I5141" s="7">
        <v>7.1297151999999997</v>
      </c>
      <c r="J5141" s="8">
        <v>-73.124180600000003</v>
      </c>
    </row>
    <row r="5142" spans="1:10" x14ac:dyDescent="0.35">
      <c r="A5142" s="5" t="s">
        <v>10</v>
      </c>
      <c r="B5142" s="6">
        <v>142438</v>
      </c>
      <c r="C5142" s="6" t="s">
        <v>16</v>
      </c>
      <c r="D5142" s="6" t="s">
        <v>7769</v>
      </c>
      <c r="E5142" s="6">
        <v>68689</v>
      </c>
      <c r="F5142" s="6" t="s">
        <v>18</v>
      </c>
      <c r="G5142" s="6" t="s">
        <v>10420</v>
      </c>
      <c r="H5142" s="6" t="s">
        <v>10421</v>
      </c>
      <c r="I5142" s="7">
        <v>6.883229</v>
      </c>
      <c r="J5142" s="8">
        <v>-73.414761400000003</v>
      </c>
    </row>
    <row r="5143" spans="1:10" x14ac:dyDescent="0.35">
      <c r="A5143" s="5" t="s">
        <v>10</v>
      </c>
      <c r="B5143" s="6">
        <v>175468</v>
      </c>
      <c r="C5143" s="6" t="s">
        <v>3788</v>
      </c>
      <c r="D5143" s="6" t="s">
        <v>3974</v>
      </c>
      <c r="E5143" s="6">
        <v>18001</v>
      </c>
      <c r="F5143" s="6" t="s">
        <v>18</v>
      </c>
      <c r="G5143" s="6" t="s">
        <v>10422</v>
      </c>
      <c r="H5143" s="6" t="s">
        <v>10423</v>
      </c>
      <c r="I5143" s="7">
        <v>1.6037600000000001</v>
      </c>
      <c r="J5143" s="8">
        <v>-75.577984000000001</v>
      </c>
    </row>
    <row r="5144" spans="1:10" x14ac:dyDescent="0.35">
      <c r="A5144" s="5" t="s">
        <v>10</v>
      </c>
      <c r="B5144" s="6">
        <v>232544</v>
      </c>
      <c r="C5144" s="6" t="s">
        <v>68</v>
      </c>
      <c r="D5144" s="6" t="s">
        <v>69</v>
      </c>
      <c r="E5144" s="6">
        <v>11001</v>
      </c>
      <c r="F5144" s="6" t="s">
        <v>13</v>
      </c>
      <c r="G5144" s="6" t="s">
        <v>10424</v>
      </c>
      <c r="H5144" s="6" t="s">
        <v>10425</v>
      </c>
      <c r="I5144" s="7">
        <v>4.5836787000000001</v>
      </c>
      <c r="J5144" s="8">
        <v>-74.138249799999997</v>
      </c>
    </row>
    <row r="5145" spans="1:10" x14ac:dyDescent="0.35">
      <c r="A5145" s="5" t="s">
        <v>10</v>
      </c>
      <c r="B5145" s="6">
        <v>162780</v>
      </c>
      <c r="C5145" s="6" t="s">
        <v>16</v>
      </c>
      <c r="D5145" s="6" t="s">
        <v>78</v>
      </c>
      <c r="E5145" s="6">
        <v>68001</v>
      </c>
      <c r="F5145" s="6" t="s">
        <v>18</v>
      </c>
      <c r="G5145" s="6" t="s">
        <v>10426</v>
      </c>
      <c r="H5145" s="6" t="s">
        <v>10427</v>
      </c>
      <c r="I5145" s="7">
        <v>7.1042361999999999</v>
      </c>
      <c r="J5145" s="8">
        <v>-73.110153299999993</v>
      </c>
    </row>
    <row r="5146" spans="1:10" x14ac:dyDescent="0.35">
      <c r="A5146" s="5" t="s">
        <v>10</v>
      </c>
      <c r="B5146" s="6">
        <v>126509</v>
      </c>
      <c r="C5146" s="6" t="s">
        <v>11</v>
      </c>
      <c r="D5146" s="6" t="s">
        <v>10428</v>
      </c>
      <c r="E5146" s="6">
        <v>25426</v>
      </c>
      <c r="F5146" s="6" t="s">
        <v>18</v>
      </c>
      <c r="G5146" s="6" t="s">
        <v>10429</v>
      </c>
      <c r="H5146" s="6" t="s">
        <v>10430</v>
      </c>
      <c r="I5146" s="7">
        <v>5.0804039000000003</v>
      </c>
      <c r="J5146" s="8">
        <v>-73.6067994</v>
      </c>
    </row>
    <row r="5147" spans="1:10" x14ac:dyDescent="0.35">
      <c r="A5147" s="5" t="s">
        <v>10</v>
      </c>
      <c r="B5147" s="6">
        <v>204917</v>
      </c>
      <c r="C5147" s="6" t="s">
        <v>302</v>
      </c>
      <c r="D5147" s="6" t="s">
        <v>359</v>
      </c>
      <c r="E5147" s="6">
        <v>8001</v>
      </c>
      <c r="F5147" s="6" t="s">
        <v>18</v>
      </c>
      <c r="G5147" s="6" t="s">
        <v>10431</v>
      </c>
      <c r="H5147" s="6" t="s">
        <v>10432</v>
      </c>
      <c r="I5147" s="7">
        <v>10.934533399999999</v>
      </c>
      <c r="J5147" s="8">
        <v>-74.815562700000001</v>
      </c>
    </row>
    <row r="5148" spans="1:10" x14ac:dyDescent="0.35">
      <c r="A5148" s="5" t="s">
        <v>10</v>
      </c>
      <c r="B5148" s="6">
        <v>244668</v>
      </c>
      <c r="C5148" s="6" t="s">
        <v>366</v>
      </c>
      <c r="D5148" s="6" t="s">
        <v>8296</v>
      </c>
      <c r="E5148" s="6">
        <v>44001</v>
      </c>
      <c r="F5148" s="6" t="s">
        <v>18</v>
      </c>
      <c r="G5148" s="6" t="s">
        <v>10433</v>
      </c>
      <c r="H5148" s="6" t="s">
        <v>10434</v>
      </c>
      <c r="I5148" s="7">
        <v>11.5434655</v>
      </c>
      <c r="J5148" s="8">
        <v>-72.920635700000005</v>
      </c>
    </row>
    <row r="5149" spans="1:10" x14ac:dyDescent="0.35">
      <c r="A5149" s="5" t="s">
        <v>10</v>
      </c>
      <c r="B5149" s="6">
        <v>231573</v>
      </c>
      <c r="C5149" s="6" t="s">
        <v>16</v>
      </c>
      <c r="D5149" s="6" t="s">
        <v>1266</v>
      </c>
      <c r="E5149" s="6">
        <v>68081</v>
      </c>
      <c r="F5149" s="6" t="s">
        <v>18</v>
      </c>
      <c r="G5149" s="6" t="s">
        <v>10435</v>
      </c>
      <c r="H5149" s="6" t="s">
        <v>10436</v>
      </c>
      <c r="I5149" s="7">
        <v>7.0623905999999996</v>
      </c>
      <c r="J5149" s="8">
        <v>-73.845960500000004</v>
      </c>
    </row>
    <row r="5150" spans="1:10" x14ac:dyDescent="0.35">
      <c r="A5150" s="5" t="s">
        <v>10</v>
      </c>
      <c r="B5150" s="6">
        <v>240000</v>
      </c>
      <c r="C5150" s="6" t="s">
        <v>61</v>
      </c>
      <c r="D5150" s="6" t="s">
        <v>62</v>
      </c>
      <c r="E5150" s="6">
        <v>63001</v>
      </c>
      <c r="F5150" s="6" t="s">
        <v>18</v>
      </c>
      <c r="G5150" s="6" t="s">
        <v>10437</v>
      </c>
      <c r="H5150" s="6" t="s">
        <v>10438</v>
      </c>
      <c r="I5150" s="7">
        <v>4.5201916000000004</v>
      </c>
      <c r="J5150" s="8">
        <v>-75.700050200000007</v>
      </c>
    </row>
    <row r="5151" spans="1:10" x14ac:dyDescent="0.35">
      <c r="A5151" s="5" t="s">
        <v>10</v>
      </c>
      <c r="B5151" s="6">
        <v>228000</v>
      </c>
      <c r="C5151" s="6" t="s">
        <v>68</v>
      </c>
      <c r="D5151" s="6" t="s">
        <v>69</v>
      </c>
      <c r="E5151" s="6">
        <v>11001</v>
      </c>
      <c r="F5151" s="6" t="s">
        <v>18</v>
      </c>
      <c r="G5151" s="6" t="s">
        <v>10439</v>
      </c>
      <c r="H5151" s="6" t="s">
        <v>10440</v>
      </c>
      <c r="I5151" s="7">
        <v>4.5579670999999999</v>
      </c>
      <c r="J5151" s="8">
        <v>-74.148910200000003</v>
      </c>
    </row>
    <row r="5152" spans="1:10" x14ac:dyDescent="0.35">
      <c r="A5152" s="5" t="s">
        <v>10</v>
      </c>
      <c r="B5152" s="6">
        <v>234246</v>
      </c>
      <c r="C5152" s="6" t="s">
        <v>68</v>
      </c>
      <c r="D5152" s="6" t="s">
        <v>69</v>
      </c>
      <c r="E5152" s="6">
        <v>11001</v>
      </c>
      <c r="F5152" s="6" t="s">
        <v>18</v>
      </c>
      <c r="G5152" s="6" t="s">
        <v>10441</v>
      </c>
      <c r="H5152" s="6" t="s">
        <v>10442</v>
      </c>
      <c r="I5152" s="7">
        <v>4.5713375000000003</v>
      </c>
      <c r="J5152" s="8">
        <v>-74.095147299999994</v>
      </c>
    </row>
    <row r="5153" spans="1:10" x14ac:dyDescent="0.35">
      <c r="A5153" s="5" t="s">
        <v>10</v>
      </c>
      <c r="B5153" s="6">
        <v>247796</v>
      </c>
      <c r="C5153" s="6" t="s">
        <v>68</v>
      </c>
      <c r="D5153" s="6" t="s">
        <v>69</v>
      </c>
      <c r="E5153" s="6">
        <v>11001</v>
      </c>
      <c r="F5153" s="6" t="s">
        <v>18</v>
      </c>
      <c r="G5153" s="6" t="s">
        <v>10443</v>
      </c>
      <c r="H5153" s="6" t="s">
        <v>10444</v>
      </c>
      <c r="I5153" s="7">
        <v>4.56792</v>
      </c>
      <c r="J5153" s="8">
        <v>-74.086219999999997</v>
      </c>
    </row>
    <row r="5154" spans="1:10" x14ac:dyDescent="0.35">
      <c r="A5154" s="5" t="s">
        <v>10</v>
      </c>
      <c r="B5154" s="6">
        <v>224392</v>
      </c>
      <c r="C5154" s="6" t="s">
        <v>294</v>
      </c>
      <c r="D5154" s="6" t="s">
        <v>703</v>
      </c>
      <c r="E5154" s="6">
        <v>41001</v>
      </c>
      <c r="F5154" s="6" t="s">
        <v>18</v>
      </c>
      <c r="G5154" s="6" t="s">
        <v>10445</v>
      </c>
      <c r="H5154" s="6" t="s">
        <v>10446</v>
      </c>
      <c r="I5154" s="7">
        <v>2.9407359999999998</v>
      </c>
      <c r="J5154" s="8">
        <v>-75.249559300000001</v>
      </c>
    </row>
    <row r="5155" spans="1:10" x14ac:dyDescent="0.35">
      <c r="A5155" s="5" t="s">
        <v>10</v>
      </c>
      <c r="B5155" s="6">
        <v>210896</v>
      </c>
      <c r="C5155" s="6" t="s">
        <v>68</v>
      </c>
      <c r="D5155" s="6" t="s">
        <v>69</v>
      </c>
      <c r="E5155" s="6">
        <v>11001</v>
      </c>
      <c r="F5155" s="6" t="s">
        <v>18</v>
      </c>
      <c r="G5155" s="6" t="s">
        <v>10447</v>
      </c>
      <c r="H5155" s="6" t="s">
        <v>10448</v>
      </c>
      <c r="I5155" s="7">
        <v>4.5119213</v>
      </c>
      <c r="J5155" s="8">
        <v>-74.116267800000003</v>
      </c>
    </row>
    <row r="5156" spans="1:10" x14ac:dyDescent="0.35">
      <c r="A5156" s="5" t="s">
        <v>10</v>
      </c>
      <c r="B5156" s="6">
        <v>204674</v>
      </c>
      <c r="C5156" s="6" t="s">
        <v>11</v>
      </c>
      <c r="D5156" s="6" t="s">
        <v>334</v>
      </c>
      <c r="E5156" s="6">
        <v>25754</v>
      </c>
      <c r="F5156" s="6" t="s">
        <v>18</v>
      </c>
      <c r="G5156" s="6" t="s">
        <v>10449</v>
      </c>
      <c r="H5156" s="6" t="s">
        <v>10450</v>
      </c>
      <c r="I5156" s="7">
        <v>4.6076765000000002</v>
      </c>
      <c r="J5156" s="8">
        <v>-74.220867299999995</v>
      </c>
    </row>
    <row r="5157" spans="1:10" x14ac:dyDescent="0.35">
      <c r="A5157" s="5" t="s">
        <v>10</v>
      </c>
      <c r="B5157" s="6">
        <v>206068</v>
      </c>
      <c r="C5157" s="6" t="s">
        <v>302</v>
      </c>
      <c r="D5157" s="6" t="s">
        <v>4041</v>
      </c>
      <c r="E5157" s="6">
        <v>8758</v>
      </c>
      <c r="F5157" s="6" t="s">
        <v>18</v>
      </c>
      <c r="G5157" s="6" t="s">
        <v>10451</v>
      </c>
      <c r="H5157" s="6" t="s">
        <v>10452</v>
      </c>
      <c r="I5157" s="7">
        <v>10.9157454</v>
      </c>
      <c r="J5157" s="8">
        <v>-74.778522199999998</v>
      </c>
    </row>
    <row r="5158" spans="1:10" x14ac:dyDescent="0.35">
      <c r="A5158" s="5" t="s">
        <v>10</v>
      </c>
      <c r="B5158" s="6">
        <v>229348</v>
      </c>
      <c r="C5158" s="6" t="s">
        <v>308</v>
      </c>
      <c r="D5158" s="6" t="s">
        <v>10453</v>
      </c>
      <c r="E5158" s="6">
        <v>23807</v>
      </c>
      <c r="F5158" s="6" t="s">
        <v>18</v>
      </c>
      <c r="G5158" s="6" t="s">
        <v>10454</v>
      </c>
      <c r="H5158" s="6" t="s">
        <v>10455</v>
      </c>
      <c r="I5158" s="7">
        <v>8.1663841000000001</v>
      </c>
      <c r="J5158" s="8">
        <v>-76.048925600000004</v>
      </c>
    </row>
    <row r="5159" spans="1:10" x14ac:dyDescent="0.35">
      <c r="A5159" s="5" t="s">
        <v>10</v>
      </c>
      <c r="B5159" s="6">
        <v>229853</v>
      </c>
      <c r="C5159" s="6" t="s">
        <v>2821</v>
      </c>
      <c r="D5159" s="6" t="s">
        <v>2822</v>
      </c>
      <c r="E5159" s="6">
        <v>47001</v>
      </c>
      <c r="F5159" s="6" t="s">
        <v>18</v>
      </c>
      <c r="G5159" s="6" t="s">
        <v>10456</v>
      </c>
      <c r="H5159" s="6" t="s">
        <v>10457</v>
      </c>
      <c r="I5159" s="7">
        <v>11.237965900000001</v>
      </c>
      <c r="J5159" s="8">
        <v>-74.201496700000007</v>
      </c>
    </row>
    <row r="5160" spans="1:10" x14ac:dyDescent="0.35">
      <c r="A5160" s="5" t="s">
        <v>10</v>
      </c>
      <c r="B5160" s="6">
        <v>210609</v>
      </c>
      <c r="C5160" s="6" t="s">
        <v>16</v>
      </c>
      <c r="D5160" s="6" t="s">
        <v>510</v>
      </c>
      <c r="E5160" s="6">
        <v>68547</v>
      </c>
      <c r="F5160" s="6" t="s">
        <v>18</v>
      </c>
      <c r="G5160" s="6" t="s">
        <v>10458</v>
      </c>
      <c r="H5160" s="6" t="s">
        <v>10459</v>
      </c>
      <c r="I5160" s="7">
        <v>6.9880779999999998</v>
      </c>
      <c r="J5160" s="8">
        <v>-73.055866199999997</v>
      </c>
    </row>
    <row r="5161" spans="1:10" x14ac:dyDescent="0.35">
      <c r="A5161" s="5" t="s">
        <v>10</v>
      </c>
      <c r="B5161" s="6">
        <v>237434</v>
      </c>
      <c r="C5161" s="6" t="s">
        <v>11</v>
      </c>
      <c r="D5161" s="6" t="s">
        <v>337</v>
      </c>
      <c r="E5161" s="6">
        <v>25290</v>
      </c>
      <c r="F5161" s="6" t="s">
        <v>18</v>
      </c>
      <c r="G5161" s="6" t="s">
        <v>10460</v>
      </c>
      <c r="H5161" s="6" t="s">
        <v>10461</v>
      </c>
      <c r="I5161" s="7">
        <v>4.3231146999999996</v>
      </c>
      <c r="J5161" s="8">
        <v>-74.364913900000005</v>
      </c>
    </row>
    <row r="5162" spans="1:10" x14ac:dyDescent="0.35">
      <c r="A5162" s="5" t="s">
        <v>10</v>
      </c>
      <c r="B5162" s="6">
        <v>235796</v>
      </c>
      <c r="C5162" s="6" t="s">
        <v>68</v>
      </c>
      <c r="D5162" s="6" t="s">
        <v>69</v>
      </c>
      <c r="E5162" s="6">
        <v>11001</v>
      </c>
      <c r="F5162" s="6" t="s">
        <v>18</v>
      </c>
      <c r="G5162" s="6" t="s">
        <v>10462</v>
      </c>
      <c r="H5162" s="6" t="s">
        <v>10463</v>
      </c>
      <c r="I5162" s="7">
        <v>4.5970528000000002</v>
      </c>
      <c r="J5162" s="8">
        <v>-74.142391799999999</v>
      </c>
    </row>
    <row r="5163" spans="1:10" x14ac:dyDescent="0.35">
      <c r="A5163" s="5" t="s">
        <v>10</v>
      </c>
      <c r="B5163" s="6">
        <v>229455</v>
      </c>
      <c r="C5163" s="6" t="s">
        <v>117</v>
      </c>
      <c r="D5163" s="6" t="s">
        <v>7836</v>
      </c>
      <c r="E5163" s="6">
        <v>76670</v>
      </c>
      <c r="F5163" s="6" t="s">
        <v>18</v>
      </c>
      <c r="G5163" s="6" t="s">
        <v>10464</v>
      </c>
      <c r="H5163" s="6" t="s">
        <v>10465</v>
      </c>
      <c r="I5163" s="7">
        <v>3.4480108999999999</v>
      </c>
      <c r="J5163" s="8">
        <v>-76.537015600000004</v>
      </c>
    </row>
    <row r="5164" spans="1:10" x14ac:dyDescent="0.35">
      <c r="A5164" s="5" t="s">
        <v>10</v>
      </c>
      <c r="B5164" s="6">
        <v>231231</v>
      </c>
      <c r="C5164" s="6" t="s">
        <v>294</v>
      </c>
      <c r="D5164" s="6" t="s">
        <v>703</v>
      </c>
      <c r="E5164" s="6">
        <v>41001</v>
      </c>
      <c r="F5164" s="6" t="s">
        <v>18</v>
      </c>
      <c r="G5164" s="6" t="s">
        <v>10466</v>
      </c>
      <c r="H5164" s="6" t="s">
        <v>10467</v>
      </c>
      <c r="I5164" s="7">
        <v>2.9344839999999999</v>
      </c>
      <c r="J5164" s="8">
        <v>-75.280900000000003</v>
      </c>
    </row>
    <row r="5165" spans="1:10" x14ac:dyDescent="0.35">
      <c r="A5165" s="5" t="s">
        <v>10</v>
      </c>
      <c r="B5165" s="6">
        <v>179794</v>
      </c>
      <c r="C5165" s="6" t="s">
        <v>294</v>
      </c>
      <c r="D5165" s="6" t="s">
        <v>4257</v>
      </c>
      <c r="E5165" s="6">
        <v>41524</v>
      </c>
      <c r="F5165" s="6" t="s">
        <v>18</v>
      </c>
      <c r="G5165" s="6" t="s">
        <v>10468</v>
      </c>
      <c r="H5165" s="6" t="s">
        <v>845</v>
      </c>
      <c r="I5165" s="7">
        <v>2.8876667</v>
      </c>
      <c r="J5165" s="8">
        <v>-75.434651599999995</v>
      </c>
    </row>
    <row r="5166" spans="1:10" x14ac:dyDescent="0.35">
      <c r="A5166" s="5" t="s">
        <v>10</v>
      </c>
      <c r="B5166" s="6">
        <v>207050</v>
      </c>
      <c r="C5166" s="6" t="s">
        <v>16</v>
      </c>
      <c r="D5166" s="6" t="s">
        <v>78</v>
      </c>
      <c r="E5166" s="6">
        <v>68001</v>
      </c>
      <c r="F5166" s="6" t="s">
        <v>18</v>
      </c>
      <c r="G5166" s="6" t="s">
        <v>10469</v>
      </c>
      <c r="H5166" s="6" t="s">
        <v>10470</v>
      </c>
      <c r="I5166" s="7">
        <v>7.1296928999999896</v>
      </c>
      <c r="J5166" s="8">
        <v>-73.106265499999907</v>
      </c>
    </row>
    <row r="5167" spans="1:10" x14ac:dyDescent="0.35">
      <c r="A5167" s="5" t="s">
        <v>10</v>
      </c>
      <c r="B5167" s="6">
        <v>244511</v>
      </c>
      <c r="C5167" s="6" t="s">
        <v>61</v>
      </c>
      <c r="D5167" s="6" t="s">
        <v>62</v>
      </c>
      <c r="E5167" s="6">
        <v>63001</v>
      </c>
      <c r="F5167" s="6" t="s">
        <v>18</v>
      </c>
      <c r="G5167" s="6" t="s">
        <v>10471</v>
      </c>
      <c r="H5167" s="6" t="s">
        <v>10472</v>
      </c>
      <c r="I5167" s="7">
        <v>4.6137535999999999</v>
      </c>
      <c r="J5167" s="8">
        <v>-74.115768000000003</v>
      </c>
    </row>
    <row r="5168" spans="1:10" x14ac:dyDescent="0.35">
      <c r="A5168" s="5" t="s">
        <v>10</v>
      </c>
      <c r="B5168" s="6">
        <v>217411</v>
      </c>
      <c r="C5168" s="6" t="s">
        <v>294</v>
      </c>
      <c r="D5168" s="6" t="s">
        <v>4555</v>
      </c>
      <c r="E5168" s="6">
        <v>41016</v>
      </c>
      <c r="F5168" s="6" t="s">
        <v>13</v>
      </c>
      <c r="G5168" s="6" t="s">
        <v>10473</v>
      </c>
      <c r="H5168" s="6" t="s">
        <v>9565</v>
      </c>
      <c r="I5168" s="7">
        <v>3.2193295000000002</v>
      </c>
      <c r="J5168" s="8">
        <v>-75.236878200000007</v>
      </c>
    </row>
    <row r="5169" spans="1:10" x14ac:dyDescent="0.35">
      <c r="A5169" s="5" t="s">
        <v>10</v>
      </c>
      <c r="B5169" s="6">
        <v>218712</v>
      </c>
      <c r="C5169" s="6" t="s">
        <v>68</v>
      </c>
      <c r="D5169" s="6" t="s">
        <v>69</v>
      </c>
      <c r="E5169" s="6">
        <v>11001</v>
      </c>
      <c r="F5169" s="6" t="s">
        <v>18</v>
      </c>
      <c r="G5169" s="6" t="s">
        <v>10474</v>
      </c>
      <c r="H5169" s="6" t="s">
        <v>10475</v>
      </c>
      <c r="I5169" s="7">
        <v>4.5859323999999999</v>
      </c>
      <c r="J5169" s="8">
        <v>-74.167849599999997</v>
      </c>
    </row>
    <row r="5170" spans="1:10" x14ac:dyDescent="0.35">
      <c r="A5170" s="5" t="s">
        <v>10</v>
      </c>
      <c r="B5170" s="6">
        <v>235989</v>
      </c>
      <c r="C5170" s="6" t="s">
        <v>11</v>
      </c>
      <c r="D5170" s="6" t="s">
        <v>337</v>
      </c>
      <c r="E5170" s="6">
        <v>25290</v>
      </c>
      <c r="F5170" s="6" t="s">
        <v>18</v>
      </c>
      <c r="G5170" s="6" t="s">
        <v>10476</v>
      </c>
      <c r="H5170" s="6" t="s">
        <v>10477</v>
      </c>
      <c r="I5170" s="7">
        <v>4.3346207000000003</v>
      </c>
      <c r="J5170" s="8">
        <v>-74.368283199999993</v>
      </c>
    </row>
    <row r="5171" spans="1:10" x14ac:dyDescent="0.35">
      <c r="A5171" s="5" t="s">
        <v>10</v>
      </c>
      <c r="B5171" s="6">
        <v>237726</v>
      </c>
      <c r="C5171" s="6" t="s">
        <v>68</v>
      </c>
      <c r="D5171" s="6" t="s">
        <v>69</v>
      </c>
      <c r="E5171" s="6">
        <v>11001</v>
      </c>
      <c r="F5171" s="6" t="s">
        <v>18</v>
      </c>
      <c r="G5171" s="6" t="s">
        <v>10478</v>
      </c>
      <c r="H5171" s="6" t="s">
        <v>10479</v>
      </c>
      <c r="I5171" s="7">
        <v>4.7409564</v>
      </c>
      <c r="J5171" s="8">
        <v>-74.087287700000005</v>
      </c>
    </row>
    <row r="5172" spans="1:10" x14ac:dyDescent="0.35">
      <c r="A5172" s="5" t="s">
        <v>10</v>
      </c>
      <c r="B5172" s="6">
        <v>247645</v>
      </c>
      <c r="C5172" s="6" t="s">
        <v>68</v>
      </c>
      <c r="D5172" s="6" t="s">
        <v>69</v>
      </c>
      <c r="E5172" s="6">
        <v>11001</v>
      </c>
      <c r="F5172" s="6" t="s">
        <v>18</v>
      </c>
      <c r="G5172" s="6" t="s">
        <v>10480</v>
      </c>
      <c r="H5172" s="6" t="s">
        <v>10481</v>
      </c>
      <c r="I5172" s="7">
        <v>4.7211819999999998</v>
      </c>
      <c r="J5172" s="8">
        <v>-74.0879999</v>
      </c>
    </row>
    <row r="5173" spans="1:10" x14ac:dyDescent="0.35">
      <c r="A5173" s="5" t="s">
        <v>10</v>
      </c>
      <c r="B5173" s="6">
        <v>159090</v>
      </c>
      <c r="C5173" s="6" t="s">
        <v>11</v>
      </c>
      <c r="D5173" s="6" t="s">
        <v>507</v>
      </c>
      <c r="E5173" s="6">
        <v>25845</v>
      </c>
      <c r="F5173" s="6" t="s">
        <v>18</v>
      </c>
      <c r="G5173" s="6" t="s">
        <v>10482</v>
      </c>
      <c r="H5173" s="6" t="s">
        <v>10483</v>
      </c>
      <c r="I5173" s="7">
        <v>4.4025850000000002</v>
      </c>
      <c r="J5173" s="8">
        <v>-74.025384000000003</v>
      </c>
    </row>
    <row r="5174" spans="1:10" x14ac:dyDescent="0.35">
      <c r="A5174" s="5" t="s">
        <v>10</v>
      </c>
      <c r="B5174" s="6">
        <v>192459</v>
      </c>
      <c r="C5174" s="6" t="s">
        <v>68</v>
      </c>
      <c r="D5174" s="6" t="s">
        <v>69</v>
      </c>
      <c r="E5174" s="6">
        <v>11001</v>
      </c>
      <c r="F5174" s="6" t="s">
        <v>18</v>
      </c>
      <c r="G5174" s="6" t="s">
        <v>10484</v>
      </c>
      <c r="H5174" s="6" t="s">
        <v>10485</v>
      </c>
      <c r="I5174" s="7">
        <v>4.6351233999999897</v>
      </c>
      <c r="J5174" s="8">
        <v>-74.187514300000004</v>
      </c>
    </row>
    <row r="5175" spans="1:10" x14ac:dyDescent="0.35">
      <c r="A5175" s="5" t="s">
        <v>10</v>
      </c>
      <c r="B5175" s="6">
        <v>175595</v>
      </c>
      <c r="C5175" s="6" t="s">
        <v>11</v>
      </c>
      <c r="D5175" s="6" t="s">
        <v>337</v>
      </c>
      <c r="E5175" s="6">
        <v>25290</v>
      </c>
      <c r="F5175" s="6" t="s">
        <v>18</v>
      </c>
      <c r="G5175" s="6" t="s">
        <v>10486</v>
      </c>
      <c r="H5175" s="6" t="s">
        <v>10487</v>
      </c>
      <c r="I5175" s="7">
        <v>4.3421851999999896</v>
      </c>
      <c r="J5175" s="8">
        <v>-74.361717999999996</v>
      </c>
    </row>
    <row r="5176" spans="1:10" x14ac:dyDescent="0.35">
      <c r="A5176" s="5" t="s">
        <v>10</v>
      </c>
      <c r="B5176" s="6">
        <v>218611</v>
      </c>
      <c r="C5176" s="6" t="s">
        <v>308</v>
      </c>
      <c r="D5176" s="6" t="s">
        <v>309</v>
      </c>
      <c r="E5176" s="6">
        <v>23001</v>
      </c>
      <c r="F5176" s="6" t="s">
        <v>18</v>
      </c>
      <c r="G5176" s="6" t="s">
        <v>10488</v>
      </c>
      <c r="H5176" s="6" t="s">
        <v>10489</v>
      </c>
      <c r="I5176" s="7">
        <v>8.7318619000000002</v>
      </c>
      <c r="J5176" s="8">
        <v>-75.879585800000001</v>
      </c>
    </row>
    <row r="5177" spans="1:10" x14ac:dyDescent="0.35">
      <c r="A5177" s="5" t="s">
        <v>10</v>
      </c>
      <c r="B5177" s="6">
        <v>234665</v>
      </c>
      <c r="C5177" s="6" t="s">
        <v>2821</v>
      </c>
      <c r="D5177" s="6" t="s">
        <v>2822</v>
      </c>
      <c r="E5177" s="6">
        <v>47001</v>
      </c>
      <c r="F5177" s="6" t="s">
        <v>18</v>
      </c>
      <c r="G5177" s="6" t="s">
        <v>10490</v>
      </c>
      <c r="H5177" s="6" t="s">
        <v>10491</v>
      </c>
      <c r="I5177" s="7">
        <v>11.2322778</v>
      </c>
      <c r="J5177" s="8">
        <v>-74.194978500000005</v>
      </c>
    </row>
    <row r="5178" spans="1:10" x14ac:dyDescent="0.35">
      <c r="A5178" s="5" t="s">
        <v>10</v>
      </c>
      <c r="B5178" s="6">
        <v>237052</v>
      </c>
      <c r="C5178" s="6" t="s">
        <v>16</v>
      </c>
      <c r="D5178" s="6" t="s">
        <v>1942</v>
      </c>
      <c r="E5178" s="6">
        <v>68406</v>
      </c>
      <c r="F5178" s="6" t="s">
        <v>18</v>
      </c>
      <c r="G5178" s="6" t="s">
        <v>10492</v>
      </c>
      <c r="H5178" s="6" t="s">
        <v>10493</v>
      </c>
      <c r="I5178" s="7">
        <v>7.1141608999999999</v>
      </c>
      <c r="J5178" s="8">
        <v>-73.217732400000003</v>
      </c>
    </row>
    <row r="5179" spans="1:10" x14ac:dyDescent="0.35">
      <c r="A5179" s="5" t="s">
        <v>10</v>
      </c>
      <c r="B5179" s="6">
        <v>235487</v>
      </c>
      <c r="C5179" s="6" t="s">
        <v>11</v>
      </c>
      <c r="D5179" s="6" t="s">
        <v>3054</v>
      </c>
      <c r="E5179" s="6">
        <v>25269</v>
      </c>
      <c r="F5179" s="6" t="s">
        <v>13</v>
      </c>
      <c r="G5179" s="6" t="s">
        <v>10494</v>
      </c>
      <c r="H5179" s="6" t="s">
        <v>10495</v>
      </c>
      <c r="I5179" s="7">
        <v>4.8197321999999998</v>
      </c>
      <c r="J5179" s="8">
        <v>-74.364250400000003</v>
      </c>
    </row>
    <row r="5180" spans="1:10" x14ac:dyDescent="0.35">
      <c r="A5180" s="5" t="s">
        <v>10</v>
      </c>
      <c r="B5180" s="6">
        <v>233548</v>
      </c>
      <c r="C5180" s="6" t="s">
        <v>68</v>
      </c>
      <c r="D5180" s="6" t="s">
        <v>69</v>
      </c>
      <c r="E5180" s="6">
        <v>11001</v>
      </c>
      <c r="F5180" s="6" t="s">
        <v>18</v>
      </c>
      <c r="G5180" s="6" t="s">
        <v>10496</v>
      </c>
      <c r="H5180" s="6" t="s">
        <v>10497</v>
      </c>
      <c r="I5180" s="7">
        <v>4.6545899999999998</v>
      </c>
      <c r="J5180" s="8">
        <v>-74.04974</v>
      </c>
    </row>
    <row r="5181" spans="1:10" x14ac:dyDescent="0.35">
      <c r="A5181" s="5" t="s">
        <v>10</v>
      </c>
      <c r="B5181" s="6">
        <v>225721</v>
      </c>
      <c r="C5181" s="6" t="s">
        <v>68</v>
      </c>
      <c r="D5181" s="6" t="s">
        <v>69</v>
      </c>
      <c r="E5181" s="6">
        <v>11001</v>
      </c>
      <c r="F5181" s="6" t="s">
        <v>18</v>
      </c>
      <c r="G5181" s="6" t="s">
        <v>10498</v>
      </c>
      <c r="H5181" s="6" t="s">
        <v>10499</v>
      </c>
      <c r="I5181" s="7">
        <v>4.5633748000000001</v>
      </c>
      <c r="J5181" s="8">
        <v>-74.149300100000005</v>
      </c>
    </row>
    <row r="5182" spans="1:10" x14ac:dyDescent="0.35">
      <c r="A5182" s="5" t="s">
        <v>10</v>
      </c>
      <c r="B5182" s="6">
        <v>119778</v>
      </c>
      <c r="C5182" s="6" t="s">
        <v>11</v>
      </c>
      <c r="D5182" s="6" t="s">
        <v>507</v>
      </c>
      <c r="E5182" s="6">
        <v>25845</v>
      </c>
      <c r="F5182" s="6" t="s">
        <v>18</v>
      </c>
      <c r="G5182" s="6" t="s">
        <v>10500</v>
      </c>
      <c r="H5182" s="6" t="s">
        <v>10501</v>
      </c>
      <c r="I5182" s="7">
        <v>4.4025850000000002</v>
      </c>
      <c r="J5182" s="8">
        <v>-74.025384000000003</v>
      </c>
    </row>
    <row r="5183" spans="1:10" x14ac:dyDescent="0.35">
      <c r="A5183" s="5" t="s">
        <v>10</v>
      </c>
      <c r="B5183" s="6">
        <v>142245</v>
      </c>
      <c r="C5183" s="6" t="s">
        <v>11</v>
      </c>
      <c r="D5183" s="6" t="s">
        <v>12</v>
      </c>
      <c r="E5183" s="6">
        <v>25899</v>
      </c>
      <c r="F5183" s="6" t="s">
        <v>18</v>
      </c>
      <c r="G5183" s="6" t="s">
        <v>10502</v>
      </c>
      <c r="H5183" s="6" t="s">
        <v>10503</v>
      </c>
      <c r="I5183" s="7">
        <v>5.0287011000000001</v>
      </c>
      <c r="J5183" s="8">
        <v>-73.997126499999993</v>
      </c>
    </row>
    <row r="5184" spans="1:10" x14ac:dyDescent="0.35">
      <c r="A5184" s="5" t="s">
        <v>10</v>
      </c>
      <c r="B5184" s="6">
        <v>223116</v>
      </c>
      <c r="C5184" s="6" t="s">
        <v>117</v>
      </c>
      <c r="D5184" s="6" t="s">
        <v>4394</v>
      </c>
      <c r="E5184" s="6">
        <v>76823</v>
      </c>
      <c r="F5184" s="6" t="s">
        <v>18</v>
      </c>
      <c r="G5184" s="6" t="s">
        <v>10504</v>
      </c>
      <c r="H5184" s="6" t="s">
        <v>10505</v>
      </c>
      <c r="I5184" s="7">
        <v>3.4516794000000002</v>
      </c>
      <c r="J5184" s="8">
        <v>-76.535825000000003</v>
      </c>
    </row>
    <row r="5185" spans="1:10" x14ac:dyDescent="0.35">
      <c r="A5185" s="5" t="s">
        <v>10</v>
      </c>
      <c r="B5185" s="6">
        <v>217298</v>
      </c>
      <c r="C5185" s="6" t="s">
        <v>302</v>
      </c>
      <c r="D5185" s="6" t="s">
        <v>359</v>
      </c>
      <c r="E5185" s="6">
        <v>8001</v>
      </c>
      <c r="F5185" s="6" t="s">
        <v>18</v>
      </c>
      <c r="G5185" s="6" t="s">
        <v>10506</v>
      </c>
      <c r="H5185" s="6" t="s">
        <v>10507</v>
      </c>
      <c r="I5185" s="7">
        <v>10.9372384</v>
      </c>
      <c r="J5185" s="8">
        <v>-74.787466799999905</v>
      </c>
    </row>
    <row r="5186" spans="1:10" x14ac:dyDescent="0.35">
      <c r="A5186" s="5" t="s">
        <v>10</v>
      </c>
      <c r="B5186" s="6">
        <v>234818</v>
      </c>
      <c r="C5186" s="6" t="s">
        <v>302</v>
      </c>
      <c r="D5186" s="6" t="s">
        <v>303</v>
      </c>
      <c r="E5186" s="6">
        <v>8638</v>
      </c>
      <c r="F5186" s="6" t="s">
        <v>18</v>
      </c>
      <c r="G5186" s="6" t="s">
        <v>10508</v>
      </c>
      <c r="H5186" s="6" t="s">
        <v>10509</v>
      </c>
      <c r="I5186" s="7">
        <v>10.629934799999999</v>
      </c>
      <c r="J5186" s="8">
        <v>-74.920270900000006</v>
      </c>
    </row>
    <row r="5187" spans="1:10" x14ac:dyDescent="0.35">
      <c r="A5187" s="5" t="s">
        <v>10</v>
      </c>
      <c r="B5187" s="6">
        <v>244309</v>
      </c>
      <c r="C5187" s="6" t="s">
        <v>38</v>
      </c>
      <c r="D5187" s="6" t="s">
        <v>2510</v>
      </c>
      <c r="E5187" s="6">
        <v>19517</v>
      </c>
      <c r="F5187" s="6" t="s">
        <v>18</v>
      </c>
      <c r="G5187" s="6" t="s">
        <v>10510</v>
      </c>
      <c r="H5187" s="6" t="s">
        <v>10511</v>
      </c>
      <c r="I5187" s="7">
        <v>2.6547399999999999</v>
      </c>
      <c r="J5187" s="8">
        <v>-75.992800000000003</v>
      </c>
    </row>
    <row r="5188" spans="1:10" x14ac:dyDescent="0.35">
      <c r="A5188" s="5" t="s">
        <v>10</v>
      </c>
      <c r="B5188" s="6">
        <v>243775</v>
      </c>
      <c r="C5188" s="6" t="s">
        <v>38</v>
      </c>
      <c r="D5188" s="6" t="s">
        <v>39</v>
      </c>
      <c r="E5188" s="6">
        <v>19001</v>
      </c>
      <c r="F5188" s="6" t="s">
        <v>18</v>
      </c>
      <c r="G5188" s="6" t="s">
        <v>10512</v>
      </c>
      <c r="H5188" s="6" t="s">
        <v>10513</v>
      </c>
      <c r="I5188" s="7">
        <v>2.4426554999999999</v>
      </c>
      <c r="J5188" s="8">
        <v>-76.607250899999997</v>
      </c>
    </row>
    <row r="5189" spans="1:10" x14ac:dyDescent="0.35">
      <c r="A5189" s="5" t="s">
        <v>10</v>
      </c>
      <c r="B5189" s="6">
        <v>234413</v>
      </c>
      <c r="C5189" s="6" t="s">
        <v>16</v>
      </c>
      <c r="D5189" s="6" t="s">
        <v>78</v>
      </c>
      <c r="E5189" s="6">
        <v>68001</v>
      </c>
      <c r="F5189" s="6" t="s">
        <v>18</v>
      </c>
      <c r="G5189" s="6" t="s">
        <v>10514</v>
      </c>
      <c r="H5189" s="6" t="s">
        <v>10515</v>
      </c>
      <c r="I5189" s="7">
        <v>7.0790138000000002</v>
      </c>
      <c r="J5189" s="8">
        <v>-73.124109399999995</v>
      </c>
    </row>
    <row r="5190" spans="1:10" x14ac:dyDescent="0.35">
      <c r="A5190" s="5" t="s">
        <v>10</v>
      </c>
      <c r="B5190" s="6">
        <v>239919</v>
      </c>
      <c r="C5190" s="6" t="s">
        <v>16</v>
      </c>
      <c r="D5190" s="6" t="s">
        <v>78</v>
      </c>
      <c r="E5190" s="6">
        <v>68001</v>
      </c>
      <c r="F5190" s="6" t="s">
        <v>18</v>
      </c>
      <c r="G5190" s="6" t="s">
        <v>10516</v>
      </c>
      <c r="H5190" s="6" t="s">
        <v>10517</v>
      </c>
      <c r="I5190" s="7">
        <v>7.1090128000000004</v>
      </c>
      <c r="J5190" s="8">
        <v>-73.112375099999994</v>
      </c>
    </row>
    <row r="5191" spans="1:10" x14ac:dyDescent="0.35">
      <c r="A5191" s="5" t="s">
        <v>10</v>
      </c>
      <c r="B5191" s="6">
        <v>162204</v>
      </c>
      <c r="C5191" s="6" t="s">
        <v>3788</v>
      </c>
      <c r="D5191" s="6" t="s">
        <v>6771</v>
      </c>
      <c r="E5191" s="6">
        <v>18753</v>
      </c>
      <c r="F5191" s="6" t="s">
        <v>18</v>
      </c>
      <c r="G5191" s="6" t="s">
        <v>10518</v>
      </c>
      <c r="H5191" s="6" t="s">
        <v>10519</v>
      </c>
      <c r="I5191" s="7">
        <v>2.1136446000000002</v>
      </c>
      <c r="J5191" s="8">
        <v>-74.773205599999997</v>
      </c>
    </row>
    <row r="5192" spans="1:10" x14ac:dyDescent="0.35">
      <c r="A5192" s="5" t="s">
        <v>10</v>
      </c>
      <c r="B5192" s="6">
        <v>232422</v>
      </c>
      <c r="C5192" s="6" t="s">
        <v>68</v>
      </c>
      <c r="D5192" s="6" t="s">
        <v>69</v>
      </c>
      <c r="E5192" s="6">
        <v>11001</v>
      </c>
      <c r="F5192" s="6" t="s">
        <v>13</v>
      </c>
      <c r="G5192" s="6" t="s">
        <v>10520</v>
      </c>
      <c r="H5192" s="6" t="s">
        <v>10521</v>
      </c>
      <c r="I5192" s="7">
        <v>4.7037694999999999</v>
      </c>
      <c r="J5192" s="8">
        <v>-74.113541799999993</v>
      </c>
    </row>
    <row r="5193" spans="1:10" x14ac:dyDescent="0.35">
      <c r="A5193" s="5" t="s">
        <v>10</v>
      </c>
      <c r="B5193" s="6">
        <v>228960</v>
      </c>
      <c r="C5193" s="6" t="s">
        <v>68</v>
      </c>
      <c r="D5193" s="6" t="s">
        <v>69</v>
      </c>
      <c r="E5193" s="6">
        <v>11001</v>
      </c>
      <c r="F5193" s="6" t="s">
        <v>18</v>
      </c>
      <c r="G5193" s="6" t="s">
        <v>10522</v>
      </c>
      <c r="H5193" s="6" t="s">
        <v>10523</v>
      </c>
      <c r="I5193" s="7">
        <v>4.5598844999999999</v>
      </c>
      <c r="J5193" s="8">
        <v>-74.138594999999995</v>
      </c>
    </row>
    <row r="5194" spans="1:10" x14ac:dyDescent="0.35">
      <c r="A5194" s="5" t="s">
        <v>10</v>
      </c>
      <c r="B5194" s="6">
        <v>230109</v>
      </c>
      <c r="C5194" s="6" t="s">
        <v>68</v>
      </c>
      <c r="D5194" s="6" t="s">
        <v>69</v>
      </c>
      <c r="E5194" s="6">
        <v>11001</v>
      </c>
      <c r="F5194" s="6" t="s">
        <v>18</v>
      </c>
      <c r="G5194" s="6" t="s">
        <v>10524</v>
      </c>
      <c r="H5194" s="6" t="s">
        <v>10525</v>
      </c>
      <c r="I5194" s="7">
        <v>4.5646390999999999</v>
      </c>
      <c r="J5194" s="8">
        <v>-74.149546400000006</v>
      </c>
    </row>
    <row r="5195" spans="1:10" x14ac:dyDescent="0.35">
      <c r="A5195" s="5" t="s">
        <v>10</v>
      </c>
      <c r="B5195" s="6">
        <v>206702</v>
      </c>
      <c r="C5195" s="6" t="s">
        <v>68</v>
      </c>
      <c r="D5195" s="6" t="s">
        <v>69</v>
      </c>
      <c r="E5195" s="6">
        <v>11001</v>
      </c>
      <c r="F5195" s="6" t="s">
        <v>18</v>
      </c>
      <c r="G5195" s="6" t="s">
        <v>10526</v>
      </c>
      <c r="H5195" s="6" t="s">
        <v>10527</v>
      </c>
      <c r="I5195" s="7">
        <v>4.6197395999999999</v>
      </c>
      <c r="J5195" s="8">
        <v>-74.188872000000003</v>
      </c>
    </row>
    <row r="5196" spans="1:10" x14ac:dyDescent="0.35">
      <c r="A5196" s="5" t="s">
        <v>10</v>
      </c>
      <c r="B5196" s="6">
        <v>208803</v>
      </c>
      <c r="C5196" s="6" t="s">
        <v>109</v>
      </c>
      <c r="D5196" s="6" t="s">
        <v>10528</v>
      </c>
      <c r="E5196" s="6">
        <v>13673</v>
      </c>
      <c r="F5196" s="6" t="s">
        <v>18</v>
      </c>
      <c r="G5196" s="6" t="s">
        <v>10529</v>
      </c>
      <c r="H5196" s="6" t="s">
        <v>10530</v>
      </c>
      <c r="I5196" s="7">
        <v>10.736833799999999</v>
      </c>
      <c r="J5196" s="8">
        <v>-75.262913100000006</v>
      </c>
    </row>
    <row r="5197" spans="1:10" x14ac:dyDescent="0.35">
      <c r="A5197" s="5" t="s">
        <v>10</v>
      </c>
      <c r="B5197" s="6">
        <v>236305</v>
      </c>
      <c r="C5197" s="6" t="s">
        <v>2821</v>
      </c>
      <c r="D5197" s="6" t="s">
        <v>8318</v>
      </c>
      <c r="E5197" s="6">
        <v>47545</v>
      </c>
      <c r="F5197" s="6" t="s">
        <v>18</v>
      </c>
      <c r="G5197" s="6" t="s">
        <v>10531</v>
      </c>
      <c r="H5197" s="6" t="s">
        <v>10532</v>
      </c>
      <c r="I5197" s="7">
        <v>10.411301399999999</v>
      </c>
      <c r="J5197" s="8">
        <v>-74.405661199999997</v>
      </c>
    </row>
    <row r="5198" spans="1:10" x14ac:dyDescent="0.35">
      <c r="A5198" s="5" t="s">
        <v>10</v>
      </c>
      <c r="B5198" s="6">
        <v>241662</v>
      </c>
      <c r="C5198" s="6" t="s">
        <v>42</v>
      </c>
      <c r="D5198" s="6" t="s">
        <v>396</v>
      </c>
      <c r="E5198" s="6">
        <v>17380</v>
      </c>
      <c r="F5198" s="6" t="s">
        <v>18</v>
      </c>
      <c r="G5198" s="6" t="s">
        <v>10533</v>
      </c>
      <c r="H5198" s="6" t="s">
        <v>10534</v>
      </c>
      <c r="I5198" s="7">
        <v>5.4538935000000004</v>
      </c>
      <c r="J5198" s="8">
        <v>-74.664968500000001</v>
      </c>
    </row>
    <row r="5199" spans="1:10" x14ac:dyDescent="0.35">
      <c r="A5199" s="5" t="s">
        <v>10</v>
      </c>
      <c r="B5199" s="6">
        <v>203702</v>
      </c>
      <c r="C5199" s="6" t="s">
        <v>294</v>
      </c>
      <c r="D5199" s="6" t="s">
        <v>703</v>
      </c>
      <c r="E5199" s="6">
        <v>41001</v>
      </c>
      <c r="F5199" s="6" t="s">
        <v>18</v>
      </c>
      <c r="G5199" s="6" t="s">
        <v>10535</v>
      </c>
      <c r="H5199" s="6" t="s">
        <v>10536</v>
      </c>
      <c r="I5199" s="7">
        <v>2.9071977000000002</v>
      </c>
      <c r="J5199" s="8">
        <v>-75.272673900000001</v>
      </c>
    </row>
    <row r="5200" spans="1:10" x14ac:dyDescent="0.35">
      <c r="A5200" s="5" t="s">
        <v>10</v>
      </c>
      <c r="B5200" s="6">
        <v>235283</v>
      </c>
      <c r="C5200" s="6" t="s">
        <v>68</v>
      </c>
      <c r="D5200" s="6" t="s">
        <v>69</v>
      </c>
      <c r="E5200" s="6">
        <v>11001</v>
      </c>
      <c r="F5200" s="6" t="s">
        <v>18</v>
      </c>
      <c r="G5200" s="6" t="s">
        <v>10537</v>
      </c>
      <c r="H5200" s="6" t="s">
        <v>10538</v>
      </c>
      <c r="I5200" s="7">
        <v>4.6359338000000001</v>
      </c>
      <c r="J5200" s="8">
        <v>-74.182661999999993</v>
      </c>
    </row>
    <row r="5201" spans="1:10" x14ac:dyDescent="0.35">
      <c r="A5201" s="5" t="s">
        <v>10</v>
      </c>
      <c r="B5201" s="6">
        <v>146581</v>
      </c>
      <c r="C5201" s="6" t="s">
        <v>11</v>
      </c>
      <c r="D5201" s="6" t="s">
        <v>337</v>
      </c>
      <c r="E5201" s="6">
        <v>25290</v>
      </c>
      <c r="F5201" s="6" t="s">
        <v>18</v>
      </c>
      <c r="G5201" s="6" t="s">
        <v>10539</v>
      </c>
      <c r="H5201" s="6" t="s">
        <v>10540</v>
      </c>
      <c r="I5201" s="7">
        <v>4.3451519999999997</v>
      </c>
      <c r="J5201" s="8">
        <v>-74.361823000000001</v>
      </c>
    </row>
    <row r="5202" spans="1:10" x14ac:dyDescent="0.35">
      <c r="A5202" s="5" t="s">
        <v>10</v>
      </c>
      <c r="B5202" s="6">
        <v>180475</v>
      </c>
      <c r="C5202" s="6" t="s">
        <v>302</v>
      </c>
      <c r="D5202" s="6" t="s">
        <v>4041</v>
      </c>
      <c r="E5202" s="6">
        <v>8758</v>
      </c>
      <c r="F5202" s="6" t="s">
        <v>18</v>
      </c>
      <c r="G5202" s="6" t="s">
        <v>10541</v>
      </c>
      <c r="H5202" s="6" t="s">
        <v>10542</v>
      </c>
      <c r="I5202" s="7">
        <v>10.930073500000001</v>
      </c>
      <c r="J5202" s="8">
        <v>-74.775951500000005</v>
      </c>
    </row>
    <row r="5203" spans="1:10" x14ac:dyDescent="0.35">
      <c r="A5203" s="5" t="s">
        <v>10</v>
      </c>
      <c r="B5203" s="6">
        <v>239519</v>
      </c>
      <c r="C5203" s="6" t="s">
        <v>94</v>
      </c>
      <c r="D5203" s="6" t="s">
        <v>98</v>
      </c>
      <c r="E5203" s="6">
        <v>66001</v>
      </c>
      <c r="F5203" s="6" t="s">
        <v>18</v>
      </c>
      <c r="G5203" s="6" t="s">
        <v>10543</v>
      </c>
      <c r="H5203" s="6" t="s">
        <v>10544</v>
      </c>
      <c r="I5203" s="7">
        <v>4.8011600999999997</v>
      </c>
      <c r="J5203" s="8">
        <v>-75.716115200000004</v>
      </c>
    </row>
    <row r="5204" spans="1:10" x14ac:dyDescent="0.35">
      <c r="A5204" s="5" t="s">
        <v>10</v>
      </c>
      <c r="B5204" s="6">
        <v>237042</v>
      </c>
      <c r="C5204" s="6" t="s">
        <v>3788</v>
      </c>
      <c r="D5204" s="6" t="s">
        <v>3974</v>
      </c>
      <c r="E5204" s="6">
        <v>18001</v>
      </c>
      <c r="F5204" s="6" t="s">
        <v>18</v>
      </c>
      <c r="G5204" s="6" t="s">
        <v>10545</v>
      </c>
      <c r="H5204" s="6" t="s">
        <v>10546</v>
      </c>
      <c r="I5204" s="7">
        <v>1.6280348</v>
      </c>
      <c r="J5204" s="8">
        <v>-75.597355300000004</v>
      </c>
    </row>
    <row r="5205" spans="1:10" x14ac:dyDescent="0.35">
      <c r="A5205" s="5" t="s">
        <v>10</v>
      </c>
      <c r="B5205" s="6">
        <v>228134</v>
      </c>
      <c r="C5205" s="6" t="s">
        <v>68</v>
      </c>
      <c r="D5205" s="6" t="s">
        <v>69</v>
      </c>
      <c r="E5205" s="6">
        <v>11001</v>
      </c>
      <c r="F5205" s="6" t="s">
        <v>13</v>
      </c>
      <c r="G5205" s="6" t="s">
        <v>10547</v>
      </c>
      <c r="H5205" s="6" t="s">
        <v>10548</v>
      </c>
      <c r="I5205" s="7">
        <v>4.6144426000000003</v>
      </c>
      <c r="J5205" s="8">
        <v>-74.135155400000002</v>
      </c>
    </row>
    <row r="5206" spans="1:10" x14ac:dyDescent="0.35">
      <c r="A5206" s="5" t="s">
        <v>10</v>
      </c>
      <c r="B5206" s="6">
        <v>229259</v>
      </c>
      <c r="C5206" s="6" t="s">
        <v>68</v>
      </c>
      <c r="D5206" s="6" t="s">
        <v>69</v>
      </c>
      <c r="E5206" s="6">
        <v>11001</v>
      </c>
      <c r="F5206" s="6" t="s">
        <v>18</v>
      </c>
      <c r="G5206" s="6" t="s">
        <v>10549</v>
      </c>
      <c r="H5206" s="6" t="s">
        <v>10550</v>
      </c>
      <c r="I5206" s="7">
        <v>4.6105350999999999</v>
      </c>
      <c r="J5206" s="8">
        <v>-74.165381600000003</v>
      </c>
    </row>
    <row r="5207" spans="1:10" x14ac:dyDescent="0.35">
      <c r="A5207" s="5" t="s">
        <v>10</v>
      </c>
      <c r="B5207" s="6">
        <v>68124</v>
      </c>
      <c r="C5207" s="6" t="s">
        <v>294</v>
      </c>
      <c r="D5207" s="6" t="s">
        <v>703</v>
      </c>
      <c r="E5207" s="6">
        <v>41001</v>
      </c>
      <c r="F5207" s="6" t="s">
        <v>18</v>
      </c>
      <c r="G5207" s="6" t="s">
        <v>10551</v>
      </c>
      <c r="H5207" s="6" t="s">
        <v>10552</v>
      </c>
      <c r="I5207" s="7">
        <v>2.9504347000000002</v>
      </c>
      <c r="J5207" s="8">
        <v>-75.300387899999905</v>
      </c>
    </row>
    <row r="5208" spans="1:10" x14ac:dyDescent="0.35">
      <c r="A5208" s="5" t="s">
        <v>10</v>
      </c>
      <c r="B5208" s="6">
        <v>232014</v>
      </c>
      <c r="C5208" s="6" t="s">
        <v>16</v>
      </c>
      <c r="D5208" s="6" t="s">
        <v>1942</v>
      </c>
      <c r="E5208" s="6">
        <v>68406</v>
      </c>
      <c r="F5208" s="6" t="s">
        <v>18</v>
      </c>
      <c r="G5208" s="6" t="s">
        <v>10553</v>
      </c>
      <c r="H5208" s="6" t="s">
        <v>10554</v>
      </c>
      <c r="I5208" s="7">
        <v>7.1899940000000004</v>
      </c>
      <c r="J5208" s="8">
        <v>-73.300122999999999</v>
      </c>
    </row>
    <row r="5209" spans="1:10" x14ac:dyDescent="0.35">
      <c r="A5209" s="5" t="s">
        <v>10</v>
      </c>
      <c r="B5209" s="6">
        <v>202226</v>
      </c>
      <c r="C5209" s="6" t="s">
        <v>68</v>
      </c>
      <c r="D5209" s="6" t="s">
        <v>69</v>
      </c>
      <c r="E5209" s="6">
        <v>11001</v>
      </c>
      <c r="F5209" s="6" t="s">
        <v>18</v>
      </c>
      <c r="G5209" s="6" t="s">
        <v>10555</v>
      </c>
      <c r="H5209" s="6" t="s">
        <v>10556</v>
      </c>
      <c r="I5209" s="7">
        <v>4.5683343999999897</v>
      </c>
      <c r="J5209" s="8">
        <v>-74.130544999999998</v>
      </c>
    </row>
    <row r="5210" spans="1:10" x14ac:dyDescent="0.35">
      <c r="A5210" s="5" t="s">
        <v>10</v>
      </c>
      <c r="B5210" s="6">
        <v>155128</v>
      </c>
      <c r="C5210" s="6" t="s">
        <v>11</v>
      </c>
      <c r="D5210" s="6" t="s">
        <v>7045</v>
      </c>
      <c r="E5210" s="6">
        <v>25260</v>
      </c>
      <c r="F5210" s="6" t="s">
        <v>18</v>
      </c>
      <c r="G5210" s="6" t="s">
        <v>10557</v>
      </c>
      <c r="H5210" s="6" t="s">
        <v>10558</v>
      </c>
      <c r="I5210" s="7">
        <v>4.8547946999999896</v>
      </c>
      <c r="J5210" s="8">
        <v>-74.261479800000004</v>
      </c>
    </row>
    <row r="5211" spans="1:10" x14ac:dyDescent="0.35">
      <c r="A5211" s="5" t="s">
        <v>10</v>
      </c>
      <c r="B5211" s="6">
        <v>209462</v>
      </c>
      <c r="C5211" s="6" t="s">
        <v>11</v>
      </c>
      <c r="D5211" s="6" t="s">
        <v>1752</v>
      </c>
      <c r="E5211" s="6">
        <v>25799</v>
      </c>
      <c r="F5211" s="6" t="s">
        <v>18</v>
      </c>
      <c r="G5211" s="6" t="s">
        <v>10559</v>
      </c>
      <c r="H5211" s="6" t="s">
        <v>10560</v>
      </c>
      <c r="I5211" s="7">
        <v>4.8670757</v>
      </c>
      <c r="J5211" s="8">
        <v>-74.142401999999905</v>
      </c>
    </row>
    <row r="5212" spans="1:10" x14ac:dyDescent="0.35">
      <c r="A5212" s="5" t="s">
        <v>10</v>
      </c>
      <c r="B5212" s="6">
        <v>200670</v>
      </c>
      <c r="C5212" s="6" t="s">
        <v>308</v>
      </c>
      <c r="D5212" s="6" t="s">
        <v>309</v>
      </c>
      <c r="E5212" s="6">
        <v>23001</v>
      </c>
      <c r="F5212" s="6" t="s">
        <v>18</v>
      </c>
      <c r="G5212" s="6" t="s">
        <v>10561</v>
      </c>
      <c r="H5212" s="6" t="s">
        <v>10562</v>
      </c>
      <c r="I5212" s="7">
        <v>8.7412603000000004</v>
      </c>
      <c r="J5212" s="8">
        <v>-75.896132199999997</v>
      </c>
    </row>
    <row r="5213" spans="1:10" x14ac:dyDescent="0.35">
      <c r="A5213" s="5" t="s">
        <v>10</v>
      </c>
      <c r="B5213" s="6">
        <v>230215</v>
      </c>
      <c r="C5213" s="6" t="s">
        <v>2821</v>
      </c>
      <c r="D5213" s="6" t="s">
        <v>2822</v>
      </c>
      <c r="E5213" s="6">
        <v>47001</v>
      </c>
      <c r="F5213" s="6" t="s">
        <v>18</v>
      </c>
      <c r="G5213" s="6" t="s">
        <v>10563</v>
      </c>
      <c r="H5213" s="6" t="s">
        <v>10564</v>
      </c>
      <c r="I5213" s="7">
        <v>11.230947199999999</v>
      </c>
      <c r="J5213" s="8">
        <v>-74.191253099999997</v>
      </c>
    </row>
    <row r="5214" spans="1:10" x14ac:dyDescent="0.35">
      <c r="A5214" s="5" t="s">
        <v>10</v>
      </c>
      <c r="B5214" s="6">
        <v>225868</v>
      </c>
      <c r="C5214" s="6" t="s">
        <v>302</v>
      </c>
      <c r="D5214" s="6" t="s">
        <v>4041</v>
      </c>
      <c r="E5214" s="6">
        <v>8758</v>
      </c>
      <c r="F5214" s="6" t="s">
        <v>18</v>
      </c>
      <c r="G5214" s="6" t="s">
        <v>10565</v>
      </c>
      <c r="H5214" s="6" t="s">
        <v>10566</v>
      </c>
      <c r="I5214" s="7">
        <v>10.9325204</v>
      </c>
      <c r="J5214" s="8">
        <v>-74.775320299999905</v>
      </c>
    </row>
    <row r="5215" spans="1:10" x14ac:dyDescent="0.35">
      <c r="A5215" s="5" t="s">
        <v>10</v>
      </c>
      <c r="B5215" s="6">
        <v>221130</v>
      </c>
      <c r="C5215" s="6" t="s">
        <v>302</v>
      </c>
      <c r="D5215" s="6" t="s">
        <v>4041</v>
      </c>
      <c r="E5215" s="6">
        <v>8758</v>
      </c>
      <c r="F5215" s="6" t="s">
        <v>18</v>
      </c>
      <c r="G5215" s="6" t="s">
        <v>10567</v>
      </c>
      <c r="H5215" s="6" t="s">
        <v>10568</v>
      </c>
      <c r="I5215" s="7">
        <v>10.9359228</v>
      </c>
      <c r="J5215" s="8">
        <v>-74.772994799999907</v>
      </c>
    </row>
    <row r="5216" spans="1:10" x14ac:dyDescent="0.35">
      <c r="A5216" s="5" t="s">
        <v>10</v>
      </c>
      <c r="B5216" s="6">
        <v>206507</v>
      </c>
      <c r="C5216" s="6" t="s">
        <v>302</v>
      </c>
      <c r="D5216" s="6" t="s">
        <v>359</v>
      </c>
      <c r="E5216" s="6">
        <v>8001</v>
      </c>
      <c r="F5216" s="6" t="s">
        <v>18</v>
      </c>
      <c r="G5216" s="6" t="s">
        <v>10569</v>
      </c>
      <c r="H5216" s="6" t="s">
        <v>10570</v>
      </c>
      <c r="I5216" s="7">
        <v>10.968995</v>
      </c>
      <c r="J5216" s="8">
        <v>-74.804503999999994</v>
      </c>
    </row>
    <row r="5217" spans="1:10" x14ac:dyDescent="0.35">
      <c r="A5217" s="5" t="s">
        <v>10</v>
      </c>
      <c r="B5217" s="6">
        <v>230598</v>
      </c>
      <c r="C5217" s="6" t="s">
        <v>16</v>
      </c>
      <c r="D5217" s="6" t="s">
        <v>78</v>
      </c>
      <c r="E5217" s="6">
        <v>68001</v>
      </c>
      <c r="F5217" s="6" t="s">
        <v>18</v>
      </c>
      <c r="G5217" s="6" t="s">
        <v>10571</v>
      </c>
      <c r="H5217" s="6" t="s">
        <v>10572</v>
      </c>
      <c r="I5217" s="7">
        <v>7.1107902999999997</v>
      </c>
      <c r="J5217" s="8">
        <v>-73.122954800000002</v>
      </c>
    </row>
    <row r="5218" spans="1:10" x14ac:dyDescent="0.35">
      <c r="A5218" s="5" t="s">
        <v>10</v>
      </c>
      <c r="B5218" s="6">
        <v>242931</v>
      </c>
      <c r="C5218" s="6" t="s">
        <v>16</v>
      </c>
      <c r="D5218" s="6" t="s">
        <v>78</v>
      </c>
      <c r="E5218" s="6">
        <v>68001</v>
      </c>
      <c r="F5218" s="6" t="s">
        <v>18</v>
      </c>
      <c r="G5218" s="6" t="s">
        <v>10573</v>
      </c>
      <c r="H5218" s="6" t="s">
        <v>10574</v>
      </c>
      <c r="I5218" s="7">
        <v>7.1087185000000002</v>
      </c>
      <c r="J5218" s="8">
        <v>-73.106586800000002</v>
      </c>
    </row>
    <row r="5219" spans="1:10" x14ac:dyDescent="0.35">
      <c r="A5219" s="5" t="s">
        <v>10</v>
      </c>
      <c r="B5219" s="6">
        <v>210052</v>
      </c>
      <c r="C5219" s="6" t="s">
        <v>11</v>
      </c>
      <c r="D5219" s="6" t="s">
        <v>3054</v>
      </c>
      <c r="E5219" s="6">
        <v>25269</v>
      </c>
      <c r="F5219" s="6" t="s">
        <v>13</v>
      </c>
      <c r="G5219" s="6" t="s">
        <v>10575</v>
      </c>
      <c r="H5219" s="6" t="s">
        <v>10576</v>
      </c>
      <c r="I5219" s="7">
        <v>4.8173041000000003</v>
      </c>
      <c r="J5219" s="8">
        <v>-74.361327000000003</v>
      </c>
    </row>
    <row r="5220" spans="1:10" x14ac:dyDescent="0.35">
      <c r="A5220" s="5" t="s">
        <v>10</v>
      </c>
      <c r="B5220" s="6">
        <v>237522</v>
      </c>
      <c r="C5220" s="6" t="s">
        <v>117</v>
      </c>
      <c r="D5220" s="6" t="s">
        <v>4394</v>
      </c>
      <c r="E5220" s="6">
        <v>76823</v>
      </c>
      <c r="F5220" s="6" t="s">
        <v>18</v>
      </c>
      <c r="G5220" s="6" t="s">
        <v>10577</v>
      </c>
      <c r="H5220" s="6" t="s">
        <v>10578</v>
      </c>
      <c r="I5220" s="7">
        <v>4.6083005000000004</v>
      </c>
      <c r="J5220" s="8">
        <v>-76.079119399999996</v>
      </c>
    </row>
    <row r="5221" spans="1:10" x14ac:dyDescent="0.35">
      <c r="A5221" s="5" t="s">
        <v>10</v>
      </c>
      <c r="B5221" s="6">
        <v>218350</v>
      </c>
      <c r="C5221" s="6" t="s">
        <v>294</v>
      </c>
      <c r="D5221" s="6" t="s">
        <v>703</v>
      </c>
      <c r="E5221" s="6">
        <v>41001</v>
      </c>
      <c r="F5221" s="6" t="s">
        <v>18</v>
      </c>
      <c r="G5221" s="6" t="s">
        <v>10579</v>
      </c>
      <c r="H5221" s="6" t="s">
        <v>10580</v>
      </c>
      <c r="I5221" s="7">
        <v>2.9365245999999998</v>
      </c>
      <c r="J5221" s="8">
        <v>-75.286178100000001</v>
      </c>
    </row>
    <row r="5222" spans="1:10" x14ac:dyDescent="0.35">
      <c r="A5222" s="5" t="s">
        <v>10</v>
      </c>
      <c r="B5222" s="6">
        <v>233604</v>
      </c>
      <c r="C5222" s="6" t="s">
        <v>294</v>
      </c>
      <c r="D5222" s="6" t="s">
        <v>703</v>
      </c>
      <c r="E5222" s="6">
        <v>41001</v>
      </c>
      <c r="F5222" s="6" t="s">
        <v>18</v>
      </c>
      <c r="G5222" s="6" t="s">
        <v>10581</v>
      </c>
      <c r="H5222" s="6" t="s">
        <v>10582</v>
      </c>
      <c r="I5222" s="7">
        <v>2.9039199999999998</v>
      </c>
      <c r="J5222" s="8">
        <v>-75.272239999999996</v>
      </c>
    </row>
    <row r="5223" spans="1:10" x14ac:dyDescent="0.35">
      <c r="A5223" s="5" t="s">
        <v>10</v>
      </c>
      <c r="B5223" s="6">
        <v>204288</v>
      </c>
      <c r="C5223" s="6" t="s">
        <v>68</v>
      </c>
      <c r="D5223" s="6" t="s">
        <v>69</v>
      </c>
      <c r="E5223" s="6">
        <v>11001</v>
      </c>
      <c r="F5223" s="6" t="s">
        <v>18</v>
      </c>
      <c r="G5223" s="6" t="s">
        <v>10583</v>
      </c>
      <c r="H5223" s="6" t="s">
        <v>10584</v>
      </c>
      <c r="I5223" s="7">
        <v>4.6086643999999897</v>
      </c>
      <c r="J5223" s="8">
        <v>-74.181336399999907</v>
      </c>
    </row>
    <row r="5224" spans="1:10" x14ac:dyDescent="0.35">
      <c r="A5224" s="5" t="s">
        <v>10</v>
      </c>
      <c r="B5224" s="6">
        <v>178006</v>
      </c>
      <c r="C5224" s="6" t="s">
        <v>2821</v>
      </c>
      <c r="D5224" s="6" t="s">
        <v>8204</v>
      </c>
      <c r="E5224" s="6">
        <v>47053</v>
      </c>
      <c r="F5224" s="6" t="s">
        <v>18</v>
      </c>
      <c r="G5224" s="6" t="s">
        <v>10585</v>
      </c>
      <c r="H5224" s="6" t="s">
        <v>10586</v>
      </c>
      <c r="I5224" s="7">
        <v>10.588001999999999</v>
      </c>
      <c r="J5224" s="8">
        <v>-74.181567099999995</v>
      </c>
    </row>
    <row r="5225" spans="1:10" x14ac:dyDescent="0.35">
      <c r="A5225" s="5" t="s">
        <v>10</v>
      </c>
      <c r="B5225" s="6">
        <v>201503</v>
      </c>
      <c r="C5225" s="6" t="s">
        <v>2821</v>
      </c>
      <c r="D5225" s="6" t="s">
        <v>2822</v>
      </c>
      <c r="E5225" s="6">
        <v>47001</v>
      </c>
      <c r="F5225" s="6" t="s">
        <v>18</v>
      </c>
      <c r="G5225" s="6" t="s">
        <v>10587</v>
      </c>
      <c r="H5225" s="6" t="s">
        <v>10588</v>
      </c>
      <c r="I5225" s="7">
        <v>11.233669000000001</v>
      </c>
      <c r="J5225" s="8">
        <v>-74.1249179</v>
      </c>
    </row>
    <row r="5226" spans="1:10" x14ac:dyDescent="0.35">
      <c r="A5226" s="5" t="s">
        <v>10</v>
      </c>
      <c r="B5226" s="6">
        <v>241371</v>
      </c>
      <c r="C5226" s="6" t="s">
        <v>308</v>
      </c>
      <c r="D5226" s="6" t="s">
        <v>10589</v>
      </c>
      <c r="E5226" s="6">
        <v>23350</v>
      </c>
      <c r="F5226" s="6" t="s">
        <v>18</v>
      </c>
      <c r="G5226" s="6" t="s">
        <v>3511</v>
      </c>
      <c r="H5226" s="6" t="s">
        <v>10590</v>
      </c>
      <c r="I5226" s="7">
        <v>8.0502877000000002</v>
      </c>
      <c r="J5226" s="8">
        <v>-75.337003499999994</v>
      </c>
    </row>
    <row r="5227" spans="1:10" x14ac:dyDescent="0.35">
      <c r="A5227" s="5" t="s">
        <v>10</v>
      </c>
      <c r="B5227" s="6">
        <v>241763</v>
      </c>
      <c r="C5227" s="6" t="s">
        <v>94</v>
      </c>
      <c r="D5227" s="6" t="s">
        <v>98</v>
      </c>
      <c r="E5227" s="6">
        <v>66001</v>
      </c>
      <c r="F5227" s="6" t="s">
        <v>18</v>
      </c>
      <c r="G5227" s="6" t="s">
        <v>10591</v>
      </c>
      <c r="H5227" s="6" t="s">
        <v>10592</v>
      </c>
      <c r="I5227" s="7">
        <v>4.8144467999999998</v>
      </c>
      <c r="J5227" s="8">
        <v>-75.713491200000007</v>
      </c>
    </row>
    <row r="5228" spans="1:10" x14ac:dyDescent="0.35">
      <c r="A5228" s="5" t="s">
        <v>10</v>
      </c>
      <c r="B5228" s="6">
        <v>233959</v>
      </c>
      <c r="C5228" s="6" t="s">
        <v>68</v>
      </c>
      <c r="D5228" s="6" t="s">
        <v>69</v>
      </c>
      <c r="E5228" s="6">
        <v>11001</v>
      </c>
      <c r="F5228" s="6" t="s">
        <v>18</v>
      </c>
      <c r="G5228" s="6" t="s">
        <v>10593</v>
      </c>
      <c r="H5228" s="6" t="s">
        <v>10594</v>
      </c>
      <c r="I5228" s="7">
        <v>4.5852206000000004</v>
      </c>
      <c r="J5228" s="8">
        <v>-74.100451199999995</v>
      </c>
    </row>
    <row r="5229" spans="1:10" x14ac:dyDescent="0.35">
      <c r="A5229" s="5" t="s">
        <v>10</v>
      </c>
      <c r="B5229" s="6">
        <v>235357</v>
      </c>
      <c r="C5229" s="6" t="s">
        <v>68</v>
      </c>
      <c r="D5229" s="6" t="s">
        <v>69</v>
      </c>
      <c r="E5229" s="6">
        <v>11001</v>
      </c>
      <c r="F5229" s="6" t="s">
        <v>18</v>
      </c>
      <c r="G5229" s="6" t="s">
        <v>10595</v>
      </c>
      <c r="H5229" s="6" t="s">
        <v>10596</v>
      </c>
      <c r="I5229" s="7">
        <v>4.5689294</v>
      </c>
      <c r="J5229" s="8">
        <v>-74.120214099999998</v>
      </c>
    </row>
    <row r="5230" spans="1:10" x14ac:dyDescent="0.35">
      <c r="A5230" s="5" t="s">
        <v>10</v>
      </c>
      <c r="B5230" s="6">
        <v>213038</v>
      </c>
      <c r="C5230" s="6" t="s">
        <v>68</v>
      </c>
      <c r="D5230" s="6" t="s">
        <v>69</v>
      </c>
      <c r="E5230" s="6">
        <v>11001</v>
      </c>
      <c r="F5230" s="6" t="s">
        <v>18</v>
      </c>
      <c r="G5230" s="6" t="s">
        <v>10597</v>
      </c>
      <c r="H5230" s="6" t="s">
        <v>10598</v>
      </c>
      <c r="I5230" s="7">
        <v>4.5823841999999999</v>
      </c>
      <c r="J5230" s="8">
        <v>-74.130079100000003</v>
      </c>
    </row>
    <row r="5231" spans="1:10" x14ac:dyDescent="0.35">
      <c r="A5231" s="5" t="s">
        <v>10</v>
      </c>
      <c r="B5231" s="6">
        <v>243452</v>
      </c>
      <c r="C5231" s="6" t="s">
        <v>68</v>
      </c>
      <c r="D5231" s="6" t="s">
        <v>69</v>
      </c>
      <c r="E5231" s="6">
        <v>11001</v>
      </c>
      <c r="F5231" s="6" t="s">
        <v>18</v>
      </c>
      <c r="G5231" s="6" t="s">
        <v>10599</v>
      </c>
      <c r="H5231" s="6" t="s">
        <v>10600</v>
      </c>
      <c r="I5231" s="7">
        <v>4.6024910999999999</v>
      </c>
      <c r="J5231" s="8">
        <v>-74.164263700000006</v>
      </c>
    </row>
    <row r="5232" spans="1:10" x14ac:dyDescent="0.35">
      <c r="A5232" s="5" t="s">
        <v>10</v>
      </c>
      <c r="B5232" s="6">
        <v>94042</v>
      </c>
      <c r="C5232" s="6" t="s">
        <v>11</v>
      </c>
      <c r="D5232" s="6" t="s">
        <v>8975</v>
      </c>
      <c r="E5232" s="6">
        <v>25781</v>
      </c>
      <c r="F5232" s="6" t="s">
        <v>18</v>
      </c>
      <c r="G5232" s="6" t="s">
        <v>10601</v>
      </c>
      <c r="H5232" s="6" t="s">
        <v>10602</v>
      </c>
      <c r="I5232" s="7">
        <v>5.2472949999999896</v>
      </c>
      <c r="J5232" s="8">
        <v>-73.852666999999997</v>
      </c>
    </row>
    <row r="5233" spans="1:10" x14ac:dyDescent="0.35">
      <c r="A5233" s="5" t="s">
        <v>10</v>
      </c>
      <c r="B5233" s="6">
        <v>200408</v>
      </c>
      <c r="C5233" s="6" t="s">
        <v>16</v>
      </c>
      <c r="D5233" s="6" t="s">
        <v>1266</v>
      </c>
      <c r="E5233" s="6">
        <v>68081</v>
      </c>
      <c r="F5233" s="6" t="s">
        <v>18</v>
      </c>
      <c r="G5233" s="6" t="s">
        <v>10603</v>
      </c>
      <c r="H5233" s="6" t="s">
        <v>10604</v>
      </c>
      <c r="I5233" s="7">
        <v>7.0697231</v>
      </c>
      <c r="J5233" s="8">
        <v>-73.841369599999993</v>
      </c>
    </row>
    <row r="5234" spans="1:10" x14ac:dyDescent="0.35">
      <c r="A5234" s="5" t="s">
        <v>10</v>
      </c>
      <c r="B5234" s="6">
        <v>242869</v>
      </c>
      <c r="C5234" s="6" t="s">
        <v>16</v>
      </c>
      <c r="D5234" s="6" t="s">
        <v>78</v>
      </c>
      <c r="E5234" s="6">
        <v>68001</v>
      </c>
      <c r="F5234" s="6" t="s">
        <v>18</v>
      </c>
      <c r="G5234" s="6" t="s">
        <v>10605</v>
      </c>
      <c r="H5234" s="6" t="s">
        <v>10606</v>
      </c>
      <c r="I5234" s="7">
        <v>7.0855664000000003</v>
      </c>
      <c r="J5234" s="8">
        <v>-73.111094499999993</v>
      </c>
    </row>
    <row r="5235" spans="1:10" x14ac:dyDescent="0.35">
      <c r="A5235" s="5" t="s">
        <v>10</v>
      </c>
      <c r="B5235" s="6">
        <v>241699</v>
      </c>
      <c r="C5235" s="6" t="s">
        <v>42</v>
      </c>
      <c r="D5235" s="6" t="s">
        <v>599</v>
      </c>
      <c r="E5235" s="6">
        <v>17013</v>
      </c>
      <c r="F5235" s="6" t="s">
        <v>18</v>
      </c>
      <c r="G5235" s="6" t="s">
        <v>10607</v>
      </c>
      <c r="H5235" s="6" t="s">
        <v>10608</v>
      </c>
      <c r="I5235" s="7">
        <v>5.6111168999999999</v>
      </c>
      <c r="J5235" s="8">
        <v>-75.457512699999995</v>
      </c>
    </row>
    <row r="5236" spans="1:10" x14ac:dyDescent="0.35">
      <c r="A5236" s="5" t="s">
        <v>10</v>
      </c>
      <c r="B5236" s="6">
        <v>216616</v>
      </c>
      <c r="C5236" s="6" t="s">
        <v>294</v>
      </c>
      <c r="D5236" s="6" t="s">
        <v>5054</v>
      </c>
      <c r="E5236" s="6">
        <v>41615</v>
      </c>
      <c r="F5236" s="6" t="s">
        <v>13</v>
      </c>
      <c r="G5236" s="6" t="s">
        <v>10609</v>
      </c>
      <c r="H5236" s="6" t="s">
        <v>10610</v>
      </c>
      <c r="I5236" s="7">
        <v>2.8216928999999999</v>
      </c>
      <c r="J5236" s="8">
        <v>-75.294685000000001</v>
      </c>
    </row>
    <row r="5237" spans="1:10" x14ac:dyDescent="0.35">
      <c r="A5237" s="5" t="s">
        <v>10</v>
      </c>
      <c r="B5237" s="6">
        <v>213803</v>
      </c>
      <c r="C5237" s="6" t="s">
        <v>68</v>
      </c>
      <c r="D5237" s="6" t="s">
        <v>69</v>
      </c>
      <c r="E5237" s="6">
        <v>11001</v>
      </c>
      <c r="F5237" s="6" t="s">
        <v>18</v>
      </c>
      <c r="G5237" s="6" t="s">
        <v>10611</v>
      </c>
      <c r="H5237" s="6" t="s">
        <v>10612</v>
      </c>
      <c r="I5237" s="7">
        <v>4.5833123000000002</v>
      </c>
      <c r="J5237" s="8">
        <v>-74.141777899999994</v>
      </c>
    </row>
    <row r="5238" spans="1:10" x14ac:dyDescent="0.35">
      <c r="A5238" s="5" t="s">
        <v>10</v>
      </c>
      <c r="B5238" s="6">
        <v>244077</v>
      </c>
      <c r="C5238" s="6" t="s">
        <v>24</v>
      </c>
      <c r="D5238" s="6" t="s">
        <v>88</v>
      </c>
      <c r="E5238" s="6">
        <v>15001</v>
      </c>
      <c r="F5238" s="6" t="s">
        <v>18</v>
      </c>
      <c r="G5238" s="6" t="s">
        <v>10613</v>
      </c>
      <c r="H5238" s="6" t="s">
        <v>10614</v>
      </c>
      <c r="I5238" s="7">
        <v>5.5608560000000002</v>
      </c>
      <c r="J5238" s="8">
        <v>-73.348783800000007</v>
      </c>
    </row>
    <row r="5239" spans="1:10" x14ac:dyDescent="0.35">
      <c r="A5239" s="5" t="s">
        <v>10</v>
      </c>
      <c r="B5239" s="6">
        <v>189891</v>
      </c>
      <c r="C5239" s="6" t="s">
        <v>294</v>
      </c>
      <c r="D5239" s="6" t="s">
        <v>703</v>
      </c>
      <c r="E5239" s="6">
        <v>41001</v>
      </c>
      <c r="F5239" s="6" t="s">
        <v>18</v>
      </c>
      <c r="G5239" s="6" t="s">
        <v>10615</v>
      </c>
      <c r="H5239" s="6" t="s">
        <v>10616</v>
      </c>
      <c r="I5239" s="7">
        <v>2.9562208000000001</v>
      </c>
      <c r="J5239" s="8">
        <v>-75.284116799999893</v>
      </c>
    </row>
    <row r="5240" spans="1:10" x14ac:dyDescent="0.35">
      <c r="A5240" s="5" t="s">
        <v>10</v>
      </c>
      <c r="B5240" s="6">
        <v>234254</v>
      </c>
      <c r="C5240" s="6" t="s">
        <v>16</v>
      </c>
      <c r="D5240" s="6" t="s">
        <v>1401</v>
      </c>
      <c r="E5240" s="6">
        <v>68307</v>
      </c>
      <c r="F5240" s="6" t="s">
        <v>18</v>
      </c>
      <c r="G5240" s="6" t="s">
        <v>8951</v>
      </c>
      <c r="H5240" s="6" t="s">
        <v>10617</v>
      </c>
      <c r="I5240" s="7">
        <v>7.0498333000000004</v>
      </c>
      <c r="J5240" s="8">
        <v>-73.168322799999999</v>
      </c>
    </row>
    <row r="5241" spans="1:10" x14ac:dyDescent="0.35">
      <c r="A5241" s="5" t="s">
        <v>10</v>
      </c>
      <c r="B5241" s="6">
        <v>94524</v>
      </c>
      <c r="C5241" s="6" t="s">
        <v>11</v>
      </c>
      <c r="D5241" s="6" t="s">
        <v>10618</v>
      </c>
      <c r="E5241" s="6">
        <v>25095</v>
      </c>
      <c r="F5241" s="6" t="s">
        <v>18</v>
      </c>
      <c r="G5241" s="6" t="s">
        <v>10619</v>
      </c>
      <c r="H5241" s="6" t="s">
        <v>10620</v>
      </c>
      <c r="I5241" s="7">
        <v>4.8088842999999999</v>
      </c>
      <c r="J5241" s="8">
        <v>-74.352442099999905</v>
      </c>
    </row>
    <row r="5242" spans="1:10" x14ac:dyDescent="0.35">
      <c r="A5242" s="5" t="s">
        <v>10</v>
      </c>
      <c r="B5242" s="6">
        <v>202453</v>
      </c>
      <c r="C5242" s="6" t="s">
        <v>16</v>
      </c>
      <c r="D5242" s="6" t="s">
        <v>1266</v>
      </c>
      <c r="E5242" s="6">
        <v>68081</v>
      </c>
      <c r="F5242" s="6" t="s">
        <v>18</v>
      </c>
      <c r="G5242" s="6" t="s">
        <v>10621</v>
      </c>
      <c r="H5242" s="6" t="s">
        <v>10622</v>
      </c>
      <c r="I5242" s="7">
        <v>7.0737006999999998</v>
      </c>
      <c r="J5242" s="8">
        <v>-73.848067999999998</v>
      </c>
    </row>
    <row r="5243" spans="1:10" x14ac:dyDescent="0.35">
      <c r="A5243" s="5" t="s">
        <v>10</v>
      </c>
      <c r="B5243" s="6">
        <v>219069</v>
      </c>
      <c r="C5243" s="6" t="s">
        <v>68</v>
      </c>
      <c r="D5243" s="6" t="s">
        <v>69</v>
      </c>
      <c r="E5243" s="6">
        <v>11001</v>
      </c>
      <c r="F5243" s="6" t="s">
        <v>13</v>
      </c>
      <c r="G5243" s="6" t="s">
        <v>10623</v>
      </c>
      <c r="H5243" s="6" t="s">
        <v>10624</v>
      </c>
      <c r="I5243" s="7">
        <v>4.5637166999999996</v>
      </c>
      <c r="J5243" s="8">
        <v>-74.105311200000003</v>
      </c>
    </row>
    <row r="5244" spans="1:10" x14ac:dyDescent="0.35">
      <c r="A5244" s="5" t="s">
        <v>10</v>
      </c>
      <c r="B5244" s="6">
        <v>238657</v>
      </c>
      <c r="C5244" s="6" t="s">
        <v>68</v>
      </c>
      <c r="D5244" s="6" t="s">
        <v>69</v>
      </c>
      <c r="E5244" s="6">
        <v>11001</v>
      </c>
      <c r="F5244" s="6" t="s">
        <v>18</v>
      </c>
      <c r="G5244" s="6" t="s">
        <v>10625</v>
      </c>
      <c r="H5244" s="6" t="s">
        <v>10626</v>
      </c>
      <c r="I5244" s="7">
        <v>4.6711402</v>
      </c>
      <c r="J5244" s="8">
        <v>-74.118435899999994</v>
      </c>
    </row>
    <row r="5245" spans="1:10" x14ac:dyDescent="0.35">
      <c r="A5245" s="5" t="s">
        <v>10</v>
      </c>
      <c r="B5245" s="6">
        <v>205111</v>
      </c>
      <c r="C5245" s="6" t="s">
        <v>2821</v>
      </c>
      <c r="D5245" s="6" t="s">
        <v>2822</v>
      </c>
      <c r="E5245" s="6">
        <v>47001</v>
      </c>
      <c r="F5245" s="6" t="s">
        <v>18</v>
      </c>
      <c r="G5245" s="6" t="s">
        <v>10627</v>
      </c>
      <c r="H5245" s="6" t="s">
        <v>10628</v>
      </c>
      <c r="I5245" s="7">
        <v>11.2340681</v>
      </c>
      <c r="J5245" s="8">
        <v>-74.177526999999998</v>
      </c>
    </row>
    <row r="5246" spans="1:10" x14ac:dyDescent="0.35">
      <c r="A5246" s="5" t="s">
        <v>10</v>
      </c>
      <c r="B5246" s="6">
        <v>239324</v>
      </c>
      <c r="C5246" s="6" t="s">
        <v>38</v>
      </c>
      <c r="D5246" s="6" t="s">
        <v>3034</v>
      </c>
      <c r="E5246" s="6">
        <v>19100</v>
      </c>
      <c r="F5246" s="6" t="s">
        <v>18</v>
      </c>
      <c r="G5246" s="6" t="s">
        <v>113</v>
      </c>
      <c r="H5246" s="6" t="s">
        <v>10629</v>
      </c>
      <c r="I5246" s="7">
        <v>1.8351907000000001</v>
      </c>
      <c r="J5246" s="8">
        <v>-76.966543999999999</v>
      </c>
    </row>
    <row r="5247" spans="1:10" x14ac:dyDescent="0.35">
      <c r="A5247" s="5" t="s">
        <v>10</v>
      </c>
      <c r="B5247" s="6">
        <v>244017</v>
      </c>
      <c r="C5247" s="6" t="s">
        <v>16</v>
      </c>
      <c r="D5247" s="6" t="s">
        <v>1266</v>
      </c>
      <c r="E5247" s="6">
        <v>68081</v>
      </c>
      <c r="F5247" s="6" t="s">
        <v>18</v>
      </c>
      <c r="G5247" s="6" t="s">
        <v>10630</v>
      </c>
      <c r="H5247" s="6" t="s">
        <v>10631</v>
      </c>
      <c r="I5247" s="7">
        <v>7.0601944999999997</v>
      </c>
      <c r="J5247" s="8">
        <v>-73.875277499999996</v>
      </c>
    </row>
    <row r="5248" spans="1:10" x14ac:dyDescent="0.35">
      <c r="A5248" s="5" t="s">
        <v>10</v>
      </c>
      <c r="B5248" s="6">
        <v>241730</v>
      </c>
      <c r="C5248" s="6" t="s">
        <v>42</v>
      </c>
      <c r="D5248" s="6" t="s">
        <v>602</v>
      </c>
      <c r="E5248" s="6">
        <v>17777</v>
      </c>
      <c r="F5248" s="6" t="s">
        <v>18</v>
      </c>
      <c r="G5248" s="6" t="s">
        <v>10632</v>
      </c>
      <c r="H5248" s="6" t="s">
        <v>10633</v>
      </c>
      <c r="I5248" s="7">
        <v>5.4558900000000001</v>
      </c>
      <c r="J5248" s="8">
        <v>-75.650401000000002</v>
      </c>
    </row>
    <row r="5249" spans="1:10" x14ac:dyDescent="0.35">
      <c r="A5249" s="5" t="s">
        <v>10</v>
      </c>
      <c r="B5249" s="6">
        <v>216605</v>
      </c>
      <c r="C5249" s="6" t="s">
        <v>294</v>
      </c>
      <c r="D5249" s="6" t="s">
        <v>3201</v>
      </c>
      <c r="E5249" s="6">
        <v>41378</v>
      </c>
      <c r="F5249" s="6" t="s">
        <v>13</v>
      </c>
      <c r="G5249" s="6" t="s">
        <v>10634</v>
      </c>
      <c r="H5249" s="6" t="s">
        <v>10635</v>
      </c>
      <c r="I5249" s="7">
        <v>1.8518036</v>
      </c>
      <c r="J5249" s="8">
        <v>-76.044988000000004</v>
      </c>
    </row>
    <row r="5250" spans="1:10" x14ac:dyDescent="0.35">
      <c r="A5250" s="5" t="s">
        <v>10</v>
      </c>
      <c r="B5250" s="6">
        <v>232175</v>
      </c>
      <c r="C5250" s="6" t="s">
        <v>11</v>
      </c>
      <c r="D5250" s="6" t="s">
        <v>3104</v>
      </c>
      <c r="E5250" s="6">
        <v>25245</v>
      </c>
      <c r="F5250" s="6" t="s">
        <v>18</v>
      </c>
      <c r="G5250" s="6" t="s">
        <v>10636</v>
      </c>
      <c r="H5250" s="6" t="s">
        <v>10637</v>
      </c>
      <c r="I5250" s="7">
        <v>4.7253759999999998</v>
      </c>
      <c r="J5250" s="8">
        <v>-74.268244999999993</v>
      </c>
    </row>
    <row r="5251" spans="1:10" x14ac:dyDescent="0.35">
      <c r="A5251" s="5" t="s">
        <v>10</v>
      </c>
      <c r="B5251" s="6">
        <v>140409</v>
      </c>
      <c r="C5251" s="6" t="s">
        <v>294</v>
      </c>
      <c r="D5251" s="6" t="s">
        <v>703</v>
      </c>
      <c r="E5251" s="6">
        <v>41001</v>
      </c>
      <c r="F5251" s="6" t="s">
        <v>18</v>
      </c>
      <c r="G5251" s="6" t="s">
        <v>10638</v>
      </c>
      <c r="H5251" s="6" t="s">
        <v>10639</v>
      </c>
      <c r="I5251" s="7">
        <v>2.9195422999999998</v>
      </c>
      <c r="J5251" s="8">
        <v>-75.280113399999905</v>
      </c>
    </row>
    <row r="5252" spans="1:10" x14ac:dyDescent="0.35">
      <c r="A5252" s="5" t="s">
        <v>10</v>
      </c>
      <c r="B5252" s="6">
        <v>214409</v>
      </c>
      <c r="C5252" s="6" t="s">
        <v>294</v>
      </c>
      <c r="D5252" s="6" t="s">
        <v>703</v>
      </c>
      <c r="E5252" s="6">
        <v>41001</v>
      </c>
      <c r="F5252" s="6" t="s">
        <v>18</v>
      </c>
      <c r="G5252" s="6" t="s">
        <v>10640</v>
      </c>
      <c r="H5252" s="6" t="s">
        <v>10641</v>
      </c>
      <c r="I5252" s="7">
        <v>2.9350841999999999</v>
      </c>
      <c r="J5252" s="8">
        <v>-75.268983800000001</v>
      </c>
    </row>
    <row r="5253" spans="1:10" x14ac:dyDescent="0.35">
      <c r="A5253" s="5" t="s">
        <v>10</v>
      </c>
      <c r="B5253" s="6">
        <v>191443</v>
      </c>
      <c r="C5253" s="6" t="s">
        <v>11</v>
      </c>
      <c r="D5253" s="6" t="s">
        <v>513</v>
      </c>
      <c r="E5253" s="6">
        <v>25286</v>
      </c>
      <c r="F5253" s="6" t="s">
        <v>18</v>
      </c>
      <c r="G5253" s="6" t="s">
        <v>10642</v>
      </c>
      <c r="H5253" s="6" t="s">
        <v>10643</v>
      </c>
      <c r="I5253" s="7">
        <v>4.7106186999999897</v>
      </c>
      <c r="J5253" s="8">
        <v>-74.213479399999997</v>
      </c>
    </row>
    <row r="5254" spans="1:10" x14ac:dyDescent="0.35">
      <c r="A5254" s="5" t="s">
        <v>10</v>
      </c>
      <c r="B5254" s="6">
        <v>232042</v>
      </c>
      <c r="C5254" s="6" t="s">
        <v>2821</v>
      </c>
      <c r="D5254" s="6" t="s">
        <v>7712</v>
      </c>
      <c r="E5254" s="6">
        <v>47189</v>
      </c>
      <c r="F5254" s="6" t="s">
        <v>18</v>
      </c>
      <c r="G5254" s="6" t="s">
        <v>10644</v>
      </c>
      <c r="H5254" s="6" t="s">
        <v>10645</v>
      </c>
      <c r="I5254" s="7">
        <v>4.5980749000000003</v>
      </c>
      <c r="J5254" s="8">
        <v>-74.077615300000005</v>
      </c>
    </row>
    <row r="5255" spans="1:10" x14ac:dyDescent="0.35">
      <c r="A5255" s="5" t="s">
        <v>10</v>
      </c>
      <c r="B5255" s="6">
        <v>213500</v>
      </c>
      <c r="C5255" s="6" t="s">
        <v>38</v>
      </c>
      <c r="D5255" s="6" t="s">
        <v>9498</v>
      </c>
      <c r="E5255" s="6">
        <v>19548</v>
      </c>
      <c r="F5255" s="6" t="s">
        <v>18</v>
      </c>
      <c r="G5255" s="6" t="s">
        <v>10646</v>
      </c>
      <c r="H5255" s="6" t="s">
        <v>10647</v>
      </c>
      <c r="I5255" s="7">
        <v>2.6341939000000001</v>
      </c>
      <c r="J5255" s="8">
        <v>-76.525311899999906</v>
      </c>
    </row>
    <row r="5256" spans="1:10" x14ac:dyDescent="0.35">
      <c r="A5256" s="5" t="s">
        <v>10</v>
      </c>
      <c r="B5256" s="6">
        <v>232450</v>
      </c>
      <c r="C5256" s="6" t="s">
        <v>16</v>
      </c>
      <c r="D5256" s="6" t="s">
        <v>1266</v>
      </c>
      <c r="E5256" s="6">
        <v>68081</v>
      </c>
      <c r="F5256" s="6" t="s">
        <v>18</v>
      </c>
      <c r="G5256" s="6" t="s">
        <v>10648</v>
      </c>
      <c r="H5256" s="6" t="s">
        <v>10649</v>
      </c>
      <c r="I5256" s="7">
        <v>7.0803796999999999</v>
      </c>
      <c r="J5256" s="8">
        <v>-73.853873899999996</v>
      </c>
    </row>
    <row r="5257" spans="1:10" x14ac:dyDescent="0.35">
      <c r="A5257" s="5" t="s">
        <v>10</v>
      </c>
      <c r="B5257" s="6">
        <v>174064</v>
      </c>
      <c r="C5257" s="6" t="s">
        <v>3788</v>
      </c>
      <c r="D5257" s="6" t="s">
        <v>3789</v>
      </c>
      <c r="E5257" s="6">
        <v>18592</v>
      </c>
      <c r="F5257" s="6" t="s">
        <v>18</v>
      </c>
      <c r="G5257" s="6" t="s">
        <v>10650</v>
      </c>
      <c r="H5257" s="6" t="s">
        <v>10651</v>
      </c>
      <c r="I5257" s="7">
        <v>1.909918</v>
      </c>
      <c r="J5257" s="8">
        <v>-75.157235</v>
      </c>
    </row>
    <row r="5258" spans="1:10" x14ac:dyDescent="0.35">
      <c r="A5258" s="5" t="s">
        <v>10</v>
      </c>
      <c r="B5258" s="6">
        <v>201088</v>
      </c>
      <c r="C5258" s="6" t="s">
        <v>68</v>
      </c>
      <c r="D5258" s="6" t="s">
        <v>69</v>
      </c>
      <c r="E5258" s="6">
        <v>11001</v>
      </c>
      <c r="F5258" s="6" t="s">
        <v>13</v>
      </c>
      <c r="G5258" s="6" t="s">
        <v>10652</v>
      </c>
      <c r="H5258" s="6" t="s">
        <v>10653</v>
      </c>
      <c r="I5258" s="7">
        <v>4.5920198000000001</v>
      </c>
      <c r="J5258" s="8">
        <v>-74.141444100000001</v>
      </c>
    </row>
    <row r="5259" spans="1:10" x14ac:dyDescent="0.35">
      <c r="A5259" s="5" t="s">
        <v>10</v>
      </c>
      <c r="B5259" s="6">
        <v>236023</v>
      </c>
      <c r="C5259" s="6" t="s">
        <v>68</v>
      </c>
      <c r="D5259" s="6" t="s">
        <v>69</v>
      </c>
      <c r="E5259" s="6">
        <v>11001</v>
      </c>
      <c r="F5259" s="6" t="s">
        <v>18</v>
      </c>
      <c r="G5259" s="6" t="s">
        <v>10654</v>
      </c>
      <c r="H5259" s="6" t="s">
        <v>10655</v>
      </c>
      <c r="I5259" s="7">
        <v>4.7181519999999999</v>
      </c>
      <c r="J5259" s="8">
        <v>-74.110885999999994</v>
      </c>
    </row>
    <row r="5260" spans="1:10" x14ac:dyDescent="0.35">
      <c r="A5260" s="5" t="s">
        <v>10</v>
      </c>
      <c r="B5260" s="6">
        <v>244392</v>
      </c>
      <c r="C5260" s="6" t="s">
        <v>117</v>
      </c>
      <c r="D5260" s="6" t="s">
        <v>1334</v>
      </c>
      <c r="E5260" s="6">
        <v>76001</v>
      </c>
      <c r="F5260" s="6" t="s">
        <v>18</v>
      </c>
      <c r="G5260" s="6" t="s">
        <v>10656</v>
      </c>
      <c r="H5260" s="6" t="s">
        <v>10657</v>
      </c>
      <c r="I5260" s="7">
        <v>3.4537113000000002</v>
      </c>
      <c r="J5260" s="8">
        <v>-76.565282800000006</v>
      </c>
    </row>
    <row r="5261" spans="1:10" x14ac:dyDescent="0.35">
      <c r="A5261" s="5" t="s">
        <v>10</v>
      </c>
      <c r="B5261" s="6">
        <v>126680</v>
      </c>
      <c r="C5261" s="6" t="s">
        <v>294</v>
      </c>
      <c r="D5261" s="6" t="s">
        <v>4634</v>
      </c>
      <c r="E5261" s="6">
        <v>41020</v>
      </c>
      <c r="F5261" s="6" t="s">
        <v>18</v>
      </c>
      <c r="G5261" s="6" t="s">
        <v>10658</v>
      </c>
      <c r="H5261" s="6" t="s">
        <v>10659</v>
      </c>
      <c r="I5261" s="7">
        <v>2.5232860000000001</v>
      </c>
      <c r="J5261" s="8">
        <v>-75.315622899999994</v>
      </c>
    </row>
    <row r="5262" spans="1:10" x14ac:dyDescent="0.35">
      <c r="A5262" s="5" t="s">
        <v>10</v>
      </c>
      <c r="B5262" s="6">
        <v>231814</v>
      </c>
      <c r="C5262" s="6" t="s">
        <v>16</v>
      </c>
      <c r="D5262" s="6" t="s">
        <v>78</v>
      </c>
      <c r="E5262" s="6">
        <v>68001</v>
      </c>
      <c r="F5262" s="6" t="s">
        <v>18</v>
      </c>
      <c r="G5262" s="6" t="s">
        <v>10660</v>
      </c>
      <c r="H5262" s="6" t="s">
        <v>10661</v>
      </c>
      <c r="I5262" s="7">
        <v>7.1499300000000003</v>
      </c>
      <c r="J5262" s="8">
        <v>-73.133185999999995</v>
      </c>
    </row>
    <row r="5263" spans="1:10" x14ac:dyDescent="0.35">
      <c r="A5263" s="5" t="s">
        <v>10</v>
      </c>
      <c r="B5263" s="6">
        <v>240350</v>
      </c>
      <c r="C5263" s="6" t="s">
        <v>68</v>
      </c>
      <c r="D5263" s="6" t="s">
        <v>69</v>
      </c>
      <c r="E5263" s="6">
        <v>11001</v>
      </c>
      <c r="F5263" s="6" t="s">
        <v>18</v>
      </c>
      <c r="G5263" s="6" t="s">
        <v>10662</v>
      </c>
      <c r="H5263" s="6" t="s">
        <v>10663</v>
      </c>
      <c r="I5263" s="7">
        <v>4.6129591999999997</v>
      </c>
      <c r="J5263" s="8">
        <v>-74.192850800000002</v>
      </c>
    </row>
    <row r="5264" spans="1:10" x14ac:dyDescent="0.35">
      <c r="A5264" s="5" t="s">
        <v>10</v>
      </c>
      <c r="B5264" s="6">
        <v>178523</v>
      </c>
      <c r="C5264" s="6" t="s">
        <v>68</v>
      </c>
      <c r="D5264" s="6" t="s">
        <v>69</v>
      </c>
      <c r="E5264" s="6">
        <v>11001</v>
      </c>
      <c r="F5264" s="6" t="s">
        <v>18</v>
      </c>
      <c r="G5264" s="6" t="s">
        <v>10664</v>
      </c>
      <c r="H5264" s="6" t="s">
        <v>10665</v>
      </c>
      <c r="I5264" s="7">
        <v>4.5409392999999998</v>
      </c>
      <c r="J5264" s="8">
        <v>-74.118042199999906</v>
      </c>
    </row>
    <row r="5265" spans="1:10" x14ac:dyDescent="0.35">
      <c r="A5265" s="5" t="s">
        <v>10</v>
      </c>
      <c r="B5265" s="6">
        <v>214876</v>
      </c>
      <c r="C5265" s="6" t="s">
        <v>302</v>
      </c>
      <c r="D5265" s="6" t="s">
        <v>5913</v>
      </c>
      <c r="E5265" s="6">
        <v>8296</v>
      </c>
      <c r="F5265" s="6" t="s">
        <v>18</v>
      </c>
      <c r="G5265" s="6" t="s">
        <v>113</v>
      </c>
      <c r="H5265" s="6" t="s">
        <v>10666</v>
      </c>
      <c r="I5265" s="7">
        <v>10.9649135</v>
      </c>
      <c r="J5265" s="8">
        <v>-74.798801699999999</v>
      </c>
    </row>
    <row r="5266" spans="1:10" x14ac:dyDescent="0.35">
      <c r="A5266" s="5" t="s">
        <v>10</v>
      </c>
      <c r="B5266" s="6">
        <v>239729</v>
      </c>
      <c r="C5266" s="6" t="s">
        <v>38</v>
      </c>
      <c r="D5266" s="6" t="s">
        <v>39</v>
      </c>
      <c r="E5266" s="6">
        <v>19001</v>
      </c>
      <c r="F5266" s="6" t="s">
        <v>18</v>
      </c>
      <c r="G5266" s="6" t="s">
        <v>10667</v>
      </c>
      <c r="H5266" s="6" t="s">
        <v>10668</v>
      </c>
      <c r="I5266" s="7">
        <v>2.4418164</v>
      </c>
      <c r="J5266" s="8">
        <v>-76.6170501</v>
      </c>
    </row>
    <row r="5267" spans="1:10" x14ac:dyDescent="0.35">
      <c r="A5267" s="5" t="s">
        <v>10</v>
      </c>
      <c r="B5267" s="6">
        <v>188765</v>
      </c>
      <c r="C5267" s="6" t="s">
        <v>3788</v>
      </c>
      <c r="D5267" s="6" t="s">
        <v>3974</v>
      </c>
      <c r="E5267" s="6">
        <v>18001</v>
      </c>
      <c r="F5267" s="6" t="s">
        <v>18</v>
      </c>
      <c r="G5267" s="6" t="s">
        <v>10669</v>
      </c>
      <c r="H5267" s="6" t="s">
        <v>10670</v>
      </c>
      <c r="I5267" s="7">
        <v>1.6153858000000001</v>
      </c>
      <c r="J5267" s="8">
        <v>-75.604236399999905</v>
      </c>
    </row>
    <row r="5268" spans="1:10" x14ac:dyDescent="0.35">
      <c r="A5268" s="5" t="s">
        <v>10</v>
      </c>
      <c r="B5268" s="6">
        <v>232276</v>
      </c>
      <c r="C5268" s="6" t="s">
        <v>294</v>
      </c>
      <c r="D5268" s="6" t="s">
        <v>447</v>
      </c>
      <c r="E5268" s="6">
        <v>41551</v>
      </c>
      <c r="F5268" s="6" t="s">
        <v>18</v>
      </c>
      <c r="G5268" s="6" t="s">
        <v>10671</v>
      </c>
      <c r="H5268" s="6" t="s">
        <v>10672</v>
      </c>
      <c r="I5268" s="7">
        <v>1.842884</v>
      </c>
      <c r="J5268" s="8">
        <v>-76.045580999999999</v>
      </c>
    </row>
    <row r="5269" spans="1:10" x14ac:dyDescent="0.35">
      <c r="A5269" s="5" t="s">
        <v>10</v>
      </c>
      <c r="B5269" s="6">
        <v>248474</v>
      </c>
      <c r="C5269" s="6" t="s">
        <v>16</v>
      </c>
      <c r="D5269" s="6" t="s">
        <v>78</v>
      </c>
      <c r="E5269" s="6">
        <v>68001</v>
      </c>
      <c r="F5269" s="6" t="s">
        <v>18</v>
      </c>
      <c r="G5269" s="6" t="s">
        <v>10673</v>
      </c>
      <c r="H5269" s="6" t="s">
        <v>10674</v>
      </c>
      <c r="I5269" s="7">
        <v>7.1442157999999996</v>
      </c>
      <c r="J5269" s="8">
        <v>-73.132314199999996</v>
      </c>
    </row>
    <row r="5270" spans="1:10" x14ac:dyDescent="0.35">
      <c r="A5270" s="5" t="s">
        <v>10</v>
      </c>
      <c r="B5270" s="6">
        <v>96472</v>
      </c>
      <c r="C5270" s="6" t="s">
        <v>11</v>
      </c>
      <c r="D5270" s="6" t="s">
        <v>337</v>
      </c>
      <c r="E5270" s="6">
        <v>25290</v>
      </c>
      <c r="F5270" s="6" t="s">
        <v>18</v>
      </c>
      <c r="G5270" s="6" t="s">
        <v>9984</v>
      </c>
      <c r="H5270" s="6" t="s">
        <v>9985</v>
      </c>
      <c r="I5270" s="7">
        <v>4.3454497999999999</v>
      </c>
      <c r="J5270" s="8">
        <v>-74.361503299999995</v>
      </c>
    </row>
    <row r="5271" spans="1:10" x14ac:dyDescent="0.35">
      <c r="A5271" s="5" t="s">
        <v>10</v>
      </c>
      <c r="B5271" s="6">
        <v>238659</v>
      </c>
      <c r="C5271" s="6" t="s">
        <v>68</v>
      </c>
      <c r="D5271" s="6" t="s">
        <v>69</v>
      </c>
      <c r="E5271" s="6">
        <v>11001</v>
      </c>
      <c r="F5271" s="6" t="s">
        <v>18</v>
      </c>
      <c r="G5271" s="6" t="s">
        <v>10675</v>
      </c>
      <c r="H5271" s="6" t="s">
        <v>10676</v>
      </c>
      <c r="I5271" s="7">
        <v>4.6900883000000002</v>
      </c>
      <c r="J5271" s="8">
        <v>-74.084546200000005</v>
      </c>
    </row>
    <row r="5272" spans="1:10" x14ac:dyDescent="0.35">
      <c r="A5272" s="5" t="s">
        <v>10</v>
      </c>
      <c r="B5272" s="6">
        <v>214687</v>
      </c>
      <c r="C5272" s="6" t="s">
        <v>302</v>
      </c>
      <c r="D5272" s="6" t="s">
        <v>359</v>
      </c>
      <c r="E5272" s="6">
        <v>8001</v>
      </c>
      <c r="F5272" s="6" t="s">
        <v>18</v>
      </c>
      <c r="G5272" s="6" t="s">
        <v>10677</v>
      </c>
      <c r="H5272" s="6" t="s">
        <v>10678</v>
      </c>
      <c r="I5272" s="7">
        <v>10.9247684</v>
      </c>
      <c r="J5272" s="8">
        <v>-74.811551699999995</v>
      </c>
    </row>
    <row r="5273" spans="1:10" x14ac:dyDescent="0.35">
      <c r="A5273" s="5" t="s">
        <v>10</v>
      </c>
      <c r="B5273" s="6">
        <v>230988</v>
      </c>
      <c r="C5273" s="6" t="s">
        <v>302</v>
      </c>
      <c r="D5273" s="6" t="s">
        <v>359</v>
      </c>
      <c r="E5273" s="6">
        <v>8001</v>
      </c>
      <c r="F5273" s="6" t="s">
        <v>18</v>
      </c>
      <c r="G5273" s="6" t="s">
        <v>10679</v>
      </c>
      <c r="H5273" s="6" t="s">
        <v>10680</v>
      </c>
      <c r="I5273" s="7">
        <v>10.9430079</v>
      </c>
      <c r="J5273" s="8">
        <v>-74.788171899999995</v>
      </c>
    </row>
    <row r="5274" spans="1:10" x14ac:dyDescent="0.35">
      <c r="A5274" s="5" t="s">
        <v>10</v>
      </c>
      <c r="B5274" s="6">
        <v>241390</v>
      </c>
      <c r="C5274" s="6" t="s">
        <v>302</v>
      </c>
      <c r="D5274" s="6" t="s">
        <v>359</v>
      </c>
      <c r="E5274" s="6">
        <v>8001</v>
      </c>
      <c r="F5274" s="6" t="s">
        <v>18</v>
      </c>
      <c r="G5274" s="6" t="s">
        <v>10681</v>
      </c>
      <c r="H5274" s="6" t="s">
        <v>10682</v>
      </c>
      <c r="I5274" s="7">
        <v>10.9975532</v>
      </c>
      <c r="J5274" s="8">
        <v>-74.812807699999993</v>
      </c>
    </row>
    <row r="5275" spans="1:10" x14ac:dyDescent="0.35">
      <c r="A5275" s="5" t="s">
        <v>10</v>
      </c>
      <c r="B5275" s="6">
        <v>216387</v>
      </c>
      <c r="C5275" s="6" t="s">
        <v>308</v>
      </c>
      <c r="D5275" s="6" t="s">
        <v>309</v>
      </c>
      <c r="E5275" s="6">
        <v>23001</v>
      </c>
      <c r="F5275" s="6" t="s">
        <v>18</v>
      </c>
      <c r="G5275" s="6" t="s">
        <v>10683</v>
      </c>
      <c r="H5275" s="6" t="s">
        <v>10684</v>
      </c>
      <c r="I5275" s="7">
        <v>8.7699257999999993</v>
      </c>
      <c r="J5275" s="8">
        <v>-75.888486299999997</v>
      </c>
    </row>
    <row r="5276" spans="1:10" x14ac:dyDescent="0.35">
      <c r="A5276" s="5" t="s">
        <v>10</v>
      </c>
      <c r="B5276" s="6">
        <v>232367</v>
      </c>
      <c r="C5276" s="6" t="s">
        <v>38</v>
      </c>
      <c r="D5276" s="6" t="s">
        <v>39</v>
      </c>
      <c r="E5276" s="6">
        <v>19001</v>
      </c>
      <c r="F5276" s="6" t="s">
        <v>18</v>
      </c>
      <c r="G5276" s="6" t="s">
        <v>10685</v>
      </c>
      <c r="H5276" s="6" t="s">
        <v>10686</v>
      </c>
      <c r="I5276" s="7">
        <v>2.4826689000000002</v>
      </c>
      <c r="J5276" s="8">
        <v>-76.576929000000007</v>
      </c>
    </row>
    <row r="5277" spans="1:10" x14ac:dyDescent="0.35">
      <c r="A5277" s="5" t="s">
        <v>10</v>
      </c>
      <c r="B5277" s="6">
        <v>242990</v>
      </c>
      <c r="C5277" s="6" t="s">
        <v>16</v>
      </c>
      <c r="D5277" s="6" t="s">
        <v>78</v>
      </c>
      <c r="E5277" s="6">
        <v>68001</v>
      </c>
      <c r="F5277" s="6" t="s">
        <v>18</v>
      </c>
      <c r="G5277" s="6" t="s">
        <v>10687</v>
      </c>
      <c r="H5277" s="6" t="s">
        <v>10688</v>
      </c>
      <c r="I5277" s="7">
        <v>7.1153817000000004</v>
      </c>
      <c r="J5277" s="8">
        <v>-73.108934899999994</v>
      </c>
    </row>
    <row r="5278" spans="1:10" x14ac:dyDescent="0.35">
      <c r="A5278" s="5" t="s">
        <v>10</v>
      </c>
      <c r="B5278" s="6">
        <v>212262</v>
      </c>
      <c r="C5278" s="6" t="s">
        <v>3788</v>
      </c>
      <c r="D5278" s="6" t="s">
        <v>3974</v>
      </c>
      <c r="E5278" s="6">
        <v>18001</v>
      </c>
      <c r="F5278" s="6" t="s">
        <v>18</v>
      </c>
      <c r="G5278" s="6" t="s">
        <v>10689</v>
      </c>
      <c r="H5278" s="6" t="s">
        <v>10690</v>
      </c>
      <c r="I5278" s="7">
        <v>1.6145754000000001</v>
      </c>
      <c r="J5278" s="8">
        <v>-75.616291799999999</v>
      </c>
    </row>
    <row r="5279" spans="1:10" x14ac:dyDescent="0.35">
      <c r="A5279" s="5" t="s">
        <v>10</v>
      </c>
      <c r="B5279" s="6">
        <v>210213</v>
      </c>
      <c r="C5279" s="6" t="s">
        <v>68</v>
      </c>
      <c r="D5279" s="6" t="s">
        <v>69</v>
      </c>
      <c r="E5279" s="6">
        <v>11001</v>
      </c>
      <c r="F5279" s="6" t="s">
        <v>13</v>
      </c>
      <c r="G5279" s="6" t="s">
        <v>10691</v>
      </c>
      <c r="H5279" s="6" t="s">
        <v>10692</v>
      </c>
      <c r="I5279" s="7">
        <v>4.65639</v>
      </c>
      <c r="J5279" s="8">
        <v>-74.073306599999995</v>
      </c>
    </row>
    <row r="5280" spans="1:10" x14ac:dyDescent="0.35">
      <c r="A5280" s="5" t="s">
        <v>10</v>
      </c>
      <c r="B5280" s="6">
        <v>231523</v>
      </c>
      <c r="C5280" s="6" t="s">
        <v>68</v>
      </c>
      <c r="D5280" s="6" t="s">
        <v>69</v>
      </c>
      <c r="E5280" s="6">
        <v>11001</v>
      </c>
      <c r="F5280" s="6" t="s">
        <v>13</v>
      </c>
      <c r="G5280" s="6" t="s">
        <v>10693</v>
      </c>
      <c r="H5280" s="6" t="s">
        <v>10694</v>
      </c>
      <c r="I5280" s="7">
        <v>4.5910380000000002</v>
      </c>
      <c r="J5280" s="8">
        <v>-74.158527000000007</v>
      </c>
    </row>
    <row r="5281" spans="1:10" x14ac:dyDescent="0.35">
      <c r="A5281" s="5" t="s">
        <v>10</v>
      </c>
      <c r="B5281" s="6">
        <v>217450</v>
      </c>
      <c r="C5281" s="6" t="s">
        <v>11</v>
      </c>
      <c r="D5281" s="6" t="s">
        <v>1547</v>
      </c>
      <c r="E5281" s="6">
        <v>25817</v>
      </c>
      <c r="F5281" s="6" t="s">
        <v>18</v>
      </c>
      <c r="G5281" s="6" t="s">
        <v>10695</v>
      </c>
      <c r="H5281" s="6" t="s">
        <v>10696</v>
      </c>
      <c r="I5281" s="7">
        <v>4.9682550000000001</v>
      </c>
      <c r="J5281" s="8">
        <v>-73.908952200000002</v>
      </c>
    </row>
    <row r="5282" spans="1:10" x14ac:dyDescent="0.35">
      <c r="A5282" s="5" t="s">
        <v>10</v>
      </c>
      <c r="B5282" s="6">
        <v>227802</v>
      </c>
      <c r="C5282" s="6" t="s">
        <v>294</v>
      </c>
      <c r="D5282" s="6" t="s">
        <v>703</v>
      </c>
      <c r="E5282" s="6">
        <v>41001</v>
      </c>
      <c r="F5282" s="6" t="s">
        <v>18</v>
      </c>
      <c r="G5282" s="6" t="s">
        <v>10697</v>
      </c>
      <c r="H5282" s="6" t="s">
        <v>10698</v>
      </c>
      <c r="I5282" s="7">
        <v>2.9401742999999998</v>
      </c>
      <c r="J5282" s="8">
        <v>-75.261915899999906</v>
      </c>
    </row>
    <row r="5283" spans="1:10" x14ac:dyDescent="0.35">
      <c r="A5283" s="5" t="s">
        <v>10</v>
      </c>
      <c r="B5283" s="6">
        <v>107047</v>
      </c>
      <c r="C5283" s="6" t="s">
        <v>294</v>
      </c>
      <c r="D5283" s="6" t="s">
        <v>703</v>
      </c>
      <c r="E5283" s="6">
        <v>41001</v>
      </c>
      <c r="F5283" s="6" t="s">
        <v>18</v>
      </c>
      <c r="G5283" s="6" t="s">
        <v>10699</v>
      </c>
      <c r="H5283" s="6" t="s">
        <v>10700</v>
      </c>
      <c r="I5283" s="7">
        <v>3.2175349999999998</v>
      </c>
      <c r="J5283" s="8">
        <v>-75.249040800000003</v>
      </c>
    </row>
    <row r="5284" spans="1:10" x14ac:dyDescent="0.35">
      <c r="A5284" s="5" t="s">
        <v>10</v>
      </c>
      <c r="B5284" s="6">
        <v>232506</v>
      </c>
      <c r="C5284" s="6" t="s">
        <v>16</v>
      </c>
      <c r="D5284" s="6" t="s">
        <v>78</v>
      </c>
      <c r="E5284" s="6">
        <v>68001</v>
      </c>
      <c r="F5284" s="6" t="s">
        <v>18</v>
      </c>
      <c r="G5284" s="6" t="s">
        <v>10701</v>
      </c>
      <c r="H5284" s="6" t="s">
        <v>10702</v>
      </c>
      <c r="I5284" s="7">
        <v>7.1040790999999999</v>
      </c>
      <c r="J5284" s="8">
        <v>-73.124895499999994</v>
      </c>
    </row>
    <row r="5285" spans="1:10" x14ac:dyDescent="0.35">
      <c r="A5285" s="5" t="s">
        <v>10</v>
      </c>
      <c r="B5285" s="6">
        <v>186875</v>
      </c>
      <c r="C5285" s="6" t="s">
        <v>11</v>
      </c>
      <c r="D5285" s="6" t="s">
        <v>6321</v>
      </c>
      <c r="E5285" s="6">
        <v>25040</v>
      </c>
      <c r="F5285" s="6" t="s">
        <v>18</v>
      </c>
      <c r="G5285" s="6" t="s">
        <v>10703</v>
      </c>
      <c r="H5285" s="6" t="s">
        <v>10704</v>
      </c>
      <c r="I5285" s="7">
        <v>4.7616100000000001</v>
      </c>
      <c r="J5285" s="8">
        <v>-74.464581199999998</v>
      </c>
    </row>
    <row r="5286" spans="1:10" x14ac:dyDescent="0.35">
      <c r="A5286" s="5" t="s">
        <v>10</v>
      </c>
      <c r="B5286" s="6">
        <v>230603</v>
      </c>
      <c r="C5286" s="6" t="s">
        <v>68</v>
      </c>
      <c r="D5286" s="6" t="s">
        <v>69</v>
      </c>
      <c r="E5286" s="6">
        <v>11001</v>
      </c>
      <c r="F5286" s="6" t="s">
        <v>18</v>
      </c>
      <c r="G5286" s="6" t="s">
        <v>10705</v>
      </c>
      <c r="H5286" s="6" t="s">
        <v>10706</v>
      </c>
      <c r="I5286" s="7">
        <v>4.5667385999999999</v>
      </c>
      <c r="J5286" s="8">
        <v>-74.094815999999994</v>
      </c>
    </row>
    <row r="5287" spans="1:10" x14ac:dyDescent="0.35">
      <c r="A5287" s="5" t="s">
        <v>10</v>
      </c>
      <c r="B5287" s="6">
        <v>209802</v>
      </c>
      <c r="C5287" s="6" t="s">
        <v>308</v>
      </c>
      <c r="D5287" s="6" t="s">
        <v>9180</v>
      </c>
      <c r="E5287" s="6">
        <v>23675</v>
      </c>
      <c r="F5287" s="6" t="s">
        <v>18</v>
      </c>
      <c r="G5287" s="6" t="s">
        <v>10707</v>
      </c>
      <c r="H5287" s="6" t="s">
        <v>10708</v>
      </c>
      <c r="I5287" s="7">
        <v>9.3523908999999996</v>
      </c>
      <c r="J5287" s="8">
        <v>-75.950880599999905</v>
      </c>
    </row>
    <row r="5288" spans="1:10" x14ac:dyDescent="0.35">
      <c r="A5288" s="5" t="s">
        <v>10</v>
      </c>
      <c r="B5288" s="6">
        <v>236039</v>
      </c>
      <c r="C5288" s="6" t="s">
        <v>68</v>
      </c>
      <c r="D5288" s="6" t="s">
        <v>69</v>
      </c>
      <c r="E5288" s="6">
        <v>11001</v>
      </c>
      <c r="F5288" s="6" t="s">
        <v>13</v>
      </c>
      <c r="G5288" s="6" t="s">
        <v>10709</v>
      </c>
      <c r="H5288" s="6" t="s">
        <v>10710</v>
      </c>
      <c r="I5288" s="7">
        <v>4.5940867000000001</v>
      </c>
      <c r="J5288" s="8">
        <v>-74.108334900000003</v>
      </c>
    </row>
    <row r="5289" spans="1:10" x14ac:dyDescent="0.35">
      <c r="A5289" s="5" t="s">
        <v>10</v>
      </c>
      <c r="B5289" s="6">
        <v>234565</v>
      </c>
      <c r="C5289" s="6" t="s">
        <v>68</v>
      </c>
      <c r="D5289" s="6" t="s">
        <v>69</v>
      </c>
      <c r="E5289" s="6">
        <v>11001</v>
      </c>
      <c r="F5289" s="6" t="s">
        <v>18</v>
      </c>
      <c r="G5289" s="6" t="s">
        <v>10711</v>
      </c>
      <c r="H5289" s="6" t="s">
        <v>10712</v>
      </c>
      <c r="I5289" s="7">
        <v>4.7293352000000004</v>
      </c>
      <c r="J5289" s="8">
        <v>-74.105020100000004</v>
      </c>
    </row>
    <row r="5290" spans="1:10" x14ac:dyDescent="0.35">
      <c r="A5290" s="5" t="s">
        <v>10</v>
      </c>
      <c r="B5290" s="6">
        <v>69362</v>
      </c>
      <c r="C5290" s="6" t="s">
        <v>294</v>
      </c>
      <c r="D5290" s="6" t="s">
        <v>703</v>
      </c>
      <c r="E5290" s="6">
        <v>41001</v>
      </c>
      <c r="F5290" s="6" t="s">
        <v>18</v>
      </c>
      <c r="G5290" s="6" t="s">
        <v>7849</v>
      </c>
      <c r="H5290" s="6" t="s">
        <v>7850</v>
      </c>
      <c r="I5290" s="7">
        <v>2.9567022999999999</v>
      </c>
      <c r="J5290" s="8">
        <v>-75.282984400000004</v>
      </c>
    </row>
    <row r="5291" spans="1:10" x14ac:dyDescent="0.35">
      <c r="A5291" s="5" t="s">
        <v>10</v>
      </c>
      <c r="B5291" s="6">
        <v>145759</v>
      </c>
      <c r="C5291" s="6" t="s">
        <v>294</v>
      </c>
      <c r="D5291" s="6" t="s">
        <v>3201</v>
      </c>
      <c r="E5291" s="6">
        <v>41378</v>
      </c>
      <c r="F5291" s="6" t="s">
        <v>18</v>
      </c>
      <c r="G5291" s="6" t="s">
        <v>8271</v>
      </c>
      <c r="H5291" s="6" t="s">
        <v>8272</v>
      </c>
      <c r="I5291" s="7">
        <v>2.1984439999999998</v>
      </c>
      <c r="J5291" s="8">
        <v>-75.978780999999998</v>
      </c>
    </row>
    <row r="5292" spans="1:10" x14ac:dyDescent="0.35">
      <c r="A5292" s="5" t="s">
        <v>10</v>
      </c>
      <c r="B5292" s="6">
        <v>231746</v>
      </c>
      <c r="C5292" s="6" t="s">
        <v>68</v>
      </c>
      <c r="D5292" s="6" t="s">
        <v>69</v>
      </c>
      <c r="E5292" s="6">
        <v>11001</v>
      </c>
      <c r="F5292" s="6" t="s">
        <v>18</v>
      </c>
      <c r="G5292" s="6" t="s">
        <v>10713</v>
      </c>
      <c r="H5292" s="6" t="s">
        <v>10714</v>
      </c>
      <c r="I5292" s="7">
        <v>4.6455500000000001</v>
      </c>
      <c r="J5292" s="8">
        <v>-74.169381999999999</v>
      </c>
    </row>
    <row r="5293" spans="1:10" x14ac:dyDescent="0.35">
      <c r="A5293" s="5" t="s">
        <v>10</v>
      </c>
      <c r="B5293" s="6">
        <v>177058</v>
      </c>
      <c r="C5293" s="6" t="s">
        <v>68</v>
      </c>
      <c r="D5293" s="6" t="s">
        <v>69</v>
      </c>
      <c r="E5293" s="6">
        <v>11001</v>
      </c>
      <c r="F5293" s="6" t="s">
        <v>18</v>
      </c>
      <c r="G5293" s="6" t="s">
        <v>10715</v>
      </c>
      <c r="H5293" s="6" t="s">
        <v>10716</v>
      </c>
      <c r="I5293" s="7">
        <v>4.5092499000000004</v>
      </c>
      <c r="J5293" s="8">
        <v>-74.119046800000007</v>
      </c>
    </row>
    <row r="5294" spans="1:10" x14ac:dyDescent="0.35">
      <c r="A5294" s="5" t="s">
        <v>10</v>
      </c>
      <c r="B5294" s="6">
        <v>155482</v>
      </c>
      <c r="C5294" s="6" t="s">
        <v>11</v>
      </c>
      <c r="D5294" s="6" t="s">
        <v>5441</v>
      </c>
      <c r="E5294" s="6">
        <v>25483</v>
      </c>
      <c r="F5294" s="6" t="s">
        <v>18</v>
      </c>
      <c r="G5294" s="6" t="s">
        <v>10717</v>
      </c>
      <c r="H5294" s="6" t="s">
        <v>10718</v>
      </c>
      <c r="I5294" s="7">
        <v>4.3982779999999897</v>
      </c>
      <c r="J5294" s="8">
        <v>-74.828717999999995</v>
      </c>
    </row>
    <row r="5295" spans="1:10" x14ac:dyDescent="0.35">
      <c r="A5295" s="5" t="s">
        <v>10</v>
      </c>
      <c r="B5295" s="6">
        <v>197053</v>
      </c>
      <c r="C5295" s="6" t="s">
        <v>2821</v>
      </c>
      <c r="D5295" s="6" t="s">
        <v>2822</v>
      </c>
      <c r="E5295" s="6">
        <v>47001</v>
      </c>
      <c r="F5295" s="6" t="s">
        <v>18</v>
      </c>
      <c r="G5295" s="6" t="s">
        <v>8385</v>
      </c>
      <c r="H5295" s="6" t="s">
        <v>8386</v>
      </c>
      <c r="I5295" s="7">
        <v>11.2326335</v>
      </c>
      <c r="J5295" s="8">
        <v>-74.194842699999995</v>
      </c>
    </row>
    <row r="5296" spans="1:10" x14ac:dyDescent="0.35">
      <c r="A5296" s="5" t="s">
        <v>10</v>
      </c>
      <c r="B5296" s="6">
        <v>244919</v>
      </c>
      <c r="C5296" s="6" t="s">
        <v>302</v>
      </c>
      <c r="D5296" s="6" t="s">
        <v>359</v>
      </c>
      <c r="E5296" s="6">
        <v>8001</v>
      </c>
      <c r="F5296" s="6" t="s">
        <v>18</v>
      </c>
      <c r="G5296" s="6" t="s">
        <v>10719</v>
      </c>
      <c r="H5296" s="6" t="s">
        <v>10720</v>
      </c>
      <c r="I5296" s="7">
        <v>10.965111800000001</v>
      </c>
      <c r="J5296" s="8">
        <v>-74.787270399999997</v>
      </c>
    </row>
    <row r="5297" spans="1:10" x14ac:dyDescent="0.35">
      <c r="A5297" s="5" t="s">
        <v>10</v>
      </c>
      <c r="B5297" s="6">
        <v>241757</v>
      </c>
      <c r="C5297" s="6" t="s">
        <v>94</v>
      </c>
      <c r="D5297" s="6" t="s">
        <v>98</v>
      </c>
      <c r="E5297" s="6">
        <v>66001</v>
      </c>
      <c r="F5297" s="6" t="s">
        <v>18</v>
      </c>
      <c r="G5297" s="6" t="s">
        <v>10721</v>
      </c>
      <c r="H5297" s="6" t="s">
        <v>10722</v>
      </c>
      <c r="I5297" s="7">
        <v>4.8133894000000002</v>
      </c>
      <c r="J5297" s="8">
        <v>-75.698826100000005</v>
      </c>
    </row>
    <row r="5298" spans="1:10" x14ac:dyDescent="0.35">
      <c r="A5298" s="5" t="s">
        <v>10</v>
      </c>
      <c r="B5298" s="6">
        <v>192461</v>
      </c>
      <c r="C5298" s="6" t="s">
        <v>109</v>
      </c>
      <c r="D5298" s="6" t="s">
        <v>10723</v>
      </c>
      <c r="E5298" s="6">
        <v>13838</v>
      </c>
      <c r="F5298" s="6" t="s">
        <v>13</v>
      </c>
      <c r="G5298" s="6" t="s">
        <v>10724</v>
      </c>
      <c r="H5298" s="6" t="s">
        <v>10725</v>
      </c>
      <c r="I5298" s="7">
        <v>10.273709500000001</v>
      </c>
      <c r="J5298" s="8">
        <v>-75.447169099999996</v>
      </c>
    </row>
    <row r="5299" spans="1:10" x14ac:dyDescent="0.35">
      <c r="A5299" s="5" t="s">
        <v>10</v>
      </c>
      <c r="B5299" s="6">
        <v>198240</v>
      </c>
      <c r="C5299" s="6" t="s">
        <v>294</v>
      </c>
      <c r="D5299" s="6" t="s">
        <v>703</v>
      </c>
      <c r="E5299" s="6">
        <v>41001</v>
      </c>
      <c r="F5299" s="6" t="s">
        <v>18</v>
      </c>
      <c r="G5299" s="6" t="s">
        <v>10726</v>
      </c>
      <c r="H5299" s="6" t="s">
        <v>10727</v>
      </c>
      <c r="I5299" s="7">
        <v>2.9675905</v>
      </c>
      <c r="J5299" s="8">
        <v>-75.294534900000002</v>
      </c>
    </row>
    <row r="5300" spans="1:10" x14ac:dyDescent="0.35">
      <c r="A5300" s="5" t="s">
        <v>10</v>
      </c>
      <c r="B5300" s="6">
        <v>147550</v>
      </c>
      <c r="C5300" s="6" t="s">
        <v>11</v>
      </c>
      <c r="D5300" s="6" t="s">
        <v>2630</v>
      </c>
      <c r="E5300" s="6">
        <v>25769</v>
      </c>
      <c r="F5300" s="6" t="s">
        <v>18</v>
      </c>
      <c r="G5300" s="6" t="s">
        <v>10728</v>
      </c>
      <c r="H5300" s="6" t="s">
        <v>10729</v>
      </c>
      <c r="I5300" s="7">
        <v>4.9290010000000004</v>
      </c>
      <c r="J5300" s="8">
        <v>-74.172465000000003</v>
      </c>
    </row>
    <row r="5301" spans="1:10" x14ac:dyDescent="0.35">
      <c r="A5301" s="5" t="s">
        <v>10</v>
      </c>
      <c r="B5301" s="6">
        <v>167463</v>
      </c>
      <c r="C5301" s="6" t="s">
        <v>11</v>
      </c>
      <c r="D5301" s="6" t="s">
        <v>159</v>
      </c>
      <c r="E5301" s="6">
        <v>25175</v>
      </c>
      <c r="F5301" s="6" t="s">
        <v>18</v>
      </c>
      <c r="G5301" s="6" t="s">
        <v>10730</v>
      </c>
      <c r="H5301" s="6" t="s">
        <v>10731</v>
      </c>
      <c r="I5301" s="7">
        <v>4.8627098999999996</v>
      </c>
      <c r="J5301" s="8">
        <v>-74.059026000000003</v>
      </c>
    </row>
    <row r="5302" spans="1:10" x14ac:dyDescent="0.35">
      <c r="A5302" s="5" t="s">
        <v>10</v>
      </c>
      <c r="B5302" s="6">
        <v>205805</v>
      </c>
      <c r="C5302" s="6" t="s">
        <v>302</v>
      </c>
      <c r="D5302" s="6" t="s">
        <v>359</v>
      </c>
      <c r="E5302" s="6">
        <v>8001</v>
      </c>
      <c r="F5302" s="6" t="s">
        <v>18</v>
      </c>
      <c r="G5302" s="6" t="s">
        <v>10732</v>
      </c>
      <c r="H5302" s="6" t="s">
        <v>10733</v>
      </c>
      <c r="I5302" s="7">
        <v>10.9519684</v>
      </c>
      <c r="J5302" s="8">
        <v>-74.827679500000002</v>
      </c>
    </row>
    <row r="5303" spans="1:10" x14ac:dyDescent="0.35">
      <c r="A5303" s="5" t="s">
        <v>10</v>
      </c>
      <c r="B5303" s="6">
        <v>243811</v>
      </c>
      <c r="C5303" s="6" t="s">
        <v>38</v>
      </c>
      <c r="D5303" s="6" t="s">
        <v>10734</v>
      </c>
      <c r="E5303" s="6">
        <v>19532</v>
      </c>
      <c r="F5303" s="6" t="s">
        <v>18</v>
      </c>
      <c r="G5303" s="6" t="s">
        <v>10735</v>
      </c>
      <c r="H5303" s="6" t="s">
        <v>10736</v>
      </c>
      <c r="I5303" s="7">
        <v>1.9660054</v>
      </c>
      <c r="J5303" s="8">
        <v>-77.118644900000007</v>
      </c>
    </row>
    <row r="5304" spans="1:10" x14ac:dyDescent="0.35">
      <c r="A5304" s="5" t="s">
        <v>10</v>
      </c>
      <c r="B5304" s="6">
        <v>246770</v>
      </c>
      <c r="C5304" s="6" t="s">
        <v>38</v>
      </c>
      <c r="D5304" s="6" t="s">
        <v>4754</v>
      </c>
      <c r="E5304" s="6">
        <v>19455</v>
      </c>
      <c r="F5304" s="6" t="s">
        <v>18</v>
      </c>
      <c r="G5304" s="6" t="s">
        <v>10737</v>
      </c>
      <c r="H5304" s="6" t="s">
        <v>10738</v>
      </c>
      <c r="I5304" s="7">
        <v>3.251528</v>
      </c>
      <c r="J5304" s="8">
        <v>-76.229027000000002</v>
      </c>
    </row>
    <row r="5305" spans="1:10" x14ac:dyDescent="0.35">
      <c r="A5305" s="5" t="s">
        <v>10</v>
      </c>
      <c r="B5305" s="6">
        <v>213631</v>
      </c>
      <c r="C5305" s="6" t="s">
        <v>16</v>
      </c>
      <c r="D5305" s="6" t="s">
        <v>1266</v>
      </c>
      <c r="E5305" s="6">
        <v>68081</v>
      </c>
      <c r="F5305" s="6" t="s">
        <v>18</v>
      </c>
      <c r="G5305" s="6" t="s">
        <v>10739</v>
      </c>
      <c r="H5305" s="6" t="s">
        <v>10740</v>
      </c>
      <c r="I5305" s="7">
        <v>7.0742756</v>
      </c>
      <c r="J5305" s="8">
        <v>-73.830171899999996</v>
      </c>
    </row>
    <row r="5306" spans="1:10" x14ac:dyDescent="0.35">
      <c r="A5306" s="5" t="s">
        <v>10</v>
      </c>
      <c r="B5306" s="6">
        <v>228858</v>
      </c>
      <c r="C5306" s="6" t="s">
        <v>16</v>
      </c>
      <c r="D5306" s="6" t="s">
        <v>1266</v>
      </c>
      <c r="E5306" s="6">
        <v>68081</v>
      </c>
      <c r="F5306" s="6" t="s">
        <v>18</v>
      </c>
      <c r="G5306" s="6" t="s">
        <v>10741</v>
      </c>
      <c r="H5306" s="6" t="s">
        <v>10742</v>
      </c>
      <c r="I5306" s="7">
        <v>7.0498469999999998</v>
      </c>
      <c r="J5306" s="8">
        <v>-73.840316999999999</v>
      </c>
    </row>
    <row r="5307" spans="1:10" x14ac:dyDescent="0.35">
      <c r="A5307" s="5" t="s">
        <v>10</v>
      </c>
      <c r="B5307" s="6">
        <v>233538</v>
      </c>
      <c r="C5307" s="6" t="s">
        <v>117</v>
      </c>
      <c r="D5307" s="6" t="s">
        <v>5316</v>
      </c>
      <c r="E5307" s="6">
        <v>76109</v>
      </c>
      <c r="F5307" s="6" t="s">
        <v>18</v>
      </c>
      <c r="G5307" s="6" t="s">
        <v>10743</v>
      </c>
      <c r="H5307" s="6" t="s">
        <v>10744</v>
      </c>
      <c r="I5307" s="7">
        <v>3.8685999999999998</v>
      </c>
      <c r="J5307" s="8">
        <v>-76.985190000000003</v>
      </c>
    </row>
    <row r="5308" spans="1:10" x14ac:dyDescent="0.35">
      <c r="A5308" s="5" t="s">
        <v>10</v>
      </c>
      <c r="B5308" s="6">
        <v>237460</v>
      </c>
      <c r="C5308" s="6" t="s">
        <v>68</v>
      </c>
      <c r="D5308" s="6" t="s">
        <v>69</v>
      </c>
      <c r="E5308" s="6">
        <v>11001</v>
      </c>
      <c r="F5308" s="6" t="s">
        <v>18</v>
      </c>
      <c r="G5308" s="6" t="s">
        <v>10745</v>
      </c>
      <c r="H5308" s="6" t="s">
        <v>10746</v>
      </c>
      <c r="I5308" s="7">
        <v>4.5626312000000002</v>
      </c>
      <c r="J5308" s="8">
        <v>-74.142384199999995</v>
      </c>
    </row>
    <row r="5309" spans="1:10" x14ac:dyDescent="0.35">
      <c r="A5309" s="5" t="s">
        <v>10</v>
      </c>
      <c r="B5309" s="6">
        <v>233406</v>
      </c>
      <c r="C5309" s="6" t="s">
        <v>68</v>
      </c>
      <c r="D5309" s="6" t="s">
        <v>69</v>
      </c>
      <c r="E5309" s="6">
        <v>11001</v>
      </c>
      <c r="F5309" s="6" t="s">
        <v>18</v>
      </c>
      <c r="G5309" s="6" t="s">
        <v>10747</v>
      </c>
      <c r="H5309" s="6" t="s">
        <v>10748</v>
      </c>
      <c r="I5309" s="7">
        <v>4.7584</v>
      </c>
      <c r="J5309" s="8">
        <v>-74.112970000000004</v>
      </c>
    </row>
    <row r="5310" spans="1:10" x14ac:dyDescent="0.35">
      <c r="A5310" s="5" t="s">
        <v>10</v>
      </c>
      <c r="B5310" s="6">
        <v>226416</v>
      </c>
      <c r="C5310" s="6" t="s">
        <v>68</v>
      </c>
      <c r="D5310" s="6" t="s">
        <v>69</v>
      </c>
      <c r="E5310" s="6">
        <v>11001</v>
      </c>
      <c r="F5310" s="6" t="s">
        <v>18</v>
      </c>
      <c r="G5310" s="6" t="s">
        <v>10749</v>
      </c>
      <c r="H5310" s="6" t="s">
        <v>10750</v>
      </c>
      <c r="I5310" s="7">
        <v>4.6229009999999997</v>
      </c>
      <c r="J5310" s="8">
        <v>-74.206075400000003</v>
      </c>
    </row>
    <row r="5311" spans="1:10" x14ac:dyDescent="0.35">
      <c r="A5311" s="5" t="s">
        <v>10</v>
      </c>
      <c r="B5311" s="6">
        <v>116580</v>
      </c>
      <c r="C5311" s="6" t="s">
        <v>11</v>
      </c>
      <c r="D5311" s="6" t="s">
        <v>10751</v>
      </c>
      <c r="E5311" s="6">
        <v>25823</v>
      </c>
      <c r="F5311" s="6" t="s">
        <v>18</v>
      </c>
      <c r="G5311" s="6" t="s">
        <v>10752</v>
      </c>
      <c r="H5311" s="6" t="s">
        <v>10753</v>
      </c>
      <c r="I5311" s="7">
        <v>5.3357749999999999</v>
      </c>
      <c r="J5311" s="8">
        <v>-74.301473999999999</v>
      </c>
    </row>
    <row r="5312" spans="1:10" x14ac:dyDescent="0.35">
      <c r="A5312" s="5" t="s">
        <v>10</v>
      </c>
      <c r="B5312" s="6">
        <v>190405</v>
      </c>
      <c r="C5312" s="6" t="s">
        <v>11</v>
      </c>
      <c r="D5312" s="6" t="s">
        <v>3054</v>
      </c>
      <c r="E5312" s="6">
        <v>25269</v>
      </c>
      <c r="F5312" s="6" t="s">
        <v>18</v>
      </c>
      <c r="G5312" s="6" t="s">
        <v>10754</v>
      </c>
      <c r="H5312" s="6" t="s">
        <v>10755</v>
      </c>
      <c r="I5312" s="7">
        <v>4.8004201000000002</v>
      </c>
      <c r="J5312" s="8">
        <v>-74.346295900000001</v>
      </c>
    </row>
    <row r="5313" spans="1:10" x14ac:dyDescent="0.35">
      <c r="A5313" s="5" t="s">
        <v>10</v>
      </c>
      <c r="B5313" s="6">
        <v>93999</v>
      </c>
      <c r="C5313" s="6" t="s">
        <v>11</v>
      </c>
      <c r="D5313" s="6" t="s">
        <v>12</v>
      </c>
      <c r="E5313" s="6">
        <v>25899</v>
      </c>
      <c r="F5313" s="6" t="s">
        <v>18</v>
      </c>
      <c r="G5313" s="6" t="s">
        <v>7831</v>
      </c>
      <c r="H5313" s="6" t="s">
        <v>7832</v>
      </c>
      <c r="I5313" s="7">
        <v>5.0250671999999996</v>
      </c>
      <c r="J5313" s="8">
        <v>-74.004319499999994</v>
      </c>
    </row>
    <row r="5314" spans="1:10" x14ac:dyDescent="0.35">
      <c r="A5314" s="5" t="s">
        <v>10</v>
      </c>
      <c r="B5314" s="6">
        <v>241396</v>
      </c>
      <c r="C5314" s="6" t="s">
        <v>308</v>
      </c>
      <c r="D5314" s="6" t="s">
        <v>309</v>
      </c>
      <c r="E5314" s="6">
        <v>23001</v>
      </c>
      <c r="F5314" s="6" t="s">
        <v>18</v>
      </c>
      <c r="G5314" s="6" t="s">
        <v>10756</v>
      </c>
      <c r="H5314" s="6" t="s">
        <v>10757</v>
      </c>
      <c r="I5314" s="7">
        <v>8.7557937999999993</v>
      </c>
      <c r="J5314" s="8">
        <v>-75.870968099999999</v>
      </c>
    </row>
    <row r="5315" spans="1:10" x14ac:dyDescent="0.35">
      <c r="A5315" s="5" t="s">
        <v>10</v>
      </c>
      <c r="B5315" s="6">
        <v>202003</v>
      </c>
      <c r="C5315" s="6" t="s">
        <v>302</v>
      </c>
      <c r="D5315" s="6" t="s">
        <v>359</v>
      </c>
      <c r="E5315" s="6">
        <v>8001</v>
      </c>
      <c r="F5315" s="6" t="s">
        <v>18</v>
      </c>
      <c r="G5315" s="6" t="s">
        <v>10758</v>
      </c>
      <c r="H5315" s="6" t="s">
        <v>10759</v>
      </c>
      <c r="I5315" s="7">
        <v>10.9499697</v>
      </c>
      <c r="J5315" s="8">
        <v>-74.774758399999996</v>
      </c>
    </row>
    <row r="5316" spans="1:10" x14ac:dyDescent="0.35">
      <c r="A5316" s="5" t="s">
        <v>10</v>
      </c>
      <c r="B5316" s="6">
        <v>104927</v>
      </c>
      <c r="C5316" s="6" t="s">
        <v>302</v>
      </c>
      <c r="D5316" s="6" t="s">
        <v>303</v>
      </c>
      <c r="E5316" s="6">
        <v>8638</v>
      </c>
      <c r="F5316" s="6" t="s">
        <v>18</v>
      </c>
      <c r="G5316" s="6" t="s">
        <v>10760</v>
      </c>
      <c r="H5316" s="6" t="s">
        <v>10761</v>
      </c>
      <c r="I5316" s="7">
        <v>10.6255585</v>
      </c>
      <c r="J5316" s="8">
        <v>-74.923509499999994</v>
      </c>
    </row>
    <row r="5317" spans="1:10" x14ac:dyDescent="0.35">
      <c r="A5317" s="5" t="s">
        <v>10</v>
      </c>
      <c r="B5317" s="6">
        <v>186093</v>
      </c>
      <c r="C5317" s="6" t="s">
        <v>302</v>
      </c>
      <c r="D5317" s="6" t="s">
        <v>10762</v>
      </c>
      <c r="E5317" s="6">
        <v>8520</v>
      </c>
      <c r="F5317" s="6" t="s">
        <v>18</v>
      </c>
      <c r="G5317" s="6" t="s">
        <v>10763</v>
      </c>
      <c r="H5317" s="6" t="s">
        <v>10764</v>
      </c>
      <c r="I5317" s="7">
        <v>10.6410731</v>
      </c>
      <c r="J5317" s="8">
        <v>-74.749105399999905</v>
      </c>
    </row>
    <row r="5318" spans="1:10" x14ac:dyDescent="0.35">
      <c r="A5318" s="5" t="s">
        <v>10</v>
      </c>
      <c r="B5318" s="6">
        <v>243792</v>
      </c>
      <c r="C5318" s="6" t="s">
        <v>38</v>
      </c>
      <c r="D5318" s="6" t="s">
        <v>10765</v>
      </c>
      <c r="E5318" s="6">
        <v>19130</v>
      </c>
      <c r="F5318" s="6" t="s">
        <v>18</v>
      </c>
      <c r="G5318" s="6" t="s">
        <v>10766</v>
      </c>
      <c r="H5318" s="6" t="s">
        <v>10767</v>
      </c>
      <c r="I5318" s="7">
        <v>2.6219603999999999</v>
      </c>
      <c r="J5318" s="8">
        <v>-76.5695877</v>
      </c>
    </row>
    <row r="5319" spans="1:10" x14ac:dyDescent="0.35">
      <c r="A5319" s="5" t="s">
        <v>10</v>
      </c>
      <c r="B5319" s="6">
        <v>243247</v>
      </c>
      <c r="C5319" s="6" t="s">
        <v>7527</v>
      </c>
      <c r="D5319" s="6" t="s">
        <v>8759</v>
      </c>
      <c r="E5319" s="6">
        <v>27001</v>
      </c>
      <c r="F5319" s="6" t="s">
        <v>18</v>
      </c>
      <c r="G5319" s="6" t="s">
        <v>10768</v>
      </c>
      <c r="H5319" s="6" t="s">
        <v>10769</v>
      </c>
      <c r="I5319" s="7">
        <v>5.6884354999999998</v>
      </c>
      <c r="J5319" s="8">
        <v>-76.661825899999997</v>
      </c>
    </row>
    <row r="5320" spans="1:10" x14ac:dyDescent="0.35">
      <c r="A5320" s="5" t="s">
        <v>10</v>
      </c>
      <c r="B5320" s="6">
        <v>230149</v>
      </c>
      <c r="C5320" s="6" t="s">
        <v>68</v>
      </c>
      <c r="D5320" s="6" t="s">
        <v>69</v>
      </c>
      <c r="E5320" s="6">
        <v>11001</v>
      </c>
      <c r="F5320" s="6" t="s">
        <v>13</v>
      </c>
      <c r="G5320" s="6" t="s">
        <v>10770</v>
      </c>
      <c r="H5320" s="6" t="s">
        <v>10771</v>
      </c>
      <c r="I5320" s="7">
        <v>4.6240717</v>
      </c>
      <c r="J5320" s="8">
        <v>-74.118931900000007</v>
      </c>
    </row>
    <row r="5321" spans="1:10" x14ac:dyDescent="0.35">
      <c r="A5321" s="5" t="s">
        <v>10</v>
      </c>
      <c r="B5321" s="6">
        <v>233421</v>
      </c>
      <c r="C5321" s="6" t="s">
        <v>117</v>
      </c>
      <c r="D5321" s="6" t="s">
        <v>1291</v>
      </c>
      <c r="E5321" s="6">
        <v>76834</v>
      </c>
      <c r="F5321" s="6" t="s">
        <v>18</v>
      </c>
      <c r="G5321" s="6" t="s">
        <v>10772</v>
      </c>
      <c r="H5321" s="6" t="s">
        <v>10773</v>
      </c>
      <c r="I5321" s="7">
        <v>4.0916800000000002</v>
      </c>
      <c r="J5321" s="8">
        <v>-76.206159999999997</v>
      </c>
    </row>
    <row r="5322" spans="1:10" x14ac:dyDescent="0.35">
      <c r="A5322" s="5" t="s">
        <v>10</v>
      </c>
      <c r="B5322" s="6">
        <v>231940</v>
      </c>
      <c r="C5322" s="6" t="s">
        <v>294</v>
      </c>
      <c r="D5322" s="6" t="s">
        <v>703</v>
      </c>
      <c r="E5322" s="6">
        <v>41001</v>
      </c>
      <c r="F5322" s="6" t="s">
        <v>18</v>
      </c>
      <c r="G5322" s="6" t="s">
        <v>10774</v>
      </c>
      <c r="H5322" s="6" t="s">
        <v>10775</v>
      </c>
      <c r="I5322" s="7">
        <v>2.9340513000000001</v>
      </c>
      <c r="J5322" s="8">
        <v>-75.278279800000007</v>
      </c>
    </row>
    <row r="5323" spans="1:10" x14ac:dyDescent="0.35">
      <c r="A5323" s="5" t="s">
        <v>10</v>
      </c>
      <c r="B5323" s="6">
        <v>212915</v>
      </c>
      <c r="C5323" s="6" t="s">
        <v>68</v>
      </c>
      <c r="D5323" s="6" t="s">
        <v>69</v>
      </c>
      <c r="E5323" s="6">
        <v>11001</v>
      </c>
      <c r="F5323" s="6" t="s">
        <v>18</v>
      </c>
      <c r="G5323" s="6" t="s">
        <v>10776</v>
      </c>
      <c r="H5323" s="6" t="s">
        <v>10777</v>
      </c>
      <c r="I5323" s="7">
        <v>4.5970139999999997</v>
      </c>
      <c r="J5323" s="8">
        <v>-74.0728759</v>
      </c>
    </row>
    <row r="5324" spans="1:10" x14ac:dyDescent="0.35">
      <c r="A5324" s="5" t="s">
        <v>10</v>
      </c>
      <c r="B5324" s="6">
        <v>155480</v>
      </c>
      <c r="C5324" s="6" t="s">
        <v>11</v>
      </c>
      <c r="D5324" s="6" t="s">
        <v>106</v>
      </c>
      <c r="E5324" s="6">
        <v>25843</v>
      </c>
      <c r="F5324" s="6" t="s">
        <v>18</v>
      </c>
      <c r="G5324" s="6" t="s">
        <v>10778</v>
      </c>
      <c r="H5324" s="6" t="s">
        <v>10779</v>
      </c>
      <c r="I5324" s="7">
        <v>5.3120240000000001</v>
      </c>
      <c r="J5324" s="8">
        <v>-73.818221999999906</v>
      </c>
    </row>
    <row r="5325" spans="1:10" x14ac:dyDescent="0.35">
      <c r="A5325" s="5" t="s">
        <v>10</v>
      </c>
      <c r="B5325" s="6">
        <v>190408</v>
      </c>
      <c r="C5325" s="6" t="s">
        <v>11</v>
      </c>
      <c r="D5325" s="6" t="s">
        <v>12</v>
      </c>
      <c r="E5325" s="6">
        <v>25899</v>
      </c>
      <c r="F5325" s="6" t="s">
        <v>18</v>
      </c>
      <c r="G5325" s="6" t="s">
        <v>10780</v>
      </c>
      <c r="H5325" s="6" t="s">
        <v>10781</v>
      </c>
      <c r="I5325" s="7">
        <v>5.0202337999999997</v>
      </c>
      <c r="J5325" s="8">
        <v>-73.972209999999905</v>
      </c>
    </row>
    <row r="5326" spans="1:10" x14ac:dyDescent="0.35">
      <c r="A5326" s="5" t="s">
        <v>10</v>
      </c>
      <c r="B5326" s="6">
        <v>214154</v>
      </c>
      <c r="C5326" s="6" t="s">
        <v>308</v>
      </c>
      <c r="D5326" s="6" t="s">
        <v>10782</v>
      </c>
      <c r="E5326" s="6">
        <v>23570</v>
      </c>
      <c r="F5326" s="6" t="s">
        <v>18</v>
      </c>
      <c r="G5326" s="6" t="s">
        <v>10783</v>
      </c>
      <c r="H5326" s="6" t="s">
        <v>10784</v>
      </c>
      <c r="I5326" s="7">
        <v>8.5031780000000001</v>
      </c>
      <c r="J5326" s="8">
        <v>-75.507523899999995</v>
      </c>
    </row>
    <row r="5327" spans="1:10" x14ac:dyDescent="0.35">
      <c r="A5327" s="5" t="s">
        <v>10</v>
      </c>
      <c r="B5327" s="6">
        <v>230386</v>
      </c>
      <c r="C5327" s="6" t="s">
        <v>308</v>
      </c>
      <c r="D5327" s="6" t="s">
        <v>8438</v>
      </c>
      <c r="E5327" s="6">
        <v>23686</v>
      </c>
      <c r="F5327" s="6" t="s">
        <v>18</v>
      </c>
      <c r="G5327" s="6" t="s">
        <v>10785</v>
      </c>
      <c r="H5327" s="6" t="s">
        <v>10786</v>
      </c>
      <c r="I5327" s="7">
        <v>8.9555457000000001</v>
      </c>
      <c r="J5327" s="8">
        <v>-75.836055200000004</v>
      </c>
    </row>
    <row r="5328" spans="1:10" x14ac:dyDescent="0.35">
      <c r="A5328" s="5" t="s">
        <v>10</v>
      </c>
      <c r="B5328" s="6">
        <v>229805</v>
      </c>
      <c r="C5328" s="6" t="s">
        <v>38</v>
      </c>
      <c r="D5328" s="6" t="s">
        <v>6300</v>
      </c>
      <c r="E5328" s="6">
        <v>19698</v>
      </c>
      <c r="F5328" s="6" t="s">
        <v>18</v>
      </c>
      <c r="G5328" s="6" t="s">
        <v>10787</v>
      </c>
      <c r="H5328" s="6" t="s">
        <v>10788</v>
      </c>
      <c r="I5328" s="7">
        <v>3.0090132000000001</v>
      </c>
      <c r="J5328" s="8">
        <v>-76.486304700000005</v>
      </c>
    </row>
    <row r="5329" spans="1:10" x14ac:dyDescent="0.35">
      <c r="A5329" s="5" t="s">
        <v>10</v>
      </c>
      <c r="B5329" s="6">
        <v>231338</v>
      </c>
      <c r="C5329" s="6" t="s">
        <v>16</v>
      </c>
      <c r="D5329" s="6" t="s">
        <v>1266</v>
      </c>
      <c r="E5329" s="6">
        <v>68081</v>
      </c>
      <c r="F5329" s="6" t="s">
        <v>18</v>
      </c>
      <c r="G5329" s="6" t="s">
        <v>10789</v>
      </c>
      <c r="H5329" s="6" t="s">
        <v>10790</v>
      </c>
      <c r="I5329" s="7">
        <v>7.0700450999999997</v>
      </c>
      <c r="J5329" s="8">
        <v>-73.847893799999994</v>
      </c>
    </row>
    <row r="5330" spans="1:10" x14ac:dyDescent="0.35">
      <c r="A5330" s="5" t="s">
        <v>10</v>
      </c>
      <c r="B5330" s="6">
        <v>213292</v>
      </c>
      <c r="C5330" s="6" t="s">
        <v>294</v>
      </c>
      <c r="D5330" s="6" t="s">
        <v>703</v>
      </c>
      <c r="E5330" s="6">
        <v>41001</v>
      </c>
      <c r="F5330" s="6" t="s">
        <v>13</v>
      </c>
      <c r="G5330" s="6" t="s">
        <v>10791</v>
      </c>
      <c r="H5330" s="6" t="s">
        <v>10792</v>
      </c>
      <c r="I5330" s="7">
        <v>2.9212628</v>
      </c>
      <c r="J5330" s="8">
        <v>-75.280264200000005</v>
      </c>
    </row>
    <row r="5331" spans="1:10" x14ac:dyDescent="0.35">
      <c r="A5331" s="5" t="s">
        <v>10</v>
      </c>
      <c r="B5331" s="6">
        <v>237320</v>
      </c>
      <c r="C5331" s="6" t="s">
        <v>16</v>
      </c>
      <c r="D5331" s="6" t="s">
        <v>2825</v>
      </c>
      <c r="E5331" s="6">
        <v>68276</v>
      </c>
      <c r="F5331" s="6" t="s">
        <v>18</v>
      </c>
      <c r="G5331" s="6" t="s">
        <v>10793</v>
      </c>
      <c r="H5331" s="6" t="s">
        <v>10794</v>
      </c>
      <c r="I5331" s="7">
        <v>7.0919904000000002</v>
      </c>
      <c r="J5331" s="8">
        <v>-73.1030509</v>
      </c>
    </row>
    <row r="5332" spans="1:10" x14ac:dyDescent="0.35">
      <c r="A5332" s="5" t="s">
        <v>10</v>
      </c>
      <c r="B5332" s="6">
        <v>239592</v>
      </c>
      <c r="C5332" s="6" t="s">
        <v>68</v>
      </c>
      <c r="D5332" s="6" t="s">
        <v>69</v>
      </c>
      <c r="E5332" s="6">
        <v>11001</v>
      </c>
      <c r="F5332" s="6" t="s">
        <v>18</v>
      </c>
      <c r="G5332" s="6" t="s">
        <v>10795</v>
      </c>
      <c r="H5332" s="6" t="s">
        <v>10796</v>
      </c>
      <c r="I5332" s="7">
        <v>4.6388192999999998</v>
      </c>
      <c r="J5332" s="8">
        <v>-74.161698999999999</v>
      </c>
    </row>
    <row r="5333" spans="1:10" x14ac:dyDescent="0.35">
      <c r="A5333" s="5" t="s">
        <v>10</v>
      </c>
      <c r="B5333" s="6">
        <v>235780</v>
      </c>
      <c r="C5333" s="6" t="s">
        <v>11</v>
      </c>
      <c r="D5333" s="6" t="s">
        <v>3054</v>
      </c>
      <c r="E5333" s="6">
        <v>25269</v>
      </c>
      <c r="F5333" s="6" t="s">
        <v>18</v>
      </c>
      <c r="G5333" s="6" t="s">
        <v>10797</v>
      </c>
      <c r="H5333" s="6" t="s">
        <v>10798</v>
      </c>
      <c r="I5333" s="7">
        <v>4.8075669000000003</v>
      </c>
      <c r="J5333" s="8">
        <v>-74.351159800000005</v>
      </c>
    </row>
    <row r="5334" spans="1:10" x14ac:dyDescent="0.35">
      <c r="A5334" s="5" t="s">
        <v>10</v>
      </c>
      <c r="B5334" s="6">
        <v>191028</v>
      </c>
      <c r="C5334" s="6" t="s">
        <v>302</v>
      </c>
      <c r="D5334" s="6" t="s">
        <v>359</v>
      </c>
      <c r="E5334" s="6">
        <v>8001</v>
      </c>
      <c r="F5334" s="6" t="s">
        <v>18</v>
      </c>
      <c r="G5334" s="6" t="s">
        <v>10799</v>
      </c>
      <c r="H5334" s="6" t="s">
        <v>10800</v>
      </c>
      <c r="I5334" s="7">
        <v>10.9731483</v>
      </c>
      <c r="J5334" s="8">
        <v>-74.798801699999999</v>
      </c>
    </row>
    <row r="5335" spans="1:10" x14ac:dyDescent="0.35">
      <c r="A5335" s="5" t="s">
        <v>10</v>
      </c>
      <c r="B5335" s="6">
        <v>238731</v>
      </c>
      <c r="C5335" s="6" t="s">
        <v>366</v>
      </c>
      <c r="D5335" s="6" t="s">
        <v>8296</v>
      </c>
      <c r="E5335" s="6">
        <v>44001</v>
      </c>
      <c r="F5335" s="6" t="s">
        <v>18</v>
      </c>
      <c r="G5335" s="6" t="s">
        <v>10801</v>
      </c>
      <c r="H5335" s="6" t="s">
        <v>10802</v>
      </c>
      <c r="I5335" s="7">
        <v>11.534529300000001</v>
      </c>
      <c r="J5335" s="8">
        <v>-72.897207800000004</v>
      </c>
    </row>
    <row r="5336" spans="1:10" x14ac:dyDescent="0.35">
      <c r="A5336" s="5" t="s">
        <v>10</v>
      </c>
      <c r="B5336" s="6">
        <v>213563</v>
      </c>
      <c r="C5336" s="6" t="s">
        <v>308</v>
      </c>
      <c r="D5336" s="6" t="s">
        <v>309</v>
      </c>
      <c r="E5336" s="6">
        <v>23001</v>
      </c>
      <c r="F5336" s="6" t="s">
        <v>18</v>
      </c>
      <c r="G5336" s="6" t="s">
        <v>10803</v>
      </c>
      <c r="H5336" s="6" t="s">
        <v>10804</v>
      </c>
      <c r="I5336" s="7">
        <v>8.7547374999999992</v>
      </c>
      <c r="J5336" s="8">
        <v>-75.887059600000001</v>
      </c>
    </row>
    <row r="5337" spans="1:10" x14ac:dyDescent="0.35">
      <c r="A5337" s="5" t="s">
        <v>10</v>
      </c>
      <c r="B5337" s="6">
        <v>219392</v>
      </c>
      <c r="C5337" s="6" t="s">
        <v>4364</v>
      </c>
      <c r="D5337" s="6" t="s">
        <v>118</v>
      </c>
      <c r="E5337" s="6">
        <v>70400</v>
      </c>
      <c r="F5337" s="6" t="s">
        <v>18</v>
      </c>
      <c r="G5337" s="6" t="s">
        <v>10805</v>
      </c>
      <c r="H5337" s="6" t="s">
        <v>10806</v>
      </c>
      <c r="I5337" s="7">
        <v>8.8539289999999902</v>
      </c>
      <c r="J5337" s="8">
        <v>-75.281154999999998</v>
      </c>
    </row>
    <row r="5338" spans="1:10" x14ac:dyDescent="0.35">
      <c r="A5338" s="5" t="s">
        <v>10</v>
      </c>
      <c r="B5338" s="6">
        <v>241473</v>
      </c>
      <c r="C5338" s="6" t="s">
        <v>2821</v>
      </c>
      <c r="D5338" s="6" t="s">
        <v>2822</v>
      </c>
      <c r="E5338" s="6">
        <v>47001</v>
      </c>
      <c r="F5338" s="6" t="s">
        <v>18</v>
      </c>
      <c r="G5338" s="6" t="s">
        <v>10807</v>
      </c>
      <c r="H5338" s="6" t="s">
        <v>10808</v>
      </c>
      <c r="I5338" s="7">
        <v>11.2503416</v>
      </c>
      <c r="J5338" s="8">
        <v>-74.191597999999999</v>
      </c>
    </row>
    <row r="5339" spans="1:10" x14ac:dyDescent="0.35">
      <c r="A5339" s="5" t="s">
        <v>10</v>
      </c>
      <c r="B5339" s="6">
        <v>225017</v>
      </c>
      <c r="C5339" s="6" t="s">
        <v>302</v>
      </c>
      <c r="D5339" s="6" t="s">
        <v>359</v>
      </c>
      <c r="E5339" s="6">
        <v>8001</v>
      </c>
      <c r="F5339" s="6" t="s">
        <v>18</v>
      </c>
      <c r="G5339" s="6" t="s">
        <v>10809</v>
      </c>
      <c r="H5339" s="6" t="s">
        <v>10810</v>
      </c>
      <c r="I5339" s="7">
        <v>10.938448899999999</v>
      </c>
      <c r="J5339" s="8">
        <v>-74.798829499999997</v>
      </c>
    </row>
    <row r="5340" spans="1:10" x14ac:dyDescent="0.35">
      <c r="A5340" s="5" t="s">
        <v>10</v>
      </c>
      <c r="B5340" s="6">
        <v>215184</v>
      </c>
      <c r="C5340" s="6" t="s">
        <v>16</v>
      </c>
      <c r="D5340" s="6" t="s">
        <v>1401</v>
      </c>
      <c r="E5340" s="6">
        <v>68307</v>
      </c>
      <c r="F5340" s="6" t="s">
        <v>18</v>
      </c>
      <c r="G5340" s="6" t="s">
        <v>10811</v>
      </c>
      <c r="H5340" s="6" t="s">
        <v>10812</v>
      </c>
      <c r="I5340" s="7">
        <v>7.0643200999999998</v>
      </c>
      <c r="J5340" s="8">
        <v>-73.169795100000002</v>
      </c>
    </row>
    <row r="5341" spans="1:10" x14ac:dyDescent="0.35">
      <c r="A5341" s="5" t="s">
        <v>10</v>
      </c>
      <c r="B5341" s="6">
        <v>233742</v>
      </c>
      <c r="C5341" s="6" t="s">
        <v>302</v>
      </c>
      <c r="D5341" s="6" t="s">
        <v>359</v>
      </c>
      <c r="E5341" s="6">
        <v>8001</v>
      </c>
      <c r="F5341" s="6" t="s">
        <v>18</v>
      </c>
      <c r="G5341" s="6" t="s">
        <v>10813</v>
      </c>
      <c r="H5341" s="6" t="s">
        <v>10814</v>
      </c>
      <c r="I5341" s="7">
        <v>10.965199999999999</v>
      </c>
      <c r="J5341" s="8">
        <v>-74.796869999999998</v>
      </c>
    </row>
    <row r="5342" spans="1:10" x14ac:dyDescent="0.35">
      <c r="A5342" s="5" t="s">
        <v>10</v>
      </c>
      <c r="B5342" s="6">
        <v>222593</v>
      </c>
      <c r="C5342" s="6" t="s">
        <v>68</v>
      </c>
      <c r="D5342" s="6" t="s">
        <v>69</v>
      </c>
      <c r="E5342" s="6">
        <v>11001</v>
      </c>
      <c r="F5342" s="6" t="s">
        <v>18</v>
      </c>
      <c r="G5342" s="6" t="s">
        <v>10815</v>
      </c>
      <c r="H5342" s="6" t="s">
        <v>10816</v>
      </c>
      <c r="I5342" s="7">
        <v>4.5995305999999996</v>
      </c>
      <c r="J5342" s="8">
        <v>-74.124355399999999</v>
      </c>
    </row>
    <row r="5343" spans="1:10" x14ac:dyDescent="0.35">
      <c r="A5343" s="5" t="s">
        <v>10</v>
      </c>
      <c r="B5343" s="6">
        <v>233597</v>
      </c>
      <c r="C5343" s="6" t="s">
        <v>68</v>
      </c>
      <c r="D5343" s="6" t="s">
        <v>69</v>
      </c>
      <c r="E5343" s="6">
        <v>11001</v>
      </c>
      <c r="F5343" s="6" t="s">
        <v>18</v>
      </c>
      <c r="G5343" s="6" t="s">
        <v>10817</v>
      </c>
      <c r="H5343" s="6" t="s">
        <v>10818</v>
      </c>
      <c r="I5343" s="7">
        <v>4.5736999999999997</v>
      </c>
      <c r="J5343" s="8">
        <v>-74.108549999999994</v>
      </c>
    </row>
    <row r="5344" spans="1:10" x14ac:dyDescent="0.35">
      <c r="A5344" s="5" t="s">
        <v>10</v>
      </c>
      <c r="B5344" s="6">
        <v>239947</v>
      </c>
      <c r="C5344" s="6" t="s">
        <v>68</v>
      </c>
      <c r="D5344" s="6" t="s">
        <v>69</v>
      </c>
      <c r="E5344" s="6">
        <v>11001</v>
      </c>
      <c r="F5344" s="6" t="s">
        <v>18</v>
      </c>
      <c r="G5344" s="6" t="s">
        <v>3392</v>
      </c>
      <c r="H5344" s="6" t="s">
        <v>10819</v>
      </c>
      <c r="I5344" s="7">
        <v>4.5422549999999999</v>
      </c>
      <c r="J5344" s="8">
        <v>-74.0872435</v>
      </c>
    </row>
    <row r="5345" spans="1:10" x14ac:dyDescent="0.35">
      <c r="A5345" s="5" t="s">
        <v>10</v>
      </c>
      <c r="B5345" s="6">
        <v>239604</v>
      </c>
      <c r="C5345" s="6" t="s">
        <v>11</v>
      </c>
      <c r="D5345" s="6" t="s">
        <v>5209</v>
      </c>
      <c r="E5345" s="6">
        <v>25297</v>
      </c>
      <c r="F5345" s="6" t="s">
        <v>18</v>
      </c>
      <c r="G5345" s="6" t="s">
        <v>5934</v>
      </c>
      <c r="H5345" s="6" t="s">
        <v>10820</v>
      </c>
      <c r="I5345" s="7">
        <v>4.8169719999999998</v>
      </c>
      <c r="J5345" s="8">
        <v>-73.636306000000005</v>
      </c>
    </row>
    <row r="5346" spans="1:10" x14ac:dyDescent="0.35">
      <c r="A5346" s="5" t="s">
        <v>10</v>
      </c>
      <c r="B5346" s="6">
        <v>243588</v>
      </c>
      <c r="C5346" s="6" t="s">
        <v>294</v>
      </c>
      <c r="D5346" s="6" t="s">
        <v>703</v>
      </c>
      <c r="E5346" s="6">
        <v>41001</v>
      </c>
      <c r="F5346" s="6" t="s">
        <v>18</v>
      </c>
      <c r="G5346" s="6" t="s">
        <v>10821</v>
      </c>
      <c r="H5346" s="6" t="s">
        <v>10822</v>
      </c>
      <c r="I5346" s="7">
        <v>2.9344836999999999</v>
      </c>
      <c r="J5346" s="8">
        <v>-75.280900099999997</v>
      </c>
    </row>
    <row r="5347" spans="1:10" x14ac:dyDescent="0.35">
      <c r="A5347" s="5" t="s">
        <v>10</v>
      </c>
      <c r="B5347" s="6">
        <v>72608</v>
      </c>
      <c r="C5347" s="6" t="s">
        <v>68</v>
      </c>
      <c r="D5347" s="6" t="s">
        <v>69</v>
      </c>
      <c r="E5347" s="6">
        <v>11001</v>
      </c>
      <c r="F5347" s="6" t="s">
        <v>18</v>
      </c>
      <c r="G5347" s="6" t="s">
        <v>10823</v>
      </c>
      <c r="H5347" s="6" t="s">
        <v>10824</v>
      </c>
      <c r="I5347" s="7">
        <v>4.6790753</v>
      </c>
      <c r="J5347" s="8">
        <v>-74.152704099999994</v>
      </c>
    </row>
    <row r="5348" spans="1:10" x14ac:dyDescent="0.35">
      <c r="A5348" s="5" t="s">
        <v>10</v>
      </c>
      <c r="B5348" s="6">
        <v>225456</v>
      </c>
      <c r="C5348" s="6" t="s">
        <v>68</v>
      </c>
      <c r="D5348" s="6" t="s">
        <v>69</v>
      </c>
      <c r="E5348" s="6">
        <v>11001</v>
      </c>
      <c r="F5348" s="6" t="s">
        <v>18</v>
      </c>
      <c r="G5348" s="6" t="s">
        <v>10825</v>
      </c>
      <c r="H5348" s="6" t="s">
        <v>10826</v>
      </c>
      <c r="I5348" s="7">
        <v>4.7613716999999998</v>
      </c>
      <c r="J5348" s="8">
        <v>-74.039097599999906</v>
      </c>
    </row>
    <row r="5349" spans="1:10" x14ac:dyDescent="0.35">
      <c r="A5349" s="5" t="s">
        <v>10</v>
      </c>
      <c r="B5349" s="6">
        <v>232253</v>
      </c>
      <c r="C5349" s="6" t="s">
        <v>308</v>
      </c>
      <c r="D5349" s="6" t="s">
        <v>8438</v>
      </c>
      <c r="E5349" s="6">
        <v>23686</v>
      </c>
      <c r="F5349" s="6" t="s">
        <v>18</v>
      </c>
      <c r="G5349" s="6" t="s">
        <v>10827</v>
      </c>
      <c r="H5349" s="6" t="s">
        <v>10828</v>
      </c>
      <c r="I5349" s="7">
        <v>8.9581921999999992</v>
      </c>
      <c r="J5349" s="8">
        <v>-75.838164699999993</v>
      </c>
    </row>
    <row r="5350" spans="1:10" x14ac:dyDescent="0.35">
      <c r="A5350" s="5" t="s">
        <v>10</v>
      </c>
      <c r="B5350" s="6">
        <v>230476</v>
      </c>
      <c r="C5350" s="6" t="s">
        <v>16</v>
      </c>
      <c r="D5350" s="6" t="s">
        <v>705</v>
      </c>
      <c r="E5350" s="6">
        <v>68077</v>
      </c>
      <c r="F5350" s="6" t="s">
        <v>18</v>
      </c>
      <c r="G5350" s="6" t="s">
        <v>10829</v>
      </c>
      <c r="H5350" s="6" t="s">
        <v>10830</v>
      </c>
      <c r="I5350" s="7">
        <v>5.9312300999999996</v>
      </c>
      <c r="J5350" s="8">
        <v>-73.616340600000001</v>
      </c>
    </row>
    <row r="5351" spans="1:10" x14ac:dyDescent="0.35">
      <c r="A5351" s="5" t="s">
        <v>10</v>
      </c>
      <c r="B5351" s="6">
        <v>211056</v>
      </c>
      <c r="C5351" s="6" t="s">
        <v>16</v>
      </c>
      <c r="D5351" s="6" t="s">
        <v>2825</v>
      </c>
      <c r="E5351" s="6">
        <v>68276</v>
      </c>
      <c r="F5351" s="6" t="s">
        <v>18</v>
      </c>
      <c r="G5351" s="6" t="s">
        <v>10831</v>
      </c>
      <c r="H5351" s="6" t="s">
        <v>10832</v>
      </c>
      <c r="I5351" s="7">
        <v>7.0778644999999996</v>
      </c>
      <c r="J5351" s="8">
        <v>-73.0991322</v>
      </c>
    </row>
    <row r="5352" spans="1:10" x14ac:dyDescent="0.35">
      <c r="A5352" s="5" t="s">
        <v>10</v>
      </c>
      <c r="B5352" s="6">
        <v>223846</v>
      </c>
      <c r="C5352" s="6" t="s">
        <v>68</v>
      </c>
      <c r="D5352" s="6" t="s">
        <v>69</v>
      </c>
      <c r="E5352" s="6">
        <v>11001</v>
      </c>
      <c r="F5352" s="6" t="s">
        <v>13</v>
      </c>
      <c r="G5352" s="6" t="s">
        <v>10833</v>
      </c>
      <c r="H5352" s="6" t="s">
        <v>10834</v>
      </c>
      <c r="I5352" s="7">
        <v>4.5870744999999999</v>
      </c>
      <c r="J5352" s="8">
        <v>-74.109926099999996</v>
      </c>
    </row>
    <row r="5353" spans="1:10" x14ac:dyDescent="0.35">
      <c r="A5353" s="5" t="s">
        <v>10</v>
      </c>
      <c r="B5353" s="6">
        <v>237339</v>
      </c>
      <c r="C5353" s="6" t="s">
        <v>457</v>
      </c>
      <c r="D5353" s="6" t="s">
        <v>1363</v>
      </c>
      <c r="E5353" s="6">
        <v>52215</v>
      </c>
      <c r="F5353" s="6" t="s">
        <v>13</v>
      </c>
      <c r="G5353" s="6" t="s">
        <v>10835</v>
      </c>
      <c r="H5353" s="6" t="s">
        <v>10836</v>
      </c>
      <c r="I5353" s="7">
        <v>1.2073682999999999</v>
      </c>
      <c r="J5353" s="8">
        <v>-77.2760751</v>
      </c>
    </row>
    <row r="5354" spans="1:10" x14ac:dyDescent="0.35">
      <c r="A5354" s="5" t="s">
        <v>10</v>
      </c>
      <c r="B5354" s="6">
        <v>236267</v>
      </c>
      <c r="C5354" s="6" t="s">
        <v>68</v>
      </c>
      <c r="D5354" s="6" t="s">
        <v>69</v>
      </c>
      <c r="E5354" s="6">
        <v>11001</v>
      </c>
      <c r="F5354" s="6" t="s">
        <v>18</v>
      </c>
      <c r="G5354" s="6" t="s">
        <v>10837</v>
      </c>
      <c r="H5354" s="6" t="s">
        <v>10838</v>
      </c>
      <c r="I5354" s="7">
        <v>4.6965710999999999</v>
      </c>
      <c r="J5354" s="8">
        <v>-74.0480108</v>
      </c>
    </row>
    <row r="5355" spans="1:10" x14ac:dyDescent="0.35">
      <c r="A5355" s="5" t="s">
        <v>10</v>
      </c>
      <c r="B5355" s="6">
        <v>234071</v>
      </c>
      <c r="C5355" s="6" t="s">
        <v>294</v>
      </c>
      <c r="D5355" s="6" t="s">
        <v>447</v>
      </c>
      <c r="E5355" s="6">
        <v>41551</v>
      </c>
      <c r="F5355" s="6" t="s">
        <v>18</v>
      </c>
      <c r="G5355" s="6" t="s">
        <v>10839</v>
      </c>
      <c r="H5355" s="6" t="s">
        <v>10840</v>
      </c>
      <c r="I5355" s="7">
        <v>1.8524841000000001</v>
      </c>
      <c r="J5355" s="8">
        <v>-76.044472099999993</v>
      </c>
    </row>
    <row r="5356" spans="1:10" x14ac:dyDescent="0.35">
      <c r="A5356" s="5" t="s">
        <v>10</v>
      </c>
      <c r="B5356" s="6">
        <v>236904</v>
      </c>
      <c r="C5356" s="6" t="s">
        <v>68</v>
      </c>
      <c r="D5356" s="6" t="s">
        <v>69</v>
      </c>
      <c r="E5356" s="6">
        <v>11001</v>
      </c>
      <c r="F5356" s="6" t="s">
        <v>18</v>
      </c>
      <c r="G5356" s="6" t="s">
        <v>10841</v>
      </c>
      <c r="H5356" s="6" t="s">
        <v>10842</v>
      </c>
      <c r="I5356" s="7">
        <v>4.5496255000000003</v>
      </c>
      <c r="J5356" s="8">
        <v>-74.150908700000002</v>
      </c>
    </row>
    <row r="5357" spans="1:10" x14ac:dyDescent="0.35">
      <c r="A5357" s="5" t="s">
        <v>10</v>
      </c>
      <c r="B5357" s="6">
        <v>68925</v>
      </c>
      <c r="C5357" s="6" t="s">
        <v>294</v>
      </c>
      <c r="D5357" s="6" t="s">
        <v>5342</v>
      </c>
      <c r="E5357" s="6">
        <v>41801</v>
      </c>
      <c r="F5357" s="6" t="s">
        <v>18</v>
      </c>
      <c r="G5357" s="6" t="s">
        <v>10843</v>
      </c>
      <c r="H5357" s="6" t="s">
        <v>10844</v>
      </c>
      <c r="I5357" s="7">
        <v>1.8518034000000001</v>
      </c>
      <c r="J5357" s="8">
        <v>-76.045144399999998</v>
      </c>
    </row>
    <row r="5358" spans="1:10" x14ac:dyDescent="0.35">
      <c r="A5358" s="5" t="s">
        <v>10</v>
      </c>
      <c r="B5358" s="6">
        <v>118883</v>
      </c>
      <c r="C5358" s="6" t="s">
        <v>16</v>
      </c>
      <c r="D5358" s="6" t="s">
        <v>78</v>
      </c>
      <c r="E5358" s="6">
        <v>68001</v>
      </c>
      <c r="F5358" s="6" t="s">
        <v>18</v>
      </c>
      <c r="G5358" s="6" t="s">
        <v>10845</v>
      </c>
      <c r="H5358" s="6" t="s">
        <v>10846</v>
      </c>
      <c r="I5358" s="7">
        <v>7.1020197999999999</v>
      </c>
      <c r="J5358" s="8">
        <v>-73.142328500000005</v>
      </c>
    </row>
    <row r="5359" spans="1:10" x14ac:dyDescent="0.35">
      <c r="A5359" s="5" t="s">
        <v>10</v>
      </c>
      <c r="B5359" s="6">
        <v>235566</v>
      </c>
      <c r="C5359" s="6" t="s">
        <v>68</v>
      </c>
      <c r="D5359" s="6" t="s">
        <v>69</v>
      </c>
      <c r="E5359" s="6">
        <v>11001</v>
      </c>
      <c r="F5359" s="6" t="s">
        <v>18</v>
      </c>
      <c r="G5359" s="6" t="s">
        <v>10847</v>
      </c>
      <c r="H5359" s="6" t="s">
        <v>10848</v>
      </c>
      <c r="I5359" s="7">
        <v>4.6322421</v>
      </c>
      <c r="J5359" s="8">
        <v>-74.167255299999994</v>
      </c>
    </row>
    <row r="5360" spans="1:10" x14ac:dyDescent="0.35">
      <c r="A5360" s="5" t="s">
        <v>10</v>
      </c>
      <c r="B5360" s="6">
        <v>229291</v>
      </c>
      <c r="C5360" s="6" t="s">
        <v>109</v>
      </c>
      <c r="D5360" s="6" t="s">
        <v>10849</v>
      </c>
      <c r="E5360" s="6">
        <v>13670</v>
      </c>
      <c r="F5360" s="6" t="s">
        <v>18</v>
      </c>
      <c r="G5360" s="6" t="s">
        <v>10850</v>
      </c>
      <c r="H5360" s="6" t="s">
        <v>10851</v>
      </c>
      <c r="I5360" s="7">
        <v>7.477887</v>
      </c>
      <c r="J5360" s="8">
        <v>-73.924108000000004</v>
      </c>
    </row>
    <row r="5361" spans="1:10" x14ac:dyDescent="0.35">
      <c r="A5361" s="5" t="s">
        <v>10</v>
      </c>
      <c r="B5361" s="6">
        <v>237763</v>
      </c>
      <c r="C5361" s="6" t="s">
        <v>366</v>
      </c>
      <c r="D5361" s="6" t="s">
        <v>763</v>
      </c>
      <c r="E5361" s="6">
        <v>44279</v>
      </c>
      <c r="F5361" s="6" t="s">
        <v>18</v>
      </c>
      <c r="G5361" s="6" t="s">
        <v>10852</v>
      </c>
      <c r="H5361" s="6" t="s">
        <v>10853</v>
      </c>
      <c r="I5361" s="7">
        <v>10.8858523</v>
      </c>
      <c r="J5361" s="8">
        <v>-72.849080299999997</v>
      </c>
    </row>
    <row r="5362" spans="1:10" x14ac:dyDescent="0.35">
      <c r="A5362" s="5" t="s">
        <v>10</v>
      </c>
      <c r="B5362" s="6">
        <v>232694</v>
      </c>
      <c r="C5362" s="6" t="s">
        <v>68</v>
      </c>
      <c r="D5362" s="6" t="s">
        <v>69</v>
      </c>
      <c r="E5362" s="6">
        <v>11001</v>
      </c>
      <c r="F5362" s="6" t="s">
        <v>13</v>
      </c>
      <c r="G5362" s="6" t="s">
        <v>10854</v>
      </c>
      <c r="H5362" s="6" t="s">
        <v>10855</v>
      </c>
      <c r="I5362" s="7">
        <v>4.6068199999999999</v>
      </c>
      <c r="J5362" s="8">
        <v>-74.117500000000007</v>
      </c>
    </row>
    <row r="5363" spans="1:10" x14ac:dyDescent="0.35">
      <c r="A5363" s="5" t="s">
        <v>10</v>
      </c>
      <c r="B5363" s="6">
        <v>215295</v>
      </c>
      <c r="C5363" s="6" t="s">
        <v>68</v>
      </c>
      <c r="D5363" s="6" t="s">
        <v>69</v>
      </c>
      <c r="E5363" s="6">
        <v>11001</v>
      </c>
      <c r="F5363" s="6" t="s">
        <v>13</v>
      </c>
      <c r="G5363" s="6" t="s">
        <v>10856</v>
      </c>
      <c r="H5363" s="6" t="s">
        <v>10857</v>
      </c>
      <c r="I5363" s="7">
        <v>4.7198839000000001</v>
      </c>
      <c r="J5363" s="8">
        <v>-74.102097200000003</v>
      </c>
    </row>
    <row r="5364" spans="1:10" x14ac:dyDescent="0.35">
      <c r="A5364" s="5" t="s">
        <v>10</v>
      </c>
      <c r="B5364" s="6">
        <v>209941</v>
      </c>
      <c r="C5364" s="6" t="s">
        <v>294</v>
      </c>
      <c r="D5364" s="6" t="s">
        <v>703</v>
      </c>
      <c r="E5364" s="6">
        <v>41001</v>
      </c>
      <c r="F5364" s="6" t="s">
        <v>18</v>
      </c>
      <c r="G5364" s="6" t="s">
        <v>10858</v>
      </c>
      <c r="H5364" s="6" t="s">
        <v>10859</v>
      </c>
      <c r="I5364" s="7">
        <v>2.9217604000000001</v>
      </c>
      <c r="J5364" s="8">
        <v>-75.281286399999999</v>
      </c>
    </row>
    <row r="5365" spans="1:10" x14ac:dyDescent="0.35">
      <c r="A5365" s="5" t="s">
        <v>10</v>
      </c>
      <c r="B5365" s="6">
        <v>223526</v>
      </c>
      <c r="C5365" s="6" t="s">
        <v>68</v>
      </c>
      <c r="D5365" s="6" t="s">
        <v>69</v>
      </c>
      <c r="E5365" s="6">
        <v>11001</v>
      </c>
      <c r="F5365" s="6" t="s">
        <v>18</v>
      </c>
      <c r="G5365" s="6" t="s">
        <v>10860</v>
      </c>
      <c r="H5365" s="6" t="s">
        <v>10861</v>
      </c>
      <c r="I5365" s="7">
        <v>4.6322612000000003</v>
      </c>
      <c r="J5365" s="8">
        <v>-74.172649500000006</v>
      </c>
    </row>
    <row r="5366" spans="1:10" x14ac:dyDescent="0.35">
      <c r="A5366" s="5" t="s">
        <v>10</v>
      </c>
      <c r="B5366" s="6">
        <v>90013</v>
      </c>
      <c r="C5366" s="6" t="s">
        <v>68</v>
      </c>
      <c r="D5366" s="6" t="s">
        <v>69</v>
      </c>
      <c r="E5366" s="6">
        <v>11001</v>
      </c>
      <c r="F5366" s="6" t="s">
        <v>18</v>
      </c>
      <c r="G5366" s="6" t="s">
        <v>10862</v>
      </c>
      <c r="H5366" s="6" t="s">
        <v>10863</v>
      </c>
      <c r="I5366" s="7">
        <v>4.6857091000000004</v>
      </c>
      <c r="J5366" s="8">
        <v>-74.146999399999999</v>
      </c>
    </row>
    <row r="5367" spans="1:10" x14ac:dyDescent="0.35">
      <c r="A5367" s="5" t="s">
        <v>10</v>
      </c>
      <c r="B5367" s="6">
        <v>135405</v>
      </c>
      <c r="C5367" s="6" t="s">
        <v>68</v>
      </c>
      <c r="D5367" s="6" t="s">
        <v>69</v>
      </c>
      <c r="E5367" s="6">
        <v>11001</v>
      </c>
      <c r="F5367" s="6" t="s">
        <v>18</v>
      </c>
      <c r="G5367" s="6" t="s">
        <v>10864</v>
      </c>
      <c r="H5367" s="6" t="s">
        <v>10865</v>
      </c>
      <c r="I5367" s="7">
        <v>4.6152329999999999</v>
      </c>
      <c r="J5367" s="8">
        <v>-74.103500799999907</v>
      </c>
    </row>
    <row r="5368" spans="1:10" x14ac:dyDescent="0.35">
      <c r="A5368" s="5" t="s">
        <v>10</v>
      </c>
      <c r="B5368" s="6">
        <v>170994</v>
      </c>
      <c r="C5368" s="6" t="s">
        <v>68</v>
      </c>
      <c r="D5368" s="6" t="s">
        <v>69</v>
      </c>
      <c r="E5368" s="6">
        <v>11001</v>
      </c>
      <c r="F5368" s="6" t="s">
        <v>18</v>
      </c>
      <c r="G5368" s="6" t="s">
        <v>10866</v>
      </c>
      <c r="H5368" s="6" t="s">
        <v>10867</v>
      </c>
      <c r="I5368" s="7">
        <v>4.5653863000000001</v>
      </c>
      <c r="J5368" s="8">
        <v>-74.101701599999998</v>
      </c>
    </row>
    <row r="5369" spans="1:10" x14ac:dyDescent="0.35">
      <c r="A5369" s="5" t="s">
        <v>10</v>
      </c>
      <c r="B5369" s="6">
        <v>179462</v>
      </c>
      <c r="C5369" s="6" t="s">
        <v>11</v>
      </c>
      <c r="D5369" s="6" t="s">
        <v>1206</v>
      </c>
      <c r="E5369" s="6">
        <v>25875</v>
      </c>
      <c r="F5369" s="6" t="s">
        <v>18</v>
      </c>
      <c r="G5369" s="6" t="s">
        <v>10868</v>
      </c>
      <c r="H5369" s="6" t="s">
        <v>10869</v>
      </c>
      <c r="I5369" s="7">
        <v>5.0117060000000002</v>
      </c>
      <c r="J5369" s="8">
        <v>-74.470361999999994</v>
      </c>
    </row>
    <row r="5370" spans="1:10" x14ac:dyDescent="0.35">
      <c r="A5370" s="5" t="s">
        <v>10</v>
      </c>
      <c r="B5370" s="6">
        <v>184865</v>
      </c>
      <c r="C5370" s="6" t="s">
        <v>11</v>
      </c>
      <c r="D5370" s="6" t="s">
        <v>997</v>
      </c>
      <c r="E5370" s="6">
        <v>25599</v>
      </c>
      <c r="F5370" s="6" t="s">
        <v>18</v>
      </c>
      <c r="G5370" s="6" t="s">
        <v>10870</v>
      </c>
      <c r="H5370" s="6" t="s">
        <v>10871</v>
      </c>
      <c r="I5370" s="7">
        <v>4.5213019999999897</v>
      </c>
      <c r="J5370" s="8">
        <v>-74.593705999999997</v>
      </c>
    </row>
    <row r="5371" spans="1:10" x14ac:dyDescent="0.35">
      <c r="A5371" s="5" t="s">
        <v>10</v>
      </c>
      <c r="B5371" s="6">
        <v>234211</v>
      </c>
      <c r="C5371" s="6" t="s">
        <v>308</v>
      </c>
      <c r="D5371" s="6" t="s">
        <v>8338</v>
      </c>
      <c r="E5371" s="6">
        <v>23555</v>
      </c>
      <c r="F5371" s="6" t="s">
        <v>18</v>
      </c>
      <c r="G5371" s="6" t="s">
        <v>10872</v>
      </c>
      <c r="H5371" s="6" t="s">
        <v>10873</v>
      </c>
      <c r="I5371" s="7">
        <v>8.4078707000000001</v>
      </c>
      <c r="J5371" s="8">
        <v>-75.581363800000005</v>
      </c>
    </row>
    <row r="5372" spans="1:10" x14ac:dyDescent="0.35">
      <c r="A5372" s="5" t="s">
        <v>10</v>
      </c>
      <c r="B5372" s="6">
        <v>217766</v>
      </c>
      <c r="C5372" s="6" t="s">
        <v>302</v>
      </c>
      <c r="D5372" s="6" t="s">
        <v>359</v>
      </c>
      <c r="E5372" s="6">
        <v>8001</v>
      </c>
      <c r="F5372" s="6" t="s">
        <v>18</v>
      </c>
      <c r="G5372" s="6" t="s">
        <v>10874</v>
      </c>
      <c r="H5372" s="6" t="s">
        <v>10875</v>
      </c>
      <c r="I5372" s="7">
        <v>10.983242600000001</v>
      </c>
      <c r="J5372" s="8">
        <v>-74.782210399999997</v>
      </c>
    </row>
    <row r="5373" spans="1:10" x14ac:dyDescent="0.35">
      <c r="A5373" s="5" t="s">
        <v>10</v>
      </c>
      <c r="B5373" s="6">
        <v>243790</v>
      </c>
      <c r="C5373" s="6" t="s">
        <v>38</v>
      </c>
      <c r="D5373" s="6" t="s">
        <v>39</v>
      </c>
      <c r="E5373" s="6">
        <v>19001</v>
      </c>
      <c r="F5373" s="6" t="s">
        <v>18</v>
      </c>
      <c r="G5373" s="6" t="s">
        <v>10876</v>
      </c>
      <c r="H5373" s="6" t="s">
        <v>10877</v>
      </c>
      <c r="I5373" s="7">
        <v>2.4420164999999998</v>
      </c>
      <c r="J5373" s="8">
        <v>-76.6151263</v>
      </c>
    </row>
    <row r="5374" spans="1:10" x14ac:dyDescent="0.35">
      <c r="A5374" s="5" t="s">
        <v>10</v>
      </c>
      <c r="B5374" s="6">
        <v>182757</v>
      </c>
      <c r="C5374" s="6" t="s">
        <v>3788</v>
      </c>
      <c r="D5374" s="6" t="s">
        <v>4391</v>
      </c>
      <c r="E5374" s="6">
        <v>18094</v>
      </c>
      <c r="F5374" s="6" t="s">
        <v>18</v>
      </c>
      <c r="G5374" s="6" t="s">
        <v>10878</v>
      </c>
      <c r="H5374" s="6" t="s">
        <v>10879</v>
      </c>
      <c r="I5374" s="7">
        <v>1.4200429999999999</v>
      </c>
      <c r="J5374" s="8">
        <v>-75.872467099999994</v>
      </c>
    </row>
    <row r="5375" spans="1:10" x14ac:dyDescent="0.35">
      <c r="A5375" s="5" t="s">
        <v>10</v>
      </c>
      <c r="B5375" s="6">
        <v>217222</v>
      </c>
      <c r="C5375" s="6" t="s">
        <v>68</v>
      </c>
      <c r="D5375" s="6" t="s">
        <v>69</v>
      </c>
      <c r="E5375" s="6">
        <v>11001</v>
      </c>
      <c r="F5375" s="6" t="s">
        <v>13</v>
      </c>
      <c r="G5375" s="6" t="s">
        <v>10880</v>
      </c>
      <c r="H5375" s="6" t="s">
        <v>10881</v>
      </c>
      <c r="I5375" s="7">
        <v>4.6147672999999996</v>
      </c>
      <c r="J5375" s="8">
        <v>-74.203445599999995</v>
      </c>
    </row>
    <row r="5376" spans="1:10" x14ac:dyDescent="0.35">
      <c r="A5376" s="5" t="s">
        <v>10</v>
      </c>
      <c r="B5376" s="6">
        <v>233411</v>
      </c>
      <c r="C5376" s="6" t="s">
        <v>68</v>
      </c>
      <c r="D5376" s="6" t="s">
        <v>69</v>
      </c>
      <c r="E5376" s="6">
        <v>11001</v>
      </c>
      <c r="F5376" s="6" t="s">
        <v>18</v>
      </c>
      <c r="G5376" s="6" t="s">
        <v>10882</v>
      </c>
      <c r="H5376" s="6" t="s">
        <v>10883</v>
      </c>
      <c r="I5376" s="7">
        <v>4.6080399999999999</v>
      </c>
      <c r="J5376" s="8">
        <v>-74.142240000000001</v>
      </c>
    </row>
    <row r="5377" spans="1:10" x14ac:dyDescent="0.35">
      <c r="A5377" s="5" t="s">
        <v>10</v>
      </c>
      <c r="B5377" s="6">
        <v>239200</v>
      </c>
      <c r="C5377" s="6" t="s">
        <v>11</v>
      </c>
      <c r="D5377" s="6" t="s">
        <v>513</v>
      </c>
      <c r="E5377" s="6">
        <v>25286</v>
      </c>
      <c r="F5377" s="6" t="s">
        <v>18</v>
      </c>
      <c r="G5377" s="6" t="s">
        <v>10884</v>
      </c>
      <c r="H5377" s="6" t="s">
        <v>10885</v>
      </c>
      <c r="I5377" s="7">
        <v>4.7176676999999998</v>
      </c>
      <c r="J5377" s="8">
        <v>-74.211874100000003</v>
      </c>
    </row>
    <row r="5378" spans="1:10" x14ac:dyDescent="0.35">
      <c r="A5378" s="5" t="s">
        <v>10</v>
      </c>
      <c r="B5378" s="6">
        <v>241379</v>
      </c>
      <c r="C5378" s="6" t="s">
        <v>190</v>
      </c>
      <c r="D5378" s="6" t="s">
        <v>303</v>
      </c>
      <c r="E5378" s="6">
        <v>5628</v>
      </c>
      <c r="F5378" s="6" t="s">
        <v>18</v>
      </c>
      <c r="G5378" s="6" t="s">
        <v>10886</v>
      </c>
      <c r="H5378" s="6" t="s">
        <v>10887</v>
      </c>
      <c r="I5378" s="7">
        <v>10.638473400000001</v>
      </c>
      <c r="J5378" s="8">
        <v>-74.924553599999996</v>
      </c>
    </row>
    <row r="5379" spans="1:10" x14ac:dyDescent="0.35">
      <c r="A5379" s="5" t="s">
        <v>10</v>
      </c>
      <c r="B5379" s="6">
        <v>219914</v>
      </c>
      <c r="C5379" s="6" t="s">
        <v>38</v>
      </c>
      <c r="D5379" s="6" t="s">
        <v>39</v>
      </c>
      <c r="E5379" s="6">
        <v>19001</v>
      </c>
      <c r="F5379" s="6" t="s">
        <v>18</v>
      </c>
      <c r="G5379" s="6" t="s">
        <v>10888</v>
      </c>
      <c r="H5379" s="6" t="s">
        <v>10889</v>
      </c>
      <c r="I5379" s="7">
        <v>2.4384709</v>
      </c>
      <c r="J5379" s="8">
        <v>-76.616121100000001</v>
      </c>
    </row>
    <row r="5380" spans="1:10" x14ac:dyDescent="0.35">
      <c r="A5380" s="5" t="s">
        <v>10</v>
      </c>
      <c r="B5380" s="6">
        <v>213604</v>
      </c>
      <c r="C5380" s="6" t="s">
        <v>16</v>
      </c>
      <c r="D5380" s="6" t="s">
        <v>78</v>
      </c>
      <c r="E5380" s="6">
        <v>68001</v>
      </c>
      <c r="F5380" s="6" t="s">
        <v>18</v>
      </c>
      <c r="G5380" s="6" t="s">
        <v>10890</v>
      </c>
      <c r="H5380" s="6" t="s">
        <v>10891</v>
      </c>
      <c r="I5380" s="7">
        <v>7.1323954999999897</v>
      </c>
      <c r="J5380" s="8">
        <v>-73.133215100000001</v>
      </c>
    </row>
    <row r="5381" spans="1:10" x14ac:dyDescent="0.35">
      <c r="A5381" s="5" t="s">
        <v>10</v>
      </c>
      <c r="B5381" s="6">
        <v>247218</v>
      </c>
      <c r="C5381" s="6" t="s">
        <v>68</v>
      </c>
      <c r="D5381" s="6" t="s">
        <v>69</v>
      </c>
      <c r="E5381" s="6">
        <v>11001</v>
      </c>
      <c r="F5381" s="6" t="s">
        <v>18</v>
      </c>
      <c r="G5381" s="6" t="s">
        <v>10892</v>
      </c>
      <c r="H5381" s="6" t="s">
        <v>10893</v>
      </c>
      <c r="I5381" s="7">
        <v>4.5625844966934297</v>
      </c>
      <c r="J5381" s="8">
        <v>-74.139907816857999</v>
      </c>
    </row>
    <row r="5382" spans="1:10" x14ac:dyDescent="0.35">
      <c r="A5382" s="5" t="s">
        <v>10</v>
      </c>
      <c r="B5382" s="6">
        <v>220646</v>
      </c>
      <c r="C5382" s="6" t="s">
        <v>68</v>
      </c>
      <c r="D5382" s="6" t="s">
        <v>69</v>
      </c>
      <c r="E5382" s="6">
        <v>11001</v>
      </c>
      <c r="F5382" s="6" t="s">
        <v>18</v>
      </c>
      <c r="G5382" s="6" t="s">
        <v>10894</v>
      </c>
      <c r="H5382" s="6" t="s">
        <v>10895</v>
      </c>
      <c r="I5382" s="7">
        <v>4.5697834999999998</v>
      </c>
      <c r="J5382" s="8">
        <v>-74.149831599999999</v>
      </c>
    </row>
    <row r="5383" spans="1:10" x14ac:dyDescent="0.35">
      <c r="A5383" s="5" t="s">
        <v>10</v>
      </c>
      <c r="B5383" s="6">
        <v>246230</v>
      </c>
      <c r="C5383" s="6" t="s">
        <v>28</v>
      </c>
      <c r="D5383" s="6" t="s">
        <v>2175</v>
      </c>
      <c r="E5383" s="6">
        <v>54250</v>
      </c>
      <c r="F5383" s="6" t="s">
        <v>18</v>
      </c>
      <c r="G5383" s="6" t="s">
        <v>10896</v>
      </c>
      <c r="H5383" s="6" t="s">
        <v>10897</v>
      </c>
      <c r="I5383" s="7">
        <v>8.5745100000000001</v>
      </c>
      <c r="J5383" s="8">
        <v>-73.093389999999999</v>
      </c>
    </row>
    <row r="5384" spans="1:10" x14ac:dyDescent="0.35">
      <c r="A5384" s="5" t="s">
        <v>10</v>
      </c>
      <c r="B5384" s="6">
        <v>239652</v>
      </c>
      <c r="C5384" s="6" t="s">
        <v>68</v>
      </c>
      <c r="D5384" s="6" t="s">
        <v>69</v>
      </c>
      <c r="E5384" s="6">
        <v>11001</v>
      </c>
      <c r="F5384" s="6" t="s">
        <v>18</v>
      </c>
      <c r="G5384" s="6" t="s">
        <v>10898</v>
      </c>
      <c r="H5384" s="6" t="s">
        <v>10899</v>
      </c>
      <c r="I5384" s="7">
        <v>4.5405385000000003</v>
      </c>
      <c r="J5384" s="8">
        <v>-74.098160399999998</v>
      </c>
    </row>
    <row r="5385" spans="1:10" x14ac:dyDescent="0.35">
      <c r="A5385" s="5" t="s">
        <v>10</v>
      </c>
      <c r="B5385" s="6">
        <v>234446</v>
      </c>
      <c r="C5385" s="6" t="s">
        <v>117</v>
      </c>
      <c r="D5385" s="6" t="s">
        <v>1334</v>
      </c>
      <c r="E5385" s="6">
        <v>76001</v>
      </c>
      <c r="F5385" s="6" t="s">
        <v>18</v>
      </c>
      <c r="G5385" s="6" t="s">
        <v>10900</v>
      </c>
      <c r="H5385" s="6" t="s">
        <v>10901</v>
      </c>
      <c r="I5385" s="7">
        <v>3.4352757</v>
      </c>
      <c r="J5385" s="8">
        <v>-76.466123999999994</v>
      </c>
    </row>
    <row r="5386" spans="1:10" x14ac:dyDescent="0.35">
      <c r="A5386" s="5" t="s">
        <v>10</v>
      </c>
      <c r="B5386" s="6">
        <v>154821</v>
      </c>
      <c r="C5386" s="6" t="s">
        <v>294</v>
      </c>
      <c r="D5386" s="6" t="s">
        <v>6101</v>
      </c>
      <c r="E5386" s="6">
        <v>41349</v>
      </c>
      <c r="F5386" s="6" t="s">
        <v>18</v>
      </c>
      <c r="G5386" s="6" t="s">
        <v>10902</v>
      </c>
      <c r="H5386" s="6" t="s">
        <v>10903</v>
      </c>
      <c r="I5386" s="7">
        <v>2.5823879000000001</v>
      </c>
      <c r="J5386" s="8">
        <v>-75.449860200000003</v>
      </c>
    </row>
    <row r="5387" spans="1:10" x14ac:dyDescent="0.35">
      <c r="A5387" s="5" t="s">
        <v>10</v>
      </c>
      <c r="B5387" s="6">
        <v>207943</v>
      </c>
      <c r="C5387" s="6" t="s">
        <v>294</v>
      </c>
      <c r="D5387" s="6" t="s">
        <v>703</v>
      </c>
      <c r="E5387" s="6">
        <v>41001</v>
      </c>
      <c r="F5387" s="6" t="s">
        <v>18</v>
      </c>
      <c r="G5387" s="6" t="s">
        <v>10904</v>
      </c>
      <c r="H5387" s="6" t="s">
        <v>10905</v>
      </c>
      <c r="I5387" s="7">
        <v>2.9344836999999999</v>
      </c>
      <c r="J5387" s="8">
        <v>-75.280900099999997</v>
      </c>
    </row>
    <row r="5388" spans="1:10" x14ac:dyDescent="0.35">
      <c r="A5388" s="5" t="s">
        <v>10</v>
      </c>
      <c r="B5388" s="6">
        <v>167084</v>
      </c>
      <c r="C5388" s="6" t="s">
        <v>68</v>
      </c>
      <c r="D5388" s="6" t="s">
        <v>69</v>
      </c>
      <c r="E5388" s="6">
        <v>11001</v>
      </c>
      <c r="F5388" s="6" t="s">
        <v>18</v>
      </c>
      <c r="G5388" s="6" t="s">
        <v>10906</v>
      </c>
      <c r="H5388" s="6" t="s">
        <v>10907</v>
      </c>
      <c r="I5388" s="7">
        <v>4.6070035999999996</v>
      </c>
      <c r="J5388" s="8">
        <v>-74.074381199999905</v>
      </c>
    </row>
    <row r="5389" spans="1:10" x14ac:dyDescent="0.35">
      <c r="A5389" s="5" t="s">
        <v>10</v>
      </c>
      <c r="B5389" s="6">
        <v>95564</v>
      </c>
      <c r="C5389" s="6" t="s">
        <v>11</v>
      </c>
      <c r="D5389" s="6" t="s">
        <v>5605</v>
      </c>
      <c r="E5389" s="6">
        <v>25772</v>
      </c>
      <c r="F5389" s="6" t="s">
        <v>18</v>
      </c>
      <c r="G5389" s="6" t="s">
        <v>10908</v>
      </c>
      <c r="H5389" s="6" t="s">
        <v>10909</v>
      </c>
      <c r="I5389" s="7">
        <v>5.1039289999999999</v>
      </c>
      <c r="J5389" s="8">
        <v>-73.798631999999998</v>
      </c>
    </row>
    <row r="5390" spans="1:10" x14ac:dyDescent="0.35">
      <c r="A5390" s="5" t="s">
        <v>10</v>
      </c>
      <c r="B5390" s="6">
        <v>161548</v>
      </c>
      <c r="C5390" s="6" t="s">
        <v>11</v>
      </c>
      <c r="D5390" s="6" t="s">
        <v>12</v>
      </c>
      <c r="E5390" s="6">
        <v>25899</v>
      </c>
      <c r="F5390" s="6" t="s">
        <v>18</v>
      </c>
      <c r="G5390" s="6" t="s">
        <v>10910</v>
      </c>
      <c r="H5390" s="6" t="s">
        <v>10911</v>
      </c>
      <c r="I5390" s="7">
        <v>5.0271568999999996</v>
      </c>
      <c r="J5390" s="8">
        <v>-74.006596399999907</v>
      </c>
    </row>
    <row r="5391" spans="1:10" x14ac:dyDescent="0.35">
      <c r="A5391" s="5" t="s">
        <v>10</v>
      </c>
      <c r="B5391" s="6">
        <v>244788</v>
      </c>
      <c r="C5391" s="6" t="s">
        <v>11</v>
      </c>
      <c r="D5391" s="6" t="s">
        <v>4324</v>
      </c>
      <c r="E5391" s="6">
        <v>25168</v>
      </c>
      <c r="F5391" s="6" t="s">
        <v>18</v>
      </c>
      <c r="G5391" s="6" t="s">
        <v>10912</v>
      </c>
      <c r="H5391" s="6" t="s">
        <v>10913</v>
      </c>
      <c r="I5391" s="7">
        <v>4.9493413999999998</v>
      </c>
      <c r="J5391" s="8">
        <v>-74.593865800000003</v>
      </c>
    </row>
    <row r="5392" spans="1:10" x14ac:dyDescent="0.35">
      <c r="A5392" s="5" t="s">
        <v>10</v>
      </c>
      <c r="B5392" s="6">
        <v>224926</v>
      </c>
      <c r="C5392" s="6" t="s">
        <v>308</v>
      </c>
      <c r="D5392" s="6" t="s">
        <v>309</v>
      </c>
      <c r="E5392" s="6">
        <v>23001</v>
      </c>
      <c r="F5392" s="6" t="s">
        <v>18</v>
      </c>
      <c r="G5392" s="6" t="s">
        <v>10914</v>
      </c>
      <c r="H5392" s="6" t="s">
        <v>10915</v>
      </c>
      <c r="I5392" s="7">
        <v>8.7419070999999899</v>
      </c>
      <c r="J5392" s="8">
        <v>-75.866787199999905</v>
      </c>
    </row>
    <row r="5393" spans="1:10" x14ac:dyDescent="0.35">
      <c r="A5393" s="5" t="s">
        <v>10</v>
      </c>
      <c r="B5393" s="6">
        <v>239387</v>
      </c>
      <c r="C5393" s="6" t="s">
        <v>2821</v>
      </c>
      <c r="D5393" s="6" t="s">
        <v>8204</v>
      </c>
      <c r="E5393" s="6">
        <v>47053</v>
      </c>
      <c r="F5393" s="6" t="s">
        <v>18</v>
      </c>
      <c r="G5393" s="6" t="s">
        <v>10916</v>
      </c>
      <c r="H5393" s="6" t="s">
        <v>10917</v>
      </c>
      <c r="I5393" s="7">
        <v>10.5905766</v>
      </c>
      <c r="J5393" s="8">
        <v>-74.174662499999997</v>
      </c>
    </row>
    <row r="5394" spans="1:10" x14ac:dyDescent="0.35">
      <c r="A5394" s="5" t="s">
        <v>10</v>
      </c>
      <c r="B5394" s="6">
        <v>221178</v>
      </c>
      <c r="C5394" s="6" t="s">
        <v>16</v>
      </c>
      <c r="D5394" s="6" t="s">
        <v>510</v>
      </c>
      <c r="E5394" s="6">
        <v>68547</v>
      </c>
      <c r="F5394" s="6" t="s">
        <v>18</v>
      </c>
      <c r="G5394" s="6" t="s">
        <v>10918</v>
      </c>
      <c r="H5394" s="6" t="s">
        <v>10919</v>
      </c>
      <c r="I5394" s="7">
        <v>6.9915390000000004</v>
      </c>
      <c r="J5394" s="8">
        <v>-73.053997999999893</v>
      </c>
    </row>
    <row r="5395" spans="1:10" x14ac:dyDescent="0.35">
      <c r="A5395" s="5" t="s">
        <v>10</v>
      </c>
      <c r="B5395" s="6">
        <v>230358</v>
      </c>
      <c r="C5395" s="6" t="s">
        <v>55</v>
      </c>
      <c r="D5395" s="6" t="s">
        <v>56</v>
      </c>
      <c r="E5395" s="6">
        <v>73001</v>
      </c>
      <c r="F5395" s="6" t="s">
        <v>18</v>
      </c>
      <c r="G5395" s="6" t="s">
        <v>10920</v>
      </c>
      <c r="H5395" s="6" t="s">
        <v>10921</v>
      </c>
      <c r="I5395" s="7">
        <v>4.4197072999999998</v>
      </c>
      <c r="J5395" s="8">
        <v>-75.258998800000001</v>
      </c>
    </row>
    <row r="5396" spans="1:10" x14ac:dyDescent="0.35">
      <c r="A5396" s="5" t="s">
        <v>10</v>
      </c>
      <c r="B5396" s="6">
        <v>245068</v>
      </c>
      <c r="C5396" s="6" t="s">
        <v>68</v>
      </c>
      <c r="D5396" s="6" t="s">
        <v>69</v>
      </c>
      <c r="E5396" s="6">
        <v>11001</v>
      </c>
      <c r="F5396" s="6" t="s">
        <v>18</v>
      </c>
      <c r="G5396" s="6" t="s">
        <v>10922</v>
      </c>
      <c r="H5396" s="6" t="s">
        <v>10923</v>
      </c>
      <c r="I5396" s="7">
        <v>4.6054839999999997</v>
      </c>
      <c r="J5396" s="8">
        <v>-74.145257900000004</v>
      </c>
    </row>
    <row r="5397" spans="1:10" x14ac:dyDescent="0.35">
      <c r="A5397" s="5" t="s">
        <v>10</v>
      </c>
      <c r="B5397" s="6">
        <v>104343</v>
      </c>
      <c r="C5397" s="6" t="s">
        <v>294</v>
      </c>
      <c r="D5397" s="6" t="s">
        <v>1722</v>
      </c>
      <c r="E5397" s="6">
        <v>41797</v>
      </c>
      <c r="F5397" s="6" t="s">
        <v>18</v>
      </c>
      <c r="G5397" s="6" t="s">
        <v>10924</v>
      </c>
      <c r="H5397" s="6" t="s">
        <v>10925</v>
      </c>
      <c r="I5397" s="7">
        <v>2.5438246000000002</v>
      </c>
      <c r="J5397" s="8">
        <v>-75.718551500000004</v>
      </c>
    </row>
    <row r="5398" spans="1:10" x14ac:dyDescent="0.35">
      <c r="A5398" s="5" t="s">
        <v>10</v>
      </c>
      <c r="B5398" s="6">
        <v>243949</v>
      </c>
      <c r="C5398" s="6" t="s">
        <v>16</v>
      </c>
      <c r="D5398" s="6" t="s">
        <v>1401</v>
      </c>
      <c r="E5398" s="6">
        <v>68307</v>
      </c>
      <c r="F5398" s="6" t="s">
        <v>18</v>
      </c>
      <c r="G5398" s="6" t="s">
        <v>10926</v>
      </c>
      <c r="H5398" s="6" t="s">
        <v>10927</v>
      </c>
      <c r="I5398" s="7">
        <v>7.0690917000000004</v>
      </c>
      <c r="J5398" s="8">
        <v>-73.177274600000004</v>
      </c>
    </row>
    <row r="5399" spans="1:10" x14ac:dyDescent="0.35">
      <c r="A5399" s="5" t="s">
        <v>10</v>
      </c>
      <c r="B5399" s="6">
        <v>174040</v>
      </c>
      <c r="C5399" s="6" t="s">
        <v>68</v>
      </c>
      <c r="D5399" s="6" t="s">
        <v>69</v>
      </c>
      <c r="E5399" s="6">
        <v>11001</v>
      </c>
      <c r="F5399" s="6" t="s">
        <v>18</v>
      </c>
      <c r="G5399" s="6" t="s">
        <v>10928</v>
      </c>
      <c r="H5399" s="6" t="s">
        <v>10929</v>
      </c>
      <c r="I5399" s="7">
        <v>4.4954941000000002</v>
      </c>
      <c r="J5399" s="8">
        <v>-74.103621399999994</v>
      </c>
    </row>
    <row r="5400" spans="1:10" x14ac:dyDescent="0.35">
      <c r="A5400" s="5" t="s">
        <v>10</v>
      </c>
      <c r="B5400" s="6">
        <v>213073</v>
      </c>
      <c r="C5400" s="6" t="s">
        <v>68</v>
      </c>
      <c r="D5400" s="6" t="s">
        <v>69</v>
      </c>
      <c r="E5400" s="6">
        <v>11001</v>
      </c>
      <c r="F5400" s="6" t="s">
        <v>18</v>
      </c>
      <c r="G5400" s="6" t="s">
        <v>10930</v>
      </c>
      <c r="H5400" s="6" t="s">
        <v>10931</v>
      </c>
      <c r="I5400" s="7">
        <v>4.6098371</v>
      </c>
      <c r="J5400" s="8">
        <v>-74.126747899999998</v>
      </c>
    </row>
    <row r="5401" spans="1:10" x14ac:dyDescent="0.35">
      <c r="A5401" s="5" t="s">
        <v>10</v>
      </c>
      <c r="B5401" s="6">
        <v>136909</v>
      </c>
      <c r="C5401" s="6" t="s">
        <v>11</v>
      </c>
      <c r="D5401" s="6" t="s">
        <v>337</v>
      </c>
      <c r="E5401" s="6">
        <v>25290</v>
      </c>
      <c r="F5401" s="6" t="s">
        <v>18</v>
      </c>
      <c r="G5401" s="6" t="s">
        <v>8490</v>
      </c>
      <c r="H5401" s="6" t="s">
        <v>8491</v>
      </c>
      <c r="I5401" s="7">
        <v>4.3225730000000002</v>
      </c>
      <c r="J5401" s="8">
        <v>-74.363151999999999</v>
      </c>
    </row>
    <row r="5402" spans="1:10" x14ac:dyDescent="0.35">
      <c r="A5402" s="5" t="s">
        <v>10</v>
      </c>
      <c r="B5402" s="6">
        <v>213401</v>
      </c>
      <c r="C5402" s="6" t="s">
        <v>11</v>
      </c>
      <c r="D5402" s="6" t="s">
        <v>334</v>
      </c>
      <c r="E5402" s="6">
        <v>25754</v>
      </c>
      <c r="F5402" s="6" t="s">
        <v>18</v>
      </c>
      <c r="G5402" s="6" t="s">
        <v>10932</v>
      </c>
      <c r="H5402" s="6" t="s">
        <v>10933</v>
      </c>
      <c r="I5402" s="7">
        <v>4.5694007000000001</v>
      </c>
      <c r="J5402" s="8">
        <v>-74.237936300000001</v>
      </c>
    </row>
    <row r="5403" spans="1:10" x14ac:dyDescent="0.35">
      <c r="A5403" s="5" t="s">
        <v>10</v>
      </c>
      <c r="B5403" s="6">
        <v>234722</v>
      </c>
      <c r="C5403" s="6" t="s">
        <v>366</v>
      </c>
      <c r="D5403" s="6" t="s">
        <v>763</v>
      </c>
      <c r="E5403" s="6">
        <v>44279</v>
      </c>
      <c r="F5403" s="6" t="s">
        <v>18</v>
      </c>
      <c r="G5403" s="6" t="s">
        <v>10934</v>
      </c>
      <c r="H5403" s="6" t="s">
        <v>10935</v>
      </c>
      <c r="I5403" s="7">
        <v>10.888098899999999</v>
      </c>
      <c r="J5403" s="8">
        <v>-72.849726700000005</v>
      </c>
    </row>
    <row r="5404" spans="1:10" x14ac:dyDescent="0.35">
      <c r="A5404" s="5" t="s">
        <v>10</v>
      </c>
      <c r="B5404" s="6">
        <v>214070</v>
      </c>
      <c r="C5404" s="6" t="s">
        <v>302</v>
      </c>
      <c r="D5404" s="6" t="s">
        <v>359</v>
      </c>
      <c r="E5404" s="6">
        <v>8001</v>
      </c>
      <c r="F5404" s="6" t="s">
        <v>18</v>
      </c>
      <c r="G5404" s="6" t="s">
        <v>10936</v>
      </c>
      <c r="H5404" s="6" t="s">
        <v>10937</v>
      </c>
      <c r="I5404" s="7">
        <v>10.9299982</v>
      </c>
      <c r="J5404" s="8">
        <v>-74.799121299999996</v>
      </c>
    </row>
    <row r="5405" spans="1:10" x14ac:dyDescent="0.35">
      <c r="A5405" s="5" t="s">
        <v>10</v>
      </c>
      <c r="B5405" s="6">
        <v>235726</v>
      </c>
      <c r="C5405" s="6" t="s">
        <v>16</v>
      </c>
      <c r="D5405" s="6" t="s">
        <v>9463</v>
      </c>
      <c r="E5405" s="6">
        <v>68368</v>
      </c>
      <c r="F5405" s="6" t="s">
        <v>18</v>
      </c>
      <c r="G5405" s="6" t="s">
        <v>10938</v>
      </c>
      <c r="H5405" s="6" t="s">
        <v>10939</v>
      </c>
      <c r="I5405" s="7">
        <v>5.8754504000000001</v>
      </c>
      <c r="J5405" s="8">
        <v>-73.7825141</v>
      </c>
    </row>
    <row r="5406" spans="1:10" x14ac:dyDescent="0.35">
      <c r="A5406" s="5" t="s">
        <v>10</v>
      </c>
      <c r="B5406" s="6">
        <v>227922</v>
      </c>
      <c r="C5406" s="6" t="s">
        <v>68</v>
      </c>
      <c r="D5406" s="6" t="s">
        <v>69</v>
      </c>
      <c r="E5406" s="6">
        <v>11001</v>
      </c>
      <c r="F5406" s="6" t="s">
        <v>13</v>
      </c>
      <c r="G5406" s="6" t="s">
        <v>10940</v>
      </c>
      <c r="H5406" s="6" t="s">
        <v>10941</v>
      </c>
      <c r="I5406" s="7">
        <v>4.5707740000000001</v>
      </c>
      <c r="J5406" s="8">
        <v>-74.094505400000003</v>
      </c>
    </row>
    <row r="5407" spans="1:10" x14ac:dyDescent="0.35">
      <c r="A5407" s="5" t="s">
        <v>10</v>
      </c>
      <c r="B5407" s="6">
        <v>221744</v>
      </c>
      <c r="C5407" s="6" t="s">
        <v>68</v>
      </c>
      <c r="D5407" s="6" t="s">
        <v>69</v>
      </c>
      <c r="E5407" s="6">
        <v>11001</v>
      </c>
      <c r="F5407" s="6" t="s">
        <v>18</v>
      </c>
      <c r="G5407" s="6" t="s">
        <v>10942</v>
      </c>
      <c r="H5407" s="6" t="s">
        <v>10943</v>
      </c>
      <c r="I5407" s="7">
        <v>4.5568947</v>
      </c>
      <c r="J5407" s="8">
        <v>-74.144834399999993</v>
      </c>
    </row>
    <row r="5408" spans="1:10" x14ac:dyDescent="0.35">
      <c r="A5408" s="5" t="s">
        <v>10</v>
      </c>
      <c r="B5408" s="6">
        <v>236488</v>
      </c>
      <c r="C5408" s="6" t="s">
        <v>16</v>
      </c>
      <c r="D5408" s="6" t="s">
        <v>78</v>
      </c>
      <c r="E5408" s="6">
        <v>68001</v>
      </c>
      <c r="F5408" s="6" t="s">
        <v>18</v>
      </c>
      <c r="G5408" s="6" t="s">
        <v>10944</v>
      </c>
      <c r="H5408" s="6" t="s">
        <v>10945</v>
      </c>
      <c r="I5408" s="7">
        <v>7.1322856000000003</v>
      </c>
      <c r="J5408" s="8">
        <v>-73.114969599999995</v>
      </c>
    </row>
    <row r="5409" spans="1:10" x14ac:dyDescent="0.35">
      <c r="A5409" s="5" t="s">
        <v>10</v>
      </c>
      <c r="B5409" s="6">
        <v>220804</v>
      </c>
      <c r="C5409" s="6" t="s">
        <v>68</v>
      </c>
      <c r="D5409" s="6" t="s">
        <v>69</v>
      </c>
      <c r="E5409" s="6">
        <v>11001</v>
      </c>
      <c r="F5409" s="6" t="s">
        <v>18</v>
      </c>
      <c r="G5409" s="6" t="s">
        <v>10946</v>
      </c>
      <c r="H5409" s="6" t="s">
        <v>10947</v>
      </c>
      <c r="I5409" s="7">
        <v>4.6025495999999997</v>
      </c>
      <c r="J5409" s="8">
        <v>-74.166008499999904</v>
      </c>
    </row>
    <row r="5410" spans="1:10" x14ac:dyDescent="0.35">
      <c r="A5410" s="5" t="s">
        <v>10</v>
      </c>
      <c r="B5410" s="6">
        <v>229366</v>
      </c>
      <c r="C5410" s="6" t="s">
        <v>68</v>
      </c>
      <c r="D5410" s="6" t="s">
        <v>69</v>
      </c>
      <c r="E5410" s="6">
        <v>11001</v>
      </c>
      <c r="F5410" s="6" t="s">
        <v>18</v>
      </c>
      <c r="G5410" s="6" t="s">
        <v>10948</v>
      </c>
      <c r="H5410" s="6" t="s">
        <v>10949</v>
      </c>
      <c r="I5410" s="7">
        <v>4.5788076999999996</v>
      </c>
      <c r="J5410" s="8">
        <v>-74.123483100000001</v>
      </c>
    </row>
    <row r="5411" spans="1:10" x14ac:dyDescent="0.35">
      <c r="A5411" s="5" t="s">
        <v>10</v>
      </c>
      <c r="B5411" s="6">
        <v>201578</v>
      </c>
      <c r="C5411" s="6" t="s">
        <v>302</v>
      </c>
      <c r="D5411" s="6" t="s">
        <v>10950</v>
      </c>
      <c r="E5411" s="6">
        <v>8573</v>
      </c>
      <c r="F5411" s="6" t="s">
        <v>18</v>
      </c>
      <c r="G5411" s="6" t="s">
        <v>10951</v>
      </c>
      <c r="H5411" s="6" t="s">
        <v>10952</v>
      </c>
      <c r="I5411" s="7">
        <v>11.001004</v>
      </c>
      <c r="J5411" s="8">
        <v>-74.950761</v>
      </c>
    </row>
    <row r="5412" spans="1:10" x14ac:dyDescent="0.35">
      <c r="A5412" s="5" t="s">
        <v>10</v>
      </c>
      <c r="B5412" s="6">
        <v>203629</v>
      </c>
      <c r="C5412" s="6" t="s">
        <v>302</v>
      </c>
      <c r="D5412" s="6" t="s">
        <v>4041</v>
      </c>
      <c r="E5412" s="6">
        <v>8758</v>
      </c>
      <c r="F5412" s="6" t="s">
        <v>18</v>
      </c>
      <c r="G5412" s="6" t="s">
        <v>10953</v>
      </c>
      <c r="H5412" s="6" t="s">
        <v>10954</v>
      </c>
      <c r="I5412" s="7">
        <v>10.9158144</v>
      </c>
      <c r="J5412" s="8">
        <v>-74.783981799999907</v>
      </c>
    </row>
    <row r="5413" spans="1:10" x14ac:dyDescent="0.35">
      <c r="A5413" s="5" t="s">
        <v>10</v>
      </c>
      <c r="B5413" s="6">
        <v>232038</v>
      </c>
      <c r="C5413" s="6" t="s">
        <v>302</v>
      </c>
      <c r="D5413" s="6" t="s">
        <v>7978</v>
      </c>
      <c r="E5413" s="6">
        <v>8433</v>
      </c>
      <c r="F5413" s="6" t="s">
        <v>18</v>
      </c>
      <c r="G5413" s="6" t="s">
        <v>10955</v>
      </c>
      <c r="H5413" s="6" t="s">
        <v>10956</v>
      </c>
      <c r="I5413" s="7">
        <v>10.8702913</v>
      </c>
      <c r="J5413" s="8">
        <v>-74.773454000000001</v>
      </c>
    </row>
    <row r="5414" spans="1:10" x14ac:dyDescent="0.35">
      <c r="A5414" s="5" t="s">
        <v>10</v>
      </c>
      <c r="B5414" s="6">
        <v>128638</v>
      </c>
      <c r="C5414" s="6" t="s">
        <v>302</v>
      </c>
      <c r="D5414" s="6" t="s">
        <v>4041</v>
      </c>
      <c r="E5414" s="6">
        <v>8758</v>
      </c>
      <c r="F5414" s="6" t="s">
        <v>18</v>
      </c>
      <c r="G5414" s="6" t="s">
        <v>10957</v>
      </c>
      <c r="H5414" s="6" t="s">
        <v>10958</v>
      </c>
      <c r="I5414" s="7">
        <v>10.9313916</v>
      </c>
      <c r="J5414" s="8">
        <v>-74.772316899999893</v>
      </c>
    </row>
    <row r="5415" spans="1:10" x14ac:dyDescent="0.35">
      <c r="A5415" s="5" t="s">
        <v>10</v>
      </c>
      <c r="B5415" s="6">
        <v>211045</v>
      </c>
      <c r="C5415" s="6" t="s">
        <v>16</v>
      </c>
      <c r="D5415" s="6" t="s">
        <v>1257</v>
      </c>
      <c r="E5415" s="6">
        <v>68770</v>
      </c>
      <c r="F5415" s="6" t="s">
        <v>18</v>
      </c>
      <c r="G5415" s="6" t="s">
        <v>10959</v>
      </c>
      <c r="H5415" s="6" t="s">
        <v>10960</v>
      </c>
      <c r="I5415" s="7">
        <v>6.1528771999999998</v>
      </c>
      <c r="J5415" s="8">
        <v>-73.339696099999998</v>
      </c>
    </row>
    <row r="5416" spans="1:10" x14ac:dyDescent="0.35">
      <c r="A5416" s="5" t="s">
        <v>10</v>
      </c>
      <c r="B5416" s="6">
        <v>155393</v>
      </c>
      <c r="C5416" s="6" t="s">
        <v>3788</v>
      </c>
      <c r="D5416" s="6" t="s">
        <v>3974</v>
      </c>
      <c r="E5416" s="6">
        <v>18001</v>
      </c>
      <c r="F5416" s="6" t="s">
        <v>18</v>
      </c>
      <c r="G5416" s="6" t="s">
        <v>8825</v>
      </c>
      <c r="H5416" s="6" t="s">
        <v>8826</v>
      </c>
      <c r="I5416" s="7">
        <v>1.6095917</v>
      </c>
      <c r="J5416" s="8">
        <v>-75.602852099999893</v>
      </c>
    </row>
    <row r="5417" spans="1:10" x14ac:dyDescent="0.35">
      <c r="A5417" s="5" t="s">
        <v>10</v>
      </c>
      <c r="B5417" s="6">
        <v>232280</v>
      </c>
      <c r="C5417" s="6" t="s">
        <v>55</v>
      </c>
      <c r="D5417" s="6" t="s">
        <v>1705</v>
      </c>
      <c r="E5417" s="6">
        <v>73443</v>
      </c>
      <c r="F5417" s="6" t="s">
        <v>18</v>
      </c>
      <c r="G5417" s="6" t="s">
        <v>10961</v>
      </c>
      <c r="H5417" s="6" t="s">
        <v>10962</v>
      </c>
      <c r="I5417" s="7">
        <v>5.1963910000000002</v>
      </c>
      <c r="J5417" s="8">
        <v>-74.895598000000007</v>
      </c>
    </row>
    <row r="5418" spans="1:10" x14ac:dyDescent="0.35">
      <c r="A5418" s="5" t="s">
        <v>10</v>
      </c>
      <c r="B5418" s="6">
        <v>231517</v>
      </c>
      <c r="C5418" s="6" t="s">
        <v>68</v>
      </c>
      <c r="D5418" s="6" t="s">
        <v>69</v>
      </c>
      <c r="E5418" s="6">
        <v>11001</v>
      </c>
      <c r="F5418" s="6" t="s">
        <v>18</v>
      </c>
      <c r="G5418" s="6" t="s">
        <v>10963</v>
      </c>
      <c r="H5418" s="6" t="s">
        <v>10964</v>
      </c>
      <c r="I5418" s="7">
        <v>4.5560470000000004</v>
      </c>
      <c r="J5418" s="8">
        <v>-74.145246999999998</v>
      </c>
    </row>
    <row r="5419" spans="1:10" x14ac:dyDescent="0.35">
      <c r="A5419" s="5" t="s">
        <v>10</v>
      </c>
      <c r="B5419" s="6">
        <v>201393</v>
      </c>
      <c r="C5419" s="6" t="s">
        <v>294</v>
      </c>
      <c r="D5419" s="6" t="s">
        <v>703</v>
      </c>
      <c r="E5419" s="6">
        <v>41001</v>
      </c>
      <c r="F5419" s="6" t="s">
        <v>18</v>
      </c>
      <c r="G5419" s="6" t="s">
        <v>10965</v>
      </c>
      <c r="H5419" s="6" t="s">
        <v>10966</v>
      </c>
      <c r="I5419" s="7">
        <v>2.9402453</v>
      </c>
      <c r="J5419" s="8">
        <v>-75.2670806</v>
      </c>
    </row>
    <row r="5420" spans="1:10" x14ac:dyDescent="0.35">
      <c r="A5420" s="5" t="s">
        <v>10</v>
      </c>
      <c r="B5420" s="6">
        <v>237120</v>
      </c>
      <c r="C5420" s="6" t="s">
        <v>68</v>
      </c>
      <c r="D5420" s="6" t="s">
        <v>69</v>
      </c>
      <c r="E5420" s="6">
        <v>11001</v>
      </c>
      <c r="F5420" s="6" t="s">
        <v>18</v>
      </c>
      <c r="G5420" s="6" t="s">
        <v>10967</v>
      </c>
      <c r="H5420" s="6" t="s">
        <v>10968</v>
      </c>
      <c r="I5420" s="7">
        <v>4.6430446999999999</v>
      </c>
      <c r="J5420" s="8">
        <v>-74.191798000000006</v>
      </c>
    </row>
    <row r="5421" spans="1:10" x14ac:dyDescent="0.35">
      <c r="A5421" s="5" t="s">
        <v>10</v>
      </c>
      <c r="B5421" s="6">
        <v>241314</v>
      </c>
      <c r="C5421" s="6" t="s">
        <v>4738</v>
      </c>
      <c r="D5421" s="6" t="s">
        <v>4739</v>
      </c>
      <c r="E5421" s="6">
        <v>88001</v>
      </c>
      <c r="F5421" s="6" t="s">
        <v>18</v>
      </c>
      <c r="G5421" s="6" t="s">
        <v>10969</v>
      </c>
      <c r="H5421" s="6" t="s">
        <v>10970</v>
      </c>
      <c r="I5421" s="7">
        <v>12.582417400000001</v>
      </c>
      <c r="J5421" s="8">
        <v>-81.689975500000003</v>
      </c>
    </row>
    <row r="5422" spans="1:10" x14ac:dyDescent="0.35">
      <c r="A5422" s="5" t="s">
        <v>10</v>
      </c>
      <c r="B5422" s="6">
        <v>240335</v>
      </c>
      <c r="C5422" s="6" t="s">
        <v>302</v>
      </c>
      <c r="D5422" s="6" t="s">
        <v>359</v>
      </c>
      <c r="E5422" s="6">
        <v>8001</v>
      </c>
      <c r="F5422" s="6" t="s">
        <v>18</v>
      </c>
      <c r="G5422" s="6" t="s">
        <v>113</v>
      </c>
      <c r="H5422" s="6" t="s">
        <v>10971</v>
      </c>
      <c r="I5422" s="7">
        <v>10.950643700000001</v>
      </c>
      <c r="J5422" s="8">
        <v>-74.769175700000005</v>
      </c>
    </row>
    <row r="5423" spans="1:10" x14ac:dyDescent="0.35">
      <c r="A5423" s="5" t="s">
        <v>10</v>
      </c>
      <c r="B5423" s="6">
        <v>122748</v>
      </c>
      <c r="C5423" s="6" t="s">
        <v>16</v>
      </c>
      <c r="D5423" s="6" t="s">
        <v>510</v>
      </c>
      <c r="E5423" s="6">
        <v>68547</v>
      </c>
      <c r="F5423" s="6" t="s">
        <v>18</v>
      </c>
      <c r="G5423" s="6" t="s">
        <v>10972</v>
      </c>
      <c r="H5423" s="6" t="s">
        <v>10973</v>
      </c>
      <c r="I5423" s="7">
        <v>6.9915390000000004</v>
      </c>
      <c r="J5423" s="8">
        <v>-73.053997999999893</v>
      </c>
    </row>
    <row r="5424" spans="1:10" x14ac:dyDescent="0.35">
      <c r="A5424" s="5" t="s">
        <v>10</v>
      </c>
      <c r="B5424" s="6">
        <v>245233</v>
      </c>
      <c r="C5424" s="6" t="s">
        <v>68</v>
      </c>
      <c r="D5424" s="6" t="s">
        <v>69</v>
      </c>
      <c r="E5424" s="6">
        <v>11001</v>
      </c>
      <c r="F5424" s="6" t="s">
        <v>18</v>
      </c>
      <c r="G5424" s="6" t="s">
        <v>10974</v>
      </c>
      <c r="H5424" s="6" t="s">
        <v>10975</v>
      </c>
      <c r="I5424" s="7">
        <v>4.5624718</v>
      </c>
      <c r="J5424" s="8">
        <v>-74.089376999999999</v>
      </c>
    </row>
    <row r="5425" spans="1:10" x14ac:dyDescent="0.35">
      <c r="A5425" s="5" t="s">
        <v>10</v>
      </c>
      <c r="B5425" s="6">
        <v>171658</v>
      </c>
      <c r="C5425" s="6" t="s">
        <v>294</v>
      </c>
      <c r="D5425" s="6" t="s">
        <v>703</v>
      </c>
      <c r="E5425" s="6">
        <v>41001</v>
      </c>
      <c r="F5425" s="6" t="s">
        <v>18</v>
      </c>
      <c r="G5425" s="6" t="s">
        <v>10976</v>
      </c>
      <c r="H5425" s="6" t="s">
        <v>10977</v>
      </c>
      <c r="I5425" s="7">
        <v>2.9303449000000001</v>
      </c>
      <c r="J5425" s="8">
        <v>-75.267958300000004</v>
      </c>
    </row>
    <row r="5426" spans="1:10" x14ac:dyDescent="0.35">
      <c r="A5426" s="5" t="s">
        <v>10</v>
      </c>
      <c r="B5426" s="6">
        <v>212410</v>
      </c>
      <c r="C5426" s="6" t="s">
        <v>16</v>
      </c>
      <c r="D5426" s="6" t="s">
        <v>1401</v>
      </c>
      <c r="E5426" s="6">
        <v>68307</v>
      </c>
      <c r="F5426" s="6" t="s">
        <v>18</v>
      </c>
      <c r="G5426" s="6" t="s">
        <v>10978</v>
      </c>
      <c r="H5426" s="6" t="s">
        <v>10979</v>
      </c>
      <c r="I5426" s="7">
        <v>7.0551223999999904</v>
      </c>
      <c r="J5426" s="8">
        <v>-73.169014500000003</v>
      </c>
    </row>
    <row r="5427" spans="1:10" x14ac:dyDescent="0.35">
      <c r="A5427" s="5" t="s">
        <v>10</v>
      </c>
      <c r="B5427" s="6">
        <v>244697</v>
      </c>
      <c r="C5427" s="6" t="s">
        <v>11</v>
      </c>
      <c r="D5427" s="6" t="s">
        <v>334</v>
      </c>
      <c r="E5427" s="6">
        <v>25754</v>
      </c>
      <c r="F5427" s="6" t="s">
        <v>18</v>
      </c>
      <c r="G5427" s="6" t="s">
        <v>10980</v>
      </c>
      <c r="H5427" s="6" t="s">
        <v>10981</v>
      </c>
      <c r="I5427" s="7">
        <v>4.5742329000000002</v>
      </c>
      <c r="J5427" s="8">
        <v>-74.241920399999998</v>
      </c>
    </row>
    <row r="5428" spans="1:10" x14ac:dyDescent="0.35">
      <c r="A5428" s="5" t="s">
        <v>10</v>
      </c>
      <c r="B5428" s="6">
        <v>230968</v>
      </c>
      <c r="C5428" s="6" t="s">
        <v>366</v>
      </c>
      <c r="D5428" s="6" t="s">
        <v>367</v>
      </c>
      <c r="E5428" s="6">
        <v>44430</v>
      </c>
      <c r="F5428" s="6" t="s">
        <v>18</v>
      </c>
      <c r="G5428" s="6" t="s">
        <v>10982</v>
      </c>
      <c r="H5428" s="6" t="s">
        <v>10983</v>
      </c>
      <c r="I5428" s="7">
        <v>11.380125400000001</v>
      </c>
      <c r="J5428" s="8">
        <v>-72.242283499999999</v>
      </c>
    </row>
    <row r="5429" spans="1:10" x14ac:dyDescent="0.35">
      <c r="A5429" s="5" t="s">
        <v>10</v>
      </c>
      <c r="B5429" s="6">
        <v>229791</v>
      </c>
      <c r="C5429" s="6" t="s">
        <v>38</v>
      </c>
      <c r="D5429" s="6" t="s">
        <v>7928</v>
      </c>
      <c r="E5429" s="6">
        <v>19300</v>
      </c>
      <c r="F5429" s="6" t="s">
        <v>18</v>
      </c>
      <c r="G5429" s="6" t="s">
        <v>10984</v>
      </c>
      <c r="H5429" s="6" t="s">
        <v>10985</v>
      </c>
      <c r="I5429" s="7">
        <v>3.1329159</v>
      </c>
      <c r="J5429" s="8">
        <v>-76.393794</v>
      </c>
    </row>
    <row r="5430" spans="1:10" x14ac:dyDescent="0.35">
      <c r="A5430" s="5" t="s">
        <v>10</v>
      </c>
      <c r="B5430" s="6">
        <v>236651</v>
      </c>
      <c r="C5430" s="6" t="s">
        <v>68</v>
      </c>
      <c r="D5430" s="6" t="s">
        <v>69</v>
      </c>
      <c r="E5430" s="6">
        <v>11001</v>
      </c>
      <c r="F5430" s="6" t="s">
        <v>13</v>
      </c>
      <c r="G5430" s="6" t="s">
        <v>10986</v>
      </c>
      <c r="H5430" s="6" t="s">
        <v>10987</v>
      </c>
      <c r="I5430" s="7">
        <v>4.5806510999999999</v>
      </c>
      <c r="J5430" s="8">
        <v>-74.166181699999996</v>
      </c>
    </row>
    <row r="5431" spans="1:10" x14ac:dyDescent="0.35">
      <c r="A5431" s="5" t="s">
        <v>10</v>
      </c>
      <c r="B5431" s="6">
        <v>237385</v>
      </c>
      <c r="C5431" s="6" t="s">
        <v>117</v>
      </c>
      <c r="D5431" s="6" t="s">
        <v>1334</v>
      </c>
      <c r="E5431" s="6">
        <v>76001</v>
      </c>
      <c r="F5431" s="6" t="s">
        <v>13</v>
      </c>
      <c r="G5431" s="6" t="s">
        <v>10988</v>
      </c>
      <c r="H5431" s="6" t="s">
        <v>10989</v>
      </c>
      <c r="I5431" s="7">
        <v>3.3797031999999998</v>
      </c>
      <c r="J5431" s="8">
        <v>-76.561461699999995</v>
      </c>
    </row>
    <row r="5432" spans="1:10" x14ac:dyDescent="0.35">
      <c r="A5432" s="5" t="s">
        <v>10</v>
      </c>
      <c r="B5432" s="6">
        <v>233902</v>
      </c>
      <c r="C5432" s="6" t="s">
        <v>68</v>
      </c>
      <c r="D5432" s="6" t="s">
        <v>69</v>
      </c>
      <c r="E5432" s="6">
        <v>11001</v>
      </c>
      <c r="F5432" s="6" t="s">
        <v>18</v>
      </c>
      <c r="G5432" s="6" t="s">
        <v>10990</v>
      </c>
      <c r="H5432" s="6" t="s">
        <v>10991</v>
      </c>
      <c r="I5432" s="7">
        <v>4.5704454999999999</v>
      </c>
      <c r="J5432" s="8">
        <v>-74.152056299999998</v>
      </c>
    </row>
    <row r="5433" spans="1:10" x14ac:dyDescent="0.35">
      <c r="A5433" s="5" t="s">
        <v>10</v>
      </c>
      <c r="B5433" s="6">
        <v>235571</v>
      </c>
      <c r="C5433" s="6" t="s">
        <v>457</v>
      </c>
      <c r="D5433" s="6" t="s">
        <v>4400</v>
      </c>
      <c r="E5433" s="6">
        <v>52001</v>
      </c>
      <c r="F5433" s="6" t="s">
        <v>18</v>
      </c>
      <c r="G5433" s="6" t="s">
        <v>10992</v>
      </c>
      <c r="H5433" s="6" t="s">
        <v>10993</v>
      </c>
      <c r="I5433" s="7">
        <v>1.1988493</v>
      </c>
      <c r="J5433" s="8">
        <v>-77.289360599999995</v>
      </c>
    </row>
    <row r="5434" spans="1:10" x14ac:dyDescent="0.35">
      <c r="A5434" s="5" t="s">
        <v>10</v>
      </c>
      <c r="B5434" s="6">
        <v>247497</v>
      </c>
      <c r="C5434" s="6" t="s">
        <v>294</v>
      </c>
      <c r="D5434" s="6" t="s">
        <v>703</v>
      </c>
      <c r="E5434" s="6">
        <v>41001</v>
      </c>
      <c r="F5434" s="6" t="s">
        <v>18</v>
      </c>
      <c r="G5434" s="6" t="s">
        <v>5392</v>
      </c>
      <c r="H5434" s="6" t="s">
        <v>10994</v>
      </c>
      <c r="I5434" s="7">
        <v>2.9709230999999998</v>
      </c>
      <c r="J5434" s="8">
        <v>-75.286385199999998</v>
      </c>
    </row>
    <row r="5435" spans="1:10" x14ac:dyDescent="0.35">
      <c r="A5435" s="5" t="s">
        <v>10</v>
      </c>
      <c r="B5435" s="6">
        <v>184892</v>
      </c>
      <c r="C5435" s="6" t="s">
        <v>11</v>
      </c>
      <c r="D5435" s="6" t="s">
        <v>2630</v>
      </c>
      <c r="E5435" s="6">
        <v>25769</v>
      </c>
      <c r="F5435" s="6" t="s">
        <v>18</v>
      </c>
      <c r="G5435" s="6" t="s">
        <v>9147</v>
      </c>
      <c r="H5435" s="6" t="s">
        <v>10995</v>
      </c>
      <c r="I5435" s="7">
        <v>4.9277327999999896</v>
      </c>
      <c r="J5435" s="8">
        <v>-74.169998999999905</v>
      </c>
    </row>
    <row r="5436" spans="1:10" x14ac:dyDescent="0.35">
      <c r="A5436" s="5" t="s">
        <v>10</v>
      </c>
      <c r="B5436" s="6">
        <v>204664</v>
      </c>
      <c r="C5436" s="6" t="s">
        <v>11</v>
      </c>
      <c r="D5436" s="6" t="s">
        <v>3054</v>
      </c>
      <c r="E5436" s="6">
        <v>25269</v>
      </c>
      <c r="F5436" s="6" t="s">
        <v>18</v>
      </c>
      <c r="G5436" s="6" t="s">
        <v>10996</v>
      </c>
      <c r="H5436" s="6" t="s">
        <v>10997</v>
      </c>
      <c r="I5436" s="7">
        <v>4.7990249</v>
      </c>
      <c r="J5436" s="8">
        <v>-74.345572500000003</v>
      </c>
    </row>
    <row r="5437" spans="1:10" x14ac:dyDescent="0.35">
      <c r="A5437" s="5" t="s">
        <v>10</v>
      </c>
      <c r="B5437" s="6">
        <v>218197</v>
      </c>
      <c r="C5437" s="6" t="s">
        <v>68</v>
      </c>
      <c r="D5437" s="6" t="s">
        <v>69</v>
      </c>
      <c r="E5437" s="6">
        <v>11001</v>
      </c>
      <c r="F5437" s="6" t="s">
        <v>18</v>
      </c>
      <c r="G5437" s="6" t="s">
        <v>10998</v>
      </c>
      <c r="H5437" s="6" t="s">
        <v>10999</v>
      </c>
      <c r="I5437" s="7">
        <v>4.5491473999999998</v>
      </c>
      <c r="J5437" s="8">
        <v>-74.109062299999906</v>
      </c>
    </row>
    <row r="5438" spans="1:10" x14ac:dyDescent="0.35">
      <c r="A5438" s="5" t="s">
        <v>10</v>
      </c>
      <c r="B5438" s="6">
        <v>208734</v>
      </c>
      <c r="C5438" s="6" t="s">
        <v>302</v>
      </c>
      <c r="D5438" s="6" t="s">
        <v>8024</v>
      </c>
      <c r="E5438" s="6">
        <v>8078</v>
      </c>
      <c r="F5438" s="6" t="s">
        <v>18</v>
      </c>
      <c r="G5438" s="6" t="s">
        <v>11000</v>
      </c>
      <c r="H5438" s="6" t="s">
        <v>11001</v>
      </c>
      <c r="I5438" s="7">
        <v>10.782951799999999</v>
      </c>
      <c r="J5438" s="8">
        <v>-74.917060000000006</v>
      </c>
    </row>
    <row r="5439" spans="1:10" x14ac:dyDescent="0.35">
      <c r="A5439" s="5" t="s">
        <v>10</v>
      </c>
      <c r="B5439" s="6">
        <v>244570</v>
      </c>
      <c r="C5439" s="6" t="s">
        <v>302</v>
      </c>
      <c r="D5439" s="6" t="s">
        <v>359</v>
      </c>
      <c r="E5439" s="6">
        <v>8001</v>
      </c>
      <c r="F5439" s="6" t="s">
        <v>18</v>
      </c>
      <c r="G5439" s="6" t="s">
        <v>11002</v>
      </c>
      <c r="H5439" s="6" t="s">
        <v>11003</v>
      </c>
      <c r="I5439" s="7">
        <v>11.0041072</v>
      </c>
      <c r="J5439" s="8">
        <v>-74.806981300000004</v>
      </c>
    </row>
    <row r="5440" spans="1:10" x14ac:dyDescent="0.35">
      <c r="A5440" s="5" t="s">
        <v>10</v>
      </c>
      <c r="B5440" s="6">
        <v>209906</v>
      </c>
      <c r="C5440" s="6" t="s">
        <v>308</v>
      </c>
      <c r="D5440" s="6" t="s">
        <v>11004</v>
      </c>
      <c r="E5440" s="6">
        <v>23500</v>
      </c>
      <c r="F5440" s="6" t="s">
        <v>18</v>
      </c>
      <c r="G5440" s="6" t="s">
        <v>11005</v>
      </c>
      <c r="H5440" s="6" t="s">
        <v>11006</v>
      </c>
      <c r="I5440" s="7">
        <v>8.0492930000000005</v>
      </c>
      <c r="J5440" s="8">
        <v>-75.57405</v>
      </c>
    </row>
    <row r="5441" spans="1:10" x14ac:dyDescent="0.35">
      <c r="A5441" s="5" t="s">
        <v>10</v>
      </c>
      <c r="B5441" s="6">
        <v>208517</v>
      </c>
      <c r="C5441" s="6" t="s">
        <v>16</v>
      </c>
      <c r="D5441" s="6" t="s">
        <v>1266</v>
      </c>
      <c r="E5441" s="6">
        <v>68081</v>
      </c>
      <c r="F5441" s="6" t="s">
        <v>18</v>
      </c>
      <c r="G5441" s="6" t="s">
        <v>11007</v>
      </c>
      <c r="H5441" s="6" t="s">
        <v>11008</v>
      </c>
      <c r="I5441" s="7">
        <v>7.0600402000000004</v>
      </c>
      <c r="J5441" s="8">
        <v>-73.856673400000005</v>
      </c>
    </row>
    <row r="5442" spans="1:10" x14ac:dyDescent="0.35">
      <c r="A5442" s="5" t="s">
        <v>10</v>
      </c>
      <c r="B5442" s="6">
        <v>233459</v>
      </c>
      <c r="C5442" s="6" t="s">
        <v>16</v>
      </c>
      <c r="D5442" s="6" t="s">
        <v>78</v>
      </c>
      <c r="E5442" s="6">
        <v>68001</v>
      </c>
      <c r="F5442" s="6" t="s">
        <v>18</v>
      </c>
      <c r="G5442" s="6" t="s">
        <v>11009</v>
      </c>
      <c r="H5442" s="6" t="s">
        <v>11010</v>
      </c>
      <c r="I5442" s="7">
        <v>7.08223</v>
      </c>
      <c r="J5442" s="8">
        <v>-73.11533</v>
      </c>
    </row>
    <row r="5443" spans="1:10" x14ac:dyDescent="0.35">
      <c r="A5443" s="5" t="s">
        <v>10</v>
      </c>
      <c r="B5443" s="6">
        <v>239643</v>
      </c>
      <c r="C5443" s="6" t="s">
        <v>61</v>
      </c>
      <c r="D5443" s="6" t="s">
        <v>121</v>
      </c>
      <c r="E5443" s="6">
        <v>63130</v>
      </c>
      <c r="F5443" s="6" t="s">
        <v>18</v>
      </c>
      <c r="G5443" s="6" t="s">
        <v>11011</v>
      </c>
      <c r="H5443" s="6" t="s">
        <v>11012</v>
      </c>
      <c r="I5443" s="7">
        <v>4.5294371</v>
      </c>
      <c r="J5443" s="8">
        <v>-75.642940199999998</v>
      </c>
    </row>
    <row r="5444" spans="1:10" x14ac:dyDescent="0.35">
      <c r="A5444" s="5" t="s">
        <v>10</v>
      </c>
      <c r="B5444" s="6">
        <v>223477</v>
      </c>
      <c r="C5444" s="6" t="s">
        <v>68</v>
      </c>
      <c r="D5444" s="6" t="s">
        <v>69</v>
      </c>
      <c r="E5444" s="6">
        <v>11001</v>
      </c>
      <c r="F5444" s="6" t="s">
        <v>13</v>
      </c>
      <c r="G5444" s="6" t="s">
        <v>11013</v>
      </c>
      <c r="H5444" s="6" t="s">
        <v>11014</v>
      </c>
      <c r="I5444" s="7">
        <v>4.6150751000000003</v>
      </c>
      <c r="J5444" s="8">
        <v>-74.159579699999995</v>
      </c>
    </row>
    <row r="5445" spans="1:10" x14ac:dyDescent="0.35">
      <c r="A5445" s="5" t="s">
        <v>10</v>
      </c>
      <c r="B5445" s="6">
        <v>236837</v>
      </c>
      <c r="C5445" s="6" t="s">
        <v>11</v>
      </c>
      <c r="D5445" s="6" t="s">
        <v>337</v>
      </c>
      <c r="E5445" s="6">
        <v>25290</v>
      </c>
      <c r="F5445" s="6" t="s">
        <v>18</v>
      </c>
      <c r="G5445" s="6" t="s">
        <v>11015</v>
      </c>
      <c r="H5445" s="6" t="s">
        <v>11016</v>
      </c>
      <c r="I5445" s="7">
        <v>4.3340056000000002</v>
      </c>
      <c r="J5445" s="8">
        <v>-74.368617299999997</v>
      </c>
    </row>
    <row r="5446" spans="1:10" x14ac:dyDescent="0.35">
      <c r="A5446" s="5" t="s">
        <v>10</v>
      </c>
      <c r="B5446" s="6">
        <v>233686</v>
      </c>
      <c r="C5446" s="6" t="s">
        <v>68</v>
      </c>
      <c r="D5446" s="6" t="s">
        <v>69</v>
      </c>
      <c r="E5446" s="6">
        <v>11001</v>
      </c>
      <c r="F5446" s="6" t="s">
        <v>18</v>
      </c>
      <c r="G5446" s="6" t="s">
        <v>11017</v>
      </c>
      <c r="H5446" s="6" t="s">
        <v>11018</v>
      </c>
      <c r="I5446" s="7">
        <v>4.5883900000000004</v>
      </c>
      <c r="J5446" s="8">
        <v>-74.099040000000002</v>
      </c>
    </row>
    <row r="5447" spans="1:10" x14ac:dyDescent="0.35">
      <c r="A5447" s="5" t="s">
        <v>10</v>
      </c>
      <c r="B5447" s="6">
        <v>234143</v>
      </c>
      <c r="C5447" s="6" t="s">
        <v>68</v>
      </c>
      <c r="D5447" s="6" t="s">
        <v>69</v>
      </c>
      <c r="E5447" s="6">
        <v>11001</v>
      </c>
      <c r="F5447" s="6" t="s">
        <v>18</v>
      </c>
      <c r="G5447" s="6" t="s">
        <v>11019</v>
      </c>
      <c r="H5447" s="6" t="s">
        <v>11020</v>
      </c>
      <c r="I5447" s="7">
        <v>4.6065664999999996</v>
      </c>
      <c r="J5447" s="8">
        <v>-74.079086500000003</v>
      </c>
    </row>
    <row r="5448" spans="1:10" x14ac:dyDescent="0.35">
      <c r="A5448" s="5" t="s">
        <v>10</v>
      </c>
      <c r="B5448" s="6">
        <v>187205</v>
      </c>
      <c r="C5448" s="6" t="s">
        <v>16</v>
      </c>
      <c r="D5448" s="6" t="s">
        <v>510</v>
      </c>
      <c r="E5448" s="6">
        <v>68547</v>
      </c>
      <c r="F5448" s="6" t="s">
        <v>18</v>
      </c>
      <c r="G5448" s="6" t="s">
        <v>11021</v>
      </c>
      <c r="H5448" s="6" t="s">
        <v>11022</v>
      </c>
      <c r="I5448" s="7">
        <v>6.9897663999999997</v>
      </c>
      <c r="J5448" s="8">
        <v>-73.042770500000003</v>
      </c>
    </row>
    <row r="5449" spans="1:10" x14ac:dyDescent="0.35">
      <c r="A5449" s="5" t="s">
        <v>10</v>
      </c>
      <c r="B5449" s="6">
        <v>192066</v>
      </c>
      <c r="C5449" s="6" t="s">
        <v>68</v>
      </c>
      <c r="D5449" s="6" t="s">
        <v>69</v>
      </c>
      <c r="E5449" s="6">
        <v>11001</v>
      </c>
      <c r="F5449" s="6" t="s">
        <v>18</v>
      </c>
      <c r="G5449" s="6" t="s">
        <v>11023</v>
      </c>
      <c r="H5449" s="6" t="s">
        <v>11024</v>
      </c>
      <c r="I5449" s="7">
        <v>4.5125491999999996</v>
      </c>
      <c r="J5449" s="8">
        <v>-74.109834899999996</v>
      </c>
    </row>
    <row r="5450" spans="1:10" x14ac:dyDescent="0.35">
      <c r="A5450" s="5" t="s">
        <v>10</v>
      </c>
      <c r="B5450" s="6">
        <v>96126</v>
      </c>
      <c r="C5450" s="6" t="s">
        <v>11</v>
      </c>
      <c r="D5450" s="6" t="s">
        <v>6321</v>
      </c>
      <c r="E5450" s="6">
        <v>25040</v>
      </c>
      <c r="F5450" s="6" t="s">
        <v>18</v>
      </c>
      <c r="G5450" s="6" t="s">
        <v>11025</v>
      </c>
      <c r="H5450" s="6" t="s">
        <v>11026</v>
      </c>
      <c r="I5450" s="7">
        <v>4.7616100000000001</v>
      </c>
      <c r="J5450" s="8">
        <v>-74.464581199999998</v>
      </c>
    </row>
    <row r="5451" spans="1:10" x14ac:dyDescent="0.35">
      <c r="A5451" s="5" t="s">
        <v>10</v>
      </c>
      <c r="B5451" s="6">
        <v>209464</v>
      </c>
      <c r="C5451" s="6" t="s">
        <v>11</v>
      </c>
      <c r="D5451" s="6" t="s">
        <v>1339</v>
      </c>
      <c r="E5451" s="6">
        <v>25120</v>
      </c>
      <c r="F5451" s="6" t="s">
        <v>18</v>
      </c>
      <c r="G5451" s="6" t="s">
        <v>11027</v>
      </c>
      <c r="H5451" s="6" t="s">
        <v>11028</v>
      </c>
      <c r="I5451" s="7">
        <v>11.2423039</v>
      </c>
      <c r="J5451" s="8">
        <v>-74.210595499999997</v>
      </c>
    </row>
    <row r="5452" spans="1:10" x14ac:dyDescent="0.35">
      <c r="A5452" s="5" t="s">
        <v>10</v>
      </c>
      <c r="B5452" s="6">
        <v>231462</v>
      </c>
      <c r="C5452" s="6" t="s">
        <v>302</v>
      </c>
      <c r="D5452" s="6" t="s">
        <v>7833</v>
      </c>
      <c r="E5452" s="6">
        <v>8685</v>
      </c>
      <c r="F5452" s="6" t="s">
        <v>18</v>
      </c>
      <c r="G5452" s="6" t="s">
        <v>11029</v>
      </c>
      <c r="H5452" s="6" t="s">
        <v>11030</v>
      </c>
      <c r="I5452" s="7">
        <v>10.763286000000001</v>
      </c>
      <c r="J5452" s="8">
        <v>-74.756499000000005</v>
      </c>
    </row>
    <row r="5453" spans="1:10" x14ac:dyDescent="0.35">
      <c r="A5453" s="5" t="s">
        <v>10</v>
      </c>
      <c r="B5453" s="6">
        <v>201873</v>
      </c>
      <c r="C5453" s="6" t="s">
        <v>308</v>
      </c>
      <c r="D5453" s="6" t="s">
        <v>8102</v>
      </c>
      <c r="E5453" s="6">
        <v>23417</v>
      </c>
      <c r="F5453" s="6" t="s">
        <v>18</v>
      </c>
      <c r="G5453" s="6" t="s">
        <v>11031</v>
      </c>
      <c r="H5453" s="6" t="s">
        <v>11032</v>
      </c>
      <c r="I5453" s="7">
        <v>9.2428279</v>
      </c>
      <c r="J5453" s="8">
        <v>-75.813666400000002</v>
      </c>
    </row>
    <row r="5454" spans="1:10" x14ac:dyDescent="0.35">
      <c r="A5454" s="5" t="s">
        <v>10</v>
      </c>
      <c r="B5454" s="6">
        <v>208523</v>
      </c>
      <c r="C5454" s="6" t="s">
        <v>38</v>
      </c>
      <c r="D5454" s="6" t="s">
        <v>39</v>
      </c>
      <c r="E5454" s="6">
        <v>19001</v>
      </c>
      <c r="F5454" s="6" t="s">
        <v>18</v>
      </c>
      <c r="G5454" s="6" t="s">
        <v>11033</v>
      </c>
      <c r="H5454" s="6" t="s">
        <v>11034</v>
      </c>
      <c r="I5454" s="7">
        <v>2.4884495000000002</v>
      </c>
      <c r="J5454" s="8">
        <v>-76.574097899999998</v>
      </c>
    </row>
    <row r="5455" spans="1:10" x14ac:dyDescent="0.35">
      <c r="A5455" s="5" t="s">
        <v>10</v>
      </c>
      <c r="B5455" s="6">
        <v>239008</v>
      </c>
      <c r="C5455" s="6" t="s">
        <v>16</v>
      </c>
      <c r="D5455" s="6" t="s">
        <v>11035</v>
      </c>
      <c r="E5455" s="6">
        <v>68132</v>
      </c>
      <c r="F5455" s="6" t="s">
        <v>18</v>
      </c>
      <c r="G5455" s="6" t="s">
        <v>11036</v>
      </c>
      <c r="H5455" s="6" t="s">
        <v>11037</v>
      </c>
      <c r="I5455" s="7">
        <v>10.4229301</v>
      </c>
      <c r="J5455" s="8">
        <v>-75.550232399999999</v>
      </c>
    </row>
    <row r="5456" spans="1:10" x14ac:dyDescent="0.35">
      <c r="A5456" s="5" t="s">
        <v>10</v>
      </c>
      <c r="B5456" s="6">
        <v>207459</v>
      </c>
      <c r="C5456" s="6" t="s">
        <v>16</v>
      </c>
      <c r="D5456" s="6" t="s">
        <v>2825</v>
      </c>
      <c r="E5456" s="6">
        <v>68276</v>
      </c>
      <c r="F5456" s="6" t="s">
        <v>18</v>
      </c>
      <c r="G5456" s="6" t="s">
        <v>11038</v>
      </c>
      <c r="H5456" s="6" t="s">
        <v>11039</v>
      </c>
      <c r="I5456" s="7">
        <v>7.0718567999999999</v>
      </c>
      <c r="J5456" s="8">
        <v>-73.094302499999998</v>
      </c>
    </row>
    <row r="5457" spans="1:10" x14ac:dyDescent="0.35">
      <c r="A5457" s="5" t="s">
        <v>10</v>
      </c>
      <c r="B5457" s="6">
        <v>211538</v>
      </c>
      <c r="C5457" s="6" t="s">
        <v>3788</v>
      </c>
      <c r="D5457" s="6" t="s">
        <v>3974</v>
      </c>
      <c r="E5457" s="6">
        <v>18001</v>
      </c>
      <c r="F5457" s="6" t="s">
        <v>13</v>
      </c>
      <c r="G5457" s="6" t="s">
        <v>11040</v>
      </c>
      <c r="H5457" s="6" t="s">
        <v>11041</v>
      </c>
      <c r="I5457" s="7">
        <v>1.6153858000000001</v>
      </c>
      <c r="J5457" s="8">
        <v>-75.604236400000005</v>
      </c>
    </row>
    <row r="5458" spans="1:10" x14ac:dyDescent="0.35">
      <c r="A5458" s="5" t="s">
        <v>10</v>
      </c>
      <c r="B5458" s="6">
        <v>227149</v>
      </c>
      <c r="C5458" s="6" t="s">
        <v>68</v>
      </c>
      <c r="D5458" s="6" t="s">
        <v>69</v>
      </c>
      <c r="E5458" s="6">
        <v>11001</v>
      </c>
      <c r="F5458" s="6" t="s">
        <v>13</v>
      </c>
      <c r="G5458" s="6" t="s">
        <v>11042</v>
      </c>
      <c r="H5458" s="6" t="s">
        <v>11043</v>
      </c>
      <c r="I5458" s="7">
        <v>4.6036263000000002</v>
      </c>
      <c r="J5458" s="8">
        <v>-74.080025899999995</v>
      </c>
    </row>
    <row r="5459" spans="1:10" x14ac:dyDescent="0.35">
      <c r="A5459" s="5" t="s">
        <v>10</v>
      </c>
      <c r="B5459" s="6">
        <v>235825</v>
      </c>
      <c r="C5459" s="6" t="s">
        <v>294</v>
      </c>
      <c r="D5459" s="6" t="s">
        <v>5054</v>
      </c>
      <c r="E5459" s="6">
        <v>41615</v>
      </c>
      <c r="F5459" s="6" t="s">
        <v>13</v>
      </c>
      <c r="G5459" s="6" t="s">
        <v>11044</v>
      </c>
      <c r="H5459" s="6" t="s">
        <v>11045</v>
      </c>
      <c r="I5459" s="7">
        <v>2.7792492000000002</v>
      </c>
      <c r="J5459" s="8">
        <v>-75.257746999999995</v>
      </c>
    </row>
    <row r="5460" spans="1:10" x14ac:dyDescent="0.35">
      <c r="A5460" s="5" t="s">
        <v>10</v>
      </c>
      <c r="B5460" s="6">
        <v>239204</v>
      </c>
      <c r="C5460" s="6" t="s">
        <v>117</v>
      </c>
      <c r="D5460" s="6" t="s">
        <v>7467</v>
      </c>
      <c r="E5460" s="6">
        <v>76126</v>
      </c>
      <c r="F5460" s="6" t="s">
        <v>18</v>
      </c>
      <c r="G5460" s="6" t="s">
        <v>11046</v>
      </c>
      <c r="H5460" s="6" t="s">
        <v>11047</v>
      </c>
      <c r="I5460" s="7">
        <v>3.4491016999999999</v>
      </c>
      <c r="J5460" s="8">
        <v>-76.530997499999998</v>
      </c>
    </row>
    <row r="5461" spans="1:10" x14ac:dyDescent="0.35">
      <c r="A5461" s="5" t="s">
        <v>10</v>
      </c>
      <c r="B5461" s="6">
        <v>236734</v>
      </c>
      <c r="C5461" s="6" t="s">
        <v>11</v>
      </c>
      <c r="D5461" s="6" t="s">
        <v>334</v>
      </c>
      <c r="E5461" s="6">
        <v>25754</v>
      </c>
      <c r="F5461" s="6" t="s">
        <v>18</v>
      </c>
      <c r="G5461" s="6" t="s">
        <v>11048</v>
      </c>
      <c r="H5461" s="6" t="s">
        <v>11049</v>
      </c>
      <c r="I5461" s="7">
        <v>4.5781203000000001</v>
      </c>
      <c r="J5461" s="8">
        <v>-74.213659500000006</v>
      </c>
    </row>
    <row r="5462" spans="1:10" x14ac:dyDescent="0.35">
      <c r="A5462" s="5" t="s">
        <v>10</v>
      </c>
      <c r="B5462" s="6">
        <v>225719</v>
      </c>
      <c r="C5462" s="6" t="s">
        <v>68</v>
      </c>
      <c r="D5462" s="6" t="s">
        <v>69</v>
      </c>
      <c r="E5462" s="6">
        <v>11001</v>
      </c>
      <c r="F5462" s="6" t="s">
        <v>18</v>
      </c>
      <c r="G5462" s="6" t="s">
        <v>11050</v>
      </c>
      <c r="H5462" s="6" t="s">
        <v>11051</v>
      </c>
      <c r="I5462" s="7">
        <v>4.5643365999999999</v>
      </c>
      <c r="J5462" s="8">
        <v>-74.1492839</v>
      </c>
    </row>
    <row r="5463" spans="1:10" x14ac:dyDescent="0.35">
      <c r="A5463" s="5" t="s">
        <v>10</v>
      </c>
      <c r="B5463" s="6">
        <v>197118</v>
      </c>
      <c r="C5463" s="6" t="s">
        <v>68</v>
      </c>
      <c r="D5463" s="6" t="s">
        <v>69</v>
      </c>
      <c r="E5463" s="6">
        <v>11001</v>
      </c>
      <c r="F5463" s="6" t="s">
        <v>18</v>
      </c>
      <c r="G5463" s="6" t="s">
        <v>11052</v>
      </c>
      <c r="H5463" s="6" t="s">
        <v>11053</v>
      </c>
      <c r="I5463" s="7">
        <v>4.6759151999999897</v>
      </c>
      <c r="J5463" s="8">
        <v>-74.105445199999906</v>
      </c>
    </row>
    <row r="5464" spans="1:10" x14ac:dyDescent="0.35">
      <c r="A5464" s="5" t="s">
        <v>10</v>
      </c>
      <c r="B5464" s="6">
        <v>172007</v>
      </c>
      <c r="C5464" s="6" t="s">
        <v>68</v>
      </c>
      <c r="D5464" s="6" t="s">
        <v>69</v>
      </c>
      <c r="E5464" s="6">
        <v>11001</v>
      </c>
      <c r="F5464" s="6" t="s">
        <v>18</v>
      </c>
      <c r="G5464" s="6" t="s">
        <v>11054</v>
      </c>
      <c r="H5464" s="6" t="s">
        <v>11055</v>
      </c>
      <c r="I5464" s="7">
        <v>4.5568333999999897</v>
      </c>
      <c r="J5464" s="8">
        <v>-74.121738399999998</v>
      </c>
    </row>
    <row r="5465" spans="1:10" x14ac:dyDescent="0.35">
      <c r="A5465" s="5" t="s">
        <v>10</v>
      </c>
      <c r="B5465" s="6">
        <v>171999</v>
      </c>
      <c r="C5465" s="6" t="s">
        <v>11</v>
      </c>
      <c r="D5465" s="6" t="s">
        <v>513</v>
      </c>
      <c r="E5465" s="6">
        <v>25286</v>
      </c>
      <c r="F5465" s="6" t="s">
        <v>18</v>
      </c>
      <c r="G5465" s="6" t="s">
        <v>11056</v>
      </c>
      <c r="H5465" s="6" t="s">
        <v>11057</v>
      </c>
      <c r="I5465" s="7">
        <v>4.7176676999999998</v>
      </c>
      <c r="J5465" s="8">
        <v>-74.211874100000003</v>
      </c>
    </row>
    <row r="5466" spans="1:10" x14ac:dyDescent="0.35">
      <c r="A5466" s="5" t="s">
        <v>10</v>
      </c>
      <c r="B5466" s="6">
        <v>235833</v>
      </c>
      <c r="C5466" s="6" t="s">
        <v>11</v>
      </c>
      <c r="D5466" s="6" t="s">
        <v>8880</v>
      </c>
      <c r="E5466" s="6">
        <v>25506</v>
      </c>
      <c r="F5466" s="6" t="s">
        <v>18</v>
      </c>
      <c r="G5466" s="6" t="s">
        <v>11058</v>
      </c>
      <c r="H5466" s="6" t="s">
        <v>11059</v>
      </c>
      <c r="I5466" s="7">
        <v>4.0886899999999997</v>
      </c>
      <c r="J5466" s="8">
        <v>-74.478459999999998</v>
      </c>
    </row>
    <row r="5467" spans="1:10" x14ac:dyDescent="0.35">
      <c r="A5467" s="5" t="s">
        <v>10</v>
      </c>
      <c r="B5467" s="6">
        <v>226433</v>
      </c>
      <c r="C5467" s="6" t="s">
        <v>38</v>
      </c>
      <c r="D5467" s="6" t="s">
        <v>4754</v>
      </c>
      <c r="E5467" s="6">
        <v>19455</v>
      </c>
      <c r="F5467" s="6" t="s">
        <v>18</v>
      </c>
      <c r="G5467" s="6" t="s">
        <v>11060</v>
      </c>
      <c r="H5467" s="6" t="s">
        <v>11061</v>
      </c>
      <c r="I5467" s="7">
        <v>3.2135541999999999</v>
      </c>
      <c r="J5467" s="8">
        <v>-76.213147399999997</v>
      </c>
    </row>
    <row r="5468" spans="1:10" x14ac:dyDescent="0.35">
      <c r="A5468" s="5" t="s">
        <v>10</v>
      </c>
      <c r="B5468" s="6">
        <v>241414</v>
      </c>
      <c r="C5468" s="6" t="s">
        <v>4364</v>
      </c>
      <c r="D5468" s="6" t="s">
        <v>11062</v>
      </c>
      <c r="E5468" s="6">
        <v>70265</v>
      </c>
      <c r="F5468" s="6" t="s">
        <v>18</v>
      </c>
      <c r="G5468" s="6" t="s">
        <v>11063</v>
      </c>
      <c r="H5468" s="6" t="s">
        <v>11064</v>
      </c>
      <c r="I5468" s="7">
        <v>8.4677232999999994</v>
      </c>
      <c r="J5468" s="8">
        <v>-74.539811200000003</v>
      </c>
    </row>
    <row r="5469" spans="1:10" x14ac:dyDescent="0.35">
      <c r="A5469" s="5" t="s">
        <v>10</v>
      </c>
      <c r="B5469" s="6">
        <v>246048</v>
      </c>
      <c r="C5469" s="6" t="s">
        <v>308</v>
      </c>
      <c r="D5469" s="6" t="s">
        <v>309</v>
      </c>
      <c r="E5469" s="6">
        <v>23001</v>
      </c>
      <c r="F5469" s="6" t="s">
        <v>18</v>
      </c>
      <c r="G5469" s="6" t="s">
        <v>11065</v>
      </c>
      <c r="H5469" s="6" t="s">
        <v>11066</v>
      </c>
      <c r="I5469" s="7">
        <v>8.7549805000000003</v>
      </c>
      <c r="J5469" s="8">
        <v>-75.884043000000005</v>
      </c>
    </row>
    <row r="5470" spans="1:10" x14ac:dyDescent="0.35">
      <c r="A5470" s="5" t="s">
        <v>10</v>
      </c>
      <c r="B5470" s="6">
        <v>217708</v>
      </c>
      <c r="C5470" s="6" t="s">
        <v>302</v>
      </c>
      <c r="D5470" s="6" t="s">
        <v>4041</v>
      </c>
      <c r="E5470" s="6">
        <v>8758</v>
      </c>
      <c r="F5470" s="6" t="s">
        <v>18</v>
      </c>
      <c r="G5470" s="6" t="s">
        <v>11067</v>
      </c>
      <c r="H5470" s="6" t="s">
        <v>11068</v>
      </c>
      <c r="I5470" s="7">
        <v>10.9201523</v>
      </c>
      <c r="J5470" s="8">
        <v>-74.809039099999893</v>
      </c>
    </row>
    <row r="5471" spans="1:10" x14ac:dyDescent="0.35">
      <c r="A5471" s="5" t="s">
        <v>10</v>
      </c>
      <c r="B5471" s="6">
        <v>210033</v>
      </c>
      <c r="C5471" s="6" t="s">
        <v>16</v>
      </c>
      <c r="D5471" s="6" t="s">
        <v>1266</v>
      </c>
      <c r="E5471" s="6">
        <v>68081</v>
      </c>
      <c r="F5471" s="6" t="s">
        <v>18</v>
      </c>
      <c r="G5471" s="6" t="s">
        <v>11069</v>
      </c>
      <c r="H5471" s="6" t="s">
        <v>11070</v>
      </c>
      <c r="I5471" s="7">
        <v>7.0417228999999999</v>
      </c>
      <c r="J5471" s="8">
        <v>-73.850539599999905</v>
      </c>
    </row>
    <row r="5472" spans="1:10" x14ac:dyDescent="0.35">
      <c r="A5472" s="5" t="s">
        <v>10</v>
      </c>
      <c r="B5472" s="6">
        <v>206363</v>
      </c>
      <c r="C5472" s="6" t="s">
        <v>16</v>
      </c>
      <c r="D5472" s="6" t="s">
        <v>1401</v>
      </c>
      <c r="E5472" s="6">
        <v>68307</v>
      </c>
      <c r="F5472" s="6" t="s">
        <v>18</v>
      </c>
      <c r="G5472" s="6" t="s">
        <v>11071</v>
      </c>
      <c r="H5472" s="6" t="s">
        <v>11072</v>
      </c>
      <c r="I5472" s="7">
        <v>7.0615060999999999</v>
      </c>
      <c r="J5472" s="8">
        <v>-73.168992599999996</v>
      </c>
    </row>
    <row r="5473" spans="1:10" x14ac:dyDescent="0.35">
      <c r="A5473" s="5" t="s">
        <v>10</v>
      </c>
      <c r="B5473" s="6">
        <v>198111</v>
      </c>
      <c r="C5473" s="6" t="s">
        <v>3788</v>
      </c>
      <c r="D5473" s="6" t="s">
        <v>3974</v>
      </c>
      <c r="E5473" s="6">
        <v>18001</v>
      </c>
      <c r="F5473" s="6" t="s">
        <v>18</v>
      </c>
      <c r="G5473" s="6" t="s">
        <v>11073</v>
      </c>
      <c r="H5473" s="6" t="s">
        <v>11074</v>
      </c>
      <c r="I5473" s="7">
        <v>1.6140456999999999</v>
      </c>
      <c r="J5473" s="8">
        <v>-75.612645599999993</v>
      </c>
    </row>
    <row r="5474" spans="1:10" x14ac:dyDescent="0.35">
      <c r="A5474" s="5" t="s">
        <v>10</v>
      </c>
      <c r="B5474" s="6">
        <v>217233</v>
      </c>
      <c r="C5474" s="6" t="s">
        <v>68</v>
      </c>
      <c r="D5474" s="6" t="s">
        <v>69</v>
      </c>
      <c r="E5474" s="6">
        <v>11001</v>
      </c>
      <c r="F5474" s="6" t="s">
        <v>13</v>
      </c>
      <c r="G5474" s="6" t="s">
        <v>11075</v>
      </c>
      <c r="H5474" s="6" t="s">
        <v>11076</v>
      </c>
      <c r="I5474" s="7">
        <v>4.6021805000000002</v>
      </c>
      <c r="J5474" s="8">
        <v>-74.194479599999994</v>
      </c>
    </row>
    <row r="5475" spans="1:10" x14ac:dyDescent="0.35">
      <c r="A5475" s="5" t="s">
        <v>10</v>
      </c>
      <c r="B5475" s="6">
        <v>236764</v>
      </c>
      <c r="C5475" s="6" t="s">
        <v>68</v>
      </c>
      <c r="D5475" s="6" t="s">
        <v>69</v>
      </c>
      <c r="E5475" s="6">
        <v>11001</v>
      </c>
      <c r="F5475" s="6" t="s">
        <v>18</v>
      </c>
      <c r="G5475" s="6" t="s">
        <v>11077</v>
      </c>
      <c r="H5475" s="6" t="s">
        <v>11078</v>
      </c>
      <c r="I5475" s="7">
        <v>4.6986222</v>
      </c>
      <c r="J5475" s="8">
        <v>-74.126619099999999</v>
      </c>
    </row>
    <row r="5476" spans="1:10" x14ac:dyDescent="0.35">
      <c r="A5476" s="5" t="s">
        <v>10</v>
      </c>
      <c r="B5476" s="6">
        <v>243971</v>
      </c>
      <c r="C5476" s="6" t="s">
        <v>68</v>
      </c>
      <c r="D5476" s="6" t="s">
        <v>69</v>
      </c>
      <c r="E5476" s="6">
        <v>11001</v>
      </c>
      <c r="F5476" s="6" t="s">
        <v>18</v>
      </c>
      <c r="G5476" s="6" t="s">
        <v>855</v>
      </c>
      <c r="H5476" s="6" t="s">
        <v>11079</v>
      </c>
      <c r="I5476" s="7">
        <v>4.5982889</v>
      </c>
      <c r="J5476" s="8">
        <v>-74.158540500000001</v>
      </c>
    </row>
    <row r="5477" spans="1:10" x14ac:dyDescent="0.35">
      <c r="A5477" s="5" t="s">
        <v>10</v>
      </c>
      <c r="B5477" s="6">
        <v>224393</v>
      </c>
      <c r="C5477" s="6" t="s">
        <v>294</v>
      </c>
      <c r="D5477" s="6" t="s">
        <v>703</v>
      </c>
      <c r="E5477" s="6">
        <v>41001</v>
      </c>
      <c r="F5477" s="6" t="s">
        <v>18</v>
      </c>
      <c r="G5477" s="6" t="s">
        <v>11080</v>
      </c>
      <c r="H5477" s="6" t="s">
        <v>11081</v>
      </c>
      <c r="I5477" s="7">
        <v>2.9225368999999999</v>
      </c>
      <c r="J5477" s="8">
        <v>-75.287136699999905</v>
      </c>
    </row>
    <row r="5478" spans="1:10" x14ac:dyDescent="0.35">
      <c r="A5478" s="5" t="s">
        <v>10</v>
      </c>
      <c r="B5478" s="6">
        <v>225559</v>
      </c>
      <c r="C5478" s="6" t="s">
        <v>294</v>
      </c>
      <c r="D5478" s="6" t="s">
        <v>8811</v>
      </c>
      <c r="E5478" s="6">
        <v>41676</v>
      </c>
      <c r="F5478" s="6" t="s">
        <v>18</v>
      </c>
      <c r="G5478" s="6" t="s">
        <v>11082</v>
      </c>
      <c r="H5478" s="6" t="s">
        <v>11083</v>
      </c>
      <c r="I5478" s="7">
        <v>11.248357499999999</v>
      </c>
      <c r="J5478" s="8">
        <v>-74.210782299999906</v>
      </c>
    </row>
    <row r="5479" spans="1:10" x14ac:dyDescent="0.35">
      <c r="A5479" s="5" t="s">
        <v>10</v>
      </c>
      <c r="B5479" s="6">
        <v>136883</v>
      </c>
      <c r="C5479" s="6" t="s">
        <v>11</v>
      </c>
      <c r="D5479" s="6" t="s">
        <v>337</v>
      </c>
      <c r="E5479" s="6">
        <v>25290</v>
      </c>
      <c r="F5479" s="6" t="s">
        <v>18</v>
      </c>
      <c r="G5479" s="6" t="s">
        <v>11084</v>
      </c>
      <c r="H5479" s="6" t="s">
        <v>11085</v>
      </c>
      <c r="I5479" s="7">
        <v>4.3252239000000001</v>
      </c>
      <c r="J5479" s="8">
        <v>-74.365961499999997</v>
      </c>
    </row>
    <row r="5480" spans="1:10" x14ac:dyDescent="0.35">
      <c r="A5480" s="5" t="s">
        <v>10</v>
      </c>
      <c r="B5480" s="6">
        <v>197053</v>
      </c>
      <c r="C5480" s="6" t="s">
        <v>2821</v>
      </c>
      <c r="D5480" s="6" t="s">
        <v>2822</v>
      </c>
      <c r="E5480" s="6">
        <v>47001</v>
      </c>
      <c r="F5480" s="6" t="s">
        <v>18</v>
      </c>
      <c r="G5480" s="6" t="s">
        <v>8385</v>
      </c>
      <c r="H5480" s="6" t="s">
        <v>8386</v>
      </c>
      <c r="I5480" s="7">
        <v>11.2326335</v>
      </c>
      <c r="J5480" s="8">
        <v>-74.194842699999995</v>
      </c>
    </row>
    <row r="5481" spans="1:10" x14ac:dyDescent="0.35">
      <c r="A5481" s="5" t="s">
        <v>10</v>
      </c>
      <c r="B5481" s="6">
        <v>205583</v>
      </c>
      <c r="C5481" s="6" t="s">
        <v>308</v>
      </c>
      <c r="D5481" s="6" t="s">
        <v>7590</v>
      </c>
      <c r="E5481" s="6">
        <v>23466</v>
      </c>
      <c r="F5481" s="6" t="s">
        <v>18</v>
      </c>
      <c r="G5481" s="6" t="s">
        <v>11086</v>
      </c>
      <c r="H5481" s="6" t="s">
        <v>11087</v>
      </c>
      <c r="I5481" s="7">
        <v>7.9845511</v>
      </c>
      <c r="J5481" s="8">
        <v>-75.422794999999994</v>
      </c>
    </row>
    <row r="5482" spans="1:10" x14ac:dyDescent="0.35">
      <c r="A5482" s="5" t="s">
        <v>10</v>
      </c>
      <c r="B5482" s="6">
        <v>234991</v>
      </c>
      <c r="C5482" s="6" t="s">
        <v>308</v>
      </c>
      <c r="D5482" s="6" t="s">
        <v>309</v>
      </c>
      <c r="E5482" s="6">
        <v>23001</v>
      </c>
      <c r="F5482" s="6" t="s">
        <v>18</v>
      </c>
      <c r="G5482" s="6" t="s">
        <v>11088</v>
      </c>
      <c r="H5482" s="6" t="s">
        <v>11089</v>
      </c>
      <c r="I5482" s="7">
        <v>8.7564337999999999</v>
      </c>
      <c r="J5482" s="8">
        <v>-75.880778000000007</v>
      </c>
    </row>
    <row r="5483" spans="1:10" x14ac:dyDescent="0.35">
      <c r="A5483" s="5" t="s">
        <v>10</v>
      </c>
      <c r="B5483" s="6">
        <v>238431</v>
      </c>
      <c r="C5483" s="6" t="s">
        <v>38</v>
      </c>
      <c r="D5483" s="6" t="s">
        <v>2510</v>
      </c>
      <c r="E5483" s="6">
        <v>19517</v>
      </c>
      <c r="F5483" s="6" t="s">
        <v>18</v>
      </c>
      <c r="G5483" s="6" t="s">
        <v>11090</v>
      </c>
      <c r="H5483" s="6" t="s">
        <v>11091</v>
      </c>
      <c r="I5483" s="7">
        <v>2.6579760000000001</v>
      </c>
      <c r="J5483" s="8">
        <v>-75.978167600000006</v>
      </c>
    </row>
    <row r="5484" spans="1:10" x14ac:dyDescent="0.35">
      <c r="A5484" s="5" t="s">
        <v>10</v>
      </c>
      <c r="B5484" s="6">
        <v>212357</v>
      </c>
      <c r="C5484" s="6" t="s">
        <v>16</v>
      </c>
      <c r="D5484" s="6" t="s">
        <v>78</v>
      </c>
      <c r="E5484" s="6">
        <v>68001</v>
      </c>
      <c r="F5484" s="6" t="s">
        <v>18</v>
      </c>
      <c r="G5484" s="6" t="s">
        <v>11092</v>
      </c>
      <c r="H5484" s="6" t="s">
        <v>11093</v>
      </c>
      <c r="I5484" s="7">
        <v>7.1447037</v>
      </c>
      <c r="J5484" s="8">
        <v>-73.124370200000001</v>
      </c>
    </row>
    <row r="5485" spans="1:10" x14ac:dyDescent="0.35">
      <c r="A5485" s="5" t="s">
        <v>10</v>
      </c>
      <c r="B5485" s="6">
        <v>110923</v>
      </c>
      <c r="C5485" s="6" t="s">
        <v>16</v>
      </c>
      <c r="D5485" s="6" t="s">
        <v>1942</v>
      </c>
      <c r="E5485" s="6">
        <v>68406</v>
      </c>
      <c r="F5485" s="6" t="s">
        <v>18</v>
      </c>
      <c r="G5485" s="6" t="s">
        <v>8029</v>
      </c>
      <c r="H5485" s="6" t="s">
        <v>8030</v>
      </c>
      <c r="I5485" s="7">
        <v>11.2450242</v>
      </c>
      <c r="J5485" s="8">
        <v>-74.206125</v>
      </c>
    </row>
    <row r="5486" spans="1:10" x14ac:dyDescent="0.35">
      <c r="A5486" s="5" t="s">
        <v>10</v>
      </c>
      <c r="B5486" s="6">
        <v>245513</v>
      </c>
      <c r="C5486" s="6" t="s">
        <v>68</v>
      </c>
      <c r="D5486" s="6" t="s">
        <v>69</v>
      </c>
      <c r="E5486" s="6">
        <v>11001</v>
      </c>
      <c r="F5486" s="6" t="s">
        <v>13</v>
      </c>
      <c r="G5486" s="6" t="s">
        <v>11094</v>
      </c>
      <c r="H5486" s="6" t="s">
        <v>11095</v>
      </c>
      <c r="I5486" s="7">
        <v>4.6058737000000001</v>
      </c>
      <c r="J5486" s="8">
        <v>-74.136418000000006</v>
      </c>
    </row>
    <row r="5487" spans="1:10" x14ac:dyDescent="0.35">
      <c r="A5487" s="5" t="s">
        <v>10</v>
      </c>
      <c r="B5487" s="6">
        <v>223352</v>
      </c>
      <c r="C5487" s="6" t="s">
        <v>68</v>
      </c>
      <c r="D5487" s="6" t="s">
        <v>69</v>
      </c>
      <c r="E5487" s="6">
        <v>11001</v>
      </c>
      <c r="F5487" s="6" t="s">
        <v>13</v>
      </c>
      <c r="G5487" s="6" t="s">
        <v>11096</v>
      </c>
      <c r="H5487" s="6" t="s">
        <v>11097</v>
      </c>
      <c r="I5487" s="7">
        <v>4.6000901000000001</v>
      </c>
      <c r="J5487" s="8">
        <v>-74.182510800000003</v>
      </c>
    </row>
    <row r="5488" spans="1:10" x14ac:dyDescent="0.35">
      <c r="A5488" s="5" t="s">
        <v>10</v>
      </c>
      <c r="B5488" s="6">
        <v>229894</v>
      </c>
      <c r="C5488" s="6" t="s">
        <v>11</v>
      </c>
      <c r="D5488" s="6" t="s">
        <v>251</v>
      </c>
      <c r="E5488" s="6">
        <v>25214</v>
      </c>
      <c r="F5488" s="6" t="s">
        <v>18</v>
      </c>
      <c r="G5488" s="6" t="s">
        <v>11098</v>
      </c>
      <c r="H5488" s="6" t="s">
        <v>11099</v>
      </c>
      <c r="I5488" s="7">
        <v>4.8076081999999998</v>
      </c>
      <c r="J5488" s="8">
        <v>-74.097688599999998</v>
      </c>
    </row>
    <row r="5489" spans="1:10" x14ac:dyDescent="0.35">
      <c r="A5489" s="5" t="s">
        <v>10</v>
      </c>
      <c r="B5489" s="6">
        <v>232279</v>
      </c>
      <c r="C5489" s="6" t="s">
        <v>294</v>
      </c>
      <c r="D5489" s="6" t="s">
        <v>4257</v>
      </c>
      <c r="E5489" s="6">
        <v>41524</v>
      </c>
      <c r="F5489" s="6" t="s">
        <v>18</v>
      </c>
      <c r="G5489" s="6" t="s">
        <v>11100</v>
      </c>
      <c r="H5489" s="6" t="s">
        <v>11101</v>
      </c>
      <c r="I5489" s="7">
        <v>2.9403800000000002</v>
      </c>
      <c r="J5489" s="8">
        <v>-75.282749999999993</v>
      </c>
    </row>
    <row r="5490" spans="1:10" x14ac:dyDescent="0.35">
      <c r="A5490" s="5" t="s">
        <v>10</v>
      </c>
      <c r="B5490" s="6">
        <v>244954</v>
      </c>
      <c r="C5490" s="6" t="s">
        <v>68</v>
      </c>
      <c r="D5490" s="6" t="s">
        <v>69</v>
      </c>
      <c r="E5490" s="6">
        <v>11001</v>
      </c>
      <c r="F5490" s="6" t="s">
        <v>18</v>
      </c>
      <c r="G5490" s="6" t="s">
        <v>11102</v>
      </c>
      <c r="H5490" s="6" t="s">
        <v>11103</v>
      </c>
      <c r="I5490" s="7">
        <v>4.5963710999999998</v>
      </c>
      <c r="J5490" s="8">
        <v>-74.095938899999993</v>
      </c>
    </row>
    <row r="5491" spans="1:10" x14ac:dyDescent="0.35">
      <c r="A5491" s="5" t="s">
        <v>10</v>
      </c>
      <c r="B5491" s="6">
        <v>216780</v>
      </c>
      <c r="C5491" s="6" t="s">
        <v>16</v>
      </c>
      <c r="D5491" s="6" t="s">
        <v>78</v>
      </c>
      <c r="E5491" s="6">
        <v>68001</v>
      </c>
      <c r="F5491" s="6" t="s">
        <v>18</v>
      </c>
      <c r="G5491" s="6" t="s">
        <v>11104</v>
      </c>
      <c r="H5491" s="6" t="s">
        <v>11105</v>
      </c>
      <c r="I5491" s="7">
        <v>7.1176256999999996</v>
      </c>
      <c r="J5491" s="8">
        <v>-73.126709399999996</v>
      </c>
    </row>
    <row r="5492" spans="1:10" x14ac:dyDescent="0.35">
      <c r="A5492" s="5" t="s">
        <v>10</v>
      </c>
      <c r="B5492" s="6">
        <v>191447</v>
      </c>
      <c r="C5492" s="6" t="s">
        <v>11</v>
      </c>
      <c r="D5492" s="6" t="s">
        <v>337</v>
      </c>
      <c r="E5492" s="6">
        <v>25290</v>
      </c>
      <c r="F5492" s="6" t="s">
        <v>18</v>
      </c>
      <c r="G5492" s="6" t="s">
        <v>11106</v>
      </c>
      <c r="H5492" s="6" t="s">
        <v>11107</v>
      </c>
      <c r="I5492" s="7">
        <v>4.3451519999999997</v>
      </c>
      <c r="J5492" s="8">
        <v>-74.361823000000001</v>
      </c>
    </row>
    <row r="5493" spans="1:10" x14ac:dyDescent="0.35">
      <c r="A5493" s="5" t="s">
        <v>10</v>
      </c>
      <c r="B5493" s="6">
        <v>237118</v>
      </c>
      <c r="C5493" s="6" t="s">
        <v>4364</v>
      </c>
      <c r="D5493" s="6" t="s">
        <v>4365</v>
      </c>
      <c r="E5493" s="6">
        <v>70001</v>
      </c>
      <c r="F5493" s="6" t="s">
        <v>18</v>
      </c>
      <c r="G5493" s="6" t="s">
        <v>11108</v>
      </c>
      <c r="H5493" s="6" t="s">
        <v>11109</v>
      </c>
      <c r="I5493" s="7">
        <v>9.3045773000000001</v>
      </c>
      <c r="J5493" s="8">
        <v>-75.390556700000005</v>
      </c>
    </row>
    <row r="5494" spans="1:10" x14ac:dyDescent="0.35">
      <c r="A5494" s="5" t="s">
        <v>10</v>
      </c>
      <c r="B5494" s="6">
        <v>208464</v>
      </c>
      <c r="C5494" s="6" t="s">
        <v>2821</v>
      </c>
      <c r="D5494" s="6" t="s">
        <v>1524</v>
      </c>
      <c r="E5494" s="6">
        <v>47318</v>
      </c>
      <c r="F5494" s="6" t="s">
        <v>18</v>
      </c>
      <c r="G5494" s="6" t="s">
        <v>11110</v>
      </c>
      <c r="H5494" s="6" t="s">
        <v>11111</v>
      </c>
      <c r="I5494" s="7">
        <v>11.2423039</v>
      </c>
      <c r="J5494" s="8">
        <v>-74.210595499999997</v>
      </c>
    </row>
    <row r="5495" spans="1:10" x14ac:dyDescent="0.35">
      <c r="A5495" s="5" t="s">
        <v>10</v>
      </c>
      <c r="B5495" s="6">
        <v>191809</v>
      </c>
      <c r="C5495" s="6" t="s">
        <v>3788</v>
      </c>
      <c r="D5495" s="6" t="s">
        <v>3974</v>
      </c>
      <c r="E5495" s="6">
        <v>18001</v>
      </c>
      <c r="F5495" s="6" t="s">
        <v>18</v>
      </c>
      <c r="G5495" s="6" t="s">
        <v>11112</v>
      </c>
      <c r="H5495" s="6" t="s">
        <v>11113</v>
      </c>
      <c r="I5495" s="7">
        <v>1.6135718999999999</v>
      </c>
      <c r="J5495" s="8">
        <v>-75.613493199999994</v>
      </c>
    </row>
    <row r="5496" spans="1:10" x14ac:dyDescent="0.35">
      <c r="A5496" s="5" t="s">
        <v>10</v>
      </c>
      <c r="B5496" s="6">
        <v>233412</v>
      </c>
      <c r="C5496" s="6" t="s">
        <v>68</v>
      </c>
      <c r="D5496" s="6" t="s">
        <v>69</v>
      </c>
      <c r="E5496" s="6">
        <v>11001</v>
      </c>
      <c r="F5496" s="6" t="s">
        <v>18</v>
      </c>
      <c r="G5496" s="6" t="s">
        <v>11114</v>
      </c>
      <c r="H5496" s="6" t="s">
        <v>11115</v>
      </c>
      <c r="I5496" s="7">
        <v>4.5978899999999996</v>
      </c>
      <c r="J5496" s="8">
        <v>-74.164280000000005</v>
      </c>
    </row>
    <row r="5497" spans="1:10" x14ac:dyDescent="0.35">
      <c r="A5497" s="5" t="s">
        <v>10</v>
      </c>
      <c r="B5497" s="6">
        <v>145864</v>
      </c>
      <c r="C5497" s="6" t="s">
        <v>294</v>
      </c>
      <c r="D5497" s="6" t="s">
        <v>4244</v>
      </c>
      <c r="E5497" s="6">
        <v>41298</v>
      </c>
      <c r="F5497" s="6" t="s">
        <v>18</v>
      </c>
      <c r="G5497" s="6" t="s">
        <v>11116</v>
      </c>
      <c r="H5497" s="6" t="s">
        <v>11117</v>
      </c>
      <c r="I5497" s="7">
        <v>2.1674272999999999</v>
      </c>
      <c r="J5497" s="8">
        <v>-75.678297399999906</v>
      </c>
    </row>
    <row r="5498" spans="1:10" x14ac:dyDescent="0.35">
      <c r="A5498" s="5" t="s">
        <v>10</v>
      </c>
      <c r="B5498" s="6">
        <v>244736</v>
      </c>
      <c r="C5498" s="6" t="s">
        <v>68</v>
      </c>
      <c r="D5498" s="6" t="s">
        <v>69</v>
      </c>
      <c r="E5498" s="6">
        <v>11001</v>
      </c>
      <c r="F5498" s="6" t="s">
        <v>18</v>
      </c>
      <c r="G5498" s="6" t="s">
        <v>11118</v>
      </c>
      <c r="H5498" s="6" t="s">
        <v>11119</v>
      </c>
      <c r="I5498" s="7">
        <v>4.5610860000000004</v>
      </c>
      <c r="J5498" s="8">
        <v>-74.124204000000006</v>
      </c>
    </row>
    <row r="5499" spans="1:10" x14ac:dyDescent="0.35">
      <c r="A5499" s="5" t="s">
        <v>10</v>
      </c>
      <c r="B5499" s="6">
        <v>150094</v>
      </c>
      <c r="C5499" s="6" t="s">
        <v>11</v>
      </c>
      <c r="D5499" s="6" t="s">
        <v>12</v>
      </c>
      <c r="E5499" s="6">
        <v>25899</v>
      </c>
      <c r="F5499" s="6" t="s">
        <v>18</v>
      </c>
      <c r="G5499" s="6" t="s">
        <v>11120</v>
      </c>
      <c r="H5499" s="6" t="s">
        <v>11121</v>
      </c>
      <c r="I5499" s="7">
        <v>5.0214049999999997</v>
      </c>
      <c r="J5499" s="8">
        <v>-73.997884799999994</v>
      </c>
    </row>
    <row r="5500" spans="1:10" x14ac:dyDescent="0.35">
      <c r="A5500" s="5" t="s">
        <v>10</v>
      </c>
      <c r="B5500" s="6">
        <v>214868</v>
      </c>
      <c r="C5500" s="6" t="s">
        <v>302</v>
      </c>
      <c r="D5500" s="6" t="s">
        <v>4041</v>
      </c>
      <c r="E5500" s="6">
        <v>8758</v>
      </c>
      <c r="F5500" s="6" t="s">
        <v>18</v>
      </c>
      <c r="G5500" s="6" t="s">
        <v>11122</v>
      </c>
      <c r="H5500" s="6" t="s">
        <v>11123</v>
      </c>
      <c r="I5500" s="7">
        <v>10.917119100000001</v>
      </c>
      <c r="J5500" s="8">
        <v>-74.799150599999905</v>
      </c>
    </row>
    <row r="5501" spans="1:10" x14ac:dyDescent="0.35">
      <c r="A5501" s="5" t="s">
        <v>10</v>
      </c>
      <c r="B5501" s="6">
        <v>240332</v>
      </c>
      <c r="C5501" s="6" t="s">
        <v>2821</v>
      </c>
      <c r="D5501" s="6" t="s">
        <v>2822</v>
      </c>
      <c r="E5501" s="6">
        <v>47001</v>
      </c>
      <c r="F5501" s="6" t="s">
        <v>18</v>
      </c>
      <c r="G5501" s="6" t="s">
        <v>11124</v>
      </c>
      <c r="H5501" s="6" t="s">
        <v>11125</v>
      </c>
      <c r="I5501" s="7">
        <v>11.2415997</v>
      </c>
      <c r="J5501" s="8">
        <v>-74.210747100000006</v>
      </c>
    </row>
    <row r="5502" spans="1:10" x14ac:dyDescent="0.35">
      <c r="A5502" s="5" t="s">
        <v>10</v>
      </c>
      <c r="B5502" s="6">
        <v>228733</v>
      </c>
      <c r="C5502" s="6" t="s">
        <v>16</v>
      </c>
      <c r="D5502" s="6" t="s">
        <v>1401</v>
      </c>
      <c r="E5502" s="6">
        <v>68307</v>
      </c>
      <c r="F5502" s="6" t="s">
        <v>18</v>
      </c>
      <c r="G5502" s="6" t="s">
        <v>11126</v>
      </c>
      <c r="H5502" s="6" t="s">
        <v>11127</v>
      </c>
      <c r="I5502" s="7">
        <v>7.0646673</v>
      </c>
      <c r="J5502" s="8">
        <v>-73.168800300000001</v>
      </c>
    </row>
    <row r="5503" spans="1:10" x14ac:dyDescent="0.35">
      <c r="A5503" s="5" t="s">
        <v>10</v>
      </c>
      <c r="B5503" s="6">
        <v>231457</v>
      </c>
      <c r="C5503" s="6" t="s">
        <v>16</v>
      </c>
      <c r="D5503" s="6" t="s">
        <v>78</v>
      </c>
      <c r="E5503" s="6">
        <v>68001</v>
      </c>
      <c r="F5503" s="6" t="s">
        <v>18</v>
      </c>
      <c r="G5503" s="6" t="s">
        <v>7962</v>
      </c>
      <c r="H5503" s="6" t="s">
        <v>11128</v>
      </c>
      <c r="I5503" s="7">
        <v>7.1306950000000002</v>
      </c>
      <c r="J5503" s="8">
        <v>-73.122207099999997</v>
      </c>
    </row>
    <row r="5504" spans="1:10" x14ac:dyDescent="0.35">
      <c r="A5504" s="5" t="s">
        <v>10</v>
      </c>
      <c r="B5504" s="6">
        <v>242880</v>
      </c>
      <c r="C5504" s="6" t="s">
        <v>16</v>
      </c>
      <c r="D5504" s="6" t="s">
        <v>9217</v>
      </c>
      <c r="E5504" s="6">
        <v>68655</v>
      </c>
      <c r="F5504" s="6" t="s">
        <v>18</v>
      </c>
      <c r="G5504" s="6" t="s">
        <v>11129</v>
      </c>
      <c r="H5504" s="6" t="s">
        <v>11130</v>
      </c>
      <c r="I5504" s="7">
        <v>7.3915997000000004</v>
      </c>
      <c r="J5504" s="8">
        <v>-73.501291600000002</v>
      </c>
    </row>
    <row r="5505" spans="1:10" x14ac:dyDescent="0.35">
      <c r="A5505" s="5" t="s">
        <v>10</v>
      </c>
      <c r="B5505" s="6">
        <v>221108</v>
      </c>
      <c r="C5505" s="6" t="s">
        <v>11</v>
      </c>
      <c r="D5505" s="6" t="s">
        <v>513</v>
      </c>
      <c r="E5505" s="6">
        <v>25286</v>
      </c>
      <c r="F5505" s="6" t="s">
        <v>13</v>
      </c>
      <c r="G5505" s="6" t="s">
        <v>11131</v>
      </c>
      <c r="H5505" s="6" t="s">
        <v>11132</v>
      </c>
      <c r="I5505" s="7">
        <v>4.7159247000000004</v>
      </c>
      <c r="J5505" s="8">
        <v>-74.214067499999999</v>
      </c>
    </row>
    <row r="5506" spans="1:10" x14ac:dyDescent="0.35">
      <c r="A5506" s="5" t="s">
        <v>10</v>
      </c>
      <c r="B5506" s="6">
        <v>244537</v>
      </c>
      <c r="C5506" s="6" t="s">
        <v>68</v>
      </c>
      <c r="D5506" s="6" t="s">
        <v>69</v>
      </c>
      <c r="E5506" s="6">
        <v>11001</v>
      </c>
      <c r="F5506" s="6" t="s">
        <v>13</v>
      </c>
      <c r="G5506" s="6" t="s">
        <v>11133</v>
      </c>
      <c r="H5506" s="6" t="s">
        <v>11134</v>
      </c>
      <c r="I5506" s="7">
        <v>4.6265437</v>
      </c>
      <c r="J5506" s="8">
        <v>-74.129250200000001</v>
      </c>
    </row>
    <row r="5507" spans="1:10" x14ac:dyDescent="0.35">
      <c r="A5507" s="5" t="s">
        <v>10</v>
      </c>
      <c r="B5507" s="6">
        <v>229163</v>
      </c>
      <c r="C5507" s="6" t="s">
        <v>68</v>
      </c>
      <c r="D5507" s="6" t="s">
        <v>69</v>
      </c>
      <c r="E5507" s="6">
        <v>11001</v>
      </c>
      <c r="F5507" s="6" t="s">
        <v>13</v>
      </c>
      <c r="G5507" s="6" t="s">
        <v>7560</v>
      </c>
      <c r="H5507" s="6" t="s">
        <v>11135</v>
      </c>
      <c r="I5507" s="7">
        <v>4.7422699000000001</v>
      </c>
      <c r="J5507" s="8">
        <v>-74.030693200000002</v>
      </c>
    </row>
    <row r="5508" spans="1:10" x14ac:dyDescent="0.35">
      <c r="A5508" s="5" t="s">
        <v>10</v>
      </c>
      <c r="B5508" s="6">
        <v>232699</v>
      </c>
      <c r="C5508" s="6" t="s">
        <v>11</v>
      </c>
      <c r="D5508" s="6" t="s">
        <v>12</v>
      </c>
      <c r="E5508" s="6">
        <v>25899</v>
      </c>
      <c r="F5508" s="6" t="s">
        <v>18</v>
      </c>
      <c r="G5508" s="6" t="s">
        <v>11136</v>
      </c>
      <c r="H5508" s="6" t="s">
        <v>11137</v>
      </c>
      <c r="I5508" s="7">
        <v>5.0340758000000001</v>
      </c>
      <c r="J5508" s="8">
        <v>-73.980908600000006</v>
      </c>
    </row>
    <row r="5509" spans="1:10" x14ac:dyDescent="0.35">
      <c r="A5509" s="5" t="s">
        <v>10</v>
      </c>
      <c r="B5509" s="6">
        <v>233696</v>
      </c>
      <c r="C5509" s="6" t="s">
        <v>294</v>
      </c>
      <c r="D5509" s="6" t="s">
        <v>703</v>
      </c>
      <c r="E5509" s="6">
        <v>41001</v>
      </c>
      <c r="F5509" s="6" t="s">
        <v>18</v>
      </c>
      <c r="G5509" s="6" t="s">
        <v>11138</v>
      </c>
      <c r="H5509" s="6" t="s">
        <v>11139</v>
      </c>
      <c r="I5509" s="7">
        <v>2.89819</v>
      </c>
      <c r="J5509" s="8">
        <v>-75.265569999999997</v>
      </c>
    </row>
    <row r="5510" spans="1:10" x14ac:dyDescent="0.35">
      <c r="A5510" s="5" t="s">
        <v>10</v>
      </c>
      <c r="B5510" s="6">
        <v>232762</v>
      </c>
      <c r="C5510" s="6" t="s">
        <v>190</v>
      </c>
      <c r="D5510" s="6" t="s">
        <v>11140</v>
      </c>
      <c r="E5510" s="6">
        <v>5237</v>
      </c>
      <c r="F5510" s="6" t="s">
        <v>18</v>
      </c>
      <c r="G5510" s="6" t="s">
        <v>11141</v>
      </c>
      <c r="H5510" s="6" t="s">
        <v>11142</v>
      </c>
      <c r="I5510" s="7">
        <v>6.4857019999999999</v>
      </c>
      <c r="J5510" s="8">
        <v>-75.393831000000006</v>
      </c>
    </row>
    <row r="5511" spans="1:10" x14ac:dyDescent="0.35">
      <c r="A5511" s="5" t="s">
        <v>10</v>
      </c>
      <c r="B5511" s="6">
        <v>236336</v>
      </c>
      <c r="C5511" s="6" t="s">
        <v>294</v>
      </c>
      <c r="D5511" s="6" t="s">
        <v>703</v>
      </c>
      <c r="E5511" s="6">
        <v>41001</v>
      </c>
      <c r="F5511" s="6" t="s">
        <v>18</v>
      </c>
      <c r="G5511" s="6" t="s">
        <v>11143</v>
      </c>
      <c r="H5511" s="6" t="s">
        <v>11144</v>
      </c>
      <c r="I5511" s="7">
        <v>2.9039340999999999</v>
      </c>
      <c r="J5511" s="8">
        <v>-75.275383000000005</v>
      </c>
    </row>
    <row r="5512" spans="1:10" x14ac:dyDescent="0.35">
      <c r="A5512" s="5" t="s">
        <v>10</v>
      </c>
      <c r="B5512" s="6">
        <v>142244</v>
      </c>
      <c r="C5512" s="6" t="s">
        <v>11</v>
      </c>
      <c r="D5512" s="6" t="s">
        <v>12</v>
      </c>
      <c r="E5512" s="6">
        <v>25899</v>
      </c>
      <c r="F5512" s="6" t="s">
        <v>18</v>
      </c>
      <c r="G5512" s="6" t="s">
        <v>11145</v>
      </c>
      <c r="H5512" s="6" t="s">
        <v>11146</v>
      </c>
      <c r="I5512" s="7">
        <v>5.0179849999999897</v>
      </c>
      <c r="J5512" s="8">
        <v>-73.999534999999995</v>
      </c>
    </row>
    <row r="5513" spans="1:10" x14ac:dyDescent="0.35">
      <c r="A5513" s="5" t="s">
        <v>10</v>
      </c>
      <c r="B5513" s="6">
        <v>184822</v>
      </c>
      <c r="C5513" s="6" t="s">
        <v>11</v>
      </c>
      <c r="D5513" s="6" t="s">
        <v>337</v>
      </c>
      <c r="E5513" s="6">
        <v>25290</v>
      </c>
      <c r="F5513" s="6" t="s">
        <v>18</v>
      </c>
      <c r="G5513" s="6" t="s">
        <v>11147</v>
      </c>
      <c r="H5513" s="6" t="s">
        <v>11148</v>
      </c>
      <c r="I5513" s="7">
        <v>4.3444398</v>
      </c>
      <c r="J5513" s="8">
        <v>-74.361213699999993</v>
      </c>
    </row>
    <row r="5514" spans="1:10" x14ac:dyDescent="0.35">
      <c r="A5514" s="5" t="s">
        <v>10</v>
      </c>
      <c r="B5514" s="6">
        <v>198861</v>
      </c>
      <c r="C5514" s="6" t="s">
        <v>16</v>
      </c>
      <c r="D5514" s="6" t="s">
        <v>78</v>
      </c>
      <c r="E5514" s="6">
        <v>68001</v>
      </c>
      <c r="F5514" s="6" t="s">
        <v>18</v>
      </c>
      <c r="G5514" s="6" t="s">
        <v>11149</v>
      </c>
      <c r="H5514" s="6" t="s">
        <v>11150</v>
      </c>
      <c r="I5514" s="7">
        <v>7.1541176999999996</v>
      </c>
      <c r="J5514" s="8">
        <v>-73.126437699999997</v>
      </c>
    </row>
    <row r="5515" spans="1:10" x14ac:dyDescent="0.35">
      <c r="A5515" s="5" t="s">
        <v>10</v>
      </c>
      <c r="B5515" s="6">
        <v>206435</v>
      </c>
      <c r="C5515" s="6" t="s">
        <v>16</v>
      </c>
      <c r="D5515" s="6" t="s">
        <v>78</v>
      </c>
      <c r="E5515" s="6">
        <v>68001</v>
      </c>
      <c r="F5515" s="6" t="s">
        <v>18</v>
      </c>
      <c r="G5515" s="6" t="s">
        <v>11151</v>
      </c>
      <c r="H5515" s="6" t="s">
        <v>11152</v>
      </c>
      <c r="I5515" s="7">
        <v>7.1045179999999997</v>
      </c>
      <c r="J5515" s="8">
        <v>-73.125193799999906</v>
      </c>
    </row>
    <row r="5516" spans="1:10" x14ac:dyDescent="0.35">
      <c r="A5516" s="5" t="s">
        <v>10</v>
      </c>
      <c r="B5516" s="6">
        <v>224310</v>
      </c>
      <c r="C5516" s="6" t="s">
        <v>16</v>
      </c>
      <c r="D5516" s="6" t="s">
        <v>510</v>
      </c>
      <c r="E5516" s="6">
        <v>68547</v>
      </c>
      <c r="F5516" s="6" t="s">
        <v>18</v>
      </c>
      <c r="G5516" s="6" t="s">
        <v>11153</v>
      </c>
      <c r="H5516" s="6" t="s">
        <v>8498</v>
      </c>
      <c r="I5516" s="7">
        <v>6.9977725</v>
      </c>
      <c r="J5516" s="8">
        <v>-73.055425400000004</v>
      </c>
    </row>
    <row r="5517" spans="1:10" x14ac:dyDescent="0.35">
      <c r="A5517" s="5" t="s">
        <v>10</v>
      </c>
      <c r="B5517" s="6">
        <v>239595</v>
      </c>
      <c r="C5517" s="6" t="s">
        <v>16</v>
      </c>
      <c r="D5517" s="6" t="s">
        <v>1348</v>
      </c>
      <c r="E5517" s="6">
        <v>68167</v>
      </c>
      <c r="F5517" s="6" t="s">
        <v>18</v>
      </c>
      <c r="G5517" s="6" t="s">
        <v>11154</v>
      </c>
      <c r="H5517" s="6" t="s">
        <v>11155</v>
      </c>
      <c r="I5517" s="7">
        <v>6.2892239999999999</v>
      </c>
      <c r="J5517" s="8">
        <v>-73.147693399999994</v>
      </c>
    </row>
    <row r="5518" spans="1:10" x14ac:dyDescent="0.35">
      <c r="A5518" s="5" t="s">
        <v>10</v>
      </c>
      <c r="B5518" s="6">
        <v>246553</v>
      </c>
      <c r="C5518" s="6" t="s">
        <v>42</v>
      </c>
      <c r="D5518" s="6" t="s">
        <v>43</v>
      </c>
      <c r="E5518" s="6">
        <v>17001</v>
      </c>
      <c r="F5518" s="6" t="s">
        <v>18</v>
      </c>
      <c r="G5518" s="6" t="s">
        <v>11156</v>
      </c>
      <c r="H5518" s="6" t="s">
        <v>11157</v>
      </c>
      <c r="I5518" s="7">
        <v>5.0669293</v>
      </c>
      <c r="J5518" s="8">
        <v>-75.486270599999997</v>
      </c>
    </row>
    <row r="5519" spans="1:10" x14ac:dyDescent="0.35">
      <c r="A5519" s="5" t="s">
        <v>10</v>
      </c>
      <c r="B5519" s="6">
        <v>175930</v>
      </c>
      <c r="C5519" s="6" t="s">
        <v>3788</v>
      </c>
      <c r="D5519" s="6" t="s">
        <v>3974</v>
      </c>
      <c r="E5519" s="6">
        <v>18001</v>
      </c>
      <c r="F5519" s="6" t="s">
        <v>18</v>
      </c>
      <c r="G5519" s="6" t="s">
        <v>11158</v>
      </c>
      <c r="H5519" s="6" t="s">
        <v>11159</v>
      </c>
      <c r="I5519" s="7">
        <v>1.6363281000000001</v>
      </c>
      <c r="J5519" s="8">
        <v>-75.612182599999997</v>
      </c>
    </row>
    <row r="5520" spans="1:10" x14ac:dyDescent="0.35">
      <c r="A5520" s="5" t="s">
        <v>10</v>
      </c>
      <c r="B5520" s="6">
        <v>231698</v>
      </c>
      <c r="C5520" s="6" t="s">
        <v>68</v>
      </c>
      <c r="D5520" s="6" t="s">
        <v>69</v>
      </c>
      <c r="E5520" s="6">
        <v>11001</v>
      </c>
      <c r="F5520" s="6" t="s">
        <v>18</v>
      </c>
      <c r="G5520" s="6" t="s">
        <v>11160</v>
      </c>
      <c r="H5520" s="6" t="s">
        <v>11161</v>
      </c>
      <c r="I5520" s="7">
        <v>4.503457</v>
      </c>
      <c r="J5520" s="8">
        <v>-74.110934</v>
      </c>
    </row>
    <row r="5521" spans="1:10" x14ac:dyDescent="0.35">
      <c r="A5521" s="5" t="s">
        <v>10</v>
      </c>
      <c r="B5521" s="6">
        <v>237269</v>
      </c>
      <c r="C5521" s="6" t="s">
        <v>302</v>
      </c>
      <c r="D5521" s="6" t="s">
        <v>359</v>
      </c>
      <c r="E5521" s="6">
        <v>8001</v>
      </c>
      <c r="F5521" s="6" t="s">
        <v>18</v>
      </c>
      <c r="G5521" s="6" t="s">
        <v>11162</v>
      </c>
      <c r="H5521" s="6" t="s">
        <v>11163</v>
      </c>
      <c r="I5521" s="7">
        <v>10.9537745</v>
      </c>
      <c r="J5521" s="8">
        <v>-74.809426400000007</v>
      </c>
    </row>
    <row r="5522" spans="1:10" x14ac:dyDescent="0.35">
      <c r="A5522" s="5" t="s">
        <v>10</v>
      </c>
      <c r="B5522" s="6">
        <v>243968</v>
      </c>
      <c r="C5522" s="6" t="s">
        <v>68</v>
      </c>
      <c r="D5522" s="6" t="s">
        <v>69</v>
      </c>
      <c r="E5522" s="6">
        <v>11001</v>
      </c>
      <c r="F5522" s="6" t="s">
        <v>18</v>
      </c>
      <c r="G5522" s="6" t="s">
        <v>11164</v>
      </c>
      <c r="H5522" s="6" t="s">
        <v>11165</v>
      </c>
      <c r="I5522" s="7">
        <v>4.7109886000000003</v>
      </c>
      <c r="J5522" s="8">
        <v>-74.072091999999998</v>
      </c>
    </row>
    <row r="5523" spans="1:10" x14ac:dyDescent="0.35">
      <c r="A5523" s="5" t="s">
        <v>10</v>
      </c>
      <c r="B5523" s="6">
        <v>244713</v>
      </c>
      <c r="C5523" s="6" t="s">
        <v>11</v>
      </c>
      <c r="D5523" s="6" t="s">
        <v>334</v>
      </c>
      <c r="E5523" s="6">
        <v>25754</v>
      </c>
      <c r="F5523" s="6" t="s">
        <v>18</v>
      </c>
      <c r="G5523" s="6" t="s">
        <v>11166</v>
      </c>
      <c r="H5523" s="6" t="s">
        <v>11167</v>
      </c>
      <c r="I5523" s="7">
        <v>4.5797473000000002</v>
      </c>
      <c r="J5523" s="8">
        <v>-74.230808199999998</v>
      </c>
    </row>
    <row r="5524" spans="1:10" x14ac:dyDescent="0.35">
      <c r="A5524" s="5" t="s">
        <v>10</v>
      </c>
      <c r="B5524" s="6">
        <v>188489</v>
      </c>
      <c r="C5524" s="6" t="s">
        <v>68</v>
      </c>
      <c r="D5524" s="6" t="s">
        <v>69</v>
      </c>
      <c r="E5524" s="6">
        <v>11001</v>
      </c>
      <c r="F5524" s="6" t="s">
        <v>18</v>
      </c>
      <c r="G5524" s="6" t="s">
        <v>11168</v>
      </c>
      <c r="H5524" s="6" t="s">
        <v>11169</v>
      </c>
      <c r="I5524" s="7">
        <v>4.6024934000000002</v>
      </c>
      <c r="J5524" s="8">
        <v>-74.194193900000002</v>
      </c>
    </row>
    <row r="5525" spans="1:10" x14ac:dyDescent="0.35">
      <c r="A5525" s="5" t="s">
        <v>10</v>
      </c>
      <c r="B5525" s="6">
        <v>210517</v>
      </c>
      <c r="C5525" s="6" t="s">
        <v>308</v>
      </c>
      <c r="D5525" s="6" t="s">
        <v>309</v>
      </c>
      <c r="E5525" s="6">
        <v>23001</v>
      </c>
      <c r="F5525" s="6" t="s">
        <v>18</v>
      </c>
      <c r="G5525" s="6" t="s">
        <v>11170</v>
      </c>
      <c r="H5525" s="6" t="s">
        <v>11171</v>
      </c>
      <c r="I5525" s="7">
        <v>8.7509829999999997</v>
      </c>
      <c r="J5525" s="8">
        <v>-75.878534799999997</v>
      </c>
    </row>
    <row r="5526" spans="1:10" x14ac:dyDescent="0.35">
      <c r="A5526" s="5" t="s">
        <v>10</v>
      </c>
      <c r="B5526" s="6">
        <v>239961</v>
      </c>
      <c r="C5526" s="6" t="s">
        <v>16</v>
      </c>
      <c r="D5526" s="6" t="s">
        <v>11172</v>
      </c>
      <c r="E5526" s="6">
        <v>68468</v>
      </c>
      <c r="F5526" s="6" t="s">
        <v>18</v>
      </c>
      <c r="G5526" s="6" t="s">
        <v>11173</v>
      </c>
      <c r="H5526" s="6" t="s">
        <v>11174</v>
      </c>
      <c r="I5526" s="7">
        <v>6.6732528000000002</v>
      </c>
      <c r="J5526" s="8">
        <v>-72.808669800000004</v>
      </c>
    </row>
    <row r="5527" spans="1:10" x14ac:dyDescent="0.35">
      <c r="A5527" s="5" t="s">
        <v>10</v>
      </c>
      <c r="B5527" s="6">
        <v>231070</v>
      </c>
      <c r="C5527" s="6" t="s">
        <v>16</v>
      </c>
      <c r="D5527" s="6" t="s">
        <v>78</v>
      </c>
      <c r="E5527" s="6">
        <v>68001</v>
      </c>
      <c r="F5527" s="6" t="s">
        <v>18</v>
      </c>
      <c r="G5527" s="6" t="s">
        <v>11175</v>
      </c>
      <c r="H5527" s="6" t="s">
        <v>11176</v>
      </c>
      <c r="I5527" s="7">
        <v>7.1396202999999998</v>
      </c>
      <c r="J5527" s="8">
        <v>-73.132815699999995</v>
      </c>
    </row>
    <row r="5528" spans="1:10" x14ac:dyDescent="0.35">
      <c r="A5528" s="5" t="s">
        <v>10</v>
      </c>
      <c r="B5528" s="6">
        <v>184817</v>
      </c>
      <c r="C5528" s="6" t="s">
        <v>16</v>
      </c>
      <c r="D5528" s="6" t="s">
        <v>11177</v>
      </c>
      <c r="E5528" s="6">
        <v>68684</v>
      </c>
      <c r="F5528" s="6" t="s">
        <v>18</v>
      </c>
      <c r="G5528" s="6" t="s">
        <v>11178</v>
      </c>
      <c r="H5528" s="6" t="s">
        <v>11179</v>
      </c>
      <c r="I5528" s="7">
        <v>6.6587058999999904</v>
      </c>
      <c r="J5528" s="8">
        <v>-72.733902200000003</v>
      </c>
    </row>
    <row r="5529" spans="1:10" x14ac:dyDescent="0.35">
      <c r="A5529" s="5" t="s">
        <v>10</v>
      </c>
      <c r="B5529" s="6">
        <v>235524</v>
      </c>
      <c r="C5529" s="6" t="s">
        <v>68</v>
      </c>
      <c r="D5529" s="6" t="s">
        <v>69</v>
      </c>
      <c r="E5529" s="6">
        <v>11001</v>
      </c>
      <c r="F5529" s="6" t="s">
        <v>13</v>
      </c>
      <c r="G5529" s="6" t="s">
        <v>11180</v>
      </c>
      <c r="H5529" s="6" t="s">
        <v>11181</v>
      </c>
      <c r="I5529" s="7">
        <v>4.5948516000000001</v>
      </c>
      <c r="J5529" s="8">
        <v>-74.140723100000002</v>
      </c>
    </row>
    <row r="5530" spans="1:10" x14ac:dyDescent="0.35">
      <c r="A5530" s="5" t="s">
        <v>10</v>
      </c>
      <c r="B5530" s="6">
        <v>231187</v>
      </c>
      <c r="C5530" s="6" t="s">
        <v>68</v>
      </c>
      <c r="D5530" s="6" t="s">
        <v>69</v>
      </c>
      <c r="E5530" s="6">
        <v>11001</v>
      </c>
      <c r="F5530" s="6" t="s">
        <v>13</v>
      </c>
      <c r="G5530" s="6" t="s">
        <v>11182</v>
      </c>
      <c r="H5530" s="6" t="s">
        <v>11183</v>
      </c>
      <c r="I5530" s="7">
        <v>4.6315391999999997</v>
      </c>
      <c r="J5530" s="8">
        <v>-74.183091099999999</v>
      </c>
    </row>
    <row r="5531" spans="1:10" x14ac:dyDescent="0.35">
      <c r="A5531" s="5" t="s">
        <v>10</v>
      </c>
      <c r="B5531" s="6">
        <v>213935</v>
      </c>
      <c r="C5531" s="6" t="s">
        <v>68</v>
      </c>
      <c r="D5531" s="6" t="s">
        <v>69</v>
      </c>
      <c r="E5531" s="6">
        <v>11001</v>
      </c>
      <c r="F5531" s="6" t="s">
        <v>18</v>
      </c>
      <c r="G5531" s="6" t="s">
        <v>11184</v>
      </c>
      <c r="H5531" s="6" t="s">
        <v>11185</v>
      </c>
      <c r="I5531" s="7">
        <v>4.5619538000000004</v>
      </c>
      <c r="J5531" s="8">
        <v>-74.147723299999996</v>
      </c>
    </row>
    <row r="5532" spans="1:10" x14ac:dyDescent="0.35">
      <c r="A5532" s="5" t="s">
        <v>10</v>
      </c>
      <c r="B5532" s="6">
        <v>232285</v>
      </c>
      <c r="C5532" s="6" t="s">
        <v>68</v>
      </c>
      <c r="D5532" s="6" t="s">
        <v>69</v>
      </c>
      <c r="E5532" s="6">
        <v>11001</v>
      </c>
      <c r="F5532" s="6" t="s">
        <v>18</v>
      </c>
      <c r="G5532" s="6" t="s">
        <v>11186</v>
      </c>
      <c r="H5532" s="6" t="s">
        <v>11187</v>
      </c>
      <c r="I5532" s="7">
        <v>4.6237450000000004</v>
      </c>
      <c r="J5532" s="8">
        <v>-74.133377999999993</v>
      </c>
    </row>
    <row r="5533" spans="1:10" x14ac:dyDescent="0.35">
      <c r="A5533" s="5" t="s">
        <v>10</v>
      </c>
      <c r="B5533" s="6">
        <v>228627</v>
      </c>
      <c r="C5533" s="6" t="s">
        <v>294</v>
      </c>
      <c r="D5533" s="6" t="s">
        <v>703</v>
      </c>
      <c r="E5533" s="6">
        <v>41001</v>
      </c>
      <c r="F5533" s="6" t="s">
        <v>18</v>
      </c>
      <c r="G5533" s="6" t="s">
        <v>11188</v>
      </c>
      <c r="H5533" s="6" t="s">
        <v>11189</v>
      </c>
      <c r="I5533" s="7">
        <v>2.9034366999999999</v>
      </c>
      <c r="J5533" s="8">
        <v>-75.276738800000004</v>
      </c>
    </row>
    <row r="5534" spans="1:10" x14ac:dyDescent="0.35">
      <c r="A5534" s="5" t="s">
        <v>10</v>
      </c>
      <c r="B5534" s="6">
        <v>204300</v>
      </c>
      <c r="C5534" s="6" t="s">
        <v>68</v>
      </c>
      <c r="D5534" s="6" t="s">
        <v>69</v>
      </c>
      <c r="E5534" s="6">
        <v>11001</v>
      </c>
      <c r="F5534" s="6" t="s">
        <v>18</v>
      </c>
      <c r="G5534" s="6" t="s">
        <v>11190</v>
      </c>
      <c r="H5534" s="6" t="s">
        <v>11191</v>
      </c>
      <c r="I5534" s="7">
        <v>4.5833446000000002</v>
      </c>
      <c r="J5534" s="8">
        <v>-74.089834199999999</v>
      </c>
    </row>
    <row r="5535" spans="1:10" x14ac:dyDescent="0.35">
      <c r="A5535" s="5" t="s">
        <v>10</v>
      </c>
      <c r="B5535" s="6">
        <v>186394</v>
      </c>
      <c r="C5535" s="6" t="s">
        <v>551</v>
      </c>
      <c r="D5535" s="6" t="s">
        <v>3942</v>
      </c>
      <c r="E5535" s="6">
        <v>20295</v>
      </c>
      <c r="F5535" s="6" t="s">
        <v>18</v>
      </c>
      <c r="G5535" s="6" t="s">
        <v>11192</v>
      </c>
      <c r="H5535" s="6" t="s">
        <v>11193</v>
      </c>
      <c r="I5535" s="7">
        <v>8.3253843999999901</v>
      </c>
      <c r="J5535" s="8">
        <v>-73.742296999999994</v>
      </c>
    </row>
    <row r="5536" spans="1:10" x14ac:dyDescent="0.35">
      <c r="A5536" s="5" t="s">
        <v>10</v>
      </c>
      <c r="B5536" s="6">
        <v>246888</v>
      </c>
      <c r="C5536" s="6" t="s">
        <v>308</v>
      </c>
      <c r="D5536" s="6" t="s">
        <v>309</v>
      </c>
      <c r="E5536" s="6">
        <v>23001</v>
      </c>
      <c r="F5536" s="6" t="s">
        <v>18</v>
      </c>
      <c r="G5536" s="6" t="s">
        <v>11194</v>
      </c>
      <c r="H5536" s="6" t="s">
        <v>11195</v>
      </c>
      <c r="I5536" s="7">
        <v>8.7348545000000009</v>
      </c>
      <c r="J5536" s="8">
        <v>-75.891672299999996</v>
      </c>
    </row>
    <row r="5537" spans="1:10" x14ac:dyDescent="0.35">
      <c r="A5537" s="5" t="s">
        <v>10</v>
      </c>
      <c r="B5537" s="6">
        <v>225635</v>
      </c>
      <c r="C5537" s="6" t="s">
        <v>308</v>
      </c>
      <c r="D5537" s="6" t="s">
        <v>309</v>
      </c>
      <c r="E5537" s="6">
        <v>23001</v>
      </c>
      <c r="F5537" s="6" t="s">
        <v>18</v>
      </c>
      <c r="G5537" s="6" t="s">
        <v>11196</v>
      </c>
      <c r="H5537" s="6" t="s">
        <v>11197</v>
      </c>
      <c r="I5537" s="7">
        <v>8.7403481000000003</v>
      </c>
      <c r="J5537" s="8">
        <v>-75.900260399999993</v>
      </c>
    </row>
    <row r="5538" spans="1:10" x14ac:dyDescent="0.35">
      <c r="A5538" s="5" t="s">
        <v>10</v>
      </c>
      <c r="B5538" s="6">
        <v>230308</v>
      </c>
      <c r="C5538" s="6" t="s">
        <v>2821</v>
      </c>
      <c r="D5538" s="6" t="s">
        <v>2822</v>
      </c>
      <c r="E5538" s="6">
        <v>47001</v>
      </c>
      <c r="F5538" s="6" t="s">
        <v>18</v>
      </c>
      <c r="G5538" s="6" t="s">
        <v>11198</v>
      </c>
      <c r="H5538" s="6" t="s">
        <v>11199</v>
      </c>
      <c r="I5538" s="7">
        <v>11.2269875</v>
      </c>
      <c r="J5538" s="8">
        <v>-74.193795600000001</v>
      </c>
    </row>
    <row r="5539" spans="1:10" x14ac:dyDescent="0.35">
      <c r="A5539" s="5" t="s">
        <v>10</v>
      </c>
      <c r="B5539" s="6">
        <v>227445</v>
      </c>
      <c r="C5539" s="6" t="s">
        <v>38</v>
      </c>
      <c r="D5539" s="6" t="s">
        <v>39</v>
      </c>
      <c r="E5539" s="6">
        <v>19001</v>
      </c>
      <c r="F5539" s="6" t="s">
        <v>18</v>
      </c>
      <c r="G5539" s="6" t="s">
        <v>11200</v>
      </c>
      <c r="H5539" s="6" t="s">
        <v>11201</v>
      </c>
      <c r="I5539" s="7">
        <v>2.4858362000000001</v>
      </c>
      <c r="J5539" s="8">
        <v>-76.569650899999999</v>
      </c>
    </row>
    <row r="5540" spans="1:10" x14ac:dyDescent="0.35">
      <c r="A5540" s="5" t="s">
        <v>10</v>
      </c>
      <c r="B5540" s="6">
        <v>232518</v>
      </c>
      <c r="C5540" s="6" t="s">
        <v>68</v>
      </c>
      <c r="D5540" s="6" t="s">
        <v>69</v>
      </c>
      <c r="E5540" s="6">
        <v>11001</v>
      </c>
      <c r="F5540" s="6" t="s">
        <v>18</v>
      </c>
      <c r="G5540" s="6" t="s">
        <v>11202</v>
      </c>
      <c r="H5540" s="6" t="s">
        <v>11203</v>
      </c>
      <c r="I5540" s="7">
        <v>4.5815782</v>
      </c>
      <c r="J5540" s="8">
        <v>-74.115832499999996</v>
      </c>
    </row>
    <row r="5541" spans="1:10" x14ac:dyDescent="0.35">
      <c r="A5541" s="5" t="s">
        <v>10</v>
      </c>
      <c r="B5541" s="6">
        <v>232536</v>
      </c>
      <c r="C5541" s="6" t="s">
        <v>68</v>
      </c>
      <c r="D5541" s="6" t="s">
        <v>69</v>
      </c>
      <c r="E5541" s="6">
        <v>11001</v>
      </c>
      <c r="F5541" s="6" t="s">
        <v>18</v>
      </c>
      <c r="G5541" s="6" t="s">
        <v>11204</v>
      </c>
      <c r="H5541" s="6" t="s">
        <v>11205</v>
      </c>
      <c r="I5541" s="7">
        <v>4.7139420000000003</v>
      </c>
      <c r="J5541" s="8">
        <v>-74.138037400000002</v>
      </c>
    </row>
    <row r="5542" spans="1:10" x14ac:dyDescent="0.35">
      <c r="A5542" s="5" t="s">
        <v>10</v>
      </c>
      <c r="B5542" s="6">
        <v>233972</v>
      </c>
      <c r="C5542" s="6" t="s">
        <v>28</v>
      </c>
      <c r="D5542" s="6" t="s">
        <v>29</v>
      </c>
      <c r="E5542" s="6">
        <v>54001</v>
      </c>
      <c r="F5542" s="6" t="s">
        <v>18</v>
      </c>
      <c r="G5542" s="6" t="s">
        <v>11206</v>
      </c>
      <c r="H5542" s="6" t="s">
        <v>11207</v>
      </c>
      <c r="I5542" s="7">
        <v>7.9091579999999997</v>
      </c>
      <c r="J5542" s="8">
        <v>-72.518578199999993</v>
      </c>
    </row>
    <row r="5543" spans="1:10" x14ac:dyDescent="0.35">
      <c r="A5543" s="5" t="s">
        <v>10</v>
      </c>
      <c r="B5543" s="6">
        <v>209224</v>
      </c>
      <c r="C5543" s="6" t="s">
        <v>294</v>
      </c>
      <c r="D5543" s="6" t="s">
        <v>703</v>
      </c>
      <c r="E5543" s="6">
        <v>41001</v>
      </c>
      <c r="F5543" s="6" t="s">
        <v>18</v>
      </c>
      <c r="G5543" s="6" t="s">
        <v>11208</v>
      </c>
      <c r="H5543" s="6" t="s">
        <v>11209</v>
      </c>
      <c r="I5543" s="7">
        <v>2.9228280999999998</v>
      </c>
      <c r="J5543" s="8">
        <v>-75.287285499999996</v>
      </c>
    </row>
    <row r="5544" spans="1:10" x14ac:dyDescent="0.35">
      <c r="A5544" s="5" t="s">
        <v>10</v>
      </c>
      <c r="B5544" s="6">
        <v>202460</v>
      </c>
      <c r="C5544" s="6" t="s">
        <v>68</v>
      </c>
      <c r="D5544" s="6" t="s">
        <v>69</v>
      </c>
      <c r="E5544" s="6">
        <v>11001</v>
      </c>
      <c r="F5544" s="6" t="s">
        <v>18</v>
      </c>
      <c r="G5544" s="6" t="s">
        <v>11210</v>
      </c>
      <c r="H5544" s="6" t="s">
        <v>11211</v>
      </c>
      <c r="I5544" s="7">
        <v>4.5333182000000001</v>
      </c>
      <c r="J5544" s="8">
        <v>-74.118319700000001</v>
      </c>
    </row>
    <row r="5545" spans="1:10" x14ac:dyDescent="0.35">
      <c r="A5545" s="5" t="s">
        <v>10</v>
      </c>
      <c r="B5545" s="6">
        <v>197696</v>
      </c>
      <c r="C5545" s="6" t="s">
        <v>302</v>
      </c>
      <c r="D5545" s="6" t="s">
        <v>359</v>
      </c>
      <c r="E5545" s="6">
        <v>8001</v>
      </c>
      <c r="F5545" s="6" t="s">
        <v>18</v>
      </c>
      <c r="G5545" s="6" t="s">
        <v>11212</v>
      </c>
      <c r="H5545" s="6" t="s">
        <v>11213</v>
      </c>
      <c r="I5545" s="7">
        <v>10.976278000000001</v>
      </c>
      <c r="J5545" s="8">
        <v>-74.805932999999996</v>
      </c>
    </row>
    <row r="5546" spans="1:10" x14ac:dyDescent="0.35">
      <c r="A5546" s="5" t="s">
        <v>10</v>
      </c>
      <c r="B5546" s="6">
        <v>242921</v>
      </c>
      <c r="C5546" s="6" t="s">
        <v>190</v>
      </c>
      <c r="D5546" s="6" t="s">
        <v>2166</v>
      </c>
      <c r="E5546" s="6">
        <v>5093</v>
      </c>
      <c r="F5546" s="6" t="s">
        <v>18</v>
      </c>
      <c r="G5546" s="6" t="s">
        <v>11214</v>
      </c>
      <c r="H5546" s="6" t="s">
        <v>11215</v>
      </c>
      <c r="I5546" s="7">
        <v>6.9009524000000004</v>
      </c>
      <c r="J5546" s="8">
        <v>-73.283449399999995</v>
      </c>
    </row>
    <row r="5547" spans="1:10" x14ac:dyDescent="0.35">
      <c r="A5547" s="5" t="s">
        <v>10</v>
      </c>
      <c r="B5547" s="6">
        <v>220786</v>
      </c>
      <c r="C5547" s="6" t="s">
        <v>68</v>
      </c>
      <c r="D5547" s="6" t="s">
        <v>69</v>
      </c>
      <c r="E5547" s="6">
        <v>11001</v>
      </c>
      <c r="F5547" s="6" t="s">
        <v>13</v>
      </c>
      <c r="G5547" s="6" t="s">
        <v>11216</v>
      </c>
      <c r="H5547" s="6" t="s">
        <v>11217</v>
      </c>
      <c r="I5547" s="7">
        <v>4.6056330000000001</v>
      </c>
      <c r="J5547" s="8">
        <v>-74.119184899999993</v>
      </c>
    </row>
    <row r="5548" spans="1:10" x14ac:dyDescent="0.35">
      <c r="A5548" s="5" t="s">
        <v>10</v>
      </c>
      <c r="B5548" s="6">
        <v>232917</v>
      </c>
      <c r="C5548" s="6" t="s">
        <v>68</v>
      </c>
      <c r="D5548" s="6" t="s">
        <v>69</v>
      </c>
      <c r="E5548" s="6">
        <v>11001</v>
      </c>
      <c r="F5548" s="6" t="s">
        <v>18</v>
      </c>
      <c r="G5548" s="6" t="s">
        <v>11218</v>
      </c>
      <c r="H5548" s="6" t="s">
        <v>11219</v>
      </c>
      <c r="I5548" s="7">
        <v>4.5029300000000001</v>
      </c>
      <c r="J5548" s="8">
        <v>-74.117379999999997</v>
      </c>
    </row>
    <row r="5549" spans="1:10" x14ac:dyDescent="0.35">
      <c r="A5549" s="5" t="s">
        <v>10</v>
      </c>
      <c r="B5549" s="6">
        <v>72609</v>
      </c>
      <c r="C5549" s="6" t="s">
        <v>68</v>
      </c>
      <c r="D5549" s="6" t="s">
        <v>69</v>
      </c>
      <c r="E5549" s="6">
        <v>11001</v>
      </c>
      <c r="F5549" s="6" t="s">
        <v>18</v>
      </c>
      <c r="G5549" s="6" t="s">
        <v>11220</v>
      </c>
      <c r="H5549" s="6" t="s">
        <v>11221</v>
      </c>
      <c r="I5549" s="7">
        <v>4.6790950000000002</v>
      </c>
      <c r="J5549" s="8">
        <v>-74.134221099999905</v>
      </c>
    </row>
    <row r="5550" spans="1:10" x14ac:dyDescent="0.35">
      <c r="A5550" s="5" t="s">
        <v>10</v>
      </c>
      <c r="B5550" s="6">
        <v>190298</v>
      </c>
      <c r="C5550" s="6" t="s">
        <v>68</v>
      </c>
      <c r="D5550" s="6" t="s">
        <v>69</v>
      </c>
      <c r="E5550" s="6">
        <v>11001</v>
      </c>
      <c r="F5550" s="6" t="s">
        <v>18</v>
      </c>
      <c r="G5550" s="6" t="s">
        <v>1940</v>
      </c>
      <c r="H5550" s="6" t="s">
        <v>11222</v>
      </c>
      <c r="I5550" s="7">
        <v>4.5682117999999896</v>
      </c>
      <c r="J5550" s="8">
        <v>-74.163045600000004</v>
      </c>
    </row>
    <row r="5551" spans="1:10" x14ac:dyDescent="0.35">
      <c r="A5551" s="5" t="s">
        <v>10</v>
      </c>
      <c r="B5551" s="6">
        <v>223952</v>
      </c>
      <c r="C5551" s="6" t="s">
        <v>302</v>
      </c>
      <c r="D5551" s="6" t="s">
        <v>4041</v>
      </c>
      <c r="E5551" s="6">
        <v>8758</v>
      </c>
      <c r="F5551" s="6" t="s">
        <v>18</v>
      </c>
      <c r="G5551" s="6" t="s">
        <v>11223</v>
      </c>
      <c r="H5551" s="6" t="s">
        <v>11224</v>
      </c>
      <c r="I5551" s="7">
        <v>10.892327</v>
      </c>
      <c r="J5551" s="8">
        <v>-74.800336199999904</v>
      </c>
    </row>
    <row r="5552" spans="1:10" x14ac:dyDescent="0.35">
      <c r="A5552" s="5" t="s">
        <v>10</v>
      </c>
      <c r="B5552" s="6">
        <v>240265</v>
      </c>
      <c r="C5552" s="6" t="s">
        <v>2821</v>
      </c>
      <c r="D5552" s="6" t="s">
        <v>1524</v>
      </c>
      <c r="E5552" s="6">
        <v>47318</v>
      </c>
      <c r="F5552" s="6" t="s">
        <v>18</v>
      </c>
      <c r="G5552" s="6" t="s">
        <v>11225</v>
      </c>
      <c r="H5552" s="6" t="s">
        <v>11226</v>
      </c>
      <c r="I5552" s="7">
        <v>9.1445270000000001</v>
      </c>
      <c r="J5552" s="8">
        <v>-74.226293999999996</v>
      </c>
    </row>
    <row r="5553" spans="1:10" x14ac:dyDescent="0.35">
      <c r="A5553" s="5" t="s">
        <v>10</v>
      </c>
      <c r="B5553" s="6">
        <v>198473</v>
      </c>
      <c r="C5553" s="6" t="s">
        <v>2821</v>
      </c>
      <c r="D5553" s="6" t="s">
        <v>10146</v>
      </c>
      <c r="E5553" s="6">
        <v>47058</v>
      </c>
      <c r="F5553" s="6" t="s">
        <v>18</v>
      </c>
      <c r="G5553" s="6" t="s">
        <v>11227</v>
      </c>
      <c r="H5553" s="6" t="s">
        <v>11228</v>
      </c>
      <c r="I5553" s="7">
        <v>9.8441969999999994</v>
      </c>
      <c r="J5553" s="8">
        <v>-74.228118999999893</v>
      </c>
    </row>
    <row r="5554" spans="1:10" x14ac:dyDescent="0.35">
      <c r="A5554" s="5" t="s">
        <v>10</v>
      </c>
      <c r="B5554" s="6">
        <v>233618</v>
      </c>
      <c r="C5554" s="6" t="s">
        <v>16</v>
      </c>
      <c r="D5554" s="6" t="s">
        <v>1401</v>
      </c>
      <c r="E5554" s="6">
        <v>68307</v>
      </c>
      <c r="F5554" s="6" t="s">
        <v>18</v>
      </c>
      <c r="G5554" s="6" t="s">
        <v>11229</v>
      </c>
      <c r="H5554" s="6" t="s">
        <v>11230</v>
      </c>
      <c r="I5554" s="7">
        <v>7.0828899999999999</v>
      </c>
      <c r="J5554" s="8">
        <v>-73.176310000000001</v>
      </c>
    </row>
    <row r="5555" spans="1:10" x14ac:dyDescent="0.35">
      <c r="A5555" s="5" t="s">
        <v>10</v>
      </c>
      <c r="B5555" s="6">
        <v>153440</v>
      </c>
      <c r="C5555" s="6" t="s">
        <v>3788</v>
      </c>
      <c r="D5555" s="6" t="s">
        <v>3974</v>
      </c>
      <c r="E5555" s="6">
        <v>18001</v>
      </c>
      <c r="F5555" s="6" t="s">
        <v>18</v>
      </c>
      <c r="G5555" s="6" t="s">
        <v>11231</v>
      </c>
      <c r="H5555" s="6" t="s">
        <v>11232</v>
      </c>
      <c r="I5555" s="7">
        <v>1.6265191000000001</v>
      </c>
      <c r="J5555" s="8">
        <v>-75.606239099999996</v>
      </c>
    </row>
    <row r="5556" spans="1:10" x14ac:dyDescent="0.35">
      <c r="A5556" s="5" t="s">
        <v>10</v>
      </c>
      <c r="B5556" s="6">
        <v>229383</v>
      </c>
      <c r="C5556" s="6" t="s">
        <v>11</v>
      </c>
      <c r="D5556" s="6" t="s">
        <v>334</v>
      </c>
      <c r="E5556" s="6">
        <v>25754</v>
      </c>
      <c r="F5556" s="6" t="s">
        <v>13</v>
      </c>
      <c r="G5556" s="6" t="s">
        <v>11233</v>
      </c>
      <c r="H5556" s="6" t="s">
        <v>11234</v>
      </c>
      <c r="I5556" s="7">
        <v>4.5875162999999999</v>
      </c>
      <c r="J5556" s="8">
        <v>-74.192820800000007</v>
      </c>
    </row>
    <row r="5557" spans="1:10" x14ac:dyDescent="0.35">
      <c r="A5557" s="5" t="s">
        <v>10</v>
      </c>
      <c r="B5557" s="6">
        <v>231629</v>
      </c>
      <c r="C5557" s="6" t="s">
        <v>11</v>
      </c>
      <c r="D5557" s="6" t="s">
        <v>1906</v>
      </c>
      <c r="E5557" s="6">
        <v>25793</v>
      </c>
      <c r="F5557" s="6" t="s">
        <v>18</v>
      </c>
      <c r="G5557" s="6" t="s">
        <v>11235</v>
      </c>
      <c r="H5557" s="6" t="s">
        <v>11236</v>
      </c>
      <c r="I5557" s="7">
        <v>5.1493700000000002</v>
      </c>
      <c r="J5557" s="8">
        <v>-73.902934999999999</v>
      </c>
    </row>
    <row r="5558" spans="1:10" x14ac:dyDescent="0.35">
      <c r="A5558" s="5" t="s">
        <v>10</v>
      </c>
      <c r="B5558" s="6">
        <v>232840</v>
      </c>
      <c r="C5558" s="6" t="s">
        <v>68</v>
      </c>
      <c r="D5558" s="6" t="s">
        <v>69</v>
      </c>
      <c r="E5558" s="6">
        <v>11001</v>
      </c>
      <c r="F5558" s="6" t="s">
        <v>18</v>
      </c>
      <c r="G5558" s="6" t="s">
        <v>11237</v>
      </c>
      <c r="H5558" s="6" t="s">
        <v>11238</v>
      </c>
      <c r="I5558" s="7">
        <v>4.6216699999999999</v>
      </c>
      <c r="J5558" s="8">
        <v>-74.110259999999997</v>
      </c>
    </row>
    <row r="5559" spans="1:10" x14ac:dyDescent="0.35">
      <c r="A5559" s="5" t="s">
        <v>10</v>
      </c>
      <c r="B5559" s="6">
        <v>239053</v>
      </c>
      <c r="C5559" s="6" t="s">
        <v>278</v>
      </c>
      <c r="D5559" s="6" t="s">
        <v>3651</v>
      </c>
      <c r="E5559" s="6">
        <v>50313</v>
      </c>
      <c r="F5559" s="6" t="s">
        <v>18</v>
      </c>
      <c r="G5559" s="6" t="s">
        <v>11239</v>
      </c>
      <c r="H5559" s="6" t="s">
        <v>11240</v>
      </c>
      <c r="I5559" s="7">
        <v>3.548419</v>
      </c>
      <c r="J5559" s="8">
        <v>-73.709757300000007</v>
      </c>
    </row>
    <row r="5560" spans="1:10" x14ac:dyDescent="0.35">
      <c r="A5560" s="5" t="s">
        <v>10</v>
      </c>
      <c r="B5560" s="6">
        <v>174549</v>
      </c>
      <c r="C5560" s="6" t="s">
        <v>16</v>
      </c>
      <c r="D5560" s="6" t="s">
        <v>78</v>
      </c>
      <c r="E5560" s="6">
        <v>68001</v>
      </c>
      <c r="F5560" s="6" t="s">
        <v>18</v>
      </c>
      <c r="G5560" s="6" t="s">
        <v>11241</v>
      </c>
      <c r="H5560" s="6" t="s">
        <v>11242</v>
      </c>
      <c r="I5560" s="7">
        <v>7.1195830000000004</v>
      </c>
      <c r="J5560" s="8">
        <v>-73.130595399999905</v>
      </c>
    </row>
    <row r="5561" spans="1:10" x14ac:dyDescent="0.35">
      <c r="A5561" s="5" t="s">
        <v>10</v>
      </c>
      <c r="B5561" s="6">
        <v>185183</v>
      </c>
      <c r="C5561" s="6" t="s">
        <v>68</v>
      </c>
      <c r="D5561" s="6" t="s">
        <v>69</v>
      </c>
      <c r="E5561" s="6">
        <v>11001</v>
      </c>
      <c r="F5561" s="6" t="s">
        <v>18</v>
      </c>
      <c r="G5561" s="6" t="s">
        <v>11243</v>
      </c>
      <c r="H5561" s="6" t="s">
        <v>11244</v>
      </c>
      <c r="I5561" s="7">
        <v>4.6664732000000004</v>
      </c>
      <c r="J5561" s="8">
        <v>-74.119516199999893</v>
      </c>
    </row>
    <row r="5562" spans="1:10" x14ac:dyDescent="0.35">
      <c r="A5562" s="5" t="s">
        <v>10</v>
      </c>
      <c r="B5562" s="6">
        <v>97421</v>
      </c>
      <c r="C5562" s="6" t="s">
        <v>11</v>
      </c>
      <c r="D5562" s="6" t="s">
        <v>11245</v>
      </c>
      <c r="E5562" s="6">
        <v>25862</v>
      </c>
      <c r="F5562" s="6" t="s">
        <v>18</v>
      </c>
      <c r="G5562" s="6" t="s">
        <v>11246</v>
      </c>
      <c r="H5562" s="6" t="s">
        <v>11247</v>
      </c>
      <c r="I5562" s="7">
        <v>4.5813535999999999</v>
      </c>
      <c r="J5562" s="8">
        <v>-74.197823700000001</v>
      </c>
    </row>
    <row r="5563" spans="1:10" x14ac:dyDescent="0.35">
      <c r="A5563" s="5" t="s">
        <v>10</v>
      </c>
      <c r="B5563" s="6">
        <v>155118</v>
      </c>
      <c r="C5563" s="6" t="s">
        <v>11</v>
      </c>
      <c r="D5563" s="6" t="s">
        <v>7045</v>
      </c>
      <c r="E5563" s="6">
        <v>25260</v>
      </c>
      <c r="F5563" s="6" t="s">
        <v>18</v>
      </c>
      <c r="G5563" s="6" t="s">
        <v>11248</v>
      </c>
      <c r="H5563" s="6" t="s">
        <v>11249</v>
      </c>
      <c r="I5563" s="7">
        <v>4.8522499999999997</v>
      </c>
      <c r="J5563" s="8">
        <v>-74.264823999999905</v>
      </c>
    </row>
    <row r="5564" spans="1:10" x14ac:dyDescent="0.35">
      <c r="A5564" s="5" t="s">
        <v>10</v>
      </c>
      <c r="B5564" s="6">
        <v>150096</v>
      </c>
      <c r="C5564" s="6" t="s">
        <v>11</v>
      </c>
      <c r="D5564" s="6" t="s">
        <v>12</v>
      </c>
      <c r="E5564" s="6">
        <v>25899</v>
      </c>
      <c r="F5564" s="6" t="s">
        <v>18</v>
      </c>
      <c r="G5564" s="6" t="s">
        <v>11250</v>
      </c>
      <c r="H5564" s="6" t="s">
        <v>11251</v>
      </c>
      <c r="I5564" s="7">
        <v>5.0214759999999998</v>
      </c>
      <c r="J5564" s="8">
        <v>-73.990955</v>
      </c>
    </row>
    <row r="5565" spans="1:10" x14ac:dyDescent="0.35">
      <c r="A5565" s="5" t="s">
        <v>10</v>
      </c>
      <c r="B5565" s="6">
        <v>241331</v>
      </c>
      <c r="C5565" s="6" t="s">
        <v>308</v>
      </c>
      <c r="D5565" s="6" t="s">
        <v>7998</v>
      </c>
      <c r="E5565" s="6">
        <v>23855</v>
      </c>
      <c r="F5565" s="6" t="s">
        <v>18</v>
      </c>
      <c r="G5565" s="6" t="s">
        <v>11252</v>
      </c>
      <c r="H5565" s="6" t="s">
        <v>11253</v>
      </c>
      <c r="I5565" s="7">
        <v>8.2609212999999997</v>
      </c>
      <c r="J5565" s="8">
        <v>-76.150442900000002</v>
      </c>
    </row>
    <row r="5566" spans="1:10" x14ac:dyDescent="0.35">
      <c r="A5566" s="5" t="s">
        <v>10</v>
      </c>
      <c r="B5566" s="6">
        <v>223731</v>
      </c>
      <c r="C5566" s="6" t="s">
        <v>308</v>
      </c>
      <c r="D5566" s="6" t="s">
        <v>309</v>
      </c>
      <c r="E5566" s="6">
        <v>23001</v>
      </c>
      <c r="F5566" s="6" t="s">
        <v>18</v>
      </c>
      <c r="G5566" s="6" t="s">
        <v>11254</v>
      </c>
      <c r="H5566" s="6" t="s">
        <v>11255</v>
      </c>
      <c r="I5566" s="7">
        <v>8.7460183999999899</v>
      </c>
      <c r="J5566" s="8">
        <v>-75.876200699999998</v>
      </c>
    </row>
    <row r="5567" spans="1:10" x14ac:dyDescent="0.35">
      <c r="A5567" s="5" t="s">
        <v>10</v>
      </c>
      <c r="B5567" s="6">
        <v>225635</v>
      </c>
      <c r="C5567" s="6" t="s">
        <v>308</v>
      </c>
      <c r="D5567" s="6" t="s">
        <v>309</v>
      </c>
      <c r="E5567" s="6">
        <v>23001</v>
      </c>
      <c r="F5567" s="6" t="s">
        <v>18</v>
      </c>
      <c r="G5567" s="6" t="s">
        <v>11196</v>
      </c>
      <c r="H5567" s="6" t="s">
        <v>11197</v>
      </c>
      <c r="I5567" s="7">
        <v>8.7403481000000003</v>
      </c>
      <c r="J5567" s="8">
        <v>-75.900260399999993</v>
      </c>
    </row>
    <row r="5568" spans="1:10" x14ac:dyDescent="0.35">
      <c r="A5568" s="5" t="s">
        <v>10</v>
      </c>
      <c r="B5568" s="6">
        <v>117182</v>
      </c>
      <c r="C5568" s="6" t="s">
        <v>302</v>
      </c>
      <c r="D5568" s="6" t="s">
        <v>359</v>
      </c>
      <c r="E5568" s="6">
        <v>8001</v>
      </c>
      <c r="F5568" s="6" t="s">
        <v>18</v>
      </c>
      <c r="G5568" s="6" t="s">
        <v>11256</v>
      </c>
      <c r="H5568" s="6" t="s">
        <v>11257</v>
      </c>
      <c r="I5568" s="7">
        <v>10.9430079</v>
      </c>
      <c r="J5568" s="8">
        <v>-74.788171899999995</v>
      </c>
    </row>
    <row r="5569" spans="1:10" x14ac:dyDescent="0.35">
      <c r="A5569" s="5" t="s">
        <v>10</v>
      </c>
      <c r="B5569" s="6">
        <v>236636</v>
      </c>
      <c r="C5569" s="6" t="s">
        <v>42</v>
      </c>
      <c r="D5569" s="6" t="s">
        <v>1973</v>
      </c>
      <c r="E5569" s="6">
        <v>17662</v>
      </c>
      <c r="F5569" s="6" t="s">
        <v>18</v>
      </c>
      <c r="G5569" s="6" t="s">
        <v>11258</v>
      </c>
      <c r="H5569" s="6" t="s">
        <v>11259</v>
      </c>
      <c r="I5569" s="7">
        <v>5.4131406000000002</v>
      </c>
      <c r="J5569" s="8">
        <v>-74.992396200000002</v>
      </c>
    </row>
    <row r="5570" spans="1:10" x14ac:dyDescent="0.35">
      <c r="A5570" s="5" t="s">
        <v>10</v>
      </c>
      <c r="B5570" s="6">
        <v>153380</v>
      </c>
      <c r="C5570" s="6" t="s">
        <v>3788</v>
      </c>
      <c r="D5570" s="6" t="s">
        <v>3974</v>
      </c>
      <c r="E5570" s="6">
        <v>18001</v>
      </c>
      <c r="F5570" s="6" t="s">
        <v>18</v>
      </c>
      <c r="G5570" s="6" t="s">
        <v>11260</v>
      </c>
      <c r="H5570" s="6" t="s">
        <v>11261</v>
      </c>
      <c r="I5570" s="7">
        <v>1.5975414999999999</v>
      </c>
      <c r="J5570" s="8">
        <v>-75.603012800000002</v>
      </c>
    </row>
    <row r="5571" spans="1:10" x14ac:dyDescent="0.35">
      <c r="A5571" s="5" t="s">
        <v>10</v>
      </c>
      <c r="B5571" s="6">
        <v>205581</v>
      </c>
      <c r="C5571" s="6" t="s">
        <v>68</v>
      </c>
      <c r="D5571" s="6" t="s">
        <v>69</v>
      </c>
      <c r="E5571" s="6">
        <v>11001</v>
      </c>
      <c r="F5571" s="6" t="s">
        <v>13</v>
      </c>
      <c r="G5571" s="6" t="s">
        <v>11262</v>
      </c>
      <c r="H5571" s="6" t="s">
        <v>11263</v>
      </c>
      <c r="I5571" s="7">
        <v>4.5975333999999997</v>
      </c>
      <c r="J5571" s="8">
        <v>-74.147195600000003</v>
      </c>
    </row>
    <row r="5572" spans="1:10" x14ac:dyDescent="0.35">
      <c r="A5572" s="5" t="s">
        <v>10</v>
      </c>
      <c r="B5572" s="6">
        <v>224862</v>
      </c>
      <c r="C5572" s="6" t="s">
        <v>11</v>
      </c>
      <c r="D5572" s="6" t="s">
        <v>334</v>
      </c>
      <c r="E5572" s="6">
        <v>25754</v>
      </c>
      <c r="F5572" s="6" t="s">
        <v>13</v>
      </c>
      <c r="G5572" s="6" t="s">
        <v>11264</v>
      </c>
      <c r="H5572" s="6" t="s">
        <v>11265</v>
      </c>
      <c r="I5572" s="7">
        <v>4.5955336000000004</v>
      </c>
      <c r="J5572" s="8">
        <v>-74.206704400000007</v>
      </c>
    </row>
    <row r="5573" spans="1:10" x14ac:dyDescent="0.35">
      <c r="A5573" s="5" t="s">
        <v>10</v>
      </c>
      <c r="B5573" s="6">
        <v>232585</v>
      </c>
      <c r="C5573" s="6" t="s">
        <v>366</v>
      </c>
      <c r="D5573" s="6" t="s">
        <v>763</v>
      </c>
      <c r="E5573" s="6">
        <v>44279</v>
      </c>
      <c r="F5573" s="6" t="s">
        <v>13</v>
      </c>
      <c r="G5573" s="6" t="s">
        <v>11266</v>
      </c>
      <c r="H5573" s="6" t="s">
        <v>11267</v>
      </c>
      <c r="I5573" s="7">
        <v>10.886841199999999</v>
      </c>
      <c r="J5573" s="8">
        <v>-72.854524999999995</v>
      </c>
    </row>
    <row r="5574" spans="1:10" x14ac:dyDescent="0.35">
      <c r="A5574" s="5" t="s">
        <v>10</v>
      </c>
      <c r="B5574" s="6">
        <v>236262</v>
      </c>
      <c r="C5574" s="6" t="s">
        <v>11</v>
      </c>
      <c r="D5574" s="6" t="s">
        <v>65</v>
      </c>
      <c r="E5574" s="6">
        <v>25572</v>
      </c>
      <c r="F5574" s="6" t="s">
        <v>18</v>
      </c>
      <c r="G5574" s="6" t="s">
        <v>11268</v>
      </c>
      <c r="H5574" s="6" t="s">
        <v>11269</v>
      </c>
      <c r="I5574" s="7">
        <v>4.1513249999999999</v>
      </c>
      <c r="J5574" s="8">
        <v>-74.888444800000002</v>
      </c>
    </row>
    <row r="5575" spans="1:10" x14ac:dyDescent="0.35">
      <c r="A5575" s="5" t="s">
        <v>10</v>
      </c>
      <c r="B5575" s="6">
        <v>235358</v>
      </c>
      <c r="C5575" s="6" t="s">
        <v>117</v>
      </c>
      <c r="D5575" s="6" t="s">
        <v>3402</v>
      </c>
      <c r="E5575" s="6">
        <v>76364</v>
      </c>
      <c r="F5575" s="6" t="s">
        <v>18</v>
      </c>
      <c r="G5575" s="6" t="s">
        <v>11270</v>
      </c>
      <c r="H5575" s="6" t="s">
        <v>11271</v>
      </c>
      <c r="I5575" s="7">
        <v>3.2552444999999999</v>
      </c>
      <c r="J5575" s="8">
        <v>-76.543778799999998</v>
      </c>
    </row>
    <row r="5576" spans="1:10" x14ac:dyDescent="0.35">
      <c r="A5576" s="5" t="s">
        <v>10</v>
      </c>
      <c r="B5576" s="6">
        <v>105776</v>
      </c>
      <c r="C5576" s="6" t="s">
        <v>294</v>
      </c>
      <c r="D5576" s="6" t="s">
        <v>703</v>
      </c>
      <c r="E5576" s="6">
        <v>41001</v>
      </c>
      <c r="F5576" s="6" t="s">
        <v>18</v>
      </c>
      <c r="G5576" s="6" t="s">
        <v>11272</v>
      </c>
      <c r="H5576" s="6" t="s">
        <v>11273</v>
      </c>
      <c r="I5576" s="7">
        <v>2.9247928000000001</v>
      </c>
      <c r="J5576" s="8">
        <v>-75.266084000000006</v>
      </c>
    </row>
    <row r="5577" spans="1:10" x14ac:dyDescent="0.35">
      <c r="A5577" s="5" t="s">
        <v>10</v>
      </c>
      <c r="B5577" s="6">
        <v>188273</v>
      </c>
      <c r="C5577" s="6" t="s">
        <v>68</v>
      </c>
      <c r="D5577" s="6" t="s">
        <v>69</v>
      </c>
      <c r="E5577" s="6">
        <v>11001</v>
      </c>
      <c r="F5577" s="6" t="s">
        <v>18</v>
      </c>
      <c r="G5577" s="6" t="s">
        <v>11274</v>
      </c>
      <c r="H5577" s="6" t="s">
        <v>11275</v>
      </c>
      <c r="I5577" s="7">
        <v>4.5739045000000003</v>
      </c>
      <c r="J5577" s="8">
        <v>-74.165510999999995</v>
      </c>
    </row>
    <row r="5578" spans="1:10" x14ac:dyDescent="0.35">
      <c r="A5578" s="5" t="s">
        <v>10</v>
      </c>
      <c r="B5578" s="6">
        <v>190411</v>
      </c>
      <c r="C5578" s="6" t="s">
        <v>11</v>
      </c>
      <c r="D5578" s="6" t="s">
        <v>407</v>
      </c>
      <c r="E5578" s="6">
        <v>25126</v>
      </c>
      <c r="F5578" s="6" t="s">
        <v>18</v>
      </c>
      <c r="G5578" s="6" t="s">
        <v>11276</v>
      </c>
      <c r="H5578" s="6" t="s">
        <v>11277</v>
      </c>
      <c r="I5578" s="7">
        <v>10.4229301</v>
      </c>
      <c r="J5578" s="8">
        <v>-75.550232399999999</v>
      </c>
    </row>
    <row r="5579" spans="1:10" x14ac:dyDescent="0.35">
      <c r="A5579" s="5" t="s">
        <v>10</v>
      </c>
      <c r="B5579" s="6">
        <v>236483</v>
      </c>
      <c r="C5579" s="6" t="s">
        <v>308</v>
      </c>
      <c r="D5579" s="6" t="s">
        <v>11278</v>
      </c>
      <c r="E5579" s="6">
        <v>23586</v>
      </c>
      <c r="F5579" s="6" t="s">
        <v>18</v>
      </c>
      <c r="G5579" s="6" t="s">
        <v>11279</v>
      </c>
      <c r="H5579" s="6" t="s">
        <v>11280</v>
      </c>
      <c r="I5579" s="7">
        <v>9.2368176999999996</v>
      </c>
      <c r="J5579" s="8">
        <v>-75.723538300000001</v>
      </c>
    </row>
    <row r="5580" spans="1:10" x14ac:dyDescent="0.35">
      <c r="A5580" s="5" t="s">
        <v>10</v>
      </c>
      <c r="B5580" s="6">
        <v>230875</v>
      </c>
      <c r="C5580" s="6" t="s">
        <v>308</v>
      </c>
      <c r="D5580" s="6" t="s">
        <v>309</v>
      </c>
      <c r="E5580" s="6">
        <v>23001</v>
      </c>
      <c r="F5580" s="6" t="s">
        <v>18</v>
      </c>
      <c r="G5580" s="6" t="s">
        <v>11281</v>
      </c>
      <c r="H5580" s="6" t="s">
        <v>11282</v>
      </c>
      <c r="I5580" s="7">
        <v>8.7376237000000003</v>
      </c>
      <c r="J5580" s="8">
        <v>-75.890540700000003</v>
      </c>
    </row>
    <row r="5581" spans="1:10" x14ac:dyDescent="0.35">
      <c r="A5581" s="5" t="s">
        <v>10</v>
      </c>
      <c r="B5581" s="6">
        <v>218532</v>
      </c>
      <c r="C5581" s="6" t="s">
        <v>38</v>
      </c>
      <c r="D5581" s="6" t="s">
        <v>39</v>
      </c>
      <c r="E5581" s="6">
        <v>19001</v>
      </c>
      <c r="F5581" s="6" t="s">
        <v>18</v>
      </c>
      <c r="G5581" s="6" t="s">
        <v>11283</v>
      </c>
      <c r="H5581" s="6" t="s">
        <v>11284</v>
      </c>
      <c r="I5581" s="7">
        <v>2.4580169000000001</v>
      </c>
      <c r="J5581" s="8">
        <v>-76.643505199999893</v>
      </c>
    </row>
    <row r="5582" spans="1:10" x14ac:dyDescent="0.35">
      <c r="A5582" s="5" t="s">
        <v>10</v>
      </c>
      <c r="B5582" s="6">
        <v>226955</v>
      </c>
      <c r="C5582" s="6" t="s">
        <v>16</v>
      </c>
      <c r="D5582" s="6" t="s">
        <v>1266</v>
      </c>
      <c r="E5582" s="6">
        <v>68081</v>
      </c>
      <c r="F5582" s="6" t="s">
        <v>18</v>
      </c>
      <c r="G5582" s="6" t="s">
        <v>11285</v>
      </c>
      <c r="H5582" s="6" t="s">
        <v>11286</v>
      </c>
      <c r="I5582" s="7">
        <v>7.0604788999999997</v>
      </c>
      <c r="J5582" s="8">
        <v>-73.874195299999997</v>
      </c>
    </row>
    <row r="5583" spans="1:10" x14ac:dyDescent="0.35">
      <c r="A5583" s="5" t="s">
        <v>10</v>
      </c>
      <c r="B5583" s="6">
        <v>206407</v>
      </c>
      <c r="C5583" s="6" t="s">
        <v>68</v>
      </c>
      <c r="D5583" s="6" t="s">
        <v>69</v>
      </c>
      <c r="E5583" s="6">
        <v>11001</v>
      </c>
      <c r="F5583" s="6" t="s">
        <v>13</v>
      </c>
      <c r="G5583" s="6" t="s">
        <v>11287</v>
      </c>
      <c r="H5583" s="6" t="s">
        <v>11288</v>
      </c>
      <c r="I5583" s="7">
        <v>4.6058991000000002</v>
      </c>
      <c r="J5583" s="8">
        <v>-74.0878953</v>
      </c>
    </row>
    <row r="5584" spans="1:10" x14ac:dyDescent="0.35">
      <c r="A5584" s="5" t="s">
        <v>10</v>
      </c>
      <c r="B5584" s="6">
        <v>244719</v>
      </c>
      <c r="C5584" s="6" t="s">
        <v>68</v>
      </c>
      <c r="D5584" s="6" t="s">
        <v>69</v>
      </c>
      <c r="E5584" s="6">
        <v>11001</v>
      </c>
      <c r="F5584" s="6" t="s">
        <v>18</v>
      </c>
      <c r="G5584" s="6" t="s">
        <v>11289</v>
      </c>
      <c r="H5584" s="6" t="s">
        <v>11290</v>
      </c>
      <c r="I5584" s="7">
        <v>4.5627528999999996</v>
      </c>
      <c r="J5584" s="8">
        <v>-74.1505583</v>
      </c>
    </row>
    <row r="5585" spans="1:10" x14ac:dyDescent="0.35">
      <c r="A5585" s="5" t="s">
        <v>10</v>
      </c>
      <c r="B5585" s="6">
        <v>236773</v>
      </c>
      <c r="C5585" s="6" t="s">
        <v>294</v>
      </c>
      <c r="D5585" s="6" t="s">
        <v>3777</v>
      </c>
      <c r="E5585" s="6">
        <v>41132</v>
      </c>
      <c r="F5585" s="6" t="s">
        <v>18</v>
      </c>
      <c r="G5585" s="6" t="s">
        <v>11291</v>
      </c>
      <c r="H5585" s="6" t="s">
        <v>11292</v>
      </c>
      <c r="I5585" s="7">
        <v>1.8463497</v>
      </c>
      <c r="J5585" s="8">
        <v>-76.0611569</v>
      </c>
    </row>
    <row r="5586" spans="1:10" x14ac:dyDescent="0.35">
      <c r="A5586" s="5" t="s">
        <v>10</v>
      </c>
      <c r="B5586" s="6">
        <v>231833</v>
      </c>
      <c r="C5586" s="6" t="s">
        <v>551</v>
      </c>
      <c r="D5586" s="6" t="s">
        <v>11293</v>
      </c>
      <c r="E5586" s="6">
        <v>20517</v>
      </c>
      <c r="F5586" s="6" t="s">
        <v>18</v>
      </c>
      <c r="G5586" s="6" t="s">
        <v>11294</v>
      </c>
      <c r="H5586" s="6" t="s">
        <v>11295</v>
      </c>
      <c r="I5586" s="7">
        <v>7.0834101</v>
      </c>
      <c r="J5586" s="8">
        <v>-73.098987199999996</v>
      </c>
    </row>
    <row r="5587" spans="1:10" x14ac:dyDescent="0.35">
      <c r="A5587" s="5" t="s">
        <v>10</v>
      </c>
      <c r="B5587" s="6">
        <v>186019</v>
      </c>
      <c r="C5587" s="6" t="s">
        <v>294</v>
      </c>
      <c r="D5587" s="6" t="s">
        <v>703</v>
      </c>
      <c r="E5587" s="6">
        <v>41001</v>
      </c>
      <c r="F5587" s="6" t="s">
        <v>18</v>
      </c>
      <c r="G5587" s="6" t="s">
        <v>11296</v>
      </c>
      <c r="H5587" s="6" t="s">
        <v>11297</v>
      </c>
      <c r="I5587" s="7">
        <v>2.9421257000000001</v>
      </c>
      <c r="J5587" s="8">
        <v>-75.283636799999996</v>
      </c>
    </row>
    <row r="5588" spans="1:10" x14ac:dyDescent="0.35">
      <c r="A5588" s="5" t="s">
        <v>10</v>
      </c>
      <c r="B5588" s="6">
        <v>218602</v>
      </c>
      <c r="C5588" s="6" t="s">
        <v>68</v>
      </c>
      <c r="D5588" s="6" t="s">
        <v>69</v>
      </c>
      <c r="E5588" s="6">
        <v>11001</v>
      </c>
      <c r="F5588" s="6" t="s">
        <v>18</v>
      </c>
      <c r="G5588" s="6" t="s">
        <v>11298</v>
      </c>
      <c r="H5588" s="6" t="s">
        <v>11299</v>
      </c>
      <c r="I5588" s="7">
        <v>4.6340819</v>
      </c>
      <c r="J5588" s="8">
        <v>-74.182540899999907</v>
      </c>
    </row>
    <row r="5589" spans="1:10" x14ac:dyDescent="0.35">
      <c r="A5589" s="5" t="s">
        <v>10</v>
      </c>
      <c r="B5589" s="6">
        <v>167464</v>
      </c>
      <c r="C5589" s="6" t="s">
        <v>11</v>
      </c>
      <c r="D5589" s="6" t="s">
        <v>159</v>
      </c>
      <c r="E5589" s="6">
        <v>25175</v>
      </c>
      <c r="F5589" s="6" t="s">
        <v>18</v>
      </c>
      <c r="G5589" s="6" t="s">
        <v>11300</v>
      </c>
      <c r="H5589" s="6" t="s">
        <v>11301</v>
      </c>
      <c r="I5589" s="7">
        <v>4.8624757000000001</v>
      </c>
      <c r="J5589" s="8">
        <v>-74.061057899999994</v>
      </c>
    </row>
    <row r="5590" spans="1:10" x14ac:dyDescent="0.35">
      <c r="A5590" s="5" t="s">
        <v>10</v>
      </c>
      <c r="B5590" s="6">
        <v>230752</v>
      </c>
      <c r="C5590" s="6" t="s">
        <v>308</v>
      </c>
      <c r="D5590" s="6" t="s">
        <v>11004</v>
      </c>
      <c r="E5590" s="6">
        <v>23500</v>
      </c>
      <c r="F5590" s="6" t="s">
        <v>18</v>
      </c>
      <c r="G5590" s="6" t="s">
        <v>11302</v>
      </c>
      <c r="H5590" s="6" t="s">
        <v>11303</v>
      </c>
      <c r="I5590" s="7">
        <v>8.7529381999999991</v>
      </c>
      <c r="J5590" s="8">
        <v>-75.888869299999996</v>
      </c>
    </row>
    <row r="5591" spans="1:10" x14ac:dyDescent="0.35">
      <c r="A5591" s="5" t="s">
        <v>10</v>
      </c>
      <c r="B5591" s="6">
        <v>206980</v>
      </c>
      <c r="C5591" s="6" t="s">
        <v>68</v>
      </c>
      <c r="D5591" s="6" t="s">
        <v>69</v>
      </c>
      <c r="E5591" s="6">
        <v>11001</v>
      </c>
      <c r="F5591" s="6" t="s">
        <v>13</v>
      </c>
      <c r="G5591" s="6" t="s">
        <v>11304</v>
      </c>
      <c r="H5591" s="6" t="s">
        <v>11305</v>
      </c>
      <c r="I5591" s="7">
        <v>4.5677598000000001</v>
      </c>
      <c r="J5591" s="8">
        <v>-74.130795800000001</v>
      </c>
    </row>
    <row r="5592" spans="1:10" x14ac:dyDescent="0.35">
      <c r="A5592" s="5" t="s">
        <v>10</v>
      </c>
      <c r="B5592" s="6">
        <v>148368</v>
      </c>
      <c r="C5592" s="6" t="s">
        <v>294</v>
      </c>
      <c r="D5592" s="6" t="s">
        <v>703</v>
      </c>
      <c r="E5592" s="6">
        <v>41001</v>
      </c>
      <c r="F5592" s="6" t="s">
        <v>18</v>
      </c>
      <c r="G5592" s="6" t="s">
        <v>11306</v>
      </c>
      <c r="H5592" s="6" t="s">
        <v>11307</v>
      </c>
      <c r="I5592" s="7">
        <v>2.9299257999999999</v>
      </c>
      <c r="J5592" s="8">
        <v>-75.292115799999905</v>
      </c>
    </row>
    <row r="5593" spans="1:10" x14ac:dyDescent="0.35">
      <c r="A5593" s="5" t="s">
        <v>10</v>
      </c>
      <c r="B5593" s="6">
        <v>83504</v>
      </c>
      <c r="C5593" s="6" t="s">
        <v>294</v>
      </c>
      <c r="D5593" s="6" t="s">
        <v>703</v>
      </c>
      <c r="E5593" s="6">
        <v>41001</v>
      </c>
      <c r="F5593" s="6" t="s">
        <v>18</v>
      </c>
      <c r="G5593" s="6" t="s">
        <v>11308</v>
      </c>
      <c r="H5593" s="6" t="s">
        <v>11309</v>
      </c>
      <c r="I5593" s="7">
        <v>2.9494101000000001</v>
      </c>
      <c r="J5593" s="8">
        <v>-75.252379899999994</v>
      </c>
    </row>
    <row r="5594" spans="1:10" x14ac:dyDescent="0.35">
      <c r="A5594" s="5" t="s">
        <v>10</v>
      </c>
      <c r="B5594" s="6">
        <v>234210</v>
      </c>
      <c r="C5594" s="6" t="s">
        <v>68</v>
      </c>
      <c r="D5594" s="6" t="s">
        <v>69</v>
      </c>
      <c r="E5594" s="6">
        <v>11001</v>
      </c>
      <c r="F5594" s="6" t="s">
        <v>18</v>
      </c>
      <c r="G5594" s="6" t="s">
        <v>11310</v>
      </c>
      <c r="H5594" s="6" t="s">
        <v>11311</v>
      </c>
      <c r="I5594" s="7">
        <v>4.6166305000000003</v>
      </c>
      <c r="J5594" s="8">
        <v>-74.188070699999997</v>
      </c>
    </row>
    <row r="5595" spans="1:10" x14ac:dyDescent="0.35">
      <c r="A5595" s="5" t="s">
        <v>10</v>
      </c>
      <c r="B5595" s="6">
        <v>204294</v>
      </c>
      <c r="C5595" s="6" t="s">
        <v>11</v>
      </c>
      <c r="D5595" s="6" t="s">
        <v>3054</v>
      </c>
      <c r="E5595" s="6">
        <v>25269</v>
      </c>
      <c r="F5595" s="6" t="s">
        <v>18</v>
      </c>
      <c r="G5595" s="6" t="s">
        <v>11312</v>
      </c>
      <c r="H5595" s="6" t="s">
        <v>11313</v>
      </c>
      <c r="I5595" s="7">
        <v>4.8206663999999897</v>
      </c>
      <c r="J5595" s="8">
        <v>-74.3647876</v>
      </c>
    </row>
    <row r="5596" spans="1:10" x14ac:dyDescent="0.35">
      <c r="A5596" s="5" t="s">
        <v>10</v>
      </c>
      <c r="B5596" s="6">
        <v>244702</v>
      </c>
      <c r="C5596" s="6" t="s">
        <v>11</v>
      </c>
      <c r="D5596" s="6" t="s">
        <v>334</v>
      </c>
      <c r="E5596" s="6">
        <v>25754</v>
      </c>
      <c r="F5596" s="6" t="s">
        <v>18</v>
      </c>
      <c r="G5596" s="6" t="s">
        <v>11314</v>
      </c>
      <c r="H5596" s="6" t="s">
        <v>11315</v>
      </c>
      <c r="I5596" s="7">
        <v>4.5991578999999998</v>
      </c>
      <c r="J5596" s="8">
        <v>-74.200435999999996</v>
      </c>
    </row>
    <row r="5597" spans="1:10" x14ac:dyDescent="0.35">
      <c r="A5597" s="5" t="s">
        <v>10</v>
      </c>
      <c r="B5597" s="6">
        <v>241540</v>
      </c>
      <c r="C5597" s="6" t="s">
        <v>2821</v>
      </c>
      <c r="D5597" s="6" t="s">
        <v>10146</v>
      </c>
      <c r="E5597" s="6">
        <v>47058</v>
      </c>
      <c r="F5597" s="6" t="s">
        <v>18</v>
      </c>
      <c r="G5597" s="6" t="s">
        <v>11316</v>
      </c>
      <c r="H5597" s="6" t="s">
        <v>11317</v>
      </c>
      <c r="I5597" s="7">
        <v>9.8495299999999997</v>
      </c>
      <c r="J5597" s="8">
        <v>-74.237719999999996</v>
      </c>
    </row>
    <row r="5598" spans="1:10" x14ac:dyDescent="0.35">
      <c r="A5598" s="5" t="s">
        <v>10</v>
      </c>
      <c r="B5598" s="6">
        <v>229590</v>
      </c>
      <c r="C5598" s="6" t="s">
        <v>16</v>
      </c>
      <c r="D5598" s="6" t="s">
        <v>1942</v>
      </c>
      <c r="E5598" s="6">
        <v>68406</v>
      </c>
      <c r="F5598" s="6" t="s">
        <v>18</v>
      </c>
      <c r="G5598" s="6" t="s">
        <v>11318</v>
      </c>
      <c r="H5598" s="6" t="s">
        <v>11319</v>
      </c>
      <c r="I5598" s="7">
        <v>7.1135355000000002</v>
      </c>
      <c r="J5598" s="8">
        <v>-73.216942799999998</v>
      </c>
    </row>
    <row r="5599" spans="1:10" x14ac:dyDescent="0.35">
      <c r="A5599" s="5" t="s">
        <v>10</v>
      </c>
      <c r="B5599" s="6">
        <v>234429</v>
      </c>
      <c r="C5599" s="6" t="s">
        <v>16</v>
      </c>
      <c r="D5599" s="6" t="s">
        <v>2825</v>
      </c>
      <c r="E5599" s="6">
        <v>68276</v>
      </c>
      <c r="F5599" s="6" t="s">
        <v>18</v>
      </c>
      <c r="G5599" s="6" t="s">
        <v>11320</v>
      </c>
      <c r="H5599" s="6" t="s">
        <v>11321</v>
      </c>
      <c r="I5599" s="7">
        <v>7.0744062999999997</v>
      </c>
      <c r="J5599" s="8">
        <v>-73.089768800000002</v>
      </c>
    </row>
    <row r="5600" spans="1:10" x14ac:dyDescent="0.35">
      <c r="A5600" s="5" t="s">
        <v>10</v>
      </c>
      <c r="B5600" s="6">
        <v>231064</v>
      </c>
      <c r="C5600" s="6" t="s">
        <v>68</v>
      </c>
      <c r="D5600" s="6" t="s">
        <v>69</v>
      </c>
      <c r="E5600" s="6">
        <v>11001</v>
      </c>
      <c r="F5600" s="6" t="s">
        <v>18</v>
      </c>
      <c r="G5600" s="6" t="s">
        <v>11322</v>
      </c>
      <c r="H5600" s="6" t="s">
        <v>11323</v>
      </c>
      <c r="I5600" s="7">
        <v>4.6662148999999999</v>
      </c>
      <c r="J5600" s="8">
        <v>-74.077096299999994</v>
      </c>
    </row>
    <row r="5601" spans="1:10" x14ac:dyDescent="0.35">
      <c r="A5601" s="5" t="s">
        <v>10</v>
      </c>
      <c r="B5601" s="6">
        <v>234822</v>
      </c>
      <c r="C5601" s="6" t="s">
        <v>294</v>
      </c>
      <c r="D5601" s="6" t="s">
        <v>703</v>
      </c>
      <c r="E5601" s="6">
        <v>41001</v>
      </c>
      <c r="F5601" s="6" t="s">
        <v>18</v>
      </c>
      <c r="G5601" s="6" t="s">
        <v>11324</v>
      </c>
      <c r="H5601" s="6" t="s">
        <v>11325</v>
      </c>
      <c r="I5601" s="7">
        <v>2.9718376000000002</v>
      </c>
      <c r="J5601" s="8">
        <v>-75.287700799999996</v>
      </c>
    </row>
    <row r="5602" spans="1:10" x14ac:dyDescent="0.35">
      <c r="A5602" s="5" t="s">
        <v>10</v>
      </c>
      <c r="B5602" s="6">
        <v>132357</v>
      </c>
      <c r="C5602" s="6" t="s">
        <v>68</v>
      </c>
      <c r="D5602" s="6" t="s">
        <v>69</v>
      </c>
      <c r="E5602" s="6">
        <v>11001</v>
      </c>
      <c r="F5602" s="6" t="s">
        <v>18</v>
      </c>
      <c r="G5602" s="6" t="s">
        <v>11326</v>
      </c>
      <c r="H5602" s="6" t="s">
        <v>11327</v>
      </c>
      <c r="I5602" s="7">
        <v>4.7473606999999998</v>
      </c>
      <c r="J5602" s="8">
        <v>-74.119443799999999</v>
      </c>
    </row>
    <row r="5603" spans="1:10" x14ac:dyDescent="0.35">
      <c r="A5603" s="5" t="s">
        <v>10</v>
      </c>
      <c r="B5603" s="6">
        <v>239717</v>
      </c>
      <c r="C5603" s="6" t="s">
        <v>366</v>
      </c>
      <c r="D5603" s="6" t="s">
        <v>367</v>
      </c>
      <c r="E5603" s="6">
        <v>44430</v>
      </c>
      <c r="F5603" s="6" t="s">
        <v>18</v>
      </c>
      <c r="G5603" s="6" t="s">
        <v>11328</v>
      </c>
      <c r="H5603" s="6" t="s">
        <v>11329</v>
      </c>
      <c r="I5603" s="7">
        <v>11.374057199999999</v>
      </c>
      <c r="J5603" s="8">
        <v>-72.241174700000002</v>
      </c>
    </row>
    <row r="5604" spans="1:10" x14ac:dyDescent="0.35">
      <c r="A5604" s="5" t="s">
        <v>10</v>
      </c>
      <c r="B5604" s="6">
        <v>192292</v>
      </c>
      <c r="C5604" s="6" t="s">
        <v>302</v>
      </c>
      <c r="D5604" s="6" t="s">
        <v>10950</v>
      </c>
      <c r="E5604" s="6">
        <v>8573</v>
      </c>
      <c r="F5604" s="6" t="s">
        <v>18</v>
      </c>
      <c r="G5604" s="6" t="s">
        <v>11330</v>
      </c>
      <c r="H5604" s="6" t="s">
        <v>11331</v>
      </c>
      <c r="I5604" s="7">
        <v>11.0000705</v>
      </c>
      <c r="J5604" s="8">
        <v>-74.952438299999997</v>
      </c>
    </row>
    <row r="5605" spans="1:10" x14ac:dyDescent="0.35">
      <c r="A5605" s="5" t="s">
        <v>10</v>
      </c>
      <c r="B5605" s="6">
        <v>205455</v>
      </c>
      <c r="C5605" s="6" t="s">
        <v>302</v>
      </c>
      <c r="D5605" s="6" t="s">
        <v>359</v>
      </c>
      <c r="E5605" s="6">
        <v>8001</v>
      </c>
      <c r="F5605" s="6" t="s">
        <v>18</v>
      </c>
      <c r="G5605" s="6" t="s">
        <v>11332</v>
      </c>
      <c r="H5605" s="6" t="s">
        <v>11333</v>
      </c>
      <c r="I5605" s="7">
        <v>11.0041072</v>
      </c>
      <c r="J5605" s="8">
        <v>-74.806981299999904</v>
      </c>
    </row>
    <row r="5606" spans="1:10" x14ac:dyDescent="0.35">
      <c r="A5606" s="5" t="s">
        <v>10</v>
      </c>
      <c r="B5606" s="6">
        <v>210956</v>
      </c>
      <c r="C5606" s="6" t="s">
        <v>302</v>
      </c>
      <c r="D5606" s="6" t="s">
        <v>359</v>
      </c>
      <c r="E5606" s="6">
        <v>8001</v>
      </c>
      <c r="F5606" s="6" t="s">
        <v>18</v>
      </c>
      <c r="G5606" s="6" t="s">
        <v>11334</v>
      </c>
      <c r="H5606" s="6" t="s">
        <v>11335</v>
      </c>
      <c r="I5606" s="7">
        <v>10.936959999999999</v>
      </c>
      <c r="J5606" s="8">
        <v>-74.789923399999907</v>
      </c>
    </row>
    <row r="5607" spans="1:10" x14ac:dyDescent="0.35">
      <c r="A5607" s="5" t="s">
        <v>10</v>
      </c>
      <c r="B5607" s="6">
        <v>239239</v>
      </c>
      <c r="C5607" s="6" t="s">
        <v>16</v>
      </c>
      <c r="D5607" s="6" t="s">
        <v>78</v>
      </c>
      <c r="E5607" s="6">
        <v>68001</v>
      </c>
      <c r="F5607" s="6" t="s">
        <v>18</v>
      </c>
      <c r="G5607" s="6" t="s">
        <v>11336</v>
      </c>
      <c r="H5607" s="6" t="s">
        <v>11337</v>
      </c>
      <c r="I5607" s="7">
        <v>7.1210959000000003</v>
      </c>
      <c r="J5607" s="8">
        <v>-73.134635599999996</v>
      </c>
    </row>
    <row r="5608" spans="1:10" x14ac:dyDescent="0.35">
      <c r="A5608" s="5" t="s">
        <v>10</v>
      </c>
      <c r="B5608" s="6">
        <v>246908</v>
      </c>
      <c r="C5608" s="6" t="s">
        <v>16</v>
      </c>
      <c r="D5608" s="6" t="s">
        <v>510</v>
      </c>
      <c r="E5608" s="6">
        <v>68547</v>
      </c>
      <c r="F5608" s="6" t="s">
        <v>18</v>
      </c>
      <c r="G5608" s="6" t="s">
        <v>11338</v>
      </c>
      <c r="H5608" s="6" t="s">
        <v>8770</v>
      </c>
      <c r="I5608" s="7">
        <v>6.9735091000000002</v>
      </c>
      <c r="J5608" s="8">
        <v>-73.049927400000001</v>
      </c>
    </row>
    <row r="5609" spans="1:10" x14ac:dyDescent="0.35">
      <c r="A5609" s="5" t="s">
        <v>10</v>
      </c>
      <c r="B5609" s="6">
        <v>226832</v>
      </c>
      <c r="C5609" s="6" t="s">
        <v>68</v>
      </c>
      <c r="D5609" s="6" t="s">
        <v>69</v>
      </c>
      <c r="E5609" s="6">
        <v>11001</v>
      </c>
      <c r="F5609" s="6" t="s">
        <v>13</v>
      </c>
      <c r="G5609" s="6" t="s">
        <v>11339</v>
      </c>
      <c r="H5609" s="6" t="s">
        <v>11340</v>
      </c>
      <c r="I5609" s="7">
        <v>4.6688834000000003</v>
      </c>
      <c r="J5609" s="8">
        <v>-74.139024000000006</v>
      </c>
    </row>
    <row r="5610" spans="1:10" x14ac:dyDescent="0.35">
      <c r="A5610" s="5" t="s">
        <v>10</v>
      </c>
      <c r="B5610" s="6">
        <v>233068</v>
      </c>
      <c r="C5610" s="6" t="s">
        <v>68</v>
      </c>
      <c r="D5610" s="6" t="s">
        <v>69</v>
      </c>
      <c r="E5610" s="6">
        <v>11001</v>
      </c>
      <c r="F5610" s="6" t="s">
        <v>18</v>
      </c>
      <c r="G5610" s="6" t="s">
        <v>11341</v>
      </c>
      <c r="H5610" s="6" t="s">
        <v>11342</v>
      </c>
      <c r="I5610" s="7">
        <v>4.58751</v>
      </c>
      <c r="J5610" s="8">
        <v>-74.156229999999994</v>
      </c>
    </row>
    <row r="5611" spans="1:10" x14ac:dyDescent="0.35">
      <c r="A5611" s="5" t="s">
        <v>10</v>
      </c>
      <c r="B5611" s="6">
        <v>201481</v>
      </c>
      <c r="C5611" s="6" t="s">
        <v>294</v>
      </c>
      <c r="D5611" s="6" t="s">
        <v>703</v>
      </c>
      <c r="E5611" s="6">
        <v>41001</v>
      </c>
      <c r="F5611" s="6" t="s">
        <v>18</v>
      </c>
      <c r="G5611" s="6" t="s">
        <v>11343</v>
      </c>
      <c r="H5611" s="6" t="s">
        <v>11344</v>
      </c>
      <c r="I5611" s="7">
        <v>2.9436719999999998</v>
      </c>
      <c r="J5611" s="8">
        <v>-75.250526699999995</v>
      </c>
    </row>
    <row r="5612" spans="1:10" x14ac:dyDescent="0.35">
      <c r="A5612" s="5" t="s">
        <v>10</v>
      </c>
      <c r="B5612" s="6">
        <v>225606</v>
      </c>
      <c r="C5612" s="6" t="s">
        <v>294</v>
      </c>
      <c r="D5612" s="6" t="s">
        <v>703</v>
      </c>
      <c r="E5612" s="6">
        <v>41001</v>
      </c>
      <c r="F5612" s="6" t="s">
        <v>18</v>
      </c>
      <c r="G5612" s="6" t="s">
        <v>11345</v>
      </c>
      <c r="H5612" s="6" t="s">
        <v>11346</v>
      </c>
      <c r="I5612" s="7">
        <v>2.9654967000000001</v>
      </c>
      <c r="J5612" s="8">
        <v>-75.290644099999994</v>
      </c>
    </row>
    <row r="5613" spans="1:10" x14ac:dyDescent="0.35">
      <c r="A5613" s="5" t="s">
        <v>10</v>
      </c>
      <c r="B5613" s="6">
        <v>233166</v>
      </c>
      <c r="C5613" s="6" t="s">
        <v>294</v>
      </c>
      <c r="D5613" s="6" t="s">
        <v>4257</v>
      </c>
      <c r="E5613" s="6">
        <v>41524</v>
      </c>
      <c r="F5613" s="6" t="s">
        <v>18</v>
      </c>
      <c r="G5613" s="6" t="s">
        <v>11347</v>
      </c>
      <c r="H5613" s="6" t="s">
        <v>11348</v>
      </c>
      <c r="I5613" s="7">
        <v>2.8862459999999999</v>
      </c>
      <c r="J5613" s="8">
        <v>-75.433419000000001</v>
      </c>
    </row>
    <row r="5614" spans="1:10" x14ac:dyDescent="0.35">
      <c r="A5614" s="5" t="s">
        <v>10</v>
      </c>
      <c r="B5614" s="6">
        <v>167627</v>
      </c>
      <c r="C5614" s="6" t="s">
        <v>68</v>
      </c>
      <c r="D5614" s="6" t="s">
        <v>69</v>
      </c>
      <c r="E5614" s="6">
        <v>11001</v>
      </c>
      <c r="F5614" s="6" t="s">
        <v>18</v>
      </c>
      <c r="G5614" s="6" t="s">
        <v>11349</v>
      </c>
      <c r="H5614" s="6" t="s">
        <v>11350</v>
      </c>
      <c r="I5614" s="7">
        <v>4.6940691000000001</v>
      </c>
      <c r="J5614" s="8">
        <v>-74.087869699999999</v>
      </c>
    </row>
    <row r="5615" spans="1:10" x14ac:dyDescent="0.35">
      <c r="A5615" s="5" t="s">
        <v>10</v>
      </c>
      <c r="B5615" s="6">
        <v>232262</v>
      </c>
      <c r="C5615" s="6" t="s">
        <v>68</v>
      </c>
      <c r="D5615" s="6" t="s">
        <v>69</v>
      </c>
      <c r="E5615" s="6">
        <v>11001</v>
      </c>
      <c r="F5615" s="6" t="s">
        <v>18</v>
      </c>
      <c r="G5615" s="6" t="s">
        <v>11351</v>
      </c>
      <c r="H5615" s="6" t="s">
        <v>11352</v>
      </c>
      <c r="I5615" s="7">
        <v>4.6399860000000004</v>
      </c>
      <c r="J5615" s="8">
        <v>-74.162619800000002</v>
      </c>
    </row>
    <row r="5616" spans="1:10" x14ac:dyDescent="0.35">
      <c r="A5616" s="5" t="s">
        <v>10</v>
      </c>
      <c r="B5616" s="6">
        <v>201032</v>
      </c>
      <c r="C5616" s="6" t="s">
        <v>308</v>
      </c>
      <c r="D5616" s="6" t="s">
        <v>8338</v>
      </c>
      <c r="E5616" s="6">
        <v>23555</v>
      </c>
      <c r="F5616" s="6" t="s">
        <v>18</v>
      </c>
      <c r="G5616" s="6" t="s">
        <v>11353</v>
      </c>
      <c r="H5616" s="6" t="s">
        <v>11354</v>
      </c>
      <c r="I5616" s="7">
        <v>8.4057268999999994</v>
      </c>
      <c r="J5616" s="8">
        <v>-75.582866099999904</v>
      </c>
    </row>
    <row r="5617" spans="1:10" x14ac:dyDescent="0.35">
      <c r="A5617" s="5" t="s">
        <v>10</v>
      </c>
      <c r="B5617" s="6">
        <v>201681</v>
      </c>
      <c r="C5617" s="6" t="s">
        <v>302</v>
      </c>
      <c r="D5617" s="6" t="s">
        <v>11355</v>
      </c>
      <c r="E5617" s="6">
        <v>8849</v>
      </c>
      <c r="F5617" s="6" t="s">
        <v>18</v>
      </c>
      <c r="G5617" s="6" t="s">
        <v>11356</v>
      </c>
      <c r="H5617" s="6" t="s">
        <v>11357</v>
      </c>
      <c r="I5617" s="7">
        <v>10.7</v>
      </c>
      <c r="J5617" s="8">
        <v>-74.950019999999995</v>
      </c>
    </row>
    <row r="5618" spans="1:10" x14ac:dyDescent="0.35">
      <c r="A5618" s="5" t="s">
        <v>10</v>
      </c>
      <c r="B5618" s="6">
        <v>227942</v>
      </c>
      <c r="C5618" s="6" t="s">
        <v>308</v>
      </c>
      <c r="D5618" s="6" t="s">
        <v>9180</v>
      </c>
      <c r="E5618" s="6">
        <v>23675</v>
      </c>
      <c r="F5618" s="6" t="s">
        <v>18</v>
      </c>
      <c r="G5618" s="6" t="s">
        <v>11358</v>
      </c>
      <c r="H5618" s="6" t="s">
        <v>11359</v>
      </c>
      <c r="I5618" s="7">
        <v>9.3528667999999993</v>
      </c>
      <c r="J5618" s="8">
        <v>-75.952609799999905</v>
      </c>
    </row>
    <row r="5619" spans="1:10" x14ac:dyDescent="0.35">
      <c r="A5619" s="5" t="s">
        <v>10</v>
      </c>
      <c r="B5619" s="6">
        <v>239172</v>
      </c>
      <c r="C5619" s="6" t="s">
        <v>94</v>
      </c>
      <c r="D5619" s="6" t="s">
        <v>98</v>
      </c>
      <c r="E5619" s="6">
        <v>66001</v>
      </c>
      <c r="F5619" s="6" t="s">
        <v>18</v>
      </c>
      <c r="G5619" s="6" t="s">
        <v>11360</v>
      </c>
      <c r="H5619" s="6" t="s">
        <v>8164</v>
      </c>
      <c r="I5619" s="7">
        <v>4.8160726</v>
      </c>
      <c r="J5619" s="8">
        <v>-75.704401399999995</v>
      </c>
    </row>
    <row r="5620" spans="1:10" x14ac:dyDescent="0.35">
      <c r="A5620" s="5" t="s">
        <v>10</v>
      </c>
      <c r="B5620" s="6">
        <v>220212</v>
      </c>
      <c r="C5620" s="6" t="s">
        <v>3788</v>
      </c>
      <c r="D5620" s="6" t="s">
        <v>3974</v>
      </c>
      <c r="E5620" s="6">
        <v>18001</v>
      </c>
      <c r="F5620" s="6" t="s">
        <v>18</v>
      </c>
      <c r="G5620" s="6" t="s">
        <v>11361</v>
      </c>
      <c r="H5620" s="6" t="s">
        <v>11362</v>
      </c>
      <c r="I5620" s="7">
        <v>1.6153858000000001</v>
      </c>
      <c r="J5620" s="8">
        <v>-75.604236399999905</v>
      </c>
    </row>
    <row r="5621" spans="1:10" x14ac:dyDescent="0.35">
      <c r="A5621" s="5" t="s">
        <v>10</v>
      </c>
      <c r="B5621" s="6">
        <v>231160</v>
      </c>
      <c r="C5621" s="6" t="s">
        <v>11</v>
      </c>
      <c r="D5621" s="6" t="s">
        <v>4073</v>
      </c>
      <c r="E5621" s="6">
        <v>25740</v>
      </c>
      <c r="F5621" s="6" t="s">
        <v>18</v>
      </c>
      <c r="G5621" s="6" t="s">
        <v>11363</v>
      </c>
      <c r="H5621" s="6" t="s">
        <v>11364</v>
      </c>
      <c r="I5621" s="7">
        <v>4.4878312999999999</v>
      </c>
      <c r="J5621" s="8">
        <v>-74.262665200000001</v>
      </c>
    </row>
    <row r="5622" spans="1:10" x14ac:dyDescent="0.35">
      <c r="A5622" s="5" t="s">
        <v>10</v>
      </c>
      <c r="B5622" s="6">
        <v>214826</v>
      </c>
      <c r="C5622" s="6" t="s">
        <v>68</v>
      </c>
      <c r="D5622" s="6" t="s">
        <v>69</v>
      </c>
      <c r="E5622" s="6">
        <v>11001</v>
      </c>
      <c r="F5622" s="6" t="s">
        <v>18</v>
      </c>
      <c r="G5622" s="6" t="s">
        <v>11365</v>
      </c>
      <c r="H5622" s="6" t="s">
        <v>11366</v>
      </c>
      <c r="I5622" s="7">
        <v>4.6388726999999896</v>
      </c>
      <c r="J5622" s="8">
        <v>-74.162149999999997</v>
      </c>
    </row>
    <row r="5623" spans="1:10" x14ac:dyDescent="0.35">
      <c r="A5623" s="5" t="s">
        <v>10</v>
      </c>
      <c r="B5623" s="6">
        <v>245818</v>
      </c>
      <c r="C5623" s="6" t="s">
        <v>68</v>
      </c>
      <c r="D5623" s="6" t="s">
        <v>69</v>
      </c>
      <c r="E5623" s="6">
        <v>11001</v>
      </c>
      <c r="F5623" s="6" t="s">
        <v>18</v>
      </c>
      <c r="G5623" s="6" t="s">
        <v>11367</v>
      </c>
      <c r="H5623" s="6" t="s">
        <v>11368</v>
      </c>
      <c r="I5623" s="7">
        <v>4.5593702853205196</v>
      </c>
      <c r="J5623" s="8">
        <v>-74.116738270826005</v>
      </c>
    </row>
    <row r="5624" spans="1:10" x14ac:dyDescent="0.35">
      <c r="A5624" s="5" t="s">
        <v>10</v>
      </c>
      <c r="B5624" s="6">
        <v>152605</v>
      </c>
      <c r="C5624" s="6" t="s">
        <v>68</v>
      </c>
      <c r="D5624" s="6" t="s">
        <v>69</v>
      </c>
      <c r="E5624" s="6">
        <v>11001</v>
      </c>
      <c r="F5624" s="6" t="s">
        <v>18</v>
      </c>
      <c r="G5624" s="6" t="s">
        <v>11369</v>
      </c>
      <c r="H5624" s="6" t="s">
        <v>11370</v>
      </c>
      <c r="I5624" s="7">
        <v>4.6692532</v>
      </c>
      <c r="J5624" s="8">
        <v>-74.142831399999906</v>
      </c>
    </row>
    <row r="5625" spans="1:10" x14ac:dyDescent="0.35">
      <c r="A5625" s="5" t="s">
        <v>10</v>
      </c>
      <c r="B5625" s="6">
        <v>204297</v>
      </c>
      <c r="C5625" s="6" t="s">
        <v>11</v>
      </c>
      <c r="D5625" s="6" t="s">
        <v>6667</v>
      </c>
      <c r="E5625" s="6">
        <v>25295</v>
      </c>
      <c r="F5625" s="6" t="s">
        <v>18</v>
      </c>
      <c r="G5625" s="6" t="s">
        <v>11371</v>
      </c>
      <c r="H5625" s="6" t="s">
        <v>11372</v>
      </c>
      <c r="I5625" s="7">
        <v>4.9803889999999997</v>
      </c>
      <c r="J5625" s="8">
        <v>-73.884664000000001</v>
      </c>
    </row>
    <row r="5626" spans="1:10" x14ac:dyDescent="0.35">
      <c r="A5626" s="5" t="s">
        <v>10</v>
      </c>
      <c r="B5626" s="6">
        <v>239307</v>
      </c>
      <c r="C5626" s="6" t="s">
        <v>302</v>
      </c>
      <c r="D5626" s="6" t="s">
        <v>359</v>
      </c>
      <c r="E5626" s="6">
        <v>8001</v>
      </c>
      <c r="F5626" s="6" t="s">
        <v>18</v>
      </c>
      <c r="G5626" s="6" t="s">
        <v>11373</v>
      </c>
      <c r="H5626" s="6" t="s">
        <v>11374</v>
      </c>
      <c r="I5626" s="7">
        <v>10.968575</v>
      </c>
      <c r="J5626" s="8">
        <v>-74.804501500000001</v>
      </c>
    </row>
    <row r="5627" spans="1:10" x14ac:dyDescent="0.35">
      <c r="A5627" s="5" t="s">
        <v>10</v>
      </c>
      <c r="B5627" s="6">
        <v>241419</v>
      </c>
      <c r="C5627" s="6" t="s">
        <v>302</v>
      </c>
      <c r="D5627" s="6" t="s">
        <v>359</v>
      </c>
      <c r="E5627" s="6">
        <v>8001</v>
      </c>
      <c r="F5627" s="6" t="s">
        <v>18</v>
      </c>
      <c r="G5627" s="6" t="s">
        <v>11375</v>
      </c>
      <c r="H5627" s="6" t="s">
        <v>11376</v>
      </c>
      <c r="I5627" s="7">
        <v>11.0056992</v>
      </c>
      <c r="J5627" s="8">
        <v>-74.793902000000003</v>
      </c>
    </row>
    <row r="5628" spans="1:10" x14ac:dyDescent="0.35">
      <c r="A5628" s="5" t="s">
        <v>10</v>
      </c>
      <c r="B5628" s="6">
        <v>240156</v>
      </c>
      <c r="C5628" s="6" t="s">
        <v>302</v>
      </c>
      <c r="D5628" s="6" t="s">
        <v>359</v>
      </c>
      <c r="E5628" s="6">
        <v>8001</v>
      </c>
      <c r="F5628" s="6" t="s">
        <v>18</v>
      </c>
      <c r="G5628" s="6" t="s">
        <v>11377</v>
      </c>
      <c r="H5628" s="6" t="s">
        <v>11378</v>
      </c>
      <c r="I5628" s="7">
        <v>10.971969400000001</v>
      </c>
      <c r="J5628" s="8">
        <v>-74.779754999999994</v>
      </c>
    </row>
    <row r="5629" spans="1:10" x14ac:dyDescent="0.35">
      <c r="A5629" s="5" t="s">
        <v>10</v>
      </c>
      <c r="B5629" s="6">
        <v>245718</v>
      </c>
      <c r="C5629" s="6" t="s">
        <v>38</v>
      </c>
      <c r="D5629" s="6" t="s">
        <v>39</v>
      </c>
      <c r="E5629" s="6">
        <v>19001</v>
      </c>
      <c r="F5629" s="6" t="s">
        <v>18</v>
      </c>
      <c r="G5629" s="6" t="s">
        <v>11379</v>
      </c>
      <c r="H5629" s="6" t="s">
        <v>11380</v>
      </c>
      <c r="I5629" s="7">
        <v>2.4446059</v>
      </c>
      <c r="J5629" s="8">
        <v>-76.614894500000005</v>
      </c>
    </row>
    <row r="5630" spans="1:10" x14ac:dyDescent="0.35">
      <c r="A5630" s="5" t="s">
        <v>10</v>
      </c>
      <c r="B5630" s="6">
        <v>239556</v>
      </c>
      <c r="C5630" s="6" t="s">
        <v>16</v>
      </c>
      <c r="D5630" s="6" t="s">
        <v>1401</v>
      </c>
      <c r="E5630" s="6">
        <v>68307</v>
      </c>
      <c r="F5630" s="6" t="s">
        <v>18</v>
      </c>
      <c r="G5630" s="6" t="s">
        <v>11381</v>
      </c>
      <c r="H5630" s="6" t="s">
        <v>11382</v>
      </c>
      <c r="I5630" s="7">
        <v>7.0136351000000001</v>
      </c>
      <c r="J5630" s="8">
        <v>-73.134117399999994</v>
      </c>
    </row>
    <row r="5631" spans="1:10" x14ac:dyDescent="0.35">
      <c r="A5631" s="5" t="s">
        <v>10</v>
      </c>
      <c r="B5631" s="6">
        <v>236982</v>
      </c>
      <c r="C5631" s="6" t="s">
        <v>16</v>
      </c>
      <c r="D5631" s="6" t="s">
        <v>78</v>
      </c>
      <c r="E5631" s="6">
        <v>68001</v>
      </c>
      <c r="F5631" s="6" t="s">
        <v>18</v>
      </c>
      <c r="G5631" s="6" t="s">
        <v>11383</v>
      </c>
      <c r="H5631" s="6" t="s">
        <v>11384</v>
      </c>
      <c r="I5631" s="7">
        <v>7.1215697999999996</v>
      </c>
      <c r="J5631" s="8">
        <v>-73.112078499999996</v>
      </c>
    </row>
    <row r="5632" spans="1:10" x14ac:dyDescent="0.35">
      <c r="A5632" s="5" t="s">
        <v>10</v>
      </c>
      <c r="B5632" s="6">
        <v>204290</v>
      </c>
      <c r="C5632" s="6" t="s">
        <v>11</v>
      </c>
      <c r="D5632" s="6" t="s">
        <v>106</v>
      </c>
      <c r="E5632" s="6">
        <v>25843</v>
      </c>
      <c r="F5632" s="6" t="s">
        <v>18</v>
      </c>
      <c r="G5632" s="6" t="s">
        <v>11385</v>
      </c>
      <c r="H5632" s="6" t="s">
        <v>11386</v>
      </c>
      <c r="I5632" s="7">
        <v>5.3120240000000001</v>
      </c>
      <c r="J5632" s="8">
        <v>-73.818221999999906</v>
      </c>
    </row>
    <row r="5633" spans="1:10" x14ac:dyDescent="0.35">
      <c r="A5633" s="5" t="s">
        <v>10</v>
      </c>
      <c r="B5633" s="6">
        <v>227143</v>
      </c>
      <c r="C5633" s="6" t="s">
        <v>366</v>
      </c>
      <c r="D5633" s="6" t="s">
        <v>367</v>
      </c>
      <c r="E5633" s="6">
        <v>44430</v>
      </c>
      <c r="F5633" s="6" t="s">
        <v>18</v>
      </c>
      <c r="G5633" s="6" t="s">
        <v>11387</v>
      </c>
      <c r="H5633" s="6" t="s">
        <v>11388</v>
      </c>
      <c r="I5633" s="7">
        <v>11.379463899999999</v>
      </c>
      <c r="J5633" s="8">
        <v>-72.237532700000003</v>
      </c>
    </row>
    <row r="5634" spans="1:10" x14ac:dyDescent="0.35">
      <c r="A5634" s="5" t="s">
        <v>10</v>
      </c>
      <c r="B5634" s="6">
        <v>242960</v>
      </c>
      <c r="C5634" s="6" t="s">
        <v>16</v>
      </c>
      <c r="D5634" s="6" t="s">
        <v>78</v>
      </c>
      <c r="E5634" s="6">
        <v>68001</v>
      </c>
      <c r="F5634" s="6" t="s">
        <v>18</v>
      </c>
      <c r="G5634" s="6" t="s">
        <v>11389</v>
      </c>
      <c r="H5634" s="6" t="s">
        <v>11390</v>
      </c>
      <c r="I5634" s="7">
        <v>7.1053427999999998</v>
      </c>
      <c r="J5634" s="8">
        <v>-73.119032300000001</v>
      </c>
    </row>
    <row r="5635" spans="1:10" x14ac:dyDescent="0.35">
      <c r="A5635" s="5" t="s">
        <v>10</v>
      </c>
      <c r="B5635" s="6">
        <v>236333</v>
      </c>
      <c r="C5635" s="6" t="s">
        <v>16</v>
      </c>
      <c r="D5635" s="6" t="s">
        <v>11391</v>
      </c>
      <c r="E5635" s="6">
        <v>68250</v>
      </c>
      <c r="F5635" s="6" t="s">
        <v>18</v>
      </c>
      <c r="G5635" s="6" t="s">
        <v>11392</v>
      </c>
      <c r="H5635" s="6" t="s">
        <v>11393</v>
      </c>
      <c r="I5635" s="7">
        <v>8.9897013000000001</v>
      </c>
      <c r="J5635" s="8">
        <v>-73.950103799999994</v>
      </c>
    </row>
    <row r="5636" spans="1:10" x14ac:dyDescent="0.35">
      <c r="A5636" s="5" t="s">
        <v>10</v>
      </c>
      <c r="B5636" s="6">
        <v>241772</v>
      </c>
      <c r="C5636" s="6" t="s">
        <v>42</v>
      </c>
      <c r="D5636" s="6" t="s">
        <v>698</v>
      </c>
      <c r="E5636" s="6">
        <v>17442</v>
      </c>
      <c r="F5636" s="6" t="s">
        <v>18</v>
      </c>
      <c r="G5636" s="6" t="s">
        <v>11394</v>
      </c>
      <c r="H5636" s="6" t="s">
        <v>11395</v>
      </c>
      <c r="I5636" s="7">
        <v>5.4747159999999999</v>
      </c>
      <c r="J5636" s="8">
        <v>-75.601050999999998</v>
      </c>
    </row>
    <row r="5637" spans="1:10" x14ac:dyDescent="0.35">
      <c r="A5637" s="5" t="s">
        <v>10</v>
      </c>
      <c r="B5637" s="6">
        <v>236874</v>
      </c>
      <c r="C5637" s="6" t="s">
        <v>117</v>
      </c>
      <c r="D5637" s="6" t="s">
        <v>3492</v>
      </c>
      <c r="E5637" s="6">
        <v>76520</v>
      </c>
      <c r="F5637" s="6" t="s">
        <v>13</v>
      </c>
      <c r="G5637" s="6" t="s">
        <v>11396</v>
      </c>
      <c r="H5637" s="6" t="s">
        <v>11397</v>
      </c>
      <c r="I5637" s="7">
        <v>3.4600480999999998</v>
      </c>
      <c r="J5637" s="8">
        <v>-76.462648599999994</v>
      </c>
    </row>
    <row r="5638" spans="1:10" x14ac:dyDescent="0.35">
      <c r="A5638" s="5" t="s">
        <v>10</v>
      </c>
      <c r="B5638" s="6">
        <v>217226</v>
      </c>
      <c r="C5638" s="6" t="s">
        <v>68</v>
      </c>
      <c r="D5638" s="6" t="s">
        <v>69</v>
      </c>
      <c r="E5638" s="6">
        <v>11001</v>
      </c>
      <c r="F5638" s="6" t="s">
        <v>13</v>
      </c>
      <c r="G5638" s="6" t="s">
        <v>11398</v>
      </c>
      <c r="H5638" s="6" t="s">
        <v>11399</v>
      </c>
      <c r="I5638" s="7">
        <v>4.6048958999999998</v>
      </c>
      <c r="J5638" s="8">
        <v>-74.185656899999998</v>
      </c>
    </row>
    <row r="5639" spans="1:10" x14ac:dyDescent="0.35">
      <c r="A5639" s="5" t="s">
        <v>10</v>
      </c>
      <c r="B5639" s="6">
        <v>241400</v>
      </c>
      <c r="C5639" s="6" t="s">
        <v>302</v>
      </c>
      <c r="D5639" s="6" t="s">
        <v>359</v>
      </c>
      <c r="E5639" s="6">
        <v>8001</v>
      </c>
      <c r="F5639" s="6" t="s">
        <v>18</v>
      </c>
      <c r="G5639" s="6" t="s">
        <v>11400</v>
      </c>
      <c r="H5639" s="6" t="s">
        <v>11401</v>
      </c>
      <c r="I5639" s="7">
        <v>10.9821297</v>
      </c>
      <c r="J5639" s="8">
        <v>-74.795515499999993</v>
      </c>
    </row>
    <row r="5640" spans="1:10" x14ac:dyDescent="0.35">
      <c r="A5640" s="5" t="s">
        <v>10</v>
      </c>
      <c r="B5640" s="6">
        <v>234584</v>
      </c>
      <c r="C5640" s="6" t="s">
        <v>4364</v>
      </c>
      <c r="D5640" s="6" t="s">
        <v>4365</v>
      </c>
      <c r="E5640" s="6">
        <v>70001</v>
      </c>
      <c r="F5640" s="6" t="s">
        <v>18</v>
      </c>
      <c r="G5640" s="6" t="s">
        <v>11402</v>
      </c>
      <c r="H5640" s="6" t="s">
        <v>11403</v>
      </c>
      <c r="I5640" s="7">
        <v>9.2849695000000008</v>
      </c>
      <c r="J5640" s="8">
        <v>-75.400593700000002</v>
      </c>
    </row>
    <row r="5641" spans="1:10" x14ac:dyDescent="0.35">
      <c r="A5641" s="5" t="s">
        <v>10</v>
      </c>
      <c r="B5641" s="6">
        <v>205442</v>
      </c>
      <c r="C5641" s="6" t="s">
        <v>308</v>
      </c>
      <c r="D5641" s="6" t="s">
        <v>8321</v>
      </c>
      <c r="E5641" s="6">
        <v>23162</v>
      </c>
      <c r="F5641" s="6" t="s">
        <v>18</v>
      </c>
      <c r="G5641" s="6" t="s">
        <v>11404</v>
      </c>
      <c r="H5641" s="6" t="s">
        <v>11405</v>
      </c>
      <c r="I5641" s="7">
        <v>8.8871807</v>
      </c>
      <c r="J5641" s="8">
        <v>-75.795009499999907</v>
      </c>
    </row>
    <row r="5642" spans="1:10" x14ac:dyDescent="0.35">
      <c r="A5642" s="5" t="s">
        <v>10</v>
      </c>
      <c r="B5642" s="6">
        <v>239472</v>
      </c>
      <c r="C5642" s="6" t="s">
        <v>302</v>
      </c>
      <c r="D5642" s="6" t="s">
        <v>359</v>
      </c>
      <c r="E5642" s="6">
        <v>8001</v>
      </c>
      <c r="F5642" s="6" t="s">
        <v>18</v>
      </c>
      <c r="G5642" s="6" t="s">
        <v>11406</v>
      </c>
      <c r="H5642" s="6" t="s">
        <v>11407</v>
      </c>
      <c r="I5642" s="7">
        <v>10.9263371</v>
      </c>
      <c r="J5642" s="8">
        <v>-74.814257100000006</v>
      </c>
    </row>
    <row r="5643" spans="1:10" x14ac:dyDescent="0.35">
      <c r="A5643" s="5" t="s">
        <v>10</v>
      </c>
      <c r="B5643" s="6">
        <v>208182</v>
      </c>
      <c r="C5643" s="6" t="s">
        <v>38</v>
      </c>
      <c r="D5643" s="6" t="s">
        <v>39</v>
      </c>
      <c r="E5643" s="6">
        <v>19001</v>
      </c>
      <c r="F5643" s="6" t="s">
        <v>18</v>
      </c>
      <c r="G5643" s="6" t="s">
        <v>11408</v>
      </c>
      <c r="H5643" s="6" t="s">
        <v>11409</v>
      </c>
      <c r="I5643" s="7">
        <v>2.4448143</v>
      </c>
      <c r="J5643" s="8">
        <v>-76.614739499999999</v>
      </c>
    </row>
    <row r="5644" spans="1:10" x14ac:dyDescent="0.35">
      <c r="A5644" s="5" t="s">
        <v>10</v>
      </c>
      <c r="B5644" s="6">
        <v>222040</v>
      </c>
      <c r="C5644" s="6" t="s">
        <v>38</v>
      </c>
      <c r="D5644" s="6" t="s">
        <v>11410</v>
      </c>
      <c r="E5644" s="6">
        <v>19807</v>
      </c>
      <c r="F5644" s="6" t="s">
        <v>18</v>
      </c>
      <c r="G5644" s="6" t="s">
        <v>11411</v>
      </c>
      <c r="H5644" s="6" t="s">
        <v>11412</v>
      </c>
      <c r="I5644" s="7">
        <v>2.3521488000000002</v>
      </c>
      <c r="J5644" s="8">
        <v>-76.684956499999998</v>
      </c>
    </row>
    <row r="5645" spans="1:10" x14ac:dyDescent="0.35">
      <c r="A5645" s="5" t="s">
        <v>10</v>
      </c>
      <c r="B5645" s="6">
        <v>237136</v>
      </c>
      <c r="C5645" s="6" t="s">
        <v>16</v>
      </c>
      <c r="D5645" s="6" t="s">
        <v>846</v>
      </c>
      <c r="E5645" s="6">
        <v>68500</v>
      </c>
      <c r="F5645" s="6" t="s">
        <v>18</v>
      </c>
      <c r="G5645" s="6" t="s">
        <v>11413</v>
      </c>
      <c r="H5645" s="6" t="s">
        <v>11414</v>
      </c>
      <c r="I5645" s="7">
        <v>6.2637312999999999</v>
      </c>
      <c r="J5645" s="8">
        <v>-73.301667499999994</v>
      </c>
    </row>
    <row r="5646" spans="1:10" x14ac:dyDescent="0.35">
      <c r="A5646" s="5" t="s">
        <v>10</v>
      </c>
      <c r="B5646" s="6">
        <v>227953</v>
      </c>
      <c r="C5646" s="6" t="s">
        <v>68</v>
      </c>
      <c r="D5646" s="6" t="s">
        <v>69</v>
      </c>
      <c r="E5646" s="6">
        <v>11001</v>
      </c>
      <c r="F5646" s="6" t="s">
        <v>13</v>
      </c>
      <c r="G5646" s="6" t="s">
        <v>11415</v>
      </c>
      <c r="H5646" s="6" t="s">
        <v>11416</v>
      </c>
      <c r="I5646" s="7">
        <v>4.6143558000000002</v>
      </c>
      <c r="J5646" s="8">
        <v>-74.175040600000003</v>
      </c>
    </row>
    <row r="5647" spans="1:10" x14ac:dyDescent="0.35">
      <c r="A5647" s="5" t="s">
        <v>10</v>
      </c>
      <c r="B5647" s="6">
        <v>236381</v>
      </c>
      <c r="C5647" s="6" t="s">
        <v>68</v>
      </c>
      <c r="D5647" s="6" t="s">
        <v>69</v>
      </c>
      <c r="E5647" s="6">
        <v>11001</v>
      </c>
      <c r="F5647" s="6" t="s">
        <v>18</v>
      </c>
      <c r="G5647" s="6" t="s">
        <v>11417</v>
      </c>
      <c r="H5647" s="6" t="s">
        <v>11418</v>
      </c>
      <c r="I5647" s="7">
        <v>4.6194180999999999</v>
      </c>
      <c r="J5647" s="8">
        <v>-74.119968200000002</v>
      </c>
    </row>
    <row r="5648" spans="1:10" x14ac:dyDescent="0.35">
      <c r="A5648" s="5" t="s">
        <v>10</v>
      </c>
      <c r="B5648" s="6">
        <v>145854</v>
      </c>
      <c r="C5648" s="6" t="s">
        <v>294</v>
      </c>
      <c r="D5648" s="6" t="s">
        <v>4081</v>
      </c>
      <c r="E5648" s="6">
        <v>41306</v>
      </c>
      <c r="F5648" s="6" t="s">
        <v>18</v>
      </c>
      <c r="G5648" s="6" t="s">
        <v>11419</v>
      </c>
      <c r="H5648" s="6" t="s">
        <v>11420</v>
      </c>
      <c r="I5648" s="7">
        <v>2.3845070000000002</v>
      </c>
      <c r="J5648" s="8">
        <v>-75.542887999999905</v>
      </c>
    </row>
    <row r="5649" spans="1:10" x14ac:dyDescent="0.35">
      <c r="A5649" s="5" t="s">
        <v>10</v>
      </c>
      <c r="B5649" s="6">
        <v>215126</v>
      </c>
      <c r="C5649" s="6" t="s">
        <v>278</v>
      </c>
      <c r="D5649" s="6" t="s">
        <v>1331</v>
      </c>
      <c r="E5649" s="6">
        <v>50006</v>
      </c>
      <c r="F5649" s="6" t="s">
        <v>18</v>
      </c>
      <c r="G5649" s="6" t="s">
        <v>11421</v>
      </c>
      <c r="H5649" s="6" t="s">
        <v>11422</v>
      </c>
      <c r="I5649" s="7">
        <v>3.9856558999999998</v>
      </c>
      <c r="J5649" s="8">
        <v>-73.759541599999906</v>
      </c>
    </row>
    <row r="5650" spans="1:10" x14ac:dyDescent="0.35">
      <c r="A5650" s="5" t="s">
        <v>10</v>
      </c>
      <c r="B5650" s="6">
        <v>232486</v>
      </c>
      <c r="C5650" s="6" t="s">
        <v>16</v>
      </c>
      <c r="D5650" s="6" t="s">
        <v>78</v>
      </c>
      <c r="E5650" s="6">
        <v>68001</v>
      </c>
      <c r="F5650" s="6" t="s">
        <v>18</v>
      </c>
      <c r="G5650" s="6" t="s">
        <v>11423</v>
      </c>
      <c r="H5650" s="6" t="s">
        <v>11424</v>
      </c>
      <c r="I5650" s="7">
        <v>7.1377525000000004</v>
      </c>
      <c r="J5650" s="8">
        <v>-73.122862400000002</v>
      </c>
    </row>
    <row r="5651" spans="1:10" x14ac:dyDescent="0.35">
      <c r="A5651" s="5" t="s">
        <v>10</v>
      </c>
      <c r="B5651" s="6">
        <v>211276</v>
      </c>
      <c r="C5651" s="6" t="s">
        <v>308</v>
      </c>
      <c r="D5651" s="6" t="s">
        <v>10453</v>
      </c>
      <c r="E5651" s="6">
        <v>23807</v>
      </c>
      <c r="F5651" s="6" t="s">
        <v>18</v>
      </c>
      <c r="G5651" s="6" t="s">
        <v>11425</v>
      </c>
      <c r="H5651" s="6" t="s">
        <v>11426</v>
      </c>
      <c r="I5651" s="7">
        <v>8.1715710000000001</v>
      </c>
      <c r="J5651" s="8">
        <v>-76.062313000000003</v>
      </c>
    </row>
    <row r="5652" spans="1:10" x14ac:dyDescent="0.35">
      <c r="A5652" s="5" t="s">
        <v>10</v>
      </c>
      <c r="B5652" s="6">
        <v>197926</v>
      </c>
      <c r="C5652" s="6" t="s">
        <v>16</v>
      </c>
      <c r="D5652" s="6" t="s">
        <v>1401</v>
      </c>
      <c r="E5652" s="6">
        <v>68307</v>
      </c>
      <c r="F5652" s="6" t="s">
        <v>18</v>
      </c>
      <c r="G5652" s="6" t="s">
        <v>11427</v>
      </c>
      <c r="H5652" s="6" t="s">
        <v>11428</v>
      </c>
      <c r="I5652" s="7">
        <v>7.0828386999999999</v>
      </c>
      <c r="J5652" s="8">
        <v>-73.174671799999999</v>
      </c>
    </row>
    <row r="5653" spans="1:10" x14ac:dyDescent="0.35">
      <c r="A5653" s="5" t="s">
        <v>10</v>
      </c>
      <c r="B5653" s="6">
        <v>207809</v>
      </c>
      <c r="C5653" s="6" t="s">
        <v>16</v>
      </c>
      <c r="D5653" s="6" t="s">
        <v>2825</v>
      </c>
      <c r="E5653" s="6">
        <v>68276</v>
      </c>
      <c r="F5653" s="6" t="s">
        <v>18</v>
      </c>
      <c r="G5653" s="6" t="s">
        <v>11429</v>
      </c>
      <c r="H5653" s="6" t="s">
        <v>11430</v>
      </c>
      <c r="I5653" s="7">
        <v>7.0639013999999998</v>
      </c>
      <c r="J5653" s="8">
        <v>-73.083702599999995</v>
      </c>
    </row>
    <row r="5654" spans="1:10" x14ac:dyDescent="0.35">
      <c r="A5654" s="5" t="s">
        <v>10</v>
      </c>
      <c r="B5654" s="6">
        <v>219282</v>
      </c>
      <c r="C5654" s="6" t="s">
        <v>16</v>
      </c>
      <c r="D5654" s="6" t="s">
        <v>705</v>
      </c>
      <c r="E5654" s="6">
        <v>68077</v>
      </c>
      <c r="F5654" s="6" t="s">
        <v>18</v>
      </c>
      <c r="G5654" s="6" t="s">
        <v>11431</v>
      </c>
      <c r="H5654" s="6" t="s">
        <v>11432</v>
      </c>
      <c r="I5654" s="7">
        <v>5.9343629999999896</v>
      </c>
      <c r="J5654" s="8">
        <v>-73.615679</v>
      </c>
    </row>
    <row r="5655" spans="1:10" x14ac:dyDescent="0.35">
      <c r="A5655" s="5" t="s">
        <v>10</v>
      </c>
      <c r="B5655" s="6">
        <v>239674</v>
      </c>
      <c r="C5655" s="6" t="s">
        <v>94</v>
      </c>
      <c r="D5655" s="6" t="s">
        <v>98</v>
      </c>
      <c r="E5655" s="6">
        <v>66001</v>
      </c>
      <c r="F5655" s="6" t="s">
        <v>18</v>
      </c>
      <c r="G5655" s="6" t="s">
        <v>11433</v>
      </c>
      <c r="H5655" s="6" t="s">
        <v>11434</v>
      </c>
      <c r="I5655" s="7">
        <v>4.8001218999999997</v>
      </c>
      <c r="J5655" s="8">
        <v>-75.733457200000004</v>
      </c>
    </row>
    <row r="5656" spans="1:10" x14ac:dyDescent="0.35">
      <c r="A5656" s="5" t="s">
        <v>10</v>
      </c>
      <c r="B5656" s="6">
        <v>236343</v>
      </c>
      <c r="C5656" s="6" t="s">
        <v>68</v>
      </c>
      <c r="D5656" s="6" t="s">
        <v>69</v>
      </c>
      <c r="E5656" s="6">
        <v>11001</v>
      </c>
      <c r="F5656" s="6" t="s">
        <v>13</v>
      </c>
      <c r="G5656" s="6" t="s">
        <v>11435</v>
      </c>
      <c r="H5656" s="6" t="s">
        <v>11436</v>
      </c>
      <c r="I5656" s="7">
        <v>4.5579695999999998</v>
      </c>
      <c r="J5656" s="8">
        <v>-74.089606200000006</v>
      </c>
    </row>
    <row r="5657" spans="1:10" x14ac:dyDescent="0.35">
      <c r="A5657" s="5" t="s">
        <v>10</v>
      </c>
      <c r="B5657" s="6">
        <v>231599</v>
      </c>
      <c r="C5657" s="6" t="s">
        <v>68</v>
      </c>
      <c r="D5657" s="6" t="s">
        <v>69</v>
      </c>
      <c r="E5657" s="6">
        <v>11001</v>
      </c>
      <c r="F5657" s="6" t="s">
        <v>18</v>
      </c>
      <c r="G5657" s="6" t="s">
        <v>11437</v>
      </c>
      <c r="H5657" s="6" t="s">
        <v>11438</v>
      </c>
      <c r="I5657" s="7">
        <v>4.5628000000000002</v>
      </c>
      <c r="J5657" s="8">
        <v>-74.146583000000007</v>
      </c>
    </row>
    <row r="5658" spans="1:10" x14ac:dyDescent="0.35">
      <c r="A5658" s="5" t="s">
        <v>10</v>
      </c>
      <c r="B5658" s="6">
        <v>235045</v>
      </c>
      <c r="C5658" s="6" t="s">
        <v>117</v>
      </c>
      <c r="D5658" s="6" t="s">
        <v>1334</v>
      </c>
      <c r="E5658" s="6">
        <v>76001</v>
      </c>
      <c r="F5658" s="6" t="s">
        <v>18</v>
      </c>
      <c r="G5658" s="6" t="s">
        <v>11439</v>
      </c>
      <c r="H5658" s="6" t="s">
        <v>11440</v>
      </c>
      <c r="I5658" s="7">
        <v>3.3990860999999999</v>
      </c>
      <c r="J5658" s="8">
        <v>-76.508374000000003</v>
      </c>
    </row>
    <row r="5659" spans="1:10" x14ac:dyDescent="0.35">
      <c r="A5659" s="5" t="s">
        <v>10</v>
      </c>
      <c r="B5659" s="6">
        <v>219078</v>
      </c>
      <c r="C5659" s="6" t="s">
        <v>16</v>
      </c>
      <c r="D5659" s="6" t="s">
        <v>78</v>
      </c>
      <c r="E5659" s="6">
        <v>68001</v>
      </c>
      <c r="F5659" s="6" t="s">
        <v>18</v>
      </c>
      <c r="G5659" s="6" t="s">
        <v>11441</v>
      </c>
      <c r="H5659" s="6" t="s">
        <v>11442</v>
      </c>
      <c r="I5659" s="7">
        <v>7.1260313999999996</v>
      </c>
      <c r="J5659" s="8">
        <v>-73.096339200000003</v>
      </c>
    </row>
    <row r="5660" spans="1:10" x14ac:dyDescent="0.35">
      <c r="A5660" s="5" t="s">
        <v>10</v>
      </c>
      <c r="B5660" s="6">
        <v>211635</v>
      </c>
      <c r="C5660" s="6" t="s">
        <v>294</v>
      </c>
      <c r="D5660" s="6" t="s">
        <v>703</v>
      </c>
      <c r="E5660" s="6">
        <v>41001</v>
      </c>
      <c r="F5660" s="6" t="s">
        <v>18</v>
      </c>
      <c r="G5660" s="6" t="s">
        <v>11443</v>
      </c>
      <c r="H5660" s="6" t="s">
        <v>11444</v>
      </c>
      <c r="I5660" s="7">
        <v>2.9652017000000002</v>
      </c>
      <c r="J5660" s="8">
        <v>-75.277939199999906</v>
      </c>
    </row>
    <row r="5661" spans="1:10" x14ac:dyDescent="0.35">
      <c r="A5661" s="5" t="s">
        <v>10</v>
      </c>
      <c r="B5661" s="6">
        <v>245329</v>
      </c>
      <c r="C5661" s="6" t="s">
        <v>294</v>
      </c>
      <c r="D5661" s="6" t="s">
        <v>3777</v>
      </c>
      <c r="E5661" s="6">
        <v>41132</v>
      </c>
      <c r="F5661" s="6" t="s">
        <v>18</v>
      </c>
      <c r="G5661" s="6" t="s">
        <v>11445</v>
      </c>
      <c r="H5661" s="6" t="s">
        <v>11446</v>
      </c>
      <c r="I5661" s="7">
        <v>2.6851058000000001</v>
      </c>
      <c r="J5661" s="8">
        <v>-75.326641600000002</v>
      </c>
    </row>
    <row r="5662" spans="1:10" x14ac:dyDescent="0.35">
      <c r="A5662" s="5" t="s">
        <v>10</v>
      </c>
      <c r="B5662" s="6">
        <v>169811</v>
      </c>
      <c r="C5662" s="6" t="s">
        <v>294</v>
      </c>
      <c r="D5662" s="6" t="s">
        <v>703</v>
      </c>
      <c r="E5662" s="6">
        <v>41001</v>
      </c>
      <c r="F5662" s="6" t="s">
        <v>18</v>
      </c>
      <c r="G5662" s="6" t="s">
        <v>11447</v>
      </c>
      <c r="H5662" s="6" t="s">
        <v>11448</v>
      </c>
      <c r="I5662" s="7">
        <v>2.9299257999999999</v>
      </c>
      <c r="J5662" s="8">
        <v>-75.292115799999905</v>
      </c>
    </row>
    <row r="5663" spans="1:10" x14ac:dyDescent="0.35">
      <c r="A5663" s="5" t="s">
        <v>10</v>
      </c>
      <c r="B5663" s="6">
        <v>245739</v>
      </c>
      <c r="C5663" s="6" t="s">
        <v>294</v>
      </c>
      <c r="D5663" s="6" t="s">
        <v>703</v>
      </c>
      <c r="E5663" s="6">
        <v>41001</v>
      </c>
      <c r="F5663" s="6" t="s">
        <v>18</v>
      </c>
      <c r="G5663" s="6" t="s">
        <v>11449</v>
      </c>
      <c r="H5663" s="6" t="s">
        <v>11450</v>
      </c>
      <c r="I5663" s="7">
        <v>2.9117158999999999</v>
      </c>
      <c r="J5663" s="8">
        <v>-75.267662099999995</v>
      </c>
    </row>
    <row r="5664" spans="1:10" x14ac:dyDescent="0.35">
      <c r="A5664" s="5" t="s">
        <v>10</v>
      </c>
      <c r="B5664" s="6">
        <v>138676</v>
      </c>
      <c r="C5664" s="6" t="s">
        <v>68</v>
      </c>
      <c r="D5664" s="6" t="s">
        <v>69</v>
      </c>
      <c r="E5664" s="6">
        <v>11001</v>
      </c>
      <c r="F5664" s="6" t="s">
        <v>18</v>
      </c>
      <c r="G5664" s="6" t="s">
        <v>11451</v>
      </c>
      <c r="H5664" s="6" t="s">
        <v>11452</v>
      </c>
      <c r="I5664" s="7">
        <v>4.6351186999999996</v>
      </c>
      <c r="J5664" s="8">
        <v>-74.1658343</v>
      </c>
    </row>
    <row r="5665" spans="1:10" x14ac:dyDescent="0.35">
      <c r="A5665" s="5" t="s">
        <v>10</v>
      </c>
      <c r="B5665" s="6">
        <v>211377</v>
      </c>
      <c r="C5665" s="6" t="s">
        <v>308</v>
      </c>
      <c r="D5665" s="6" t="s">
        <v>10453</v>
      </c>
      <c r="E5665" s="6">
        <v>23807</v>
      </c>
      <c r="F5665" s="6" t="s">
        <v>18</v>
      </c>
      <c r="G5665" s="6" t="s">
        <v>11453</v>
      </c>
      <c r="H5665" s="6" t="s">
        <v>11454</v>
      </c>
      <c r="I5665" s="7">
        <v>8.1715710000000001</v>
      </c>
      <c r="J5665" s="8">
        <v>-76.062313000000003</v>
      </c>
    </row>
    <row r="5666" spans="1:10" x14ac:dyDescent="0.35">
      <c r="A5666" s="5" t="s">
        <v>10</v>
      </c>
      <c r="B5666" s="6">
        <v>219358</v>
      </c>
      <c r="C5666" s="6" t="s">
        <v>302</v>
      </c>
      <c r="D5666" s="6" t="s">
        <v>4041</v>
      </c>
      <c r="E5666" s="6">
        <v>8758</v>
      </c>
      <c r="F5666" s="6" t="s">
        <v>18</v>
      </c>
      <c r="G5666" s="6" t="s">
        <v>11455</v>
      </c>
      <c r="H5666" s="6" t="s">
        <v>11456</v>
      </c>
      <c r="I5666" s="7">
        <v>10.8999472</v>
      </c>
      <c r="J5666" s="8">
        <v>-74.779640399999906</v>
      </c>
    </row>
    <row r="5667" spans="1:10" x14ac:dyDescent="0.35">
      <c r="A5667" s="5" t="s">
        <v>10</v>
      </c>
      <c r="B5667" s="6">
        <v>244872</v>
      </c>
      <c r="C5667" s="6" t="s">
        <v>308</v>
      </c>
      <c r="D5667" s="6" t="s">
        <v>309</v>
      </c>
      <c r="E5667" s="6">
        <v>23001</v>
      </c>
      <c r="F5667" s="6" t="s">
        <v>18</v>
      </c>
      <c r="G5667" s="6" t="s">
        <v>11457</v>
      </c>
      <c r="H5667" s="6" t="s">
        <v>11458</v>
      </c>
      <c r="I5667" s="7">
        <v>8.4519599999999997</v>
      </c>
      <c r="J5667" s="8">
        <v>-75.80247</v>
      </c>
    </row>
    <row r="5668" spans="1:10" x14ac:dyDescent="0.35">
      <c r="A5668" s="5" t="s">
        <v>10</v>
      </c>
      <c r="B5668" s="6">
        <v>219877</v>
      </c>
      <c r="C5668" s="6" t="s">
        <v>16</v>
      </c>
      <c r="D5668" s="6" t="s">
        <v>78</v>
      </c>
      <c r="E5668" s="6">
        <v>68001</v>
      </c>
      <c r="F5668" s="6" t="s">
        <v>18</v>
      </c>
      <c r="G5668" s="6" t="s">
        <v>11459</v>
      </c>
      <c r="H5668" s="6" t="s">
        <v>11460</v>
      </c>
      <c r="I5668" s="7">
        <v>7.0832006999999999</v>
      </c>
      <c r="J5668" s="8">
        <v>-73.130953300000002</v>
      </c>
    </row>
    <row r="5669" spans="1:10" x14ac:dyDescent="0.35">
      <c r="A5669" s="5" t="s">
        <v>10</v>
      </c>
      <c r="B5669" s="6">
        <v>214312</v>
      </c>
      <c r="C5669" s="6" t="s">
        <v>68</v>
      </c>
      <c r="D5669" s="6" t="s">
        <v>69</v>
      </c>
      <c r="E5669" s="6">
        <v>11001</v>
      </c>
      <c r="F5669" s="6" t="s">
        <v>13</v>
      </c>
      <c r="G5669" s="6" t="s">
        <v>11461</v>
      </c>
      <c r="H5669" s="6" t="s">
        <v>11462</v>
      </c>
      <c r="I5669" s="7">
        <v>4.744345</v>
      </c>
      <c r="J5669" s="8">
        <v>-74.092166000000006</v>
      </c>
    </row>
    <row r="5670" spans="1:10" x14ac:dyDescent="0.35">
      <c r="A5670" s="5" t="s">
        <v>10</v>
      </c>
      <c r="B5670" s="6">
        <v>245425</v>
      </c>
      <c r="C5670" s="6" t="s">
        <v>68</v>
      </c>
      <c r="D5670" s="6" t="s">
        <v>69</v>
      </c>
      <c r="E5670" s="6">
        <v>11001</v>
      </c>
      <c r="F5670" s="6" t="s">
        <v>13</v>
      </c>
      <c r="G5670" s="6" t="s">
        <v>11463</v>
      </c>
      <c r="H5670" s="6" t="s">
        <v>11464</v>
      </c>
      <c r="I5670" s="7">
        <v>4.6819011000000001</v>
      </c>
      <c r="J5670" s="8">
        <v>-74.154122799999996</v>
      </c>
    </row>
    <row r="5671" spans="1:10" x14ac:dyDescent="0.35">
      <c r="A5671" s="5" t="s">
        <v>10</v>
      </c>
      <c r="B5671" s="6">
        <v>243369</v>
      </c>
      <c r="C5671" s="6" t="s">
        <v>68</v>
      </c>
      <c r="D5671" s="6" t="s">
        <v>69</v>
      </c>
      <c r="E5671" s="6">
        <v>11001</v>
      </c>
      <c r="F5671" s="6" t="s">
        <v>18</v>
      </c>
      <c r="G5671" s="6" t="s">
        <v>11465</v>
      </c>
      <c r="H5671" s="6" t="s">
        <v>11466</v>
      </c>
      <c r="I5671" s="7">
        <v>4.7050245999999998</v>
      </c>
      <c r="J5671" s="8">
        <v>-74.127034899999998</v>
      </c>
    </row>
    <row r="5672" spans="1:10" x14ac:dyDescent="0.35">
      <c r="A5672" s="5" t="s">
        <v>10</v>
      </c>
      <c r="B5672" s="6">
        <v>229780</v>
      </c>
      <c r="C5672" s="6" t="s">
        <v>68</v>
      </c>
      <c r="D5672" s="6" t="s">
        <v>69</v>
      </c>
      <c r="E5672" s="6">
        <v>11001</v>
      </c>
      <c r="F5672" s="6" t="s">
        <v>18</v>
      </c>
      <c r="G5672" s="6" t="s">
        <v>11467</v>
      </c>
      <c r="H5672" s="6" t="s">
        <v>11468</v>
      </c>
      <c r="I5672" s="7">
        <v>4.5890637999999999</v>
      </c>
      <c r="J5672" s="8">
        <v>-74.142986500000006</v>
      </c>
    </row>
    <row r="5673" spans="1:10" x14ac:dyDescent="0.35">
      <c r="A5673" s="5" t="s">
        <v>10</v>
      </c>
      <c r="B5673" s="6">
        <v>233111</v>
      </c>
      <c r="C5673" s="6" t="s">
        <v>68</v>
      </c>
      <c r="D5673" s="6" t="s">
        <v>69</v>
      </c>
      <c r="E5673" s="6">
        <v>11001</v>
      </c>
      <c r="F5673" s="6" t="s">
        <v>18</v>
      </c>
      <c r="G5673" s="6" t="s">
        <v>11469</v>
      </c>
      <c r="H5673" s="6" t="s">
        <v>11470</v>
      </c>
      <c r="I5673" s="7">
        <v>4.6346499999999997</v>
      </c>
      <c r="J5673" s="8">
        <v>-74.138620000000003</v>
      </c>
    </row>
    <row r="5674" spans="1:10" x14ac:dyDescent="0.35">
      <c r="A5674" s="5" t="s">
        <v>10</v>
      </c>
      <c r="B5674" s="6">
        <v>237276</v>
      </c>
      <c r="C5674" s="6" t="s">
        <v>457</v>
      </c>
      <c r="D5674" s="6" t="s">
        <v>11471</v>
      </c>
      <c r="E5674" s="6">
        <v>52227</v>
      </c>
      <c r="F5674" s="6" t="s">
        <v>18</v>
      </c>
      <c r="G5674" s="6" t="s">
        <v>11472</v>
      </c>
      <c r="H5674" s="6" t="s">
        <v>11473</v>
      </c>
      <c r="I5674" s="7">
        <v>0.90617250000000005</v>
      </c>
      <c r="J5674" s="8">
        <v>-77.791423300000005</v>
      </c>
    </row>
    <row r="5675" spans="1:10" x14ac:dyDescent="0.35">
      <c r="A5675" s="5" t="s">
        <v>10</v>
      </c>
      <c r="B5675" s="6">
        <v>221343</v>
      </c>
      <c r="C5675" s="6" t="s">
        <v>28</v>
      </c>
      <c r="D5675" s="6" t="s">
        <v>3008</v>
      </c>
      <c r="E5675" s="6">
        <v>54820</v>
      </c>
      <c r="F5675" s="6" t="s">
        <v>18</v>
      </c>
      <c r="G5675" s="6" t="s">
        <v>11474</v>
      </c>
      <c r="H5675" s="6" t="s">
        <v>11475</v>
      </c>
      <c r="I5675" s="7">
        <v>7.2042256</v>
      </c>
      <c r="J5675" s="8">
        <v>-72.442668499999996</v>
      </c>
    </row>
    <row r="5676" spans="1:10" x14ac:dyDescent="0.35">
      <c r="A5676" s="5" t="s">
        <v>10</v>
      </c>
      <c r="B5676" s="6">
        <v>106804</v>
      </c>
      <c r="C5676" s="6" t="s">
        <v>294</v>
      </c>
      <c r="D5676" s="6" t="s">
        <v>703</v>
      </c>
      <c r="E5676" s="6">
        <v>41001</v>
      </c>
      <c r="F5676" s="6" t="s">
        <v>18</v>
      </c>
      <c r="G5676" s="6" t="s">
        <v>11476</v>
      </c>
      <c r="H5676" s="6" t="s">
        <v>11477</v>
      </c>
      <c r="I5676" s="7">
        <v>2.9078525000000002</v>
      </c>
      <c r="J5676" s="8">
        <v>-75.273589599999994</v>
      </c>
    </row>
    <row r="5677" spans="1:10" x14ac:dyDescent="0.35">
      <c r="A5677" s="5" t="s">
        <v>10</v>
      </c>
      <c r="B5677" s="6">
        <v>237684</v>
      </c>
      <c r="C5677" s="6" t="s">
        <v>16</v>
      </c>
      <c r="D5677" s="6" t="s">
        <v>2825</v>
      </c>
      <c r="E5677" s="6">
        <v>68276</v>
      </c>
      <c r="F5677" s="6" t="s">
        <v>18</v>
      </c>
      <c r="G5677" s="6" t="s">
        <v>11478</v>
      </c>
      <c r="H5677" s="6" t="s">
        <v>11479</v>
      </c>
      <c r="I5677" s="7">
        <v>7.0882981000000003</v>
      </c>
      <c r="J5677" s="8">
        <v>-73.0759446</v>
      </c>
    </row>
    <row r="5678" spans="1:10" x14ac:dyDescent="0.35">
      <c r="A5678" s="5" t="s">
        <v>10</v>
      </c>
      <c r="B5678" s="6">
        <v>245888</v>
      </c>
      <c r="C5678" s="6" t="s">
        <v>68</v>
      </c>
      <c r="D5678" s="6" t="s">
        <v>69</v>
      </c>
      <c r="E5678" s="6">
        <v>11001</v>
      </c>
      <c r="F5678" s="6" t="s">
        <v>18</v>
      </c>
      <c r="G5678" s="6" t="s">
        <v>11480</v>
      </c>
      <c r="H5678" s="6" t="s">
        <v>11481</v>
      </c>
      <c r="I5678" s="7">
        <v>4.6435620966351001</v>
      </c>
      <c r="J5678" s="8">
        <v>-74.166981989873904</v>
      </c>
    </row>
    <row r="5679" spans="1:10" x14ac:dyDescent="0.35">
      <c r="A5679" s="5" t="s">
        <v>10</v>
      </c>
      <c r="B5679" s="6">
        <v>204273</v>
      </c>
      <c r="C5679" s="6" t="s">
        <v>11</v>
      </c>
      <c r="D5679" s="6" t="s">
        <v>334</v>
      </c>
      <c r="E5679" s="6">
        <v>25754</v>
      </c>
      <c r="F5679" s="6" t="s">
        <v>18</v>
      </c>
      <c r="G5679" s="6" t="s">
        <v>11482</v>
      </c>
      <c r="H5679" s="6" t="s">
        <v>11483</v>
      </c>
      <c r="I5679" s="7">
        <v>4.5838760999999897</v>
      </c>
      <c r="J5679" s="8">
        <v>-74.188229800000002</v>
      </c>
    </row>
    <row r="5680" spans="1:10" x14ac:dyDescent="0.35">
      <c r="A5680" s="5" t="s">
        <v>10</v>
      </c>
      <c r="B5680" s="6">
        <v>209469</v>
      </c>
      <c r="C5680" s="6" t="s">
        <v>68</v>
      </c>
      <c r="D5680" s="6" t="s">
        <v>69</v>
      </c>
      <c r="E5680" s="6">
        <v>11001</v>
      </c>
      <c r="F5680" s="6" t="s">
        <v>18</v>
      </c>
      <c r="G5680" s="6" t="s">
        <v>11484</v>
      </c>
      <c r="H5680" s="6" t="s">
        <v>11485</v>
      </c>
      <c r="I5680" s="7">
        <v>4.6006868000000001</v>
      </c>
      <c r="J5680" s="8">
        <v>-74.180396799999997</v>
      </c>
    </row>
    <row r="5681" spans="1:10" x14ac:dyDescent="0.35">
      <c r="A5681" s="5" t="s">
        <v>10</v>
      </c>
      <c r="B5681" s="6">
        <v>190406</v>
      </c>
      <c r="C5681" s="6" t="s">
        <v>11</v>
      </c>
      <c r="D5681" s="6" t="s">
        <v>221</v>
      </c>
      <c r="E5681" s="6">
        <v>25430</v>
      </c>
      <c r="F5681" s="6" t="s">
        <v>18</v>
      </c>
      <c r="G5681" s="6" t="s">
        <v>11486</v>
      </c>
      <c r="H5681" s="6" t="s">
        <v>11487</v>
      </c>
      <c r="I5681" s="7">
        <v>4.7335374999999997</v>
      </c>
      <c r="J5681" s="8">
        <v>-74.262411499999999</v>
      </c>
    </row>
    <row r="5682" spans="1:10" x14ac:dyDescent="0.35">
      <c r="A5682" s="5" t="s">
        <v>10</v>
      </c>
      <c r="B5682" s="6">
        <v>180442</v>
      </c>
      <c r="C5682" s="6" t="s">
        <v>68</v>
      </c>
      <c r="D5682" s="6" t="s">
        <v>69</v>
      </c>
      <c r="E5682" s="6">
        <v>11001</v>
      </c>
      <c r="F5682" s="6" t="s">
        <v>18</v>
      </c>
      <c r="G5682" s="6" t="s">
        <v>11488</v>
      </c>
      <c r="H5682" s="6" t="s">
        <v>11489</v>
      </c>
      <c r="I5682" s="7">
        <v>4.7160557999999897</v>
      </c>
      <c r="J5682" s="8">
        <v>-74.139503099999999</v>
      </c>
    </row>
    <row r="5683" spans="1:10" x14ac:dyDescent="0.35">
      <c r="A5683" s="5" t="s">
        <v>10</v>
      </c>
      <c r="B5683" s="6">
        <v>208556</v>
      </c>
      <c r="C5683" s="6" t="s">
        <v>302</v>
      </c>
      <c r="D5683" s="6" t="s">
        <v>359</v>
      </c>
      <c r="E5683" s="6">
        <v>8001</v>
      </c>
      <c r="F5683" s="6" t="s">
        <v>18</v>
      </c>
      <c r="G5683" s="6" t="s">
        <v>11490</v>
      </c>
      <c r="H5683" s="6" t="s">
        <v>11491</v>
      </c>
      <c r="I5683" s="7">
        <v>10.9762656</v>
      </c>
      <c r="J5683" s="8">
        <v>-74.792197399999907</v>
      </c>
    </row>
    <row r="5684" spans="1:10" x14ac:dyDescent="0.35">
      <c r="A5684" s="5" t="s">
        <v>10</v>
      </c>
      <c r="B5684" s="6">
        <v>155180</v>
      </c>
      <c r="C5684" s="6" t="s">
        <v>3788</v>
      </c>
      <c r="D5684" s="6" t="s">
        <v>6771</v>
      </c>
      <c r="E5684" s="6">
        <v>18753</v>
      </c>
      <c r="F5684" s="6" t="s">
        <v>18</v>
      </c>
      <c r="G5684" s="6" t="s">
        <v>11492</v>
      </c>
      <c r="H5684" s="6" t="s">
        <v>11493</v>
      </c>
      <c r="I5684" s="7">
        <v>2.1136446000000002</v>
      </c>
      <c r="J5684" s="8">
        <v>-74.773205599999997</v>
      </c>
    </row>
    <row r="5685" spans="1:10" x14ac:dyDescent="0.35">
      <c r="A5685" s="5" t="s">
        <v>10</v>
      </c>
      <c r="B5685" s="6">
        <v>231354</v>
      </c>
      <c r="C5685" s="6" t="s">
        <v>117</v>
      </c>
      <c r="D5685" s="6" t="s">
        <v>1334</v>
      </c>
      <c r="E5685" s="6">
        <v>76001</v>
      </c>
      <c r="F5685" s="6" t="s">
        <v>13</v>
      </c>
      <c r="G5685" s="6" t="s">
        <v>11494</v>
      </c>
      <c r="H5685" s="6" t="s">
        <v>11495</v>
      </c>
      <c r="I5685" s="7">
        <v>3.4710410999999999</v>
      </c>
      <c r="J5685" s="8">
        <v>-76.481668599999907</v>
      </c>
    </row>
    <row r="5686" spans="1:10" x14ac:dyDescent="0.35">
      <c r="A5686" s="5" t="s">
        <v>10</v>
      </c>
      <c r="B5686" s="6">
        <v>235279</v>
      </c>
      <c r="C5686" s="6" t="s">
        <v>55</v>
      </c>
      <c r="D5686" s="6" t="s">
        <v>56</v>
      </c>
      <c r="E5686" s="6">
        <v>73001</v>
      </c>
      <c r="F5686" s="6" t="s">
        <v>18</v>
      </c>
      <c r="G5686" s="6" t="s">
        <v>11496</v>
      </c>
      <c r="H5686" s="6" t="s">
        <v>11497</v>
      </c>
      <c r="I5686" s="7">
        <v>4.4369785999999998</v>
      </c>
      <c r="J5686" s="8">
        <v>-75.188795299999995</v>
      </c>
    </row>
    <row r="5687" spans="1:10" x14ac:dyDescent="0.35">
      <c r="A5687" s="5" t="s">
        <v>10</v>
      </c>
      <c r="B5687" s="6">
        <v>237527</v>
      </c>
      <c r="C5687" s="6" t="s">
        <v>68</v>
      </c>
      <c r="D5687" s="6" t="s">
        <v>69</v>
      </c>
      <c r="E5687" s="6">
        <v>11001</v>
      </c>
      <c r="F5687" s="6" t="s">
        <v>18</v>
      </c>
      <c r="G5687" s="6" t="s">
        <v>11498</v>
      </c>
      <c r="H5687" s="6" t="s">
        <v>11499</v>
      </c>
      <c r="I5687" s="7">
        <v>4.6049759999999997</v>
      </c>
      <c r="J5687" s="8">
        <v>-74.147724499999995</v>
      </c>
    </row>
    <row r="5688" spans="1:10" x14ac:dyDescent="0.35">
      <c r="A5688" s="5" t="s">
        <v>10</v>
      </c>
      <c r="B5688" s="6">
        <v>218761</v>
      </c>
      <c r="C5688" s="6" t="s">
        <v>68</v>
      </c>
      <c r="D5688" s="6" t="s">
        <v>69</v>
      </c>
      <c r="E5688" s="6">
        <v>11001</v>
      </c>
      <c r="F5688" s="6" t="s">
        <v>18</v>
      </c>
      <c r="G5688" s="6" t="s">
        <v>11500</v>
      </c>
      <c r="H5688" s="6" t="s">
        <v>11501</v>
      </c>
      <c r="I5688" s="7">
        <v>4.5769820000000001</v>
      </c>
      <c r="J5688" s="8">
        <v>-74.176270899999906</v>
      </c>
    </row>
    <row r="5689" spans="1:10" x14ac:dyDescent="0.35">
      <c r="A5689" s="5" t="s">
        <v>10</v>
      </c>
      <c r="B5689" s="6">
        <v>221797</v>
      </c>
      <c r="C5689" s="6" t="s">
        <v>294</v>
      </c>
      <c r="D5689" s="6" t="s">
        <v>703</v>
      </c>
      <c r="E5689" s="6">
        <v>41001</v>
      </c>
      <c r="F5689" s="6" t="s">
        <v>18</v>
      </c>
      <c r="G5689" s="6" t="s">
        <v>11502</v>
      </c>
      <c r="H5689" s="6" t="s">
        <v>11503</v>
      </c>
      <c r="I5689" s="7">
        <v>2.9074662</v>
      </c>
      <c r="J5689" s="8">
        <v>-75.2648011</v>
      </c>
    </row>
    <row r="5690" spans="1:10" x14ac:dyDescent="0.35">
      <c r="A5690" s="5" t="s">
        <v>10</v>
      </c>
      <c r="B5690" s="6">
        <v>145034</v>
      </c>
      <c r="C5690" s="6" t="s">
        <v>68</v>
      </c>
      <c r="D5690" s="6" t="s">
        <v>69</v>
      </c>
      <c r="E5690" s="6">
        <v>11001</v>
      </c>
      <c r="F5690" s="6" t="s">
        <v>18</v>
      </c>
      <c r="G5690" s="6" t="s">
        <v>11504</v>
      </c>
      <c r="H5690" s="6" t="s">
        <v>11505</v>
      </c>
      <c r="I5690" s="7">
        <v>4.6659647</v>
      </c>
      <c r="J5690" s="8">
        <v>-74.136520500000003</v>
      </c>
    </row>
    <row r="5691" spans="1:10" x14ac:dyDescent="0.35">
      <c r="A5691" s="5" t="s">
        <v>10</v>
      </c>
      <c r="B5691" s="6">
        <v>208644</v>
      </c>
      <c r="C5691" s="6" t="s">
        <v>68</v>
      </c>
      <c r="D5691" s="6" t="s">
        <v>69</v>
      </c>
      <c r="E5691" s="6">
        <v>11001</v>
      </c>
      <c r="F5691" s="6" t="s">
        <v>18</v>
      </c>
      <c r="G5691" s="6" t="s">
        <v>11506</v>
      </c>
      <c r="H5691" s="6" t="s">
        <v>11507</v>
      </c>
      <c r="I5691" s="7">
        <v>4.6746195999999998</v>
      </c>
      <c r="J5691" s="8">
        <v>-74.150060799999906</v>
      </c>
    </row>
    <row r="5692" spans="1:10" x14ac:dyDescent="0.35">
      <c r="A5692" s="5" t="s">
        <v>10</v>
      </c>
      <c r="B5692" s="6">
        <v>96471</v>
      </c>
      <c r="C5692" s="6" t="s">
        <v>11</v>
      </c>
      <c r="D5692" s="6" t="s">
        <v>337</v>
      </c>
      <c r="E5692" s="6">
        <v>25290</v>
      </c>
      <c r="F5692" s="6" t="s">
        <v>18</v>
      </c>
      <c r="G5692" s="6" t="s">
        <v>3748</v>
      </c>
      <c r="H5692" s="6" t="s">
        <v>8795</v>
      </c>
      <c r="I5692" s="7">
        <v>4.8072096999999996</v>
      </c>
      <c r="J5692" s="8">
        <v>-74.104350099999905</v>
      </c>
    </row>
    <row r="5693" spans="1:10" x14ac:dyDescent="0.35">
      <c r="A5693" s="5" t="s">
        <v>10</v>
      </c>
      <c r="B5693" s="6">
        <v>170041</v>
      </c>
      <c r="C5693" s="6" t="s">
        <v>302</v>
      </c>
      <c r="D5693" s="6" t="s">
        <v>7833</v>
      </c>
      <c r="E5693" s="6">
        <v>8685</v>
      </c>
      <c r="F5693" s="6" t="s">
        <v>18</v>
      </c>
      <c r="G5693" s="6" t="s">
        <v>11508</v>
      </c>
      <c r="H5693" s="6" t="s">
        <v>11509</v>
      </c>
      <c r="I5693" s="7">
        <v>10.763286000000001</v>
      </c>
      <c r="J5693" s="8">
        <v>-74.756498999999906</v>
      </c>
    </row>
    <row r="5694" spans="1:10" x14ac:dyDescent="0.35">
      <c r="A5694" s="5" t="s">
        <v>10</v>
      </c>
      <c r="B5694" s="6">
        <v>199703</v>
      </c>
      <c r="C5694" s="6" t="s">
        <v>308</v>
      </c>
      <c r="D5694" s="6" t="s">
        <v>309</v>
      </c>
      <c r="E5694" s="6">
        <v>23001</v>
      </c>
      <c r="F5694" s="6" t="s">
        <v>18</v>
      </c>
      <c r="G5694" s="6" t="s">
        <v>11510</v>
      </c>
      <c r="H5694" s="6" t="s">
        <v>11511</v>
      </c>
      <c r="I5694" s="7">
        <v>8.7366244999999996</v>
      </c>
      <c r="J5694" s="8">
        <v>-75.890598499999996</v>
      </c>
    </row>
    <row r="5695" spans="1:10" x14ac:dyDescent="0.35">
      <c r="A5695" s="5" t="s">
        <v>10</v>
      </c>
      <c r="B5695" s="6">
        <v>205188</v>
      </c>
      <c r="C5695" s="6" t="s">
        <v>11</v>
      </c>
      <c r="D5695" s="6" t="s">
        <v>334</v>
      </c>
      <c r="E5695" s="6">
        <v>25754</v>
      </c>
      <c r="F5695" s="6" t="s">
        <v>13</v>
      </c>
      <c r="G5695" s="6" t="s">
        <v>11512</v>
      </c>
      <c r="H5695" s="6" t="s">
        <v>11513</v>
      </c>
      <c r="I5695" s="7">
        <v>4.5837868000000004</v>
      </c>
      <c r="J5695" s="8">
        <v>-74.213941300000002</v>
      </c>
    </row>
    <row r="5696" spans="1:10" x14ac:dyDescent="0.35">
      <c r="A5696" s="5" t="s">
        <v>10</v>
      </c>
      <c r="B5696" s="6">
        <v>215336</v>
      </c>
      <c r="C5696" s="6" t="s">
        <v>68</v>
      </c>
      <c r="D5696" s="6" t="s">
        <v>69</v>
      </c>
      <c r="E5696" s="6">
        <v>11001</v>
      </c>
      <c r="F5696" s="6" t="s">
        <v>13</v>
      </c>
      <c r="G5696" s="6" t="s">
        <v>11514</v>
      </c>
      <c r="H5696" s="6" t="s">
        <v>11515</v>
      </c>
      <c r="I5696" s="7">
        <v>4.6122985999999999</v>
      </c>
      <c r="J5696" s="8">
        <v>-74.182547700000001</v>
      </c>
    </row>
    <row r="5697" spans="1:10" x14ac:dyDescent="0.35">
      <c r="A5697" s="5" t="s">
        <v>10</v>
      </c>
      <c r="B5697" s="6">
        <v>236376</v>
      </c>
      <c r="C5697" s="6" t="s">
        <v>68</v>
      </c>
      <c r="D5697" s="6" t="s">
        <v>69</v>
      </c>
      <c r="E5697" s="6">
        <v>11001</v>
      </c>
      <c r="F5697" s="6" t="s">
        <v>18</v>
      </c>
      <c r="G5697" s="6" t="s">
        <v>11516</v>
      </c>
      <c r="H5697" s="6" t="s">
        <v>11517</v>
      </c>
      <c r="I5697" s="7">
        <v>4.6028428000000003</v>
      </c>
      <c r="J5697" s="8">
        <v>-74.130133499999999</v>
      </c>
    </row>
    <row r="5698" spans="1:10" x14ac:dyDescent="0.35">
      <c r="A5698" s="5" t="s">
        <v>10</v>
      </c>
      <c r="B5698" s="6">
        <v>238480</v>
      </c>
      <c r="C5698" s="6" t="s">
        <v>11</v>
      </c>
      <c r="D5698" s="6" t="s">
        <v>334</v>
      </c>
      <c r="E5698" s="6">
        <v>25754</v>
      </c>
      <c r="F5698" s="6" t="s">
        <v>18</v>
      </c>
      <c r="G5698" s="6" t="s">
        <v>11518</v>
      </c>
      <c r="H5698" s="6" t="s">
        <v>11519</v>
      </c>
      <c r="I5698" s="7">
        <v>4.5867829999999996</v>
      </c>
      <c r="J5698" s="8">
        <v>-74.213705899999994</v>
      </c>
    </row>
    <row r="5699" spans="1:10" x14ac:dyDescent="0.35">
      <c r="A5699" s="5" t="s">
        <v>10</v>
      </c>
      <c r="B5699" s="6">
        <v>210261</v>
      </c>
      <c r="C5699" s="6" t="s">
        <v>68</v>
      </c>
      <c r="D5699" s="6" t="s">
        <v>69</v>
      </c>
      <c r="E5699" s="6">
        <v>11001</v>
      </c>
      <c r="F5699" s="6" t="s">
        <v>18</v>
      </c>
      <c r="G5699" s="6" t="s">
        <v>11520</v>
      </c>
      <c r="H5699" s="6" t="s">
        <v>11521</v>
      </c>
      <c r="I5699" s="7">
        <v>4.5822272999999996</v>
      </c>
      <c r="J5699" s="8">
        <v>-74.069357799999906</v>
      </c>
    </row>
    <row r="5700" spans="1:10" x14ac:dyDescent="0.35">
      <c r="A5700" s="5" t="s">
        <v>10</v>
      </c>
      <c r="B5700" s="6">
        <v>191308</v>
      </c>
      <c r="C5700" s="6" t="s">
        <v>302</v>
      </c>
      <c r="D5700" s="6" t="s">
        <v>11355</v>
      </c>
      <c r="E5700" s="6">
        <v>8849</v>
      </c>
      <c r="F5700" s="6" t="s">
        <v>18</v>
      </c>
      <c r="G5700" s="6" t="s">
        <v>11522</v>
      </c>
      <c r="H5700" s="6" t="s">
        <v>11523</v>
      </c>
      <c r="I5700" s="7">
        <v>10.7428425</v>
      </c>
      <c r="J5700" s="8">
        <v>-74.978336900000002</v>
      </c>
    </row>
    <row r="5701" spans="1:10" x14ac:dyDescent="0.35">
      <c r="A5701" s="5" t="s">
        <v>10</v>
      </c>
      <c r="B5701" s="6">
        <v>241421</v>
      </c>
      <c r="C5701" s="6" t="s">
        <v>302</v>
      </c>
      <c r="D5701" s="6" t="s">
        <v>4041</v>
      </c>
      <c r="E5701" s="6">
        <v>8758</v>
      </c>
      <c r="F5701" s="6" t="s">
        <v>18</v>
      </c>
      <c r="G5701" s="6" t="s">
        <v>11524</v>
      </c>
      <c r="H5701" s="6" t="s">
        <v>11525</v>
      </c>
      <c r="I5701" s="7">
        <v>10.9164066</v>
      </c>
      <c r="J5701" s="8">
        <v>-74.806933200000003</v>
      </c>
    </row>
    <row r="5702" spans="1:10" x14ac:dyDescent="0.35">
      <c r="A5702" s="5" t="s">
        <v>10</v>
      </c>
      <c r="B5702" s="6">
        <v>207154</v>
      </c>
      <c r="C5702" s="6" t="s">
        <v>308</v>
      </c>
      <c r="D5702" s="6" t="s">
        <v>7590</v>
      </c>
      <c r="E5702" s="6">
        <v>23466</v>
      </c>
      <c r="F5702" s="6" t="s">
        <v>18</v>
      </c>
      <c r="G5702" s="6" t="s">
        <v>11526</v>
      </c>
      <c r="H5702" s="6" t="s">
        <v>11527</v>
      </c>
      <c r="I5702" s="7">
        <v>7.9768030000000003</v>
      </c>
      <c r="J5702" s="8">
        <v>-75.417209</v>
      </c>
    </row>
    <row r="5703" spans="1:10" x14ac:dyDescent="0.35">
      <c r="A5703" s="5" t="s">
        <v>10</v>
      </c>
      <c r="B5703" s="6">
        <v>228572</v>
      </c>
      <c r="C5703" s="6" t="s">
        <v>302</v>
      </c>
      <c r="D5703" s="6" t="s">
        <v>359</v>
      </c>
      <c r="E5703" s="6">
        <v>8001</v>
      </c>
      <c r="F5703" s="6" t="s">
        <v>18</v>
      </c>
      <c r="G5703" s="6" t="s">
        <v>11528</v>
      </c>
      <c r="H5703" s="6" t="s">
        <v>11529</v>
      </c>
      <c r="I5703" s="7">
        <v>10.983924200000001</v>
      </c>
      <c r="J5703" s="8">
        <v>-74.782185799999993</v>
      </c>
    </row>
    <row r="5704" spans="1:10" x14ac:dyDescent="0.35">
      <c r="A5704" s="5" t="s">
        <v>10</v>
      </c>
      <c r="B5704" s="6">
        <v>209292</v>
      </c>
      <c r="C5704" s="6" t="s">
        <v>16</v>
      </c>
      <c r="D5704" s="6" t="s">
        <v>78</v>
      </c>
      <c r="E5704" s="6">
        <v>68001</v>
      </c>
      <c r="F5704" s="6" t="s">
        <v>18</v>
      </c>
      <c r="G5704" s="6" t="s">
        <v>11530</v>
      </c>
      <c r="H5704" s="6" t="s">
        <v>11531</v>
      </c>
      <c r="I5704" s="7">
        <v>7.1270121</v>
      </c>
      <c r="J5704" s="8">
        <v>-73.124783399999998</v>
      </c>
    </row>
    <row r="5705" spans="1:10" x14ac:dyDescent="0.35">
      <c r="A5705" s="5" t="s">
        <v>10</v>
      </c>
      <c r="B5705" s="6">
        <v>242964</v>
      </c>
      <c r="C5705" s="6" t="s">
        <v>16</v>
      </c>
      <c r="D5705" s="6" t="s">
        <v>78</v>
      </c>
      <c r="E5705" s="6">
        <v>68001</v>
      </c>
      <c r="F5705" s="6" t="s">
        <v>18</v>
      </c>
      <c r="G5705" s="6" t="s">
        <v>11532</v>
      </c>
      <c r="H5705" s="6" t="s">
        <v>11533</v>
      </c>
      <c r="I5705" s="7">
        <v>7.1180256999999996</v>
      </c>
      <c r="J5705" s="8">
        <v>-73.124684500000001</v>
      </c>
    </row>
    <row r="5706" spans="1:10" x14ac:dyDescent="0.35">
      <c r="A5706" s="5" t="s">
        <v>10</v>
      </c>
      <c r="B5706" s="6">
        <v>229583</v>
      </c>
      <c r="C5706" s="6" t="s">
        <v>3788</v>
      </c>
      <c r="D5706" s="6" t="s">
        <v>3974</v>
      </c>
      <c r="E5706" s="6">
        <v>18001</v>
      </c>
      <c r="F5706" s="6" t="s">
        <v>18</v>
      </c>
      <c r="G5706" s="6" t="s">
        <v>11534</v>
      </c>
      <c r="H5706" s="6" t="s">
        <v>11535</v>
      </c>
      <c r="I5706" s="7">
        <v>1.6074169</v>
      </c>
      <c r="J5706" s="8">
        <v>-75.601805200000001</v>
      </c>
    </row>
    <row r="5707" spans="1:10" x14ac:dyDescent="0.35">
      <c r="A5707" s="5" t="s">
        <v>10</v>
      </c>
      <c r="B5707" s="6">
        <v>223782</v>
      </c>
      <c r="C5707" s="6" t="s">
        <v>68</v>
      </c>
      <c r="D5707" s="6" t="s">
        <v>69</v>
      </c>
      <c r="E5707" s="6">
        <v>11001</v>
      </c>
      <c r="F5707" s="6" t="s">
        <v>13</v>
      </c>
      <c r="G5707" s="6" t="s">
        <v>11536</v>
      </c>
      <c r="H5707" s="6" t="s">
        <v>11537</v>
      </c>
      <c r="I5707" s="7">
        <v>4.571485</v>
      </c>
      <c r="J5707" s="8">
        <v>-74.097250700000004</v>
      </c>
    </row>
    <row r="5708" spans="1:10" x14ac:dyDescent="0.35">
      <c r="A5708" s="5" t="s">
        <v>10</v>
      </c>
      <c r="B5708" s="6">
        <v>205460</v>
      </c>
      <c r="C5708" s="6" t="s">
        <v>11</v>
      </c>
      <c r="D5708" s="6" t="s">
        <v>334</v>
      </c>
      <c r="E5708" s="6">
        <v>25754</v>
      </c>
      <c r="F5708" s="6" t="s">
        <v>13</v>
      </c>
      <c r="G5708" s="6" t="s">
        <v>11538</v>
      </c>
      <c r="H5708" s="6" t="s">
        <v>11539</v>
      </c>
      <c r="I5708" s="7">
        <v>4.5842593999999997</v>
      </c>
      <c r="J5708" s="8">
        <v>-74.205202600000007</v>
      </c>
    </row>
    <row r="5709" spans="1:10" x14ac:dyDescent="0.35">
      <c r="A5709" s="5" t="s">
        <v>10</v>
      </c>
      <c r="B5709" s="6">
        <v>219623</v>
      </c>
      <c r="C5709" s="6" t="s">
        <v>68</v>
      </c>
      <c r="D5709" s="6" t="s">
        <v>69</v>
      </c>
      <c r="E5709" s="6">
        <v>11001</v>
      </c>
      <c r="F5709" s="6" t="s">
        <v>18</v>
      </c>
      <c r="G5709" s="6" t="s">
        <v>11540</v>
      </c>
      <c r="H5709" s="6" t="s">
        <v>11541</v>
      </c>
      <c r="I5709" s="7">
        <v>4.6217014999999897</v>
      </c>
      <c r="J5709" s="8">
        <v>-74.118547800000002</v>
      </c>
    </row>
    <row r="5710" spans="1:10" x14ac:dyDescent="0.35">
      <c r="A5710" s="5" t="s">
        <v>10</v>
      </c>
      <c r="B5710" s="6">
        <v>244976</v>
      </c>
      <c r="C5710" s="6" t="s">
        <v>68</v>
      </c>
      <c r="D5710" s="6" t="s">
        <v>69</v>
      </c>
      <c r="E5710" s="6">
        <v>11001</v>
      </c>
      <c r="F5710" s="6" t="s">
        <v>18</v>
      </c>
      <c r="G5710" s="6" t="s">
        <v>11542</v>
      </c>
      <c r="H5710" s="6" t="s">
        <v>11543</v>
      </c>
      <c r="I5710" s="7">
        <v>4.6409542000000004</v>
      </c>
      <c r="J5710" s="8">
        <v>-74.070938600000005</v>
      </c>
    </row>
    <row r="5711" spans="1:10" x14ac:dyDescent="0.35">
      <c r="A5711" s="5" t="s">
        <v>10</v>
      </c>
      <c r="B5711" s="6">
        <v>221274</v>
      </c>
      <c r="C5711" s="6" t="s">
        <v>68</v>
      </c>
      <c r="D5711" s="6" t="s">
        <v>69</v>
      </c>
      <c r="E5711" s="6">
        <v>11001</v>
      </c>
      <c r="F5711" s="6" t="s">
        <v>70</v>
      </c>
      <c r="G5711" s="6" t="s">
        <v>11544</v>
      </c>
      <c r="H5711" s="6" t="s">
        <v>11545</v>
      </c>
      <c r="I5711" s="7">
        <v>4.6614433999999996</v>
      </c>
      <c r="J5711" s="8">
        <v>-74.099357299999994</v>
      </c>
    </row>
    <row r="5712" spans="1:10" x14ac:dyDescent="0.35">
      <c r="A5712" s="5" t="s">
        <v>10</v>
      </c>
      <c r="B5712" s="6">
        <v>186470</v>
      </c>
      <c r="C5712" s="6" t="s">
        <v>16</v>
      </c>
      <c r="D5712" s="6" t="s">
        <v>510</v>
      </c>
      <c r="E5712" s="6">
        <v>68547</v>
      </c>
      <c r="F5712" s="6" t="s">
        <v>18</v>
      </c>
      <c r="G5712" s="6" t="s">
        <v>11546</v>
      </c>
      <c r="H5712" s="6" t="s">
        <v>11547</v>
      </c>
      <c r="I5712" s="7">
        <v>6.9915390000000004</v>
      </c>
      <c r="J5712" s="8">
        <v>-73.053997999999893</v>
      </c>
    </row>
    <row r="5713" spans="1:10" x14ac:dyDescent="0.35">
      <c r="A5713" s="5" t="s">
        <v>10</v>
      </c>
      <c r="B5713" s="6">
        <v>86357</v>
      </c>
      <c r="C5713" s="6" t="s">
        <v>294</v>
      </c>
      <c r="D5713" s="6" t="s">
        <v>4257</v>
      </c>
      <c r="E5713" s="6">
        <v>41524</v>
      </c>
      <c r="F5713" s="6" t="s">
        <v>18</v>
      </c>
      <c r="G5713" s="6" t="s">
        <v>8426</v>
      </c>
      <c r="H5713" s="6" t="s">
        <v>8427</v>
      </c>
      <c r="I5713" s="7">
        <v>2.9275566</v>
      </c>
      <c r="J5713" s="8">
        <v>-75.285582899999994</v>
      </c>
    </row>
    <row r="5714" spans="1:10" x14ac:dyDescent="0.35">
      <c r="A5714" s="5" t="s">
        <v>10</v>
      </c>
      <c r="B5714" s="6">
        <v>173729</v>
      </c>
      <c r="C5714" s="6" t="s">
        <v>294</v>
      </c>
      <c r="D5714" s="6" t="s">
        <v>703</v>
      </c>
      <c r="E5714" s="6">
        <v>41001</v>
      </c>
      <c r="F5714" s="6" t="s">
        <v>18</v>
      </c>
      <c r="G5714" s="6" t="s">
        <v>11548</v>
      </c>
      <c r="H5714" s="6" t="s">
        <v>11549</v>
      </c>
      <c r="I5714" s="7">
        <v>2.9132121999999998</v>
      </c>
      <c r="J5714" s="8">
        <v>-75.273932400000007</v>
      </c>
    </row>
    <row r="5715" spans="1:10" x14ac:dyDescent="0.35">
      <c r="A5715" s="5" t="s">
        <v>10</v>
      </c>
      <c r="B5715" s="6">
        <v>212177</v>
      </c>
      <c r="C5715" s="6" t="s">
        <v>294</v>
      </c>
      <c r="D5715" s="6" t="s">
        <v>6982</v>
      </c>
      <c r="E5715" s="6">
        <v>41885</v>
      </c>
      <c r="F5715" s="6" t="s">
        <v>18</v>
      </c>
      <c r="G5715" s="6" t="s">
        <v>11550</v>
      </c>
      <c r="H5715" s="6" t="s">
        <v>11551</v>
      </c>
      <c r="I5715" s="7">
        <v>2.6644540000000001</v>
      </c>
      <c r="J5715" s="8">
        <v>-75.518333999999996</v>
      </c>
    </row>
    <row r="5716" spans="1:10" x14ac:dyDescent="0.35">
      <c r="A5716" s="5" t="s">
        <v>10</v>
      </c>
      <c r="B5716" s="6">
        <v>205836</v>
      </c>
      <c r="C5716" s="6" t="s">
        <v>278</v>
      </c>
      <c r="D5716" s="6" t="s">
        <v>279</v>
      </c>
      <c r="E5716" s="6">
        <v>50001</v>
      </c>
      <c r="F5716" s="6" t="s">
        <v>18</v>
      </c>
      <c r="G5716" s="6" t="s">
        <v>7737</v>
      </c>
      <c r="H5716" s="6" t="s">
        <v>11552</v>
      </c>
      <c r="I5716" s="7">
        <v>4.1337492999999998</v>
      </c>
      <c r="J5716" s="8">
        <v>-73.614887299999907</v>
      </c>
    </row>
    <row r="5717" spans="1:10" x14ac:dyDescent="0.35">
      <c r="A5717" s="5" t="s">
        <v>10</v>
      </c>
      <c r="B5717" s="6">
        <v>225061</v>
      </c>
      <c r="C5717" s="6" t="s">
        <v>68</v>
      </c>
      <c r="D5717" s="6" t="s">
        <v>69</v>
      </c>
      <c r="E5717" s="6">
        <v>11001</v>
      </c>
      <c r="F5717" s="6" t="s">
        <v>18</v>
      </c>
      <c r="G5717" s="6" t="s">
        <v>11553</v>
      </c>
      <c r="H5717" s="6" t="s">
        <v>11554</v>
      </c>
      <c r="I5717" s="7">
        <v>4.5814073000000004</v>
      </c>
      <c r="J5717" s="8">
        <v>-74.137701800000002</v>
      </c>
    </row>
    <row r="5718" spans="1:10" x14ac:dyDescent="0.35">
      <c r="A5718" s="5" t="s">
        <v>10</v>
      </c>
      <c r="B5718" s="6">
        <v>244079</v>
      </c>
      <c r="C5718" s="6" t="s">
        <v>68</v>
      </c>
      <c r="D5718" s="6" t="s">
        <v>69</v>
      </c>
      <c r="E5718" s="6">
        <v>11001</v>
      </c>
      <c r="F5718" s="6" t="s">
        <v>18</v>
      </c>
      <c r="G5718" s="6" t="s">
        <v>11555</v>
      </c>
      <c r="H5718" s="6" t="s">
        <v>11556</v>
      </c>
      <c r="I5718" s="7">
        <v>4.6394326000000001</v>
      </c>
      <c r="J5718" s="8">
        <v>-74.165855699999994</v>
      </c>
    </row>
    <row r="5719" spans="1:10" x14ac:dyDescent="0.35">
      <c r="A5719" s="5" t="s">
        <v>10</v>
      </c>
      <c r="B5719" s="6">
        <v>105969</v>
      </c>
      <c r="C5719" s="6" t="s">
        <v>68</v>
      </c>
      <c r="D5719" s="6" t="s">
        <v>69</v>
      </c>
      <c r="E5719" s="6">
        <v>11001</v>
      </c>
      <c r="F5719" s="6" t="s">
        <v>18</v>
      </c>
      <c r="G5719" s="6" t="s">
        <v>11557</v>
      </c>
      <c r="H5719" s="6" t="s">
        <v>11558</v>
      </c>
      <c r="I5719" s="7">
        <v>4.6935748999999998</v>
      </c>
      <c r="J5719" s="8">
        <v>-74.152294999999995</v>
      </c>
    </row>
    <row r="5720" spans="1:10" x14ac:dyDescent="0.35">
      <c r="A5720" s="5" t="s">
        <v>10</v>
      </c>
      <c r="B5720" s="6">
        <v>172006</v>
      </c>
      <c r="C5720" s="6" t="s">
        <v>11</v>
      </c>
      <c r="D5720" s="6" t="s">
        <v>337</v>
      </c>
      <c r="E5720" s="6">
        <v>25290</v>
      </c>
      <c r="F5720" s="6" t="s">
        <v>18</v>
      </c>
      <c r="G5720" s="6" t="s">
        <v>11559</v>
      </c>
      <c r="H5720" s="6" t="s">
        <v>11560</v>
      </c>
      <c r="I5720" s="7">
        <v>4.3471979999999997</v>
      </c>
      <c r="J5720" s="8">
        <v>-74.353583999999998</v>
      </c>
    </row>
    <row r="5721" spans="1:10" x14ac:dyDescent="0.35">
      <c r="A5721" s="5" t="s">
        <v>10</v>
      </c>
      <c r="B5721" s="6">
        <v>206140</v>
      </c>
      <c r="C5721" s="6" t="s">
        <v>16</v>
      </c>
      <c r="D5721" s="6" t="s">
        <v>78</v>
      </c>
      <c r="E5721" s="6">
        <v>68001</v>
      </c>
      <c r="F5721" s="6" t="s">
        <v>18</v>
      </c>
      <c r="G5721" s="6" t="s">
        <v>11561</v>
      </c>
      <c r="H5721" s="6" t="s">
        <v>11562</v>
      </c>
      <c r="I5721" s="7">
        <v>3.5885517999999998</v>
      </c>
      <c r="J5721" s="8">
        <v>-76.501670500000003</v>
      </c>
    </row>
    <row r="5722" spans="1:10" x14ac:dyDescent="0.35">
      <c r="A5722" s="5" t="s">
        <v>10</v>
      </c>
      <c r="B5722" s="6">
        <v>244081</v>
      </c>
      <c r="C5722" s="6" t="s">
        <v>61</v>
      </c>
      <c r="D5722" s="6" t="s">
        <v>62</v>
      </c>
      <c r="E5722" s="6">
        <v>63001</v>
      </c>
      <c r="F5722" s="6" t="s">
        <v>18</v>
      </c>
      <c r="G5722" s="6" t="s">
        <v>647</v>
      </c>
      <c r="H5722" s="6" t="s">
        <v>11563</v>
      </c>
      <c r="I5722" s="7">
        <v>4.5335422000000003</v>
      </c>
      <c r="J5722" s="8">
        <v>-75.700128899999996</v>
      </c>
    </row>
    <row r="5723" spans="1:10" x14ac:dyDescent="0.35">
      <c r="A5723" s="5" t="s">
        <v>10</v>
      </c>
      <c r="B5723" s="6">
        <v>227254</v>
      </c>
      <c r="C5723" s="6" t="s">
        <v>3788</v>
      </c>
      <c r="D5723" s="6" t="s">
        <v>3974</v>
      </c>
      <c r="E5723" s="6">
        <v>18001</v>
      </c>
      <c r="F5723" s="6" t="s">
        <v>18</v>
      </c>
      <c r="G5723" s="6" t="s">
        <v>11564</v>
      </c>
      <c r="H5723" s="6" t="s">
        <v>11565</v>
      </c>
      <c r="I5723" s="7">
        <v>1.6153858000000001</v>
      </c>
      <c r="J5723" s="8">
        <v>-75.604236399999905</v>
      </c>
    </row>
    <row r="5724" spans="1:10" x14ac:dyDescent="0.35">
      <c r="A5724" s="5" t="s">
        <v>10</v>
      </c>
      <c r="B5724" s="6">
        <v>232944</v>
      </c>
      <c r="C5724" s="6" t="s">
        <v>117</v>
      </c>
      <c r="D5724" s="6" t="s">
        <v>11566</v>
      </c>
      <c r="E5724" s="6">
        <v>76616</v>
      </c>
      <c r="F5724" s="6" t="s">
        <v>18</v>
      </c>
      <c r="G5724" s="6" t="s">
        <v>11567</v>
      </c>
      <c r="H5724" s="6" t="s">
        <v>11568</v>
      </c>
      <c r="I5724" s="7">
        <v>4.1580000000000004</v>
      </c>
      <c r="J5724" s="8">
        <v>-76.288179999999997</v>
      </c>
    </row>
    <row r="5725" spans="1:10" x14ac:dyDescent="0.35">
      <c r="A5725" s="5" t="s">
        <v>10</v>
      </c>
      <c r="B5725" s="6">
        <v>174265</v>
      </c>
      <c r="C5725" s="6" t="s">
        <v>11</v>
      </c>
      <c r="D5725" s="6" t="s">
        <v>12</v>
      </c>
      <c r="E5725" s="6">
        <v>25899</v>
      </c>
      <c r="F5725" s="6" t="s">
        <v>18</v>
      </c>
      <c r="G5725" s="6" t="s">
        <v>11569</v>
      </c>
      <c r="H5725" s="6" t="s">
        <v>11570</v>
      </c>
      <c r="I5725" s="7">
        <v>5.032381</v>
      </c>
      <c r="J5725" s="8">
        <v>-73.994813600000001</v>
      </c>
    </row>
    <row r="5726" spans="1:10" x14ac:dyDescent="0.35">
      <c r="A5726" s="5" t="s">
        <v>10</v>
      </c>
      <c r="B5726" s="6">
        <v>239304</v>
      </c>
      <c r="C5726" s="6" t="s">
        <v>2821</v>
      </c>
      <c r="D5726" s="6" t="s">
        <v>3692</v>
      </c>
      <c r="E5726" s="6">
        <v>47288</v>
      </c>
      <c r="F5726" s="6" t="s">
        <v>18</v>
      </c>
      <c r="G5726" s="6" t="s">
        <v>11571</v>
      </c>
      <c r="H5726" s="6" t="s">
        <v>11572</v>
      </c>
      <c r="I5726" s="7">
        <v>10.5135668</v>
      </c>
      <c r="J5726" s="8">
        <v>-74.183176599999996</v>
      </c>
    </row>
    <row r="5727" spans="1:10" x14ac:dyDescent="0.35">
      <c r="A5727" s="5" t="s">
        <v>10</v>
      </c>
      <c r="B5727" s="6">
        <v>203977</v>
      </c>
      <c r="C5727" s="6" t="s">
        <v>302</v>
      </c>
      <c r="D5727" s="6" t="s">
        <v>8024</v>
      </c>
      <c r="E5727" s="6">
        <v>8078</v>
      </c>
      <c r="F5727" s="6" t="s">
        <v>18</v>
      </c>
      <c r="G5727" s="6" t="s">
        <v>11573</v>
      </c>
      <c r="H5727" s="6" t="s">
        <v>11574</v>
      </c>
      <c r="I5727" s="7">
        <v>10.7922481</v>
      </c>
      <c r="J5727" s="8">
        <v>-74.915556600000002</v>
      </c>
    </row>
    <row r="5728" spans="1:10" x14ac:dyDescent="0.35">
      <c r="A5728" s="5" t="s">
        <v>10</v>
      </c>
      <c r="B5728" s="6">
        <v>178615</v>
      </c>
      <c r="C5728" s="6" t="s">
        <v>2821</v>
      </c>
      <c r="D5728" s="6" t="s">
        <v>2822</v>
      </c>
      <c r="E5728" s="6">
        <v>47001</v>
      </c>
      <c r="F5728" s="6" t="s">
        <v>18</v>
      </c>
      <c r="G5728" s="6" t="s">
        <v>11575</v>
      </c>
      <c r="H5728" s="6" t="s">
        <v>11576</v>
      </c>
      <c r="I5728" s="7">
        <v>11.2224241</v>
      </c>
      <c r="J5728" s="8">
        <v>-74.190007100000003</v>
      </c>
    </row>
    <row r="5729" spans="1:10" x14ac:dyDescent="0.35">
      <c r="A5729" s="5" t="s">
        <v>10</v>
      </c>
      <c r="B5729" s="6">
        <v>229803</v>
      </c>
      <c r="C5729" s="6" t="s">
        <v>38</v>
      </c>
      <c r="D5729" s="6" t="s">
        <v>11577</v>
      </c>
      <c r="E5729" s="6">
        <v>19845</v>
      </c>
      <c r="F5729" s="6" t="s">
        <v>18</v>
      </c>
      <c r="G5729" s="6" t="s">
        <v>11578</v>
      </c>
      <c r="H5729" s="6" t="s">
        <v>11579</v>
      </c>
      <c r="I5729" s="7">
        <v>3.1741902</v>
      </c>
      <c r="J5729" s="8">
        <v>-76.461653499999997</v>
      </c>
    </row>
    <row r="5730" spans="1:10" x14ac:dyDescent="0.35">
      <c r="A5730" s="5" t="s">
        <v>10</v>
      </c>
      <c r="B5730" s="6">
        <v>234317</v>
      </c>
      <c r="C5730" s="6" t="s">
        <v>68</v>
      </c>
      <c r="D5730" s="6" t="s">
        <v>69</v>
      </c>
      <c r="E5730" s="6">
        <v>11001</v>
      </c>
      <c r="F5730" s="6" t="s">
        <v>18</v>
      </c>
      <c r="G5730" s="6" t="s">
        <v>11580</v>
      </c>
      <c r="H5730" s="6" t="s">
        <v>11581</v>
      </c>
      <c r="I5730" s="7">
        <v>4.5671705999999999</v>
      </c>
      <c r="J5730" s="8">
        <v>-74.094290299999997</v>
      </c>
    </row>
    <row r="5731" spans="1:10" x14ac:dyDescent="0.35">
      <c r="A5731" s="5" t="s">
        <v>10</v>
      </c>
      <c r="B5731" s="6">
        <v>233011</v>
      </c>
      <c r="C5731" s="6" t="s">
        <v>55</v>
      </c>
      <c r="D5731" s="6" t="s">
        <v>56</v>
      </c>
      <c r="E5731" s="6">
        <v>73001</v>
      </c>
      <c r="F5731" s="6" t="s">
        <v>18</v>
      </c>
      <c r="G5731" s="6" t="s">
        <v>11582</v>
      </c>
      <c r="H5731" s="6" t="s">
        <v>11583</v>
      </c>
      <c r="I5731" s="7">
        <v>4.40686</v>
      </c>
      <c r="J5731" s="8">
        <v>-75.162440000000004</v>
      </c>
    </row>
    <row r="5732" spans="1:10" x14ac:dyDescent="0.35">
      <c r="A5732" s="5" t="s">
        <v>10</v>
      </c>
      <c r="B5732" s="6">
        <v>234602</v>
      </c>
      <c r="C5732" s="6" t="s">
        <v>11</v>
      </c>
      <c r="D5732" s="6" t="s">
        <v>3054</v>
      </c>
      <c r="E5732" s="6">
        <v>25269</v>
      </c>
      <c r="F5732" s="6" t="s">
        <v>18</v>
      </c>
      <c r="G5732" s="6" t="s">
        <v>11584</v>
      </c>
      <c r="H5732" s="6" t="s">
        <v>11585</v>
      </c>
      <c r="I5732" s="7">
        <v>4.8069875</v>
      </c>
      <c r="J5732" s="8">
        <v>-74.351499399999994</v>
      </c>
    </row>
    <row r="5733" spans="1:10" x14ac:dyDescent="0.35">
      <c r="A5733" s="5" t="s">
        <v>10</v>
      </c>
      <c r="B5733" s="6">
        <v>213321</v>
      </c>
      <c r="C5733" s="6" t="s">
        <v>38</v>
      </c>
      <c r="D5733" s="6" t="s">
        <v>39</v>
      </c>
      <c r="E5733" s="6">
        <v>19001</v>
      </c>
      <c r="F5733" s="6" t="s">
        <v>18</v>
      </c>
      <c r="G5733" s="6" t="s">
        <v>11586</v>
      </c>
      <c r="H5733" s="6" t="s">
        <v>11587</v>
      </c>
      <c r="I5733" s="7">
        <v>2.4709631999999999</v>
      </c>
      <c r="J5733" s="8">
        <v>-76.575352600000002</v>
      </c>
    </row>
    <row r="5734" spans="1:10" x14ac:dyDescent="0.35">
      <c r="A5734" s="5" t="s">
        <v>10</v>
      </c>
      <c r="B5734" s="6">
        <v>223514</v>
      </c>
      <c r="C5734" s="6" t="s">
        <v>68</v>
      </c>
      <c r="D5734" s="6" t="s">
        <v>69</v>
      </c>
      <c r="E5734" s="6">
        <v>11001</v>
      </c>
      <c r="F5734" s="6" t="s">
        <v>18</v>
      </c>
      <c r="G5734" s="6" t="s">
        <v>11588</v>
      </c>
      <c r="H5734" s="6" t="s">
        <v>11589</v>
      </c>
      <c r="I5734" s="7">
        <v>4.5624032999999997</v>
      </c>
      <c r="J5734" s="8">
        <v>-74.147468000000003</v>
      </c>
    </row>
    <row r="5735" spans="1:10" x14ac:dyDescent="0.35">
      <c r="A5735" s="5" t="s">
        <v>10</v>
      </c>
      <c r="B5735" s="6">
        <v>228879</v>
      </c>
      <c r="C5735" s="6" t="s">
        <v>68</v>
      </c>
      <c r="D5735" s="6" t="s">
        <v>69</v>
      </c>
      <c r="E5735" s="6">
        <v>11001</v>
      </c>
      <c r="F5735" s="6" t="s">
        <v>18</v>
      </c>
      <c r="G5735" s="6" t="s">
        <v>11590</v>
      </c>
      <c r="H5735" s="6" t="s">
        <v>11591</v>
      </c>
      <c r="I5735" s="7">
        <v>4.7066901000000003</v>
      </c>
      <c r="J5735" s="8">
        <v>-74.130997300000004</v>
      </c>
    </row>
    <row r="5736" spans="1:10" x14ac:dyDescent="0.35">
      <c r="A5736" s="5" t="s">
        <v>10</v>
      </c>
      <c r="B5736" s="6">
        <v>217826</v>
      </c>
      <c r="C5736" s="6" t="s">
        <v>302</v>
      </c>
      <c r="D5736" s="6" t="s">
        <v>359</v>
      </c>
      <c r="E5736" s="6">
        <v>8001</v>
      </c>
      <c r="F5736" s="6" t="s">
        <v>18</v>
      </c>
      <c r="G5736" s="6" t="s">
        <v>11592</v>
      </c>
      <c r="H5736" s="6" t="s">
        <v>11593</v>
      </c>
      <c r="I5736" s="7">
        <v>10.9729879</v>
      </c>
      <c r="J5736" s="8">
        <v>-74.832219299999906</v>
      </c>
    </row>
    <row r="5737" spans="1:10" x14ac:dyDescent="0.35">
      <c r="A5737" s="5" t="s">
        <v>10</v>
      </c>
      <c r="B5737" s="6">
        <v>239641</v>
      </c>
      <c r="C5737" s="6" t="s">
        <v>2821</v>
      </c>
      <c r="D5737" s="6" t="s">
        <v>2822</v>
      </c>
      <c r="E5737" s="6">
        <v>47001</v>
      </c>
      <c r="F5737" s="6" t="s">
        <v>18</v>
      </c>
      <c r="G5737" s="6" t="s">
        <v>11594</v>
      </c>
      <c r="H5737" s="6" t="s">
        <v>11595</v>
      </c>
      <c r="I5737" s="7">
        <v>11.235106699999999</v>
      </c>
      <c r="J5737" s="8">
        <v>-74.125225599999993</v>
      </c>
    </row>
    <row r="5738" spans="1:10" x14ac:dyDescent="0.35">
      <c r="A5738" s="5" t="s">
        <v>10</v>
      </c>
      <c r="B5738" s="6">
        <v>177179</v>
      </c>
      <c r="C5738" s="6" t="s">
        <v>2821</v>
      </c>
      <c r="D5738" s="6" t="s">
        <v>3692</v>
      </c>
      <c r="E5738" s="6">
        <v>47288</v>
      </c>
      <c r="F5738" s="6" t="s">
        <v>18</v>
      </c>
      <c r="G5738" s="6" t="s">
        <v>11596</v>
      </c>
      <c r="H5738" s="6" t="s">
        <v>11597</v>
      </c>
      <c r="I5738" s="7">
        <v>10.517179</v>
      </c>
      <c r="J5738" s="8">
        <v>-74.181997899999999</v>
      </c>
    </row>
    <row r="5739" spans="1:10" x14ac:dyDescent="0.35">
      <c r="A5739" s="5" t="s">
        <v>10</v>
      </c>
      <c r="B5739" s="6">
        <v>219709</v>
      </c>
      <c r="C5739" s="6" t="s">
        <v>302</v>
      </c>
      <c r="D5739" s="6" t="s">
        <v>359</v>
      </c>
      <c r="E5739" s="6">
        <v>8001</v>
      </c>
      <c r="F5739" s="6" t="s">
        <v>18</v>
      </c>
      <c r="G5739" s="6" t="s">
        <v>11598</v>
      </c>
      <c r="H5739" s="6" t="s">
        <v>11599</v>
      </c>
      <c r="I5739" s="7">
        <v>10.9471483</v>
      </c>
      <c r="J5739" s="8">
        <v>-74.824886999999904</v>
      </c>
    </row>
    <row r="5740" spans="1:10" x14ac:dyDescent="0.35">
      <c r="A5740" s="5" t="s">
        <v>10</v>
      </c>
      <c r="B5740" s="6">
        <v>222047</v>
      </c>
      <c r="C5740" s="6" t="s">
        <v>38</v>
      </c>
      <c r="D5740" s="6" t="s">
        <v>39</v>
      </c>
      <c r="E5740" s="6">
        <v>19001</v>
      </c>
      <c r="F5740" s="6" t="s">
        <v>18</v>
      </c>
      <c r="G5740" s="6" t="s">
        <v>11600</v>
      </c>
      <c r="H5740" s="6" t="s">
        <v>11601</v>
      </c>
      <c r="I5740" s="7">
        <v>2.4756608999999998</v>
      </c>
      <c r="J5740" s="8">
        <v>-76.568554800000001</v>
      </c>
    </row>
    <row r="5741" spans="1:10" x14ac:dyDescent="0.35">
      <c r="A5741" s="5" t="s">
        <v>10</v>
      </c>
      <c r="B5741" s="6">
        <v>241664</v>
      </c>
      <c r="C5741" s="6" t="s">
        <v>42</v>
      </c>
      <c r="D5741" s="6" t="s">
        <v>212</v>
      </c>
      <c r="E5741" s="6">
        <v>17495</v>
      </c>
      <c r="F5741" s="6" t="s">
        <v>18</v>
      </c>
      <c r="G5741" s="6" t="s">
        <v>11602</v>
      </c>
      <c r="H5741" s="6" t="s">
        <v>11603</v>
      </c>
      <c r="I5741" s="7">
        <v>5.5762689999999999</v>
      </c>
      <c r="J5741" s="8">
        <v>-74.889556999999996</v>
      </c>
    </row>
    <row r="5742" spans="1:10" x14ac:dyDescent="0.35">
      <c r="A5742" s="5" t="s">
        <v>10</v>
      </c>
      <c r="B5742" s="6">
        <v>233144</v>
      </c>
      <c r="C5742" s="6" t="s">
        <v>68</v>
      </c>
      <c r="D5742" s="6" t="s">
        <v>69</v>
      </c>
      <c r="E5742" s="6">
        <v>11001</v>
      </c>
      <c r="F5742" s="6" t="s">
        <v>18</v>
      </c>
      <c r="G5742" s="6" t="s">
        <v>11604</v>
      </c>
      <c r="H5742" s="6" t="s">
        <v>11605</v>
      </c>
      <c r="I5742" s="7">
        <v>4.57193</v>
      </c>
      <c r="J5742" s="8">
        <v>-74.155559999999994</v>
      </c>
    </row>
    <row r="5743" spans="1:10" x14ac:dyDescent="0.35">
      <c r="A5743" s="5" t="s">
        <v>10</v>
      </c>
      <c r="B5743" s="6">
        <v>239163</v>
      </c>
      <c r="C5743" s="6" t="s">
        <v>68</v>
      </c>
      <c r="D5743" s="6" t="s">
        <v>69</v>
      </c>
      <c r="E5743" s="6">
        <v>11001</v>
      </c>
      <c r="F5743" s="6" t="s">
        <v>18</v>
      </c>
      <c r="G5743" s="6" t="s">
        <v>11606</v>
      </c>
      <c r="H5743" s="6" t="s">
        <v>11607</v>
      </c>
      <c r="I5743" s="7">
        <v>4.6349396</v>
      </c>
      <c r="J5743" s="8">
        <v>-74.162688900000006</v>
      </c>
    </row>
    <row r="5744" spans="1:10" x14ac:dyDescent="0.35">
      <c r="A5744" s="5" t="s">
        <v>10</v>
      </c>
      <c r="B5744" s="6">
        <v>247665</v>
      </c>
      <c r="C5744" s="6" t="s">
        <v>117</v>
      </c>
      <c r="D5744" s="6" t="s">
        <v>1334</v>
      </c>
      <c r="E5744" s="6">
        <v>76001</v>
      </c>
      <c r="F5744" s="6" t="s">
        <v>18</v>
      </c>
      <c r="G5744" s="6" t="s">
        <v>11608</v>
      </c>
      <c r="H5744" s="6" t="s">
        <v>11609</v>
      </c>
      <c r="I5744" s="7">
        <v>3.4368840000000001</v>
      </c>
      <c r="J5744" s="8">
        <v>-76.473218000000003</v>
      </c>
    </row>
    <row r="5745" spans="1:10" x14ac:dyDescent="0.35">
      <c r="A5745" s="5" t="s">
        <v>10</v>
      </c>
      <c r="B5745" s="6">
        <v>230558</v>
      </c>
      <c r="C5745" s="6" t="s">
        <v>294</v>
      </c>
      <c r="D5745" s="6" t="s">
        <v>703</v>
      </c>
      <c r="E5745" s="6">
        <v>41001</v>
      </c>
      <c r="F5745" s="6" t="s">
        <v>18</v>
      </c>
      <c r="G5745" s="6" t="s">
        <v>11610</v>
      </c>
      <c r="H5745" s="6" t="s">
        <v>11611</v>
      </c>
      <c r="I5745" s="7">
        <v>2.9307053000000001</v>
      </c>
      <c r="J5745" s="8">
        <v>-75.287500699999995</v>
      </c>
    </row>
    <row r="5746" spans="1:10" x14ac:dyDescent="0.35">
      <c r="A5746" s="5" t="s">
        <v>10</v>
      </c>
      <c r="B5746" s="6">
        <v>168801</v>
      </c>
      <c r="C5746" s="6" t="s">
        <v>68</v>
      </c>
      <c r="D5746" s="6" t="s">
        <v>69</v>
      </c>
      <c r="E5746" s="6">
        <v>11001</v>
      </c>
      <c r="F5746" s="6" t="s">
        <v>18</v>
      </c>
      <c r="G5746" s="6" t="s">
        <v>11612</v>
      </c>
      <c r="H5746" s="6" t="s">
        <v>11613</v>
      </c>
      <c r="I5746" s="7">
        <v>4.6055804999999896</v>
      </c>
      <c r="J5746" s="8">
        <v>-74.199999499999905</v>
      </c>
    </row>
    <row r="5747" spans="1:10" x14ac:dyDescent="0.35">
      <c r="A5747" s="5" t="s">
        <v>10</v>
      </c>
      <c r="B5747" s="6">
        <v>204381</v>
      </c>
      <c r="C5747" s="6" t="s">
        <v>68</v>
      </c>
      <c r="D5747" s="6" t="s">
        <v>69</v>
      </c>
      <c r="E5747" s="6">
        <v>11001</v>
      </c>
      <c r="F5747" s="6" t="s">
        <v>18</v>
      </c>
      <c r="G5747" s="6" t="s">
        <v>11614</v>
      </c>
      <c r="H5747" s="6" t="s">
        <v>11615</v>
      </c>
      <c r="I5747" s="7">
        <v>4.6797589999999998</v>
      </c>
      <c r="J5747" s="8">
        <v>-74.130233399999995</v>
      </c>
    </row>
    <row r="5748" spans="1:10" x14ac:dyDescent="0.35">
      <c r="A5748" s="5" t="s">
        <v>10</v>
      </c>
      <c r="B5748" s="6">
        <v>180902</v>
      </c>
      <c r="C5748" s="6" t="s">
        <v>2821</v>
      </c>
      <c r="D5748" s="6" t="s">
        <v>7712</v>
      </c>
      <c r="E5748" s="6">
        <v>47189</v>
      </c>
      <c r="F5748" s="6" t="s">
        <v>18</v>
      </c>
      <c r="G5748" s="6" t="s">
        <v>11616</v>
      </c>
      <c r="H5748" s="6" t="s">
        <v>11617</v>
      </c>
      <c r="I5748" s="7">
        <v>11.0079873</v>
      </c>
      <c r="J5748" s="8">
        <v>-74.249159599999999</v>
      </c>
    </row>
    <row r="5749" spans="1:10" x14ac:dyDescent="0.35">
      <c r="A5749" s="5" t="s">
        <v>10</v>
      </c>
      <c r="B5749" s="6">
        <v>208407</v>
      </c>
      <c r="C5749" s="6" t="s">
        <v>302</v>
      </c>
      <c r="D5749" s="6" t="s">
        <v>11618</v>
      </c>
      <c r="E5749" s="6">
        <v>8558</v>
      </c>
      <c r="F5749" s="6" t="s">
        <v>18</v>
      </c>
      <c r="G5749" s="6" t="s">
        <v>11619</v>
      </c>
      <c r="H5749" s="6" t="s">
        <v>11620</v>
      </c>
      <c r="I5749" s="7">
        <v>10.981066200000001</v>
      </c>
      <c r="J5749" s="8">
        <v>-74.779056499999996</v>
      </c>
    </row>
    <row r="5750" spans="1:10" x14ac:dyDescent="0.35">
      <c r="A5750" s="5" t="s">
        <v>10</v>
      </c>
      <c r="B5750" s="6">
        <v>236609</v>
      </c>
      <c r="C5750" s="6" t="s">
        <v>302</v>
      </c>
      <c r="D5750" s="6" t="s">
        <v>4041</v>
      </c>
      <c r="E5750" s="6">
        <v>8758</v>
      </c>
      <c r="F5750" s="6" t="s">
        <v>18</v>
      </c>
      <c r="G5750" s="6" t="s">
        <v>11621</v>
      </c>
      <c r="H5750" s="6" t="s">
        <v>11622</v>
      </c>
      <c r="I5750" s="7">
        <v>10.938102300000001</v>
      </c>
      <c r="J5750" s="8">
        <v>-74.773499200000003</v>
      </c>
    </row>
    <row r="5751" spans="1:10" x14ac:dyDescent="0.35">
      <c r="A5751" s="5" t="s">
        <v>10</v>
      </c>
      <c r="B5751" s="6">
        <v>211209</v>
      </c>
      <c r="C5751" s="6" t="s">
        <v>16</v>
      </c>
      <c r="D5751" s="6" t="s">
        <v>2825</v>
      </c>
      <c r="E5751" s="6">
        <v>68276</v>
      </c>
      <c r="F5751" s="6" t="s">
        <v>18</v>
      </c>
      <c r="G5751" s="6" t="s">
        <v>11623</v>
      </c>
      <c r="H5751" s="6" t="s">
        <v>11624</v>
      </c>
      <c r="I5751" s="7">
        <v>7.0626867999999998</v>
      </c>
      <c r="J5751" s="8">
        <v>-73.082443099999907</v>
      </c>
    </row>
    <row r="5752" spans="1:10" x14ac:dyDescent="0.35">
      <c r="A5752" s="5" t="s">
        <v>10</v>
      </c>
      <c r="B5752" s="6">
        <v>237859</v>
      </c>
      <c r="C5752" s="6" t="s">
        <v>16</v>
      </c>
      <c r="D5752" s="6" t="s">
        <v>1348</v>
      </c>
      <c r="E5752" s="6">
        <v>68167</v>
      </c>
      <c r="F5752" s="6" t="s">
        <v>18</v>
      </c>
      <c r="G5752" s="6" t="s">
        <v>11625</v>
      </c>
      <c r="H5752" s="6" t="s">
        <v>11626</v>
      </c>
      <c r="I5752" s="7">
        <v>6.2859226000000001</v>
      </c>
      <c r="J5752" s="8">
        <v>-73.147033100000002</v>
      </c>
    </row>
    <row r="5753" spans="1:10" x14ac:dyDescent="0.35">
      <c r="A5753" s="5" t="s">
        <v>10</v>
      </c>
      <c r="B5753" s="6">
        <v>153437</v>
      </c>
      <c r="C5753" s="6" t="s">
        <v>3788</v>
      </c>
      <c r="D5753" s="6" t="s">
        <v>3974</v>
      </c>
      <c r="E5753" s="6">
        <v>18001</v>
      </c>
      <c r="F5753" s="6" t="s">
        <v>18</v>
      </c>
      <c r="G5753" s="6" t="s">
        <v>11627</v>
      </c>
      <c r="H5753" s="6" t="s">
        <v>11628</v>
      </c>
      <c r="I5753" s="7">
        <v>1.5986509</v>
      </c>
      <c r="J5753" s="8">
        <v>-75.603164300000003</v>
      </c>
    </row>
    <row r="5754" spans="1:10" x14ac:dyDescent="0.35">
      <c r="A5754" s="5" t="s">
        <v>10</v>
      </c>
      <c r="B5754" s="6">
        <v>227644</v>
      </c>
      <c r="C5754" s="6" t="s">
        <v>294</v>
      </c>
      <c r="D5754" s="6" t="s">
        <v>703</v>
      </c>
      <c r="E5754" s="6">
        <v>41001</v>
      </c>
      <c r="F5754" s="6" t="s">
        <v>13</v>
      </c>
      <c r="G5754" s="6" t="s">
        <v>11629</v>
      </c>
      <c r="H5754" s="6" t="s">
        <v>11630</v>
      </c>
      <c r="I5754" s="7">
        <v>2.9344836999999999</v>
      </c>
      <c r="J5754" s="8">
        <v>-75.280900099999997</v>
      </c>
    </row>
    <row r="5755" spans="1:10" x14ac:dyDescent="0.35">
      <c r="A5755" s="5" t="s">
        <v>10</v>
      </c>
      <c r="B5755" s="6">
        <v>228074</v>
      </c>
      <c r="C5755" s="6" t="s">
        <v>68</v>
      </c>
      <c r="D5755" s="6" t="s">
        <v>69</v>
      </c>
      <c r="E5755" s="6">
        <v>11001</v>
      </c>
      <c r="F5755" s="6" t="s">
        <v>13</v>
      </c>
      <c r="G5755" s="6" t="s">
        <v>11631</v>
      </c>
      <c r="H5755" s="6" t="s">
        <v>11632</v>
      </c>
      <c r="I5755" s="7">
        <v>4.6806333000000002</v>
      </c>
      <c r="J5755" s="8">
        <v>-74.1097781</v>
      </c>
    </row>
    <row r="5756" spans="1:10" x14ac:dyDescent="0.35">
      <c r="A5756" s="5" t="s">
        <v>10</v>
      </c>
      <c r="B5756" s="6">
        <v>224098</v>
      </c>
      <c r="C5756" s="6" t="s">
        <v>68</v>
      </c>
      <c r="D5756" s="6" t="s">
        <v>69</v>
      </c>
      <c r="E5756" s="6">
        <v>11001</v>
      </c>
      <c r="F5756" s="6" t="s">
        <v>13</v>
      </c>
      <c r="G5756" s="6" t="s">
        <v>11633</v>
      </c>
      <c r="H5756" s="6" t="s">
        <v>11634</v>
      </c>
      <c r="I5756" s="7">
        <v>4.6376524999999997</v>
      </c>
      <c r="J5756" s="8">
        <v>-74.1586152</v>
      </c>
    </row>
    <row r="5757" spans="1:10" x14ac:dyDescent="0.35">
      <c r="A5757" s="5" t="s">
        <v>10</v>
      </c>
      <c r="B5757" s="6">
        <v>234767</v>
      </c>
      <c r="C5757" s="6" t="s">
        <v>11</v>
      </c>
      <c r="D5757" s="6" t="s">
        <v>901</v>
      </c>
      <c r="E5757" s="6">
        <v>25307</v>
      </c>
      <c r="F5757" s="6" t="s">
        <v>18</v>
      </c>
      <c r="G5757" s="6" t="s">
        <v>11635</v>
      </c>
      <c r="H5757" s="6" t="s">
        <v>11636</v>
      </c>
      <c r="I5757" s="7">
        <v>4.2943879000000003</v>
      </c>
      <c r="J5757" s="8">
        <v>-74.798298799999998</v>
      </c>
    </row>
    <row r="5758" spans="1:10" x14ac:dyDescent="0.35">
      <c r="A5758" s="5" t="s">
        <v>10</v>
      </c>
      <c r="B5758" s="6">
        <v>232241</v>
      </c>
      <c r="C5758" s="6" t="s">
        <v>11</v>
      </c>
      <c r="D5758" s="6" t="s">
        <v>337</v>
      </c>
      <c r="E5758" s="6">
        <v>25290</v>
      </c>
      <c r="F5758" s="6" t="s">
        <v>18</v>
      </c>
      <c r="G5758" s="6" t="s">
        <v>7578</v>
      </c>
      <c r="H5758" s="6" t="s">
        <v>7579</v>
      </c>
      <c r="I5758" s="7">
        <v>4.3365099999999996</v>
      </c>
      <c r="J5758" s="8">
        <v>-74.362533999999997</v>
      </c>
    </row>
    <row r="5759" spans="1:10" x14ac:dyDescent="0.35">
      <c r="A5759" s="5" t="s">
        <v>10</v>
      </c>
      <c r="B5759" s="6">
        <v>247326</v>
      </c>
      <c r="C5759" s="6" t="s">
        <v>68</v>
      </c>
      <c r="D5759" s="6" t="s">
        <v>69</v>
      </c>
      <c r="E5759" s="6">
        <v>11001</v>
      </c>
      <c r="F5759" s="6" t="s">
        <v>18</v>
      </c>
      <c r="G5759" s="6" t="s">
        <v>11637</v>
      </c>
      <c r="H5759" s="6" t="s">
        <v>11638</v>
      </c>
      <c r="I5759" s="7">
        <v>4.6706180830326298</v>
      </c>
      <c r="J5759" s="8">
        <v>-74.145859759185797</v>
      </c>
    </row>
    <row r="5760" spans="1:10" x14ac:dyDescent="0.35">
      <c r="A5760" s="5" t="s">
        <v>10</v>
      </c>
      <c r="B5760" s="6">
        <v>221609</v>
      </c>
      <c r="C5760" s="6" t="s">
        <v>55</v>
      </c>
      <c r="D5760" s="6" t="s">
        <v>11639</v>
      </c>
      <c r="E5760" s="6">
        <v>73200</v>
      </c>
      <c r="F5760" s="6" t="s">
        <v>18</v>
      </c>
      <c r="G5760" s="6" t="s">
        <v>11640</v>
      </c>
      <c r="H5760" s="6" t="s">
        <v>11641</v>
      </c>
      <c r="I5760" s="7">
        <v>4.2862609999999997</v>
      </c>
      <c r="J5760" s="8">
        <v>-74.897874999999999</v>
      </c>
    </row>
    <row r="5761" spans="1:10" x14ac:dyDescent="0.35">
      <c r="A5761" s="5" t="s">
        <v>10</v>
      </c>
      <c r="B5761" s="6">
        <v>233469</v>
      </c>
      <c r="C5761" s="6" t="s">
        <v>55</v>
      </c>
      <c r="D5761" s="6" t="s">
        <v>56</v>
      </c>
      <c r="E5761" s="6">
        <v>73001</v>
      </c>
      <c r="F5761" s="6" t="s">
        <v>18</v>
      </c>
      <c r="G5761" s="6" t="s">
        <v>11642</v>
      </c>
      <c r="H5761" s="6" t="s">
        <v>11643</v>
      </c>
      <c r="I5761" s="7">
        <v>4.4334699999999998</v>
      </c>
      <c r="J5761" s="8">
        <v>-75.221450000000004</v>
      </c>
    </row>
    <row r="5762" spans="1:10" x14ac:dyDescent="0.35">
      <c r="A5762" s="5" t="s">
        <v>10</v>
      </c>
      <c r="B5762" s="6">
        <v>174353</v>
      </c>
      <c r="C5762" s="6" t="s">
        <v>294</v>
      </c>
      <c r="D5762" s="6" t="s">
        <v>703</v>
      </c>
      <c r="E5762" s="6">
        <v>41001</v>
      </c>
      <c r="F5762" s="6" t="s">
        <v>18</v>
      </c>
      <c r="G5762" s="6" t="s">
        <v>11644</v>
      </c>
      <c r="H5762" s="6" t="s">
        <v>11645</v>
      </c>
      <c r="I5762" s="7">
        <v>2.9608870999999999</v>
      </c>
      <c r="J5762" s="8">
        <v>-75.289443800000001</v>
      </c>
    </row>
    <row r="5763" spans="1:10" x14ac:dyDescent="0.35">
      <c r="A5763" s="5" t="s">
        <v>10</v>
      </c>
      <c r="B5763" s="6">
        <v>214463</v>
      </c>
      <c r="C5763" s="6" t="s">
        <v>294</v>
      </c>
      <c r="D5763" s="6" t="s">
        <v>703</v>
      </c>
      <c r="E5763" s="6">
        <v>41001</v>
      </c>
      <c r="F5763" s="6" t="s">
        <v>18</v>
      </c>
      <c r="G5763" s="6" t="s">
        <v>11646</v>
      </c>
      <c r="H5763" s="6" t="s">
        <v>11647</v>
      </c>
      <c r="I5763" s="7">
        <v>2.9620947000000002</v>
      </c>
      <c r="J5763" s="8">
        <v>-75.296383399999996</v>
      </c>
    </row>
    <row r="5764" spans="1:10" x14ac:dyDescent="0.35">
      <c r="A5764" s="5" t="s">
        <v>10</v>
      </c>
      <c r="B5764" s="6">
        <v>177058</v>
      </c>
      <c r="C5764" s="6" t="s">
        <v>68</v>
      </c>
      <c r="D5764" s="6" t="s">
        <v>69</v>
      </c>
      <c r="E5764" s="6">
        <v>11001</v>
      </c>
      <c r="F5764" s="6" t="s">
        <v>18</v>
      </c>
      <c r="G5764" s="6" t="s">
        <v>10715</v>
      </c>
      <c r="H5764" s="6" t="s">
        <v>10716</v>
      </c>
      <c r="I5764" s="7">
        <v>4.5092499000000004</v>
      </c>
      <c r="J5764" s="8">
        <v>-74.119046800000007</v>
      </c>
    </row>
    <row r="5765" spans="1:10" x14ac:dyDescent="0.35">
      <c r="A5765" s="5" t="s">
        <v>10</v>
      </c>
      <c r="B5765" s="6">
        <v>236594</v>
      </c>
      <c r="C5765" s="6" t="s">
        <v>68</v>
      </c>
      <c r="D5765" s="6" t="s">
        <v>69</v>
      </c>
      <c r="E5765" s="6">
        <v>11001</v>
      </c>
      <c r="F5765" s="6" t="s">
        <v>18</v>
      </c>
      <c r="G5765" s="6" t="s">
        <v>11648</v>
      </c>
      <c r="H5765" s="6" t="s">
        <v>11649</v>
      </c>
      <c r="I5765" s="7">
        <v>4.6384654000000003</v>
      </c>
      <c r="J5765" s="8">
        <v>-74.160993199999993</v>
      </c>
    </row>
    <row r="5766" spans="1:10" x14ac:dyDescent="0.35">
      <c r="A5766" s="5" t="s">
        <v>10</v>
      </c>
      <c r="B5766" s="6">
        <v>239852</v>
      </c>
      <c r="C5766" s="6" t="s">
        <v>302</v>
      </c>
      <c r="D5766" s="6" t="s">
        <v>359</v>
      </c>
      <c r="E5766" s="6">
        <v>8001</v>
      </c>
      <c r="F5766" s="6" t="s">
        <v>18</v>
      </c>
      <c r="G5766" s="6" t="s">
        <v>11650</v>
      </c>
      <c r="H5766" s="6" t="s">
        <v>11651</v>
      </c>
      <c r="I5766" s="7">
        <v>10.9654293</v>
      </c>
      <c r="J5766" s="8">
        <v>-74.778690499999996</v>
      </c>
    </row>
    <row r="5767" spans="1:10" x14ac:dyDescent="0.35">
      <c r="A5767" s="5" t="s">
        <v>10</v>
      </c>
      <c r="B5767" s="6">
        <v>213951</v>
      </c>
      <c r="C5767" s="6" t="s">
        <v>68</v>
      </c>
      <c r="D5767" s="6" t="s">
        <v>69</v>
      </c>
      <c r="E5767" s="6">
        <v>11001</v>
      </c>
      <c r="F5767" s="6" t="s">
        <v>18</v>
      </c>
      <c r="G5767" s="6" t="s">
        <v>11652</v>
      </c>
      <c r="H5767" s="6" t="s">
        <v>11653</v>
      </c>
      <c r="I5767" s="7">
        <v>4.5944307000000002</v>
      </c>
      <c r="J5767" s="8">
        <v>-74.177712599999893</v>
      </c>
    </row>
    <row r="5768" spans="1:10" x14ac:dyDescent="0.35">
      <c r="A5768" s="5" t="s">
        <v>10</v>
      </c>
      <c r="B5768" s="6">
        <v>238238</v>
      </c>
      <c r="C5768" s="6" t="s">
        <v>38</v>
      </c>
      <c r="D5768" s="6" t="s">
        <v>6300</v>
      </c>
      <c r="E5768" s="6">
        <v>19698</v>
      </c>
      <c r="F5768" s="6" t="s">
        <v>18</v>
      </c>
      <c r="G5768" s="6" t="s">
        <v>11654</v>
      </c>
      <c r="H5768" s="6" t="s">
        <v>11655</v>
      </c>
      <c r="I5768" s="7">
        <v>3.0155197</v>
      </c>
      <c r="J5768" s="8">
        <v>-76.483623600000001</v>
      </c>
    </row>
    <row r="5769" spans="1:10" x14ac:dyDescent="0.35">
      <c r="A5769" s="5" t="s">
        <v>10</v>
      </c>
      <c r="B5769" s="6">
        <v>83512</v>
      </c>
      <c r="C5769" s="6" t="s">
        <v>294</v>
      </c>
      <c r="D5769" s="6" t="s">
        <v>4634</v>
      </c>
      <c r="E5769" s="6">
        <v>41020</v>
      </c>
      <c r="F5769" s="6" t="s">
        <v>18</v>
      </c>
      <c r="G5769" s="6" t="s">
        <v>11656</v>
      </c>
      <c r="H5769" s="6" t="s">
        <v>11657</v>
      </c>
      <c r="I5769" s="7">
        <v>2.5242035999999999</v>
      </c>
      <c r="J5769" s="8">
        <v>-75.315812899999997</v>
      </c>
    </row>
    <row r="5770" spans="1:10" x14ac:dyDescent="0.35">
      <c r="A5770" s="5" t="s">
        <v>10</v>
      </c>
      <c r="B5770" s="6">
        <v>203708</v>
      </c>
      <c r="C5770" s="6" t="s">
        <v>3788</v>
      </c>
      <c r="D5770" s="6" t="s">
        <v>11658</v>
      </c>
      <c r="E5770" s="6">
        <v>18410</v>
      </c>
      <c r="F5770" s="6" t="s">
        <v>18</v>
      </c>
      <c r="G5770" s="6" t="s">
        <v>11659</v>
      </c>
      <c r="H5770" s="6" t="s">
        <v>11660</v>
      </c>
      <c r="I5770" s="7">
        <v>0.869892</v>
      </c>
      <c r="J5770" s="8">
        <v>-73.841906300000005</v>
      </c>
    </row>
    <row r="5771" spans="1:10" x14ac:dyDescent="0.35">
      <c r="A5771" s="5" t="s">
        <v>10</v>
      </c>
      <c r="B5771" s="6">
        <v>236045</v>
      </c>
      <c r="C5771" s="6" t="s">
        <v>16</v>
      </c>
      <c r="D5771" s="6" t="s">
        <v>78</v>
      </c>
      <c r="E5771" s="6">
        <v>68001</v>
      </c>
      <c r="F5771" s="6" t="s">
        <v>18</v>
      </c>
      <c r="G5771" s="6" t="s">
        <v>11661</v>
      </c>
      <c r="H5771" s="6" t="s">
        <v>11662</v>
      </c>
      <c r="I5771" s="7">
        <v>7.1020197999999999</v>
      </c>
      <c r="J5771" s="8">
        <v>-73.142328500000005</v>
      </c>
    </row>
    <row r="5772" spans="1:10" x14ac:dyDescent="0.35">
      <c r="A5772" s="5" t="s">
        <v>10</v>
      </c>
      <c r="B5772" s="6">
        <v>188525</v>
      </c>
      <c r="C5772" s="6" t="s">
        <v>68</v>
      </c>
      <c r="D5772" s="6" t="s">
        <v>69</v>
      </c>
      <c r="E5772" s="6">
        <v>11001</v>
      </c>
      <c r="F5772" s="6" t="s">
        <v>18</v>
      </c>
      <c r="G5772" s="6" t="s">
        <v>8239</v>
      </c>
      <c r="H5772" s="6" t="s">
        <v>8240</v>
      </c>
      <c r="I5772" s="7">
        <v>4.6383885999999999</v>
      </c>
      <c r="J5772" s="8">
        <v>-74.173171799999906</v>
      </c>
    </row>
    <row r="5773" spans="1:10" x14ac:dyDescent="0.35">
      <c r="A5773" s="5" t="s">
        <v>10</v>
      </c>
      <c r="B5773" s="6">
        <v>232441</v>
      </c>
      <c r="C5773" s="6" t="s">
        <v>68</v>
      </c>
      <c r="D5773" s="6" t="s">
        <v>69</v>
      </c>
      <c r="E5773" s="6">
        <v>11001</v>
      </c>
      <c r="F5773" s="6" t="s">
        <v>18</v>
      </c>
      <c r="G5773" s="6" t="s">
        <v>11663</v>
      </c>
      <c r="H5773" s="6" t="s">
        <v>11664</v>
      </c>
      <c r="I5773" s="7">
        <v>4.6203108999999998</v>
      </c>
      <c r="J5773" s="8">
        <v>-74.212928300000002</v>
      </c>
    </row>
    <row r="5774" spans="1:10" x14ac:dyDescent="0.35">
      <c r="A5774" s="5" t="s">
        <v>10</v>
      </c>
      <c r="B5774" s="6">
        <v>96471</v>
      </c>
      <c r="C5774" s="6" t="s">
        <v>11</v>
      </c>
      <c r="D5774" s="6" t="s">
        <v>337</v>
      </c>
      <c r="E5774" s="6">
        <v>25290</v>
      </c>
      <c r="F5774" s="6" t="s">
        <v>18</v>
      </c>
      <c r="G5774" s="6" t="s">
        <v>3748</v>
      </c>
      <c r="H5774" s="6" t="s">
        <v>8795</v>
      </c>
      <c r="I5774" s="7">
        <v>4.8072096999999996</v>
      </c>
      <c r="J5774" s="8">
        <v>-74.104350099999905</v>
      </c>
    </row>
    <row r="5775" spans="1:10" x14ac:dyDescent="0.35">
      <c r="A5775" s="5" t="s">
        <v>10</v>
      </c>
      <c r="B5775" s="6">
        <v>104921</v>
      </c>
      <c r="C5775" s="6" t="s">
        <v>302</v>
      </c>
      <c r="D5775" s="6" t="s">
        <v>4041</v>
      </c>
      <c r="E5775" s="6">
        <v>8758</v>
      </c>
      <c r="F5775" s="6" t="s">
        <v>18</v>
      </c>
      <c r="G5775" s="6" t="s">
        <v>11665</v>
      </c>
      <c r="H5775" s="6" t="s">
        <v>11666</v>
      </c>
      <c r="I5775" s="7">
        <v>10.927347599999999</v>
      </c>
      <c r="J5775" s="8">
        <v>-74.772436499999998</v>
      </c>
    </row>
    <row r="5776" spans="1:10" x14ac:dyDescent="0.35">
      <c r="A5776" s="5" t="s">
        <v>10</v>
      </c>
      <c r="B5776" s="6">
        <v>185232</v>
      </c>
      <c r="C5776" s="6" t="s">
        <v>16</v>
      </c>
      <c r="D5776" s="6" t="s">
        <v>2825</v>
      </c>
      <c r="E5776" s="6">
        <v>68276</v>
      </c>
      <c r="F5776" s="6" t="s">
        <v>18</v>
      </c>
      <c r="G5776" s="6" t="s">
        <v>11667</v>
      </c>
      <c r="H5776" s="6" t="s">
        <v>11668</v>
      </c>
      <c r="I5776" s="7">
        <v>7.0866768999999996</v>
      </c>
      <c r="J5776" s="8">
        <v>-73.098188899999997</v>
      </c>
    </row>
    <row r="5777" spans="1:10" x14ac:dyDescent="0.35">
      <c r="A5777" s="5" t="s">
        <v>10</v>
      </c>
      <c r="B5777" s="6">
        <v>228700</v>
      </c>
      <c r="C5777" s="6" t="s">
        <v>16</v>
      </c>
      <c r="D5777" s="6" t="s">
        <v>224</v>
      </c>
      <c r="E5777" s="6">
        <v>68755</v>
      </c>
      <c r="F5777" s="6" t="s">
        <v>13</v>
      </c>
      <c r="G5777" s="6" t="s">
        <v>11669</v>
      </c>
      <c r="H5777" s="6" t="s">
        <v>11670</v>
      </c>
      <c r="I5777" s="7">
        <v>6.4692713999999896</v>
      </c>
      <c r="J5777" s="8">
        <v>-73.262411999999998</v>
      </c>
    </row>
    <row r="5778" spans="1:10" x14ac:dyDescent="0.35">
      <c r="A5778" s="5" t="s">
        <v>10</v>
      </c>
      <c r="B5778" s="6">
        <v>233325</v>
      </c>
      <c r="C5778" s="6" t="s">
        <v>457</v>
      </c>
      <c r="D5778" s="6" t="s">
        <v>4400</v>
      </c>
      <c r="E5778" s="6">
        <v>52001</v>
      </c>
      <c r="F5778" s="6" t="s">
        <v>18</v>
      </c>
      <c r="G5778" s="6" t="s">
        <v>11671</v>
      </c>
      <c r="H5778" s="6" t="s">
        <v>11672</v>
      </c>
      <c r="I5778" s="7">
        <v>1.19536</v>
      </c>
      <c r="J5778" s="8">
        <v>-77.265119999999996</v>
      </c>
    </row>
    <row r="5779" spans="1:10" x14ac:dyDescent="0.35">
      <c r="A5779" s="5" t="s">
        <v>10</v>
      </c>
      <c r="B5779" s="6">
        <v>235572</v>
      </c>
      <c r="C5779" s="6" t="s">
        <v>68</v>
      </c>
      <c r="D5779" s="6" t="s">
        <v>69</v>
      </c>
      <c r="E5779" s="6">
        <v>11001</v>
      </c>
      <c r="F5779" s="6" t="s">
        <v>18</v>
      </c>
      <c r="G5779" s="6" t="s">
        <v>11673</v>
      </c>
      <c r="H5779" s="6" t="s">
        <v>11674</v>
      </c>
      <c r="I5779" s="7">
        <v>4.7101056999999997</v>
      </c>
      <c r="J5779" s="8">
        <v>-74.102266900000004</v>
      </c>
    </row>
    <row r="5780" spans="1:10" x14ac:dyDescent="0.35">
      <c r="A5780" s="5" t="s">
        <v>10</v>
      </c>
      <c r="B5780" s="6">
        <v>232911</v>
      </c>
      <c r="C5780" s="6" t="s">
        <v>68</v>
      </c>
      <c r="D5780" s="6" t="s">
        <v>69</v>
      </c>
      <c r="E5780" s="6">
        <v>11001</v>
      </c>
      <c r="F5780" s="6" t="s">
        <v>18</v>
      </c>
      <c r="G5780" s="6" t="s">
        <v>11675</v>
      </c>
      <c r="H5780" s="6" t="s">
        <v>11676</v>
      </c>
      <c r="I5780" s="7">
        <v>4.7260499999999999</v>
      </c>
      <c r="J5780" s="8">
        <v>-74.090440000000001</v>
      </c>
    </row>
    <row r="5781" spans="1:10" x14ac:dyDescent="0.35">
      <c r="A5781" s="5" t="s">
        <v>10</v>
      </c>
      <c r="B5781" s="6">
        <v>229541</v>
      </c>
      <c r="C5781" s="6" t="s">
        <v>68</v>
      </c>
      <c r="D5781" s="6" t="s">
        <v>69</v>
      </c>
      <c r="E5781" s="6">
        <v>11001</v>
      </c>
      <c r="F5781" s="6" t="s">
        <v>13</v>
      </c>
      <c r="G5781" s="6" t="s">
        <v>11677</v>
      </c>
      <c r="H5781" s="6" t="s">
        <v>11678</v>
      </c>
      <c r="I5781" s="7">
        <v>4.6693492000000001</v>
      </c>
      <c r="J5781" s="8">
        <v>-74.141215299999999</v>
      </c>
    </row>
    <row r="5782" spans="1:10" x14ac:dyDescent="0.35">
      <c r="A5782" s="5" t="s">
        <v>10</v>
      </c>
      <c r="B5782" s="6">
        <v>205738</v>
      </c>
      <c r="C5782" s="6" t="s">
        <v>366</v>
      </c>
      <c r="D5782" s="6" t="s">
        <v>367</v>
      </c>
      <c r="E5782" s="6">
        <v>44430</v>
      </c>
      <c r="F5782" s="6" t="s">
        <v>13</v>
      </c>
      <c r="G5782" s="6" t="s">
        <v>11679</v>
      </c>
      <c r="H5782" s="6" t="s">
        <v>11680</v>
      </c>
      <c r="I5782" s="7">
        <v>11.1792122</v>
      </c>
      <c r="J5782" s="8">
        <v>-72.502826499999998</v>
      </c>
    </row>
    <row r="5783" spans="1:10" x14ac:dyDescent="0.35">
      <c r="A5783" s="5" t="s">
        <v>10</v>
      </c>
      <c r="B5783" s="6">
        <v>239333</v>
      </c>
      <c r="C5783" s="6" t="s">
        <v>117</v>
      </c>
      <c r="D5783" s="6" t="s">
        <v>3402</v>
      </c>
      <c r="E5783" s="6">
        <v>76364</v>
      </c>
      <c r="F5783" s="6" t="s">
        <v>18</v>
      </c>
      <c r="G5783" s="6" t="s">
        <v>11681</v>
      </c>
      <c r="H5783" s="6" t="s">
        <v>11682</v>
      </c>
      <c r="I5783" s="7">
        <v>3.2552194000000001</v>
      </c>
      <c r="J5783" s="8">
        <v>-76.556447000000006</v>
      </c>
    </row>
    <row r="5784" spans="1:10" x14ac:dyDescent="0.35">
      <c r="A5784" s="5" t="s">
        <v>10</v>
      </c>
      <c r="B5784" s="6">
        <v>207552</v>
      </c>
      <c r="C5784" s="6" t="s">
        <v>457</v>
      </c>
      <c r="D5784" s="6" t="s">
        <v>4400</v>
      </c>
      <c r="E5784" s="6">
        <v>52001</v>
      </c>
      <c r="F5784" s="6" t="s">
        <v>18</v>
      </c>
      <c r="G5784" s="6" t="s">
        <v>11683</v>
      </c>
      <c r="H5784" s="6" t="s">
        <v>11684</v>
      </c>
      <c r="I5784" s="7">
        <v>1.2160861000000001</v>
      </c>
      <c r="J5784" s="8">
        <v>-77.294713700000003</v>
      </c>
    </row>
    <row r="5785" spans="1:10" x14ac:dyDescent="0.35">
      <c r="A5785" s="5" t="s">
        <v>10</v>
      </c>
      <c r="B5785" s="6">
        <v>212317</v>
      </c>
      <c r="C5785" s="6" t="s">
        <v>68</v>
      </c>
      <c r="D5785" s="6" t="s">
        <v>69</v>
      </c>
      <c r="E5785" s="6">
        <v>11001</v>
      </c>
      <c r="F5785" s="6" t="s">
        <v>18</v>
      </c>
      <c r="G5785" s="6" t="s">
        <v>11685</v>
      </c>
      <c r="H5785" s="6" t="s">
        <v>11686</v>
      </c>
      <c r="I5785" s="7">
        <v>4.5705235999999996</v>
      </c>
      <c r="J5785" s="8">
        <v>-74.082432599999905</v>
      </c>
    </row>
    <row r="5786" spans="1:10" x14ac:dyDescent="0.35">
      <c r="A5786" s="5" t="s">
        <v>10</v>
      </c>
      <c r="B5786" s="6">
        <v>242261</v>
      </c>
      <c r="C5786" s="6" t="s">
        <v>68</v>
      </c>
      <c r="D5786" s="6" t="s">
        <v>69</v>
      </c>
      <c r="E5786" s="6">
        <v>11001</v>
      </c>
      <c r="F5786" s="6" t="s">
        <v>18</v>
      </c>
      <c r="G5786" s="6" t="s">
        <v>11687</v>
      </c>
      <c r="H5786" s="6" t="s">
        <v>11688</v>
      </c>
      <c r="I5786" s="7">
        <v>4.6172671000000003</v>
      </c>
      <c r="J5786" s="8">
        <v>-74.133158199999997</v>
      </c>
    </row>
    <row r="5787" spans="1:10" x14ac:dyDescent="0.35">
      <c r="A5787" s="5" t="s">
        <v>10</v>
      </c>
      <c r="B5787" s="6">
        <v>238373</v>
      </c>
      <c r="C5787" s="6" t="s">
        <v>68</v>
      </c>
      <c r="D5787" s="6" t="s">
        <v>69</v>
      </c>
      <c r="E5787" s="6">
        <v>11001</v>
      </c>
      <c r="F5787" s="6" t="s">
        <v>18</v>
      </c>
      <c r="G5787" s="6" t="s">
        <v>11689</v>
      </c>
      <c r="H5787" s="6" t="s">
        <v>11690</v>
      </c>
      <c r="I5787" s="7">
        <v>4.5994048000000003</v>
      </c>
      <c r="J5787" s="8">
        <v>-74.124561200000002</v>
      </c>
    </row>
    <row r="5788" spans="1:10" x14ac:dyDescent="0.35">
      <c r="A5788" s="5" t="s">
        <v>10</v>
      </c>
      <c r="B5788" s="6">
        <v>242594</v>
      </c>
      <c r="C5788" s="6" t="s">
        <v>68</v>
      </c>
      <c r="D5788" s="6" t="s">
        <v>69</v>
      </c>
      <c r="E5788" s="6">
        <v>11001</v>
      </c>
      <c r="F5788" s="6" t="s">
        <v>18</v>
      </c>
      <c r="G5788" s="6" t="s">
        <v>11691</v>
      </c>
      <c r="H5788" s="6" t="s">
        <v>11692</v>
      </c>
      <c r="I5788" s="7">
        <v>4.7145004000000004</v>
      </c>
      <c r="J5788" s="8">
        <v>-74.071228700000006</v>
      </c>
    </row>
    <row r="5789" spans="1:10" x14ac:dyDescent="0.35">
      <c r="A5789" s="5" t="s">
        <v>10</v>
      </c>
      <c r="B5789" s="6">
        <v>239187</v>
      </c>
      <c r="C5789" s="6" t="s">
        <v>68</v>
      </c>
      <c r="D5789" s="6" t="s">
        <v>69</v>
      </c>
      <c r="E5789" s="6">
        <v>11001</v>
      </c>
      <c r="F5789" s="6" t="s">
        <v>18</v>
      </c>
      <c r="G5789" s="6" t="s">
        <v>11693</v>
      </c>
      <c r="H5789" s="6" t="s">
        <v>11694</v>
      </c>
      <c r="I5789" s="7">
        <v>4.7614127999999996</v>
      </c>
      <c r="J5789" s="8">
        <v>-74.037407599999995</v>
      </c>
    </row>
    <row r="5790" spans="1:10" x14ac:dyDescent="0.35">
      <c r="A5790" s="5" t="s">
        <v>10</v>
      </c>
      <c r="B5790" s="6">
        <v>240306</v>
      </c>
      <c r="C5790" s="6" t="s">
        <v>68</v>
      </c>
      <c r="D5790" s="6" t="s">
        <v>69</v>
      </c>
      <c r="E5790" s="6">
        <v>11001</v>
      </c>
      <c r="F5790" s="6" t="s">
        <v>18</v>
      </c>
      <c r="G5790" s="6" t="s">
        <v>11695</v>
      </c>
      <c r="H5790" s="6" t="s">
        <v>11696</v>
      </c>
      <c r="I5790" s="7">
        <v>4.7118617</v>
      </c>
      <c r="J5790" s="8">
        <v>-74.061381499999996</v>
      </c>
    </row>
    <row r="5791" spans="1:10" x14ac:dyDescent="0.35">
      <c r="A5791" s="5" t="s">
        <v>10</v>
      </c>
      <c r="B5791" s="6">
        <v>242711</v>
      </c>
      <c r="C5791" s="6" t="s">
        <v>68</v>
      </c>
      <c r="D5791" s="6" t="s">
        <v>69</v>
      </c>
      <c r="E5791" s="6">
        <v>11001</v>
      </c>
      <c r="F5791" s="6" t="s">
        <v>18</v>
      </c>
      <c r="G5791" s="6" t="s">
        <v>11697</v>
      </c>
      <c r="H5791" s="6" t="s">
        <v>11698</v>
      </c>
      <c r="I5791" s="7">
        <v>4.5538916</v>
      </c>
      <c r="J5791" s="8">
        <v>-74.148894799999994</v>
      </c>
    </row>
    <row r="5792" spans="1:10" x14ac:dyDescent="0.35">
      <c r="A5792" s="5" t="s">
        <v>10</v>
      </c>
      <c r="B5792" s="6">
        <v>237406</v>
      </c>
      <c r="C5792" s="6" t="s">
        <v>68</v>
      </c>
      <c r="D5792" s="6" t="s">
        <v>69</v>
      </c>
      <c r="E5792" s="6">
        <v>11001</v>
      </c>
      <c r="F5792" s="6" t="s">
        <v>18</v>
      </c>
      <c r="G5792" s="6" t="s">
        <v>11699</v>
      </c>
      <c r="H5792" s="6" t="s">
        <v>11700</v>
      </c>
      <c r="I5792" s="7">
        <v>4.7366508999999999</v>
      </c>
      <c r="J5792" s="8">
        <v>-74.067970399999993</v>
      </c>
    </row>
    <row r="5793" spans="1:10" x14ac:dyDescent="0.35">
      <c r="A5793" s="5" t="s">
        <v>10</v>
      </c>
      <c r="B5793" s="6">
        <v>242592</v>
      </c>
      <c r="C5793" s="6" t="s">
        <v>68</v>
      </c>
      <c r="D5793" s="6" t="s">
        <v>69</v>
      </c>
      <c r="E5793" s="6">
        <v>11001</v>
      </c>
      <c r="F5793" s="6" t="s">
        <v>18</v>
      </c>
      <c r="G5793" s="6" t="s">
        <v>11701</v>
      </c>
      <c r="H5793" s="6" t="s">
        <v>11702</v>
      </c>
      <c r="I5793" s="7">
        <v>4.6811740000000004</v>
      </c>
      <c r="J5793" s="8">
        <v>-74.064723999999998</v>
      </c>
    </row>
    <row r="5794" spans="1:10" x14ac:dyDescent="0.35">
      <c r="A5794" s="5" t="s">
        <v>10</v>
      </c>
      <c r="B5794" s="6">
        <v>152016</v>
      </c>
      <c r="C5794" s="6" t="s">
        <v>2130</v>
      </c>
      <c r="D5794" s="6" t="s">
        <v>370</v>
      </c>
      <c r="E5794" s="6">
        <v>85440</v>
      </c>
      <c r="F5794" s="6" t="s">
        <v>18</v>
      </c>
      <c r="G5794" s="6" t="s">
        <v>11703</v>
      </c>
      <c r="H5794" s="6" t="s">
        <v>11704</v>
      </c>
      <c r="I5794" s="7">
        <v>4.6086149999999897</v>
      </c>
      <c r="J5794" s="8">
        <v>-72.926487799999904</v>
      </c>
    </row>
    <row r="5795" spans="1:10" x14ac:dyDescent="0.35">
      <c r="A5795" s="5" t="s">
        <v>10</v>
      </c>
      <c r="B5795" s="6">
        <v>208142</v>
      </c>
      <c r="C5795" s="6" t="s">
        <v>190</v>
      </c>
      <c r="D5795" s="6" t="s">
        <v>11705</v>
      </c>
      <c r="E5795" s="6">
        <v>5318</v>
      </c>
      <c r="F5795" s="6" t="s">
        <v>18</v>
      </c>
      <c r="G5795" s="6" t="s">
        <v>11706</v>
      </c>
      <c r="H5795" s="6" t="s">
        <v>11707</v>
      </c>
      <c r="I5795" s="7">
        <v>6.2781035000000003</v>
      </c>
      <c r="J5795" s="8">
        <v>-75.439756000000003</v>
      </c>
    </row>
    <row r="5796" spans="1:10" x14ac:dyDescent="0.35">
      <c r="A5796" s="5" t="s">
        <v>10</v>
      </c>
      <c r="B5796" s="6">
        <v>228331</v>
      </c>
      <c r="C5796" s="6" t="s">
        <v>11</v>
      </c>
      <c r="D5796" s="6" t="s">
        <v>901</v>
      </c>
      <c r="E5796" s="6">
        <v>25307</v>
      </c>
      <c r="F5796" s="6" t="s">
        <v>13</v>
      </c>
      <c r="G5796" s="6" t="s">
        <v>11708</v>
      </c>
      <c r="H5796" s="6" t="s">
        <v>11709</v>
      </c>
      <c r="I5796" s="7">
        <v>4.2986025000000003</v>
      </c>
      <c r="J5796" s="8">
        <v>-74.805443199999999</v>
      </c>
    </row>
    <row r="5797" spans="1:10" x14ac:dyDescent="0.35">
      <c r="A5797" s="5" t="s">
        <v>10</v>
      </c>
      <c r="B5797" s="6">
        <v>229802</v>
      </c>
      <c r="C5797" s="6" t="s">
        <v>117</v>
      </c>
      <c r="D5797" s="6" t="s">
        <v>3963</v>
      </c>
      <c r="E5797" s="6">
        <v>76377</v>
      </c>
      <c r="F5797" s="6" t="s">
        <v>18</v>
      </c>
      <c r="G5797" s="6" t="s">
        <v>11710</v>
      </c>
      <c r="H5797" s="6" t="s">
        <v>11711</v>
      </c>
      <c r="I5797" s="7">
        <v>3.6486190999999999</v>
      </c>
      <c r="J5797" s="8">
        <v>-76.564982999999998</v>
      </c>
    </row>
    <row r="5798" spans="1:10" x14ac:dyDescent="0.35">
      <c r="A5798" s="5" t="s">
        <v>10</v>
      </c>
      <c r="B5798" s="6">
        <v>209120</v>
      </c>
      <c r="C5798" s="6" t="s">
        <v>68</v>
      </c>
      <c r="D5798" s="6" t="s">
        <v>69</v>
      </c>
      <c r="E5798" s="6">
        <v>11001</v>
      </c>
      <c r="F5798" s="6" t="s">
        <v>18</v>
      </c>
      <c r="G5798" s="6" t="s">
        <v>11712</v>
      </c>
      <c r="H5798" s="6" t="s">
        <v>11713</v>
      </c>
      <c r="I5798" s="7">
        <v>4.5775039999999896</v>
      </c>
      <c r="J5798" s="8">
        <v>-74.091839899999997</v>
      </c>
    </row>
    <row r="5799" spans="1:10" x14ac:dyDescent="0.35">
      <c r="A5799" s="5" t="s">
        <v>10</v>
      </c>
      <c r="B5799" s="6">
        <v>238978</v>
      </c>
      <c r="C5799" s="6" t="s">
        <v>68</v>
      </c>
      <c r="D5799" s="6" t="s">
        <v>69</v>
      </c>
      <c r="E5799" s="6">
        <v>11001</v>
      </c>
      <c r="F5799" s="6" t="s">
        <v>18</v>
      </c>
      <c r="G5799" s="6" t="s">
        <v>11714</v>
      </c>
      <c r="H5799" s="6" t="s">
        <v>11715</v>
      </c>
      <c r="I5799" s="7">
        <v>4.6128951000000002</v>
      </c>
      <c r="J5799" s="8">
        <v>-74.169503300000002</v>
      </c>
    </row>
    <row r="5800" spans="1:10" x14ac:dyDescent="0.35">
      <c r="A5800" s="5" t="s">
        <v>10</v>
      </c>
      <c r="B5800" s="6">
        <v>242136</v>
      </c>
      <c r="C5800" s="6" t="s">
        <v>68</v>
      </c>
      <c r="D5800" s="6" t="s">
        <v>69</v>
      </c>
      <c r="E5800" s="6">
        <v>11001</v>
      </c>
      <c r="F5800" s="6" t="s">
        <v>18</v>
      </c>
      <c r="G5800" s="6" t="s">
        <v>11716</v>
      </c>
      <c r="H5800" s="6" t="s">
        <v>11717</v>
      </c>
      <c r="I5800" s="7">
        <v>4.6421311999999997</v>
      </c>
      <c r="J5800" s="8">
        <v>-74.137685599999998</v>
      </c>
    </row>
    <row r="5801" spans="1:10" x14ac:dyDescent="0.35">
      <c r="A5801" s="5" t="s">
        <v>10</v>
      </c>
      <c r="B5801" s="6">
        <v>213153</v>
      </c>
      <c r="C5801" s="6" t="s">
        <v>68</v>
      </c>
      <c r="D5801" s="6" t="s">
        <v>69</v>
      </c>
      <c r="E5801" s="6">
        <v>11001</v>
      </c>
      <c r="F5801" s="6" t="s">
        <v>18</v>
      </c>
      <c r="G5801" s="6" t="s">
        <v>11718</v>
      </c>
      <c r="H5801" s="6" t="s">
        <v>11719</v>
      </c>
      <c r="I5801" s="7">
        <v>4.5552516000000001</v>
      </c>
      <c r="J5801" s="8">
        <v>-74.097290099999995</v>
      </c>
    </row>
    <row r="5802" spans="1:10" x14ac:dyDescent="0.35">
      <c r="A5802" s="5" t="s">
        <v>10</v>
      </c>
      <c r="B5802" s="6">
        <v>238703</v>
      </c>
      <c r="C5802" s="6" t="s">
        <v>68</v>
      </c>
      <c r="D5802" s="6" t="s">
        <v>69</v>
      </c>
      <c r="E5802" s="6">
        <v>11001</v>
      </c>
      <c r="F5802" s="6" t="s">
        <v>18</v>
      </c>
      <c r="G5802" s="6" t="s">
        <v>11720</v>
      </c>
      <c r="H5802" s="6" t="s">
        <v>11721</v>
      </c>
      <c r="I5802" s="7">
        <v>4.5809733000000001</v>
      </c>
      <c r="J5802" s="8">
        <v>-74.091063399999996</v>
      </c>
    </row>
    <row r="5803" spans="1:10" x14ac:dyDescent="0.35">
      <c r="A5803" s="5" t="s">
        <v>10</v>
      </c>
      <c r="B5803" s="6">
        <v>204163</v>
      </c>
      <c r="C5803" s="6" t="s">
        <v>68</v>
      </c>
      <c r="D5803" s="6" t="s">
        <v>69</v>
      </c>
      <c r="E5803" s="6">
        <v>11001</v>
      </c>
      <c r="F5803" s="6" t="s">
        <v>18</v>
      </c>
      <c r="G5803" s="6" t="s">
        <v>11722</v>
      </c>
      <c r="H5803" s="6" t="s">
        <v>11723</v>
      </c>
      <c r="I5803" s="7">
        <v>4.6882389</v>
      </c>
      <c r="J5803" s="8">
        <v>-74.145735299999998</v>
      </c>
    </row>
    <row r="5804" spans="1:10" x14ac:dyDescent="0.35">
      <c r="A5804" s="5" t="s">
        <v>10</v>
      </c>
      <c r="B5804" s="6">
        <v>242165</v>
      </c>
      <c r="C5804" s="6" t="s">
        <v>68</v>
      </c>
      <c r="D5804" s="6" t="s">
        <v>69</v>
      </c>
      <c r="E5804" s="6">
        <v>11001</v>
      </c>
      <c r="F5804" s="6" t="s">
        <v>18</v>
      </c>
      <c r="G5804" s="6" t="s">
        <v>11724</v>
      </c>
      <c r="H5804" s="6" t="s">
        <v>11725</v>
      </c>
      <c r="I5804" s="7">
        <v>4.7238835999999997</v>
      </c>
      <c r="J5804" s="8">
        <v>-74.089806800000005</v>
      </c>
    </row>
    <row r="5805" spans="1:10" x14ac:dyDescent="0.35">
      <c r="A5805" s="5" t="s">
        <v>10</v>
      </c>
      <c r="B5805" s="6">
        <v>184646</v>
      </c>
      <c r="C5805" s="6" t="s">
        <v>366</v>
      </c>
      <c r="D5805" s="6" t="s">
        <v>8296</v>
      </c>
      <c r="E5805" s="6">
        <v>44001</v>
      </c>
      <c r="F5805" s="6" t="s">
        <v>13</v>
      </c>
      <c r="G5805" s="6" t="s">
        <v>11726</v>
      </c>
      <c r="H5805" s="6" t="s">
        <v>11727</v>
      </c>
      <c r="I5805" s="7">
        <v>11.5296032</v>
      </c>
      <c r="J5805" s="8">
        <v>-72.898869300000001</v>
      </c>
    </row>
    <row r="5806" spans="1:10" x14ac:dyDescent="0.35">
      <c r="A5806" s="5" t="s">
        <v>10</v>
      </c>
      <c r="B5806" s="6">
        <v>232796</v>
      </c>
      <c r="C5806" s="6" t="s">
        <v>2130</v>
      </c>
      <c r="D5806" s="6" t="s">
        <v>2131</v>
      </c>
      <c r="E5806" s="6">
        <v>85001</v>
      </c>
      <c r="F5806" s="6" t="s">
        <v>13</v>
      </c>
      <c r="G5806" s="6" t="s">
        <v>11728</v>
      </c>
      <c r="H5806" s="6" t="s">
        <v>11729</v>
      </c>
      <c r="I5806" s="7">
        <v>5.3330584999999999</v>
      </c>
      <c r="J5806" s="8">
        <v>-72.387535299999996</v>
      </c>
    </row>
    <row r="5807" spans="1:10" x14ac:dyDescent="0.35">
      <c r="A5807" s="5" t="s">
        <v>10</v>
      </c>
      <c r="B5807" s="6">
        <v>236925</v>
      </c>
      <c r="C5807" s="6" t="s">
        <v>11</v>
      </c>
      <c r="D5807" s="6" t="s">
        <v>221</v>
      </c>
      <c r="E5807" s="6">
        <v>25430</v>
      </c>
      <c r="F5807" s="6" t="s">
        <v>18</v>
      </c>
      <c r="G5807" s="6" t="s">
        <v>11730</v>
      </c>
      <c r="H5807" s="6" t="s">
        <v>11731</v>
      </c>
      <c r="I5807" s="7">
        <v>4.7272198000000003</v>
      </c>
      <c r="J5807" s="8">
        <v>-74.267442399999993</v>
      </c>
    </row>
    <row r="5808" spans="1:10" x14ac:dyDescent="0.35">
      <c r="A5808" s="5" t="s">
        <v>10</v>
      </c>
      <c r="B5808" s="6">
        <v>222827</v>
      </c>
      <c r="C5808" s="6" t="s">
        <v>117</v>
      </c>
      <c r="D5808" s="6" t="s">
        <v>1334</v>
      </c>
      <c r="E5808" s="6">
        <v>76001</v>
      </c>
      <c r="F5808" s="6" t="s">
        <v>18</v>
      </c>
      <c r="G5808" s="6" t="s">
        <v>11732</v>
      </c>
      <c r="H5808" s="6" t="s">
        <v>11733</v>
      </c>
      <c r="I5808" s="7">
        <v>3.4438569999999999</v>
      </c>
      <c r="J5808" s="8">
        <v>-76.506488399999995</v>
      </c>
    </row>
    <row r="5809" spans="1:10" x14ac:dyDescent="0.35">
      <c r="A5809" s="5" t="s">
        <v>10</v>
      </c>
      <c r="B5809" s="6">
        <v>230741</v>
      </c>
      <c r="C5809" s="6" t="s">
        <v>117</v>
      </c>
      <c r="D5809" s="6" t="s">
        <v>1334</v>
      </c>
      <c r="E5809" s="6">
        <v>76001</v>
      </c>
      <c r="F5809" s="6" t="s">
        <v>18</v>
      </c>
      <c r="G5809" s="6" t="s">
        <v>11734</v>
      </c>
      <c r="H5809" s="6" t="s">
        <v>11735</v>
      </c>
      <c r="I5809" s="7">
        <v>3.4064939999999999</v>
      </c>
      <c r="J5809" s="8">
        <v>-76.512015500000004</v>
      </c>
    </row>
    <row r="5810" spans="1:10" x14ac:dyDescent="0.35">
      <c r="A5810" s="5" t="s">
        <v>10</v>
      </c>
      <c r="B5810" s="6">
        <v>241630</v>
      </c>
      <c r="C5810" s="6" t="s">
        <v>457</v>
      </c>
      <c r="D5810" s="6" t="s">
        <v>4400</v>
      </c>
      <c r="E5810" s="6">
        <v>52001</v>
      </c>
      <c r="F5810" s="6" t="s">
        <v>18</v>
      </c>
      <c r="G5810" s="6" t="s">
        <v>11736</v>
      </c>
      <c r="H5810" s="6" t="s">
        <v>11737</v>
      </c>
      <c r="I5810" s="7">
        <v>1.2260544</v>
      </c>
      <c r="J5810" s="8">
        <v>-77.297416100000007</v>
      </c>
    </row>
    <row r="5811" spans="1:10" x14ac:dyDescent="0.35">
      <c r="A5811" s="5" t="s">
        <v>10</v>
      </c>
      <c r="B5811" s="6">
        <v>240437</v>
      </c>
      <c r="C5811" s="6" t="s">
        <v>190</v>
      </c>
      <c r="D5811" s="6" t="s">
        <v>4063</v>
      </c>
      <c r="E5811" s="6">
        <v>5088</v>
      </c>
      <c r="F5811" s="6" t="s">
        <v>18</v>
      </c>
      <c r="G5811" s="6" t="s">
        <v>11738</v>
      </c>
      <c r="H5811" s="6" t="s">
        <v>11739</v>
      </c>
      <c r="I5811" s="7">
        <v>6.3440417</v>
      </c>
      <c r="J5811" s="8">
        <v>-75.553071900000006</v>
      </c>
    </row>
    <row r="5812" spans="1:10" x14ac:dyDescent="0.35">
      <c r="A5812" s="5" t="s">
        <v>10</v>
      </c>
      <c r="B5812" s="6">
        <v>246498</v>
      </c>
      <c r="C5812" s="6" t="s">
        <v>190</v>
      </c>
      <c r="D5812" s="6" t="s">
        <v>11740</v>
      </c>
      <c r="E5812" s="6">
        <v>5376</v>
      </c>
      <c r="F5812" s="6" t="s">
        <v>18</v>
      </c>
      <c r="G5812" s="6" t="s">
        <v>11741</v>
      </c>
      <c r="H5812" s="6" t="s">
        <v>11742</v>
      </c>
      <c r="I5812" s="7">
        <v>5.2483673</v>
      </c>
      <c r="J5812" s="8">
        <v>-73.76755</v>
      </c>
    </row>
    <row r="5813" spans="1:10" x14ac:dyDescent="0.35">
      <c r="A5813" s="5" t="s">
        <v>10</v>
      </c>
      <c r="B5813" s="6">
        <v>212201</v>
      </c>
      <c r="C5813" s="6" t="s">
        <v>68</v>
      </c>
      <c r="D5813" s="6" t="s">
        <v>69</v>
      </c>
      <c r="E5813" s="6">
        <v>11001</v>
      </c>
      <c r="F5813" s="6" t="s">
        <v>18</v>
      </c>
      <c r="G5813" s="6" t="s">
        <v>11743</v>
      </c>
      <c r="H5813" s="6" t="s">
        <v>11744</v>
      </c>
      <c r="I5813" s="7">
        <v>4.6054848000000002</v>
      </c>
      <c r="J5813" s="8">
        <v>-74.146845299999995</v>
      </c>
    </row>
    <row r="5814" spans="1:10" x14ac:dyDescent="0.35">
      <c r="A5814" s="5" t="s">
        <v>10</v>
      </c>
      <c r="B5814" s="6">
        <v>230556</v>
      </c>
      <c r="C5814" s="6" t="s">
        <v>68</v>
      </c>
      <c r="D5814" s="6" t="s">
        <v>69</v>
      </c>
      <c r="E5814" s="6">
        <v>11001</v>
      </c>
      <c r="F5814" s="6" t="s">
        <v>18</v>
      </c>
      <c r="G5814" s="6" t="s">
        <v>11745</v>
      </c>
      <c r="H5814" s="6" t="s">
        <v>11746</v>
      </c>
      <c r="I5814" s="7">
        <v>4.6103816000000002</v>
      </c>
      <c r="J5814" s="8">
        <v>-74.198765199999997</v>
      </c>
    </row>
    <row r="5815" spans="1:10" x14ac:dyDescent="0.35">
      <c r="A5815" s="5" t="s">
        <v>10</v>
      </c>
      <c r="B5815" s="6">
        <v>181000</v>
      </c>
      <c r="C5815" s="6" t="s">
        <v>68</v>
      </c>
      <c r="D5815" s="6" t="s">
        <v>69</v>
      </c>
      <c r="E5815" s="6">
        <v>11001</v>
      </c>
      <c r="F5815" s="6" t="s">
        <v>18</v>
      </c>
      <c r="G5815" s="6" t="s">
        <v>11747</v>
      </c>
      <c r="H5815" s="6" t="s">
        <v>11748</v>
      </c>
      <c r="I5815" s="7">
        <v>4.5770242000000003</v>
      </c>
      <c r="J5815" s="8">
        <v>-74.104226800000006</v>
      </c>
    </row>
    <row r="5816" spans="1:10" x14ac:dyDescent="0.35">
      <c r="A5816" s="5" t="s">
        <v>10</v>
      </c>
      <c r="B5816" s="6">
        <v>224139</v>
      </c>
      <c r="C5816" s="6" t="s">
        <v>68</v>
      </c>
      <c r="D5816" s="6" t="s">
        <v>69</v>
      </c>
      <c r="E5816" s="6">
        <v>11001</v>
      </c>
      <c r="F5816" s="6" t="s">
        <v>18</v>
      </c>
      <c r="G5816" s="6" t="s">
        <v>11749</v>
      </c>
      <c r="H5816" s="6" t="s">
        <v>11750</v>
      </c>
      <c r="I5816" s="7">
        <v>4.6371922999999997</v>
      </c>
      <c r="J5816" s="8">
        <v>-74.137932899999996</v>
      </c>
    </row>
    <row r="5817" spans="1:10" x14ac:dyDescent="0.35">
      <c r="A5817" s="5" t="s">
        <v>10</v>
      </c>
      <c r="B5817" s="6">
        <v>242501</v>
      </c>
      <c r="C5817" s="6" t="s">
        <v>68</v>
      </c>
      <c r="D5817" s="6" t="s">
        <v>69</v>
      </c>
      <c r="E5817" s="6">
        <v>11001</v>
      </c>
      <c r="F5817" s="6" t="s">
        <v>18</v>
      </c>
      <c r="G5817" s="6" t="s">
        <v>11751</v>
      </c>
      <c r="H5817" s="6" t="s">
        <v>11752</v>
      </c>
      <c r="I5817" s="7">
        <v>4.6330799000000003</v>
      </c>
      <c r="J5817" s="8">
        <v>-74.069280399999997</v>
      </c>
    </row>
    <row r="5818" spans="1:10" x14ac:dyDescent="0.35">
      <c r="A5818" s="5" t="s">
        <v>10</v>
      </c>
      <c r="B5818" s="6">
        <v>213093</v>
      </c>
      <c r="C5818" s="6" t="s">
        <v>68</v>
      </c>
      <c r="D5818" s="6" t="s">
        <v>69</v>
      </c>
      <c r="E5818" s="6">
        <v>11001</v>
      </c>
      <c r="F5818" s="6" t="s">
        <v>18</v>
      </c>
      <c r="G5818" s="6" t="s">
        <v>855</v>
      </c>
      <c r="H5818" s="6" t="s">
        <v>11753</v>
      </c>
      <c r="I5818" s="7">
        <v>4.5841949999999896</v>
      </c>
      <c r="J5818" s="8">
        <v>-74.128608799999995</v>
      </c>
    </row>
    <row r="5819" spans="1:10" x14ac:dyDescent="0.35">
      <c r="A5819" s="5" t="s">
        <v>10</v>
      </c>
      <c r="B5819" s="6">
        <v>203769</v>
      </c>
      <c r="C5819" s="6" t="s">
        <v>551</v>
      </c>
      <c r="D5819" s="6" t="s">
        <v>3892</v>
      </c>
      <c r="E5819" s="6">
        <v>20550</v>
      </c>
      <c r="F5819" s="6" t="s">
        <v>13</v>
      </c>
      <c r="G5819" s="6" t="s">
        <v>11754</v>
      </c>
      <c r="H5819" s="6" t="s">
        <v>11755</v>
      </c>
      <c r="I5819" s="7">
        <v>8.6880310000000005</v>
      </c>
      <c r="J5819" s="8">
        <v>-73.666376999999997</v>
      </c>
    </row>
    <row r="5820" spans="1:10" x14ac:dyDescent="0.35">
      <c r="A5820" s="5" t="s">
        <v>10</v>
      </c>
      <c r="B5820" s="6">
        <v>198665</v>
      </c>
      <c r="C5820" s="6" t="s">
        <v>366</v>
      </c>
      <c r="D5820" s="6" t="s">
        <v>367</v>
      </c>
      <c r="E5820" s="6">
        <v>44430</v>
      </c>
      <c r="F5820" s="6" t="s">
        <v>13</v>
      </c>
      <c r="G5820" s="6" t="s">
        <v>11756</v>
      </c>
      <c r="H5820" s="6" t="s">
        <v>11757</v>
      </c>
      <c r="I5820" s="7">
        <v>11.378505199999999</v>
      </c>
      <c r="J5820" s="8">
        <v>-72.237331499999996</v>
      </c>
    </row>
    <row r="5821" spans="1:10" x14ac:dyDescent="0.35">
      <c r="A5821" s="5" t="s">
        <v>10</v>
      </c>
      <c r="B5821" s="6">
        <v>241031</v>
      </c>
      <c r="C5821" s="6" t="s">
        <v>117</v>
      </c>
      <c r="D5821" s="6" t="s">
        <v>1334</v>
      </c>
      <c r="E5821" s="6">
        <v>76001</v>
      </c>
      <c r="F5821" s="6" t="s">
        <v>18</v>
      </c>
      <c r="G5821" s="6" t="s">
        <v>11758</v>
      </c>
      <c r="H5821" s="6" t="s">
        <v>11759</v>
      </c>
      <c r="I5821" s="7">
        <v>3.4837889999999998</v>
      </c>
      <c r="J5821" s="8">
        <v>-76.508872800000006</v>
      </c>
    </row>
    <row r="5822" spans="1:10" x14ac:dyDescent="0.35">
      <c r="A5822" s="5" t="s">
        <v>10</v>
      </c>
      <c r="B5822" s="6">
        <v>216097</v>
      </c>
      <c r="C5822" s="6" t="s">
        <v>117</v>
      </c>
      <c r="D5822" s="6" t="s">
        <v>3402</v>
      </c>
      <c r="E5822" s="6">
        <v>76364</v>
      </c>
      <c r="F5822" s="6" t="s">
        <v>18</v>
      </c>
      <c r="G5822" s="6" t="s">
        <v>11760</v>
      </c>
      <c r="H5822" s="6" t="s">
        <v>11761</v>
      </c>
      <c r="I5822" s="7">
        <v>3.2699861000000001</v>
      </c>
      <c r="J5822" s="8">
        <v>-76.541600899999906</v>
      </c>
    </row>
    <row r="5823" spans="1:10" x14ac:dyDescent="0.35">
      <c r="A5823" s="5" t="s">
        <v>10</v>
      </c>
      <c r="B5823" s="6">
        <v>240958</v>
      </c>
      <c r="C5823" s="6" t="s">
        <v>117</v>
      </c>
      <c r="D5823" s="6" t="s">
        <v>1291</v>
      </c>
      <c r="E5823" s="6">
        <v>76834</v>
      </c>
      <c r="F5823" s="6" t="s">
        <v>18</v>
      </c>
      <c r="G5823" s="6" t="s">
        <v>5217</v>
      </c>
      <c r="H5823" s="6" t="s">
        <v>11762</v>
      </c>
      <c r="I5823" s="7">
        <v>4.0931486000000001</v>
      </c>
      <c r="J5823" s="8">
        <v>-76.186279400000004</v>
      </c>
    </row>
    <row r="5824" spans="1:10" x14ac:dyDescent="0.35">
      <c r="A5824" s="5" t="s">
        <v>10</v>
      </c>
      <c r="B5824" s="6">
        <v>238992</v>
      </c>
      <c r="C5824" s="6" t="s">
        <v>190</v>
      </c>
      <c r="D5824" s="6" t="s">
        <v>3689</v>
      </c>
      <c r="E5824" s="6">
        <v>5266</v>
      </c>
      <c r="F5824" s="6" t="s">
        <v>18</v>
      </c>
      <c r="G5824" s="6" t="s">
        <v>11763</v>
      </c>
      <c r="H5824" s="6" t="s">
        <v>11764</v>
      </c>
      <c r="I5824" s="7">
        <v>6.1643292000000001</v>
      </c>
      <c r="J5824" s="8">
        <v>-75.583980699999998</v>
      </c>
    </row>
    <row r="5825" spans="1:10" x14ac:dyDescent="0.35">
      <c r="A5825" s="5" t="s">
        <v>10</v>
      </c>
      <c r="B5825" s="6">
        <v>225182</v>
      </c>
      <c r="C5825" s="6" t="s">
        <v>68</v>
      </c>
      <c r="D5825" s="6" t="s">
        <v>69</v>
      </c>
      <c r="E5825" s="6">
        <v>11001</v>
      </c>
      <c r="F5825" s="6" t="s">
        <v>18</v>
      </c>
      <c r="G5825" s="6" t="s">
        <v>11765</v>
      </c>
      <c r="H5825" s="6" t="s">
        <v>11766</v>
      </c>
      <c r="I5825" s="7">
        <v>4.6038825999999897</v>
      </c>
      <c r="J5825" s="8">
        <v>-74.188556199999994</v>
      </c>
    </row>
    <row r="5826" spans="1:10" x14ac:dyDescent="0.35">
      <c r="A5826" s="5" t="s">
        <v>10</v>
      </c>
      <c r="B5826" s="6">
        <v>232550</v>
      </c>
      <c r="C5826" s="6" t="s">
        <v>68</v>
      </c>
      <c r="D5826" s="6" t="s">
        <v>69</v>
      </c>
      <c r="E5826" s="6">
        <v>11001</v>
      </c>
      <c r="F5826" s="6" t="s">
        <v>18</v>
      </c>
      <c r="G5826" s="6" t="s">
        <v>11767</v>
      </c>
      <c r="H5826" s="6" t="s">
        <v>11768</v>
      </c>
      <c r="I5826" s="7">
        <v>4.6376327000000002</v>
      </c>
      <c r="J5826" s="8">
        <v>-74.163752000000002</v>
      </c>
    </row>
    <row r="5827" spans="1:10" x14ac:dyDescent="0.35">
      <c r="A5827" s="5" t="s">
        <v>10</v>
      </c>
      <c r="B5827" s="6">
        <v>242091</v>
      </c>
      <c r="C5827" s="6" t="s">
        <v>68</v>
      </c>
      <c r="D5827" s="6" t="s">
        <v>69</v>
      </c>
      <c r="E5827" s="6">
        <v>11001</v>
      </c>
      <c r="F5827" s="6" t="s">
        <v>18</v>
      </c>
      <c r="G5827" s="6" t="s">
        <v>11769</v>
      </c>
      <c r="H5827" s="6" t="s">
        <v>11770</v>
      </c>
      <c r="I5827" s="7">
        <v>4.7414557999999998</v>
      </c>
      <c r="J5827" s="8">
        <v>-74.102776700000007</v>
      </c>
    </row>
    <row r="5828" spans="1:10" x14ac:dyDescent="0.35">
      <c r="A5828" s="5" t="s">
        <v>10</v>
      </c>
      <c r="B5828" s="6">
        <v>246725</v>
      </c>
      <c r="C5828" s="6" t="s">
        <v>68</v>
      </c>
      <c r="D5828" s="6" t="s">
        <v>69</v>
      </c>
      <c r="E5828" s="6">
        <v>11001</v>
      </c>
      <c r="F5828" s="6" t="s">
        <v>18</v>
      </c>
      <c r="G5828" s="6" t="s">
        <v>11771</v>
      </c>
      <c r="H5828" s="6" t="s">
        <v>11772</v>
      </c>
      <c r="I5828" s="7">
        <v>4.5716098000000001</v>
      </c>
      <c r="J5828" s="8">
        <v>-74.081316000000001</v>
      </c>
    </row>
    <row r="5829" spans="1:10" x14ac:dyDescent="0.35">
      <c r="A5829" s="5" t="s">
        <v>10</v>
      </c>
      <c r="B5829" s="6">
        <v>210226</v>
      </c>
      <c r="C5829" s="6" t="s">
        <v>68</v>
      </c>
      <c r="D5829" s="6" t="s">
        <v>69</v>
      </c>
      <c r="E5829" s="6">
        <v>11001</v>
      </c>
      <c r="F5829" s="6" t="s">
        <v>18</v>
      </c>
      <c r="G5829" s="6" t="s">
        <v>11773</v>
      </c>
      <c r="H5829" s="6" t="s">
        <v>11774</v>
      </c>
      <c r="I5829" s="7">
        <v>4.6123577999999998</v>
      </c>
      <c r="J5829" s="8">
        <v>-74.207035300000001</v>
      </c>
    </row>
    <row r="5830" spans="1:10" x14ac:dyDescent="0.35">
      <c r="A5830" s="5" t="s">
        <v>10</v>
      </c>
      <c r="B5830" s="6">
        <v>219275</v>
      </c>
      <c r="C5830" s="6" t="s">
        <v>68</v>
      </c>
      <c r="D5830" s="6" t="s">
        <v>69</v>
      </c>
      <c r="E5830" s="6">
        <v>11001</v>
      </c>
      <c r="F5830" s="6" t="s">
        <v>18</v>
      </c>
      <c r="G5830" s="6" t="s">
        <v>11775</v>
      </c>
      <c r="H5830" s="6" t="s">
        <v>11776</v>
      </c>
      <c r="I5830" s="7">
        <v>4.5027767000000001</v>
      </c>
      <c r="J5830" s="8">
        <v>-74.119318300000003</v>
      </c>
    </row>
    <row r="5831" spans="1:10" x14ac:dyDescent="0.35">
      <c r="A5831" s="5" t="s">
        <v>10</v>
      </c>
      <c r="B5831" s="6">
        <v>210403</v>
      </c>
      <c r="C5831" s="6" t="s">
        <v>68</v>
      </c>
      <c r="D5831" s="6" t="s">
        <v>69</v>
      </c>
      <c r="E5831" s="6">
        <v>11001</v>
      </c>
      <c r="F5831" s="6" t="s">
        <v>18</v>
      </c>
      <c r="G5831" s="6" t="s">
        <v>11777</v>
      </c>
      <c r="H5831" s="6" t="s">
        <v>11778</v>
      </c>
      <c r="I5831" s="7">
        <v>4.5766875999999996</v>
      </c>
      <c r="J5831" s="8">
        <v>-74.130668399999905</v>
      </c>
    </row>
    <row r="5832" spans="1:10" x14ac:dyDescent="0.35">
      <c r="A5832" s="5" t="s">
        <v>10</v>
      </c>
      <c r="B5832" s="6">
        <v>242275</v>
      </c>
      <c r="C5832" s="6" t="s">
        <v>68</v>
      </c>
      <c r="D5832" s="6" t="s">
        <v>69</v>
      </c>
      <c r="E5832" s="6">
        <v>11001</v>
      </c>
      <c r="F5832" s="6" t="s">
        <v>18</v>
      </c>
      <c r="G5832" s="6" t="s">
        <v>11779</v>
      </c>
      <c r="H5832" s="6" t="s">
        <v>11780</v>
      </c>
      <c r="I5832" s="7">
        <v>4.5834022000000001</v>
      </c>
      <c r="J5832" s="8">
        <v>-74.081227499999997</v>
      </c>
    </row>
    <row r="5833" spans="1:10" x14ac:dyDescent="0.35">
      <c r="A5833" s="5" t="s">
        <v>10</v>
      </c>
      <c r="B5833" s="6">
        <v>243721</v>
      </c>
      <c r="C5833" s="6" t="s">
        <v>68</v>
      </c>
      <c r="D5833" s="6" t="s">
        <v>69</v>
      </c>
      <c r="E5833" s="6">
        <v>11001</v>
      </c>
      <c r="F5833" s="6" t="s">
        <v>18</v>
      </c>
      <c r="G5833" s="6" t="s">
        <v>8553</v>
      </c>
      <c r="H5833" s="6" t="s">
        <v>11781</v>
      </c>
      <c r="I5833" s="7">
        <v>4.6236905000000004</v>
      </c>
      <c r="J5833" s="8">
        <v>-74.115925099999998</v>
      </c>
    </row>
    <row r="5834" spans="1:10" x14ac:dyDescent="0.35">
      <c r="A5834" s="5" t="s">
        <v>10</v>
      </c>
      <c r="B5834" s="6">
        <v>229438</v>
      </c>
      <c r="C5834" s="6" t="s">
        <v>68</v>
      </c>
      <c r="D5834" s="6" t="s">
        <v>69</v>
      </c>
      <c r="E5834" s="6">
        <v>11001</v>
      </c>
      <c r="F5834" s="6" t="s">
        <v>18</v>
      </c>
      <c r="G5834" s="6" t="s">
        <v>2430</v>
      </c>
      <c r="H5834" s="6" t="s">
        <v>11782</v>
      </c>
      <c r="I5834" s="7">
        <v>4.6792161999999999</v>
      </c>
      <c r="J5834" s="8">
        <v>-74.109998899999994</v>
      </c>
    </row>
    <row r="5835" spans="1:10" x14ac:dyDescent="0.35">
      <c r="A5835" s="5" t="s">
        <v>10</v>
      </c>
      <c r="B5835" s="6">
        <v>216669</v>
      </c>
      <c r="C5835" s="6" t="s">
        <v>117</v>
      </c>
      <c r="D5835" s="6" t="s">
        <v>11783</v>
      </c>
      <c r="E5835" s="6">
        <v>76306</v>
      </c>
      <c r="F5835" s="6" t="s">
        <v>18</v>
      </c>
      <c r="G5835" s="6" t="s">
        <v>11784</v>
      </c>
      <c r="H5835" s="6" t="s">
        <v>11785</v>
      </c>
      <c r="I5835" s="7">
        <v>3.4518046999999998</v>
      </c>
      <c r="J5835" s="8">
        <v>-76.527746999999906</v>
      </c>
    </row>
    <row r="5836" spans="1:10" x14ac:dyDescent="0.35">
      <c r="A5836" s="5" t="s">
        <v>10</v>
      </c>
      <c r="B5836" s="6">
        <v>229460</v>
      </c>
      <c r="C5836" s="6" t="s">
        <v>117</v>
      </c>
      <c r="D5836" s="6" t="s">
        <v>3860</v>
      </c>
      <c r="E5836" s="6">
        <v>76130</v>
      </c>
      <c r="F5836" s="6" t="s">
        <v>18</v>
      </c>
      <c r="G5836" s="6" t="s">
        <v>11786</v>
      </c>
      <c r="H5836" s="6" t="s">
        <v>11787</v>
      </c>
      <c r="I5836" s="7">
        <v>3.4032357000000002</v>
      </c>
      <c r="J5836" s="8">
        <v>-76.348047500000007</v>
      </c>
    </row>
    <row r="5837" spans="1:10" x14ac:dyDescent="0.35">
      <c r="A5837" s="5" t="s">
        <v>10</v>
      </c>
      <c r="B5837" s="6">
        <v>229454</v>
      </c>
      <c r="C5837" s="6" t="s">
        <v>457</v>
      </c>
      <c r="D5837" s="6" t="s">
        <v>4400</v>
      </c>
      <c r="E5837" s="6">
        <v>52001</v>
      </c>
      <c r="F5837" s="6" t="s">
        <v>18</v>
      </c>
      <c r="G5837" s="6" t="s">
        <v>11788</v>
      </c>
      <c r="H5837" s="6" t="s">
        <v>11789</v>
      </c>
      <c r="I5837" s="7">
        <v>1.1946361000000001</v>
      </c>
      <c r="J5837" s="8">
        <v>-77.263954900000002</v>
      </c>
    </row>
    <row r="5838" spans="1:10" x14ac:dyDescent="0.35">
      <c r="A5838" s="5" t="s">
        <v>10</v>
      </c>
      <c r="B5838" s="6">
        <v>236398</v>
      </c>
      <c r="C5838" s="6" t="s">
        <v>190</v>
      </c>
      <c r="D5838" s="6" t="s">
        <v>11790</v>
      </c>
      <c r="E5838" s="6">
        <v>5642</v>
      </c>
      <c r="F5838" s="6" t="s">
        <v>18</v>
      </c>
      <c r="G5838" s="6" t="s">
        <v>11791</v>
      </c>
      <c r="H5838" s="6" t="s">
        <v>11792</v>
      </c>
      <c r="I5838" s="7">
        <v>5.9625978000000002</v>
      </c>
      <c r="J5838" s="8">
        <v>-75.978903700000004</v>
      </c>
    </row>
    <row r="5839" spans="1:10" x14ac:dyDescent="0.35">
      <c r="A5839" s="5" t="s">
        <v>10</v>
      </c>
      <c r="B5839" s="6">
        <v>116835</v>
      </c>
      <c r="C5839" s="6" t="s">
        <v>190</v>
      </c>
      <c r="D5839" s="6" t="s">
        <v>11793</v>
      </c>
      <c r="E5839" s="6">
        <v>5679</v>
      </c>
      <c r="F5839" s="6" t="s">
        <v>18</v>
      </c>
      <c r="G5839" s="6" t="s">
        <v>11794</v>
      </c>
      <c r="H5839" s="6" t="s">
        <v>11795</v>
      </c>
      <c r="I5839" s="7">
        <v>5.8727998000000001</v>
      </c>
      <c r="J5839" s="8">
        <v>-75.566444699999906</v>
      </c>
    </row>
    <row r="5840" spans="1:10" x14ac:dyDescent="0.35">
      <c r="A5840" s="5" t="s">
        <v>10</v>
      </c>
      <c r="B5840" s="6">
        <v>184379</v>
      </c>
      <c r="C5840" s="6" t="s">
        <v>68</v>
      </c>
      <c r="D5840" s="6" t="s">
        <v>69</v>
      </c>
      <c r="E5840" s="6">
        <v>11001</v>
      </c>
      <c r="F5840" s="6" t="s">
        <v>18</v>
      </c>
      <c r="G5840" s="6" t="s">
        <v>11796</v>
      </c>
      <c r="H5840" s="6" t="s">
        <v>11797</v>
      </c>
      <c r="I5840" s="7">
        <v>4.4982122999999996</v>
      </c>
      <c r="J5840" s="8">
        <v>-74.086050599999993</v>
      </c>
    </row>
    <row r="5841" spans="1:10" x14ac:dyDescent="0.35">
      <c r="A5841" s="5" t="s">
        <v>10</v>
      </c>
      <c r="B5841" s="6">
        <v>204304</v>
      </c>
      <c r="C5841" s="6" t="s">
        <v>68</v>
      </c>
      <c r="D5841" s="6" t="s">
        <v>69</v>
      </c>
      <c r="E5841" s="6">
        <v>11001</v>
      </c>
      <c r="F5841" s="6" t="s">
        <v>18</v>
      </c>
      <c r="G5841" s="6" t="s">
        <v>11798</v>
      </c>
      <c r="H5841" s="6" t="s">
        <v>11799</v>
      </c>
      <c r="I5841" s="7">
        <v>4.7141596000000003</v>
      </c>
      <c r="J5841" s="8">
        <v>-74.101575099999906</v>
      </c>
    </row>
    <row r="5842" spans="1:10" x14ac:dyDescent="0.35">
      <c r="A5842" s="5" t="s">
        <v>10</v>
      </c>
      <c r="B5842" s="6">
        <v>222328</v>
      </c>
      <c r="C5842" s="6" t="s">
        <v>68</v>
      </c>
      <c r="D5842" s="6" t="s">
        <v>69</v>
      </c>
      <c r="E5842" s="6">
        <v>11001</v>
      </c>
      <c r="F5842" s="6" t="s">
        <v>18</v>
      </c>
      <c r="G5842" s="6" t="s">
        <v>11800</v>
      </c>
      <c r="H5842" s="6" t="s">
        <v>11801</v>
      </c>
      <c r="I5842" s="7">
        <v>4.7091257999999998</v>
      </c>
      <c r="J5842" s="8">
        <v>-74.140029999999996</v>
      </c>
    </row>
    <row r="5843" spans="1:10" x14ac:dyDescent="0.35">
      <c r="A5843" s="5" t="s">
        <v>10</v>
      </c>
      <c r="B5843" s="6">
        <v>229998</v>
      </c>
      <c r="C5843" s="6" t="s">
        <v>68</v>
      </c>
      <c r="D5843" s="6" t="s">
        <v>69</v>
      </c>
      <c r="E5843" s="6">
        <v>11001</v>
      </c>
      <c r="F5843" s="6" t="s">
        <v>18</v>
      </c>
      <c r="G5843" s="6" t="s">
        <v>11802</v>
      </c>
      <c r="H5843" s="6" t="s">
        <v>11803</v>
      </c>
      <c r="I5843" s="7">
        <v>4.5918595</v>
      </c>
      <c r="J5843" s="8">
        <v>-74.176010899999994</v>
      </c>
    </row>
    <row r="5844" spans="1:10" x14ac:dyDescent="0.35">
      <c r="A5844" s="5" t="s">
        <v>10</v>
      </c>
      <c r="B5844" s="6">
        <v>237011</v>
      </c>
      <c r="C5844" s="6" t="s">
        <v>68</v>
      </c>
      <c r="D5844" s="6" t="s">
        <v>69</v>
      </c>
      <c r="E5844" s="6">
        <v>11001</v>
      </c>
      <c r="F5844" s="6" t="s">
        <v>18</v>
      </c>
      <c r="G5844" s="6" t="s">
        <v>11804</v>
      </c>
      <c r="H5844" s="6" t="s">
        <v>11805</v>
      </c>
      <c r="I5844" s="7">
        <v>4.5458381000000001</v>
      </c>
      <c r="J5844" s="8">
        <v>-74.107098699999995</v>
      </c>
    </row>
    <row r="5845" spans="1:10" x14ac:dyDescent="0.35">
      <c r="A5845" s="5" t="s">
        <v>10</v>
      </c>
      <c r="B5845" s="6">
        <v>242661</v>
      </c>
      <c r="C5845" s="6" t="s">
        <v>68</v>
      </c>
      <c r="D5845" s="6" t="s">
        <v>69</v>
      </c>
      <c r="E5845" s="6">
        <v>11001</v>
      </c>
      <c r="F5845" s="6" t="s">
        <v>18</v>
      </c>
      <c r="G5845" s="6" t="s">
        <v>11806</v>
      </c>
      <c r="H5845" s="6" t="s">
        <v>11807</v>
      </c>
      <c r="I5845" s="7">
        <v>4.7516784999999997</v>
      </c>
      <c r="J5845" s="8">
        <v>-74.027563299999997</v>
      </c>
    </row>
    <row r="5846" spans="1:10" x14ac:dyDescent="0.35">
      <c r="A5846" s="5" t="s">
        <v>10</v>
      </c>
      <c r="B5846" s="6">
        <v>205144</v>
      </c>
      <c r="C5846" s="6" t="s">
        <v>68</v>
      </c>
      <c r="D5846" s="6" t="s">
        <v>69</v>
      </c>
      <c r="E5846" s="6">
        <v>11001</v>
      </c>
      <c r="F5846" s="6" t="s">
        <v>18</v>
      </c>
      <c r="G5846" s="6" t="s">
        <v>11808</v>
      </c>
      <c r="H5846" s="6" t="s">
        <v>11809</v>
      </c>
      <c r="I5846" s="7">
        <v>4.6226386000000002</v>
      </c>
      <c r="J5846" s="8">
        <v>-74.079538999999997</v>
      </c>
    </row>
    <row r="5847" spans="1:10" x14ac:dyDescent="0.35">
      <c r="A5847" s="5" t="s">
        <v>10</v>
      </c>
      <c r="B5847" s="6">
        <v>238796</v>
      </c>
      <c r="C5847" s="6" t="s">
        <v>68</v>
      </c>
      <c r="D5847" s="6" t="s">
        <v>69</v>
      </c>
      <c r="E5847" s="6">
        <v>11001</v>
      </c>
      <c r="F5847" s="6" t="s">
        <v>18</v>
      </c>
      <c r="G5847" s="6" t="s">
        <v>11810</v>
      </c>
      <c r="H5847" s="6" t="s">
        <v>11811</v>
      </c>
      <c r="I5847" s="7">
        <v>4.6391819999999999</v>
      </c>
      <c r="J5847" s="8">
        <v>-74.201695299999997</v>
      </c>
    </row>
    <row r="5848" spans="1:10" x14ac:dyDescent="0.35">
      <c r="A5848" s="5" t="s">
        <v>10</v>
      </c>
      <c r="B5848" s="6">
        <v>240018</v>
      </c>
      <c r="C5848" s="6" t="s">
        <v>68</v>
      </c>
      <c r="D5848" s="6" t="s">
        <v>69</v>
      </c>
      <c r="E5848" s="6">
        <v>11001</v>
      </c>
      <c r="F5848" s="6" t="s">
        <v>18</v>
      </c>
      <c r="G5848" s="6" t="s">
        <v>11812</v>
      </c>
      <c r="H5848" s="6" t="s">
        <v>11813</v>
      </c>
      <c r="I5848" s="7">
        <v>4.7276704000000001</v>
      </c>
      <c r="J5848" s="8">
        <v>-74.044061400000004</v>
      </c>
    </row>
    <row r="5849" spans="1:10" x14ac:dyDescent="0.35">
      <c r="A5849" s="5" t="s">
        <v>10</v>
      </c>
      <c r="B5849" s="6">
        <v>242235</v>
      </c>
      <c r="C5849" s="6" t="s">
        <v>68</v>
      </c>
      <c r="D5849" s="6" t="s">
        <v>69</v>
      </c>
      <c r="E5849" s="6">
        <v>11001</v>
      </c>
      <c r="F5849" s="6" t="s">
        <v>18</v>
      </c>
      <c r="G5849" s="6" t="s">
        <v>11814</v>
      </c>
      <c r="H5849" s="6" t="s">
        <v>11815</v>
      </c>
      <c r="I5849" s="7">
        <v>4.7529963000000004</v>
      </c>
      <c r="J5849" s="8">
        <v>-74.043698300000003</v>
      </c>
    </row>
    <row r="5850" spans="1:10" x14ac:dyDescent="0.35">
      <c r="A5850" s="5" t="s">
        <v>10</v>
      </c>
      <c r="B5850" s="6">
        <v>246580</v>
      </c>
      <c r="C5850" s="6" t="s">
        <v>68</v>
      </c>
      <c r="D5850" s="6" t="s">
        <v>69</v>
      </c>
      <c r="E5850" s="6">
        <v>11001</v>
      </c>
      <c r="F5850" s="6" t="s">
        <v>18</v>
      </c>
      <c r="G5850" s="6" t="s">
        <v>11816</v>
      </c>
      <c r="H5850" s="6" t="s">
        <v>11817</v>
      </c>
      <c r="I5850" s="7">
        <v>4.6398296999999999</v>
      </c>
      <c r="J5850" s="8">
        <v>-74.074098800000002</v>
      </c>
    </row>
    <row r="5851" spans="1:10" x14ac:dyDescent="0.35">
      <c r="A5851" s="5" t="s">
        <v>10</v>
      </c>
      <c r="B5851" s="6">
        <v>238161</v>
      </c>
      <c r="C5851" s="6" t="s">
        <v>68</v>
      </c>
      <c r="D5851" s="6" t="s">
        <v>69</v>
      </c>
      <c r="E5851" s="6">
        <v>11001</v>
      </c>
      <c r="F5851" s="6" t="s">
        <v>18</v>
      </c>
      <c r="G5851" s="6" t="s">
        <v>11818</v>
      </c>
      <c r="H5851" s="6" t="s">
        <v>11819</v>
      </c>
      <c r="I5851" s="7">
        <v>4.5891036999999999</v>
      </c>
      <c r="J5851" s="8">
        <v>-74.142222000000004</v>
      </c>
    </row>
    <row r="5852" spans="1:10" x14ac:dyDescent="0.35">
      <c r="A5852" s="5" t="s">
        <v>10</v>
      </c>
      <c r="B5852" s="6">
        <v>233401</v>
      </c>
      <c r="C5852" s="6" t="s">
        <v>11</v>
      </c>
      <c r="D5852" s="6" t="s">
        <v>334</v>
      </c>
      <c r="E5852" s="6">
        <v>25754</v>
      </c>
      <c r="F5852" s="6" t="s">
        <v>18</v>
      </c>
      <c r="G5852" s="6" t="s">
        <v>11820</v>
      </c>
      <c r="H5852" s="6" t="s">
        <v>11821</v>
      </c>
      <c r="I5852" s="7">
        <v>4.5809100000000003</v>
      </c>
      <c r="J5852" s="8">
        <v>-74.197789999999998</v>
      </c>
    </row>
    <row r="5853" spans="1:10" x14ac:dyDescent="0.35">
      <c r="A5853" s="5" t="s">
        <v>10</v>
      </c>
      <c r="B5853" s="6">
        <v>234823</v>
      </c>
      <c r="C5853" s="6" t="s">
        <v>11</v>
      </c>
      <c r="D5853" s="6" t="s">
        <v>106</v>
      </c>
      <c r="E5853" s="6">
        <v>25843</v>
      </c>
      <c r="F5853" s="6" t="s">
        <v>18</v>
      </c>
      <c r="G5853" s="6" t="s">
        <v>11822</v>
      </c>
      <c r="H5853" s="6" t="s">
        <v>11823</v>
      </c>
      <c r="I5853" s="7">
        <v>5.3098517999999997</v>
      </c>
      <c r="J5853" s="8">
        <v>-73.809500299999996</v>
      </c>
    </row>
    <row r="5854" spans="1:10" x14ac:dyDescent="0.35">
      <c r="A5854" s="5" t="s">
        <v>10</v>
      </c>
      <c r="B5854" s="6">
        <v>135182</v>
      </c>
      <c r="C5854" s="6" t="s">
        <v>2130</v>
      </c>
      <c r="D5854" s="6" t="s">
        <v>2131</v>
      </c>
      <c r="E5854" s="6">
        <v>85001</v>
      </c>
      <c r="F5854" s="6" t="s">
        <v>18</v>
      </c>
      <c r="G5854" s="6" t="s">
        <v>11824</v>
      </c>
      <c r="H5854" s="6" t="s">
        <v>11825</v>
      </c>
      <c r="I5854" s="7">
        <v>5.348903</v>
      </c>
      <c r="J5854" s="8">
        <v>-72.400522999999893</v>
      </c>
    </row>
    <row r="5855" spans="1:10" x14ac:dyDescent="0.35">
      <c r="A5855" s="5" t="s">
        <v>10</v>
      </c>
      <c r="B5855" s="6">
        <v>171241</v>
      </c>
      <c r="C5855" s="6" t="s">
        <v>190</v>
      </c>
      <c r="D5855" s="6" t="s">
        <v>11740</v>
      </c>
      <c r="E5855" s="6">
        <v>5376</v>
      </c>
      <c r="F5855" s="6" t="s">
        <v>18</v>
      </c>
      <c r="G5855" s="6" t="s">
        <v>11826</v>
      </c>
      <c r="H5855" s="6" t="s">
        <v>11827</v>
      </c>
      <c r="I5855" s="7">
        <v>6.0315721</v>
      </c>
      <c r="J5855" s="8">
        <v>-75.428254799999905</v>
      </c>
    </row>
    <row r="5856" spans="1:10" x14ac:dyDescent="0.35">
      <c r="A5856" s="5" t="s">
        <v>10</v>
      </c>
      <c r="B5856" s="6">
        <v>220057</v>
      </c>
      <c r="C5856" s="6" t="s">
        <v>308</v>
      </c>
      <c r="D5856" s="6" t="s">
        <v>309</v>
      </c>
      <c r="E5856" s="6">
        <v>23001</v>
      </c>
      <c r="F5856" s="6" t="s">
        <v>13</v>
      </c>
      <c r="G5856" s="6" t="s">
        <v>11828</v>
      </c>
      <c r="H5856" s="6" t="s">
        <v>11829</v>
      </c>
      <c r="I5856" s="7">
        <v>8.7322877000000005</v>
      </c>
      <c r="J5856" s="8">
        <v>-75.896721600000006</v>
      </c>
    </row>
    <row r="5857" spans="1:10" x14ac:dyDescent="0.35">
      <c r="A5857" s="5" t="s">
        <v>10</v>
      </c>
      <c r="B5857" s="6">
        <v>247975</v>
      </c>
      <c r="C5857" s="6" t="s">
        <v>278</v>
      </c>
      <c r="D5857" s="6" t="s">
        <v>4924</v>
      </c>
      <c r="E5857" s="6">
        <v>50689</v>
      </c>
      <c r="F5857" s="6" t="s">
        <v>13</v>
      </c>
      <c r="G5857" s="6" t="s">
        <v>11830</v>
      </c>
      <c r="H5857" s="6" t="s">
        <v>11831</v>
      </c>
      <c r="I5857" s="7">
        <v>4.1375308000000004</v>
      </c>
      <c r="J5857" s="8">
        <v>-74.159828599999997</v>
      </c>
    </row>
    <row r="5858" spans="1:10" x14ac:dyDescent="0.35">
      <c r="A5858" s="5" t="s">
        <v>10</v>
      </c>
      <c r="B5858" s="6">
        <v>228724</v>
      </c>
      <c r="C5858" s="6" t="s">
        <v>68</v>
      </c>
      <c r="D5858" s="6" t="s">
        <v>69</v>
      </c>
      <c r="E5858" s="6">
        <v>11001</v>
      </c>
      <c r="F5858" s="6" t="s">
        <v>13</v>
      </c>
      <c r="G5858" s="6" t="s">
        <v>11832</v>
      </c>
      <c r="H5858" s="6" t="s">
        <v>11833</v>
      </c>
      <c r="I5858" s="7">
        <v>4.6097758000000004</v>
      </c>
      <c r="J5858" s="8">
        <v>-74.168218300000007</v>
      </c>
    </row>
    <row r="5859" spans="1:10" x14ac:dyDescent="0.35">
      <c r="A5859" s="5" t="s">
        <v>10</v>
      </c>
      <c r="B5859" s="6">
        <v>247323</v>
      </c>
      <c r="C5859" s="6" t="s">
        <v>190</v>
      </c>
      <c r="D5859" s="6" t="s">
        <v>11834</v>
      </c>
      <c r="E5859" s="6">
        <v>5036</v>
      </c>
      <c r="F5859" s="6" t="s">
        <v>18</v>
      </c>
      <c r="G5859" s="6" t="s">
        <v>11835</v>
      </c>
      <c r="H5859" s="6" t="s">
        <v>11836</v>
      </c>
      <c r="I5859" s="7">
        <v>6.1113685999999996</v>
      </c>
      <c r="J5859" s="8">
        <v>-75.709440999999998</v>
      </c>
    </row>
    <row r="5860" spans="1:10" x14ac:dyDescent="0.35">
      <c r="A5860" s="5" t="s">
        <v>10</v>
      </c>
      <c r="B5860" s="6">
        <v>213255</v>
      </c>
      <c r="C5860" s="6" t="s">
        <v>190</v>
      </c>
      <c r="D5860" s="6" t="s">
        <v>191</v>
      </c>
      <c r="E5860" s="6">
        <v>5001</v>
      </c>
      <c r="F5860" s="6" t="s">
        <v>18</v>
      </c>
      <c r="G5860" s="6" t="s">
        <v>11837</v>
      </c>
      <c r="H5860" s="6" t="s">
        <v>11838</v>
      </c>
      <c r="I5860" s="7">
        <v>6.2700019999999999</v>
      </c>
      <c r="J5860" s="8">
        <v>-75.543533499999995</v>
      </c>
    </row>
    <row r="5861" spans="1:10" x14ac:dyDescent="0.35">
      <c r="A5861" s="5" t="s">
        <v>10</v>
      </c>
      <c r="B5861" s="6">
        <v>206244</v>
      </c>
      <c r="C5861" s="6" t="s">
        <v>68</v>
      </c>
      <c r="D5861" s="6" t="s">
        <v>69</v>
      </c>
      <c r="E5861" s="6">
        <v>11001</v>
      </c>
      <c r="F5861" s="6" t="s">
        <v>18</v>
      </c>
      <c r="G5861" s="6" t="s">
        <v>11839</v>
      </c>
      <c r="H5861" s="6" t="s">
        <v>11840</v>
      </c>
      <c r="I5861" s="7">
        <v>4.6319315999999997</v>
      </c>
      <c r="J5861" s="8">
        <v>-74.148119699999995</v>
      </c>
    </row>
    <row r="5862" spans="1:10" x14ac:dyDescent="0.35">
      <c r="A5862" s="5" t="s">
        <v>10</v>
      </c>
      <c r="B5862" s="6">
        <v>225208</v>
      </c>
      <c r="C5862" s="6" t="s">
        <v>68</v>
      </c>
      <c r="D5862" s="6" t="s">
        <v>69</v>
      </c>
      <c r="E5862" s="6">
        <v>11001</v>
      </c>
      <c r="F5862" s="6" t="s">
        <v>18</v>
      </c>
      <c r="G5862" s="6" t="s">
        <v>11841</v>
      </c>
      <c r="H5862" s="6" t="s">
        <v>11842</v>
      </c>
      <c r="I5862" s="7">
        <v>4.7013603000000002</v>
      </c>
      <c r="J5862" s="8">
        <v>-74.123450499999905</v>
      </c>
    </row>
    <row r="5863" spans="1:10" x14ac:dyDescent="0.35">
      <c r="A5863" s="5" t="s">
        <v>10</v>
      </c>
      <c r="B5863" s="6">
        <v>226761</v>
      </c>
      <c r="C5863" s="6" t="s">
        <v>68</v>
      </c>
      <c r="D5863" s="6" t="s">
        <v>69</v>
      </c>
      <c r="E5863" s="6">
        <v>11001</v>
      </c>
      <c r="F5863" s="6" t="s">
        <v>18</v>
      </c>
      <c r="G5863" s="6" t="s">
        <v>11843</v>
      </c>
      <c r="H5863" s="6" t="s">
        <v>11844</v>
      </c>
      <c r="I5863" s="7">
        <v>4.722982</v>
      </c>
      <c r="J5863" s="8">
        <v>-74.053298999999996</v>
      </c>
    </row>
    <row r="5864" spans="1:10" x14ac:dyDescent="0.35">
      <c r="A5864" s="5" t="s">
        <v>10</v>
      </c>
      <c r="B5864" s="6">
        <v>246225</v>
      </c>
      <c r="C5864" s="6" t="s">
        <v>68</v>
      </c>
      <c r="D5864" s="6" t="s">
        <v>69</v>
      </c>
      <c r="E5864" s="6">
        <v>11001</v>
      </c>
      <c r="F5864" s="6" t="s">
        <v>18</v>
      </c>
      <c r="G5864" s="6" t="s">
        <v>9678</v>
      </c>
      <c r="H5864" s="6" t="s">
        <v>11845</v>
      </c>
      <c r="I5864" s="7">
        <v>4.5801350000000003</v>
      </c>
      <c r="J5864" s="8">
        <v>-74.151650599999996</v>
      </c>
    </row>
    <row r="5865" spans="1:10" x14ac:dyDescent="0.35">
      <c r="A5865" s="5" t="s">
        <v>10</v>
      </c>
      <c r="B5865" s="6">
        <v>210031</v>
      </c>
      <c r="C5865" s="6" t="s">
        <v>68</v>
      </c>
      <c r="D5865" s="6" t="s">
        <v>69</v>
      </c>
      <c r="E5865" s="6">
        <v>11001</v>
      </c>
      <c r="F5865" s="6" t="s">
        <v>18</v>
      </c>
      <c r="G5865" s="6" t="s">
        <v>11846</v>
      </c>
      <c r="H5865" s="6" t="s">
        <v>11847</v>
      </c>
      <c r="I5865" s="7">
        <v>4.7334711</v>
      </c>
      <c r="J5865" s="8">
        <v>-74.109187899999995</v>
      </c>
    </row>
    <row r="5866" spans="1:10" x14ac:dyDescent="0.35">
      <c r="A5866" s="5" t="s">
        <v>10</v>
      </c>
      <c r="B5866" s="6">
        <v>213390</v>
      </c>
      <c r="C5866" s="6" t="s">
        <v>68</v>
      </c>
      <c r="D5866" s="6" t="s">
        <v>69</v>
      </c>
      <c r="E5866" s="6">
        <v>11001</v>
      </c>
      <c r="F5866" s="6" t="s">
        <v>18</v>
      </c>
      <c r="G5866" s="6" t="s">
        <v>11848</v>
      </c>
      <c r="H5866" s="6" t="s">
        <v>11849</v>
      </c>
      <c r="I5866" s="7">
        <v>4.5997690000000002</v>
      </c>
      <c r="J5866" s="8">
        <v>-74.178827499999997</v>
      </c>
    </row>
    <row r="5867" spans="1:10" x14ac:dyDescent="0.35">
      <c r="A5867" s="5" t="s">
        <v>10</v>
      </c>
      <c r="B5867" s="6">
        <v>236111</v>
      </c>
      <c r="C5867" s="6" t="s">
        <v>68</v>
      </c>
      <c r="D5867" s="6" t="s">
        <v>69</v>
      </c>
      <c r="E5867" s="6">
        <v>11001</v>
      </c>
      <c r="F5867" s="6" t="s">
        <v>18</v>
      </c>
      <c r="G5867" s="6" t="s">
        <v>11850</v>
      </c>
      <c r="H5867" s="6" t="s">
        <v>11851</v>
      </c>
      <c r="I5867" s="7">
        <v>4.7621669000000004</v>
      </c>
      <c r="J5867" s="8">
        <v>-74.024288499999997</v>
      </c>
    </row>
    <row r="5868" spans="1:10" x14ac:dyDescent="0.35">
      <c r="A5868" s="5" t="s">
        <v>10</v>
      </c>
      <c r="B5868" s="6">
        <v>242097</v>
      </c>
      <c r="C5868" s="6" t="s">
        <v>68</v>
      </c>
      <c r="D5868" s="6" t="s">
        <v>69</v>
      </c>
      <c r="E5868" s="6">
        <v>11001</v>
      </c>
      <c r="F5868" s="6" t="s">
        <v>18</v>
      </c>
      <c r="G5868" s="6" t="s">
        <v>11852</v>
      </c>
      <c r="H5868" s="6" t="s">
        <v>11853</v>
      </c>
      <c r="I5868" s="7">
        <v>4.6443703999999997</v>
      </c>
      <c r="J5868" s="8">
        <v>-74.065407300000004</v>
      </c>
    </row>
    <row r="5869" spans="1:10" x14ac:dyDescent="0.35">
      <c r="A5869" s="5" t="s">
        <v>10</v>
      </c>
      <c r="B5869" s="6">
        <v>230940</v>
      </c>
      <c r="C5869" s="6" t="s">
        <v>68</v>
      </c>
      <c r="D5869" s="6" t="s">
        <v>69</v>
      </c>
      <c r="E5869" s="6">
        <v>11001</v>
      </c>
      <c r="F5869" s="6" t="s">
        <v>18</v>
      </c>
      <c r="G5869" s="6" t="s">
        <v>11854</v>
      </c>
      <c r="H5869" s="6" t="s">
        <v>11855</v>
      </c>
      <c r="I5869" s="7">
        <v>4.5827806000000004</v>
      </c>
      <c r="J5869" s="8">
        <v>-74.133821499999996</v>
      </c>
    </row>
    <row r="5870" spans="1:10" x14ac:dyDescent="0.35">
      <c r="A5870" s="5" t="s">
        <v>10</v>
      </c>
      <c r="B5870" s="6">
        <v>232687</v>
      </c>
      <c r="C5870" s="6" t="s">
        <v>68</v>
      </c>
      <c r="D5870" s="6" t="s">
        <v>69</v>
      </c>
      <c r="E5870" s="6">
        <v>11001</v>
      </c>
      <c r="F5870" s="6" t="s">
        <v>18</v>
      </c>
      <c r="G5870" s="6" t="s">
        <v>11856</v>
      </c>
      <c r="H5870" s="6" t="s">
        <v>11857</v>
      </c>
      <c r="I5870" s="7">
        <v>4.7211299999999996</v>
      </c>
      <c r="J5870" s="8">
        <v>-74.051509999999993</v>
      </c>
    </row>
    <row r="5871" spans="1:10" x14ac:dyDescent="0.35">
      <c r="A5871" s="5" t="s">
        <v>10</v>
      </c>
      <c r="B5871" s="6">
        <v>234263</v>
      </c>
      <c r="C5871" s="6" t="s">
        <v>68</v>
      </c>
      <c r="D5871" s="6" t="s">
        <v>69</v>
      </c>
      <c r="E5871" s="6">
        <v>11001</v>
      </c>
      <c r="F5871" s="6" t="s">
        <v>18</v>
      </c>
      <c r="G5871" s="6" t="s">
        <v>11858</v>
      </c>
      <c r="H5871" s="6" t="s">
        <v>11859</v>
      </c>
      <c r="I5871" s="7">
        <v>4.6176010999999999</v>
      </c>
      <c r="J5871" s="8">
        <v>-74.078598700000001</v>
      </c>
    </row>
    <row r="5872" spans="1:10" x14ac:dyDescent="0.35">
      <c r="A5872" s="5" t="s">
        <v>10</v>
      </c>
      <c r="B5872" s="6">
        <v>191335</v>
      </c>
      <c r="C5872" s="6" t="s">
        <v>190</v>
      </c>
      <c r="D5872" s="6" t="s">
        <v>11860</v>
      </c>
      <c r="E5872" s="6">
        <v>5209</v>
      </c>
      <c r="F5872" s="6" t="s">
        <v>18</v>
      </c>
      <c r="G5872" s="6" t="s">
        <v>11861</v>
      </c>
      <c r="H5872" s="6" t="s">
        <v>11862</v>
      </c>
      <c r="I5872" s="7">
        <v>6.0465150999999997</v>
      </c>
      <c r="J5872" s="8">
        <v>-75.907484799999906</v>
      </c>
    </row>
    <row r="5873" spans="1:10" x14ac:dyDescent="0.35">
      <c r="A5873" s="5" t="s">
        <v>10</v>
      </c>
      <c r="B5873" s="6">
        <v>182956</v>
      </c>
      <c r="C5873" s="6" t="s">
        <v>68</v>
      </c>
      <c r="D5873" s="6" t="s">
        <v>69</v>
      </c>
      <c r="E5873" s="6">
        <v>11001</v>
      </c>
      <c r="F5873" s="6" t="s">
        <v>13</v>
      </c>
      <c r="G5873" s="6" t="s">
        <v>11863</v>
      </c>
      <c r="H5873" s="6" t="s">
        <v>11864</v>
      </c>
      <c r="I5873" s="7">
        <v>4.6235014999999997</v>
      </c>
      <c r="J5873" s="8">
        <v>-74.077350300000006</v>
      </c>
    </row>
    <row r="5874" spans="1:10" x14ac:dyDescent="0.35">
      <c r="A5874" s="5" t="s">
        <v>10</v>
      </c>
      <c r="B5874" s="6">
        <v>232075</v>
      </c>
      <c r="C5874" s="6" t="s">
        <v>117</v>
      </c>
      <c r="D5874" s="6" t="s">
        <v>1334</v>
      </c>
      <c r="E5874" s="6">
        <v>76001</v>
      </c>
      <c r="F5874" s="6" t="s">
        <v>18</v>
      </c>
      <c r="G5874" s="6" t="s">
        <v>11865</v>
      </c>
      <c r="H5874" s="6" t="s">
        <v>11866</v>
      </c>
      <c r="I5874" s="7">
        <v>3.4322971</v>
      </c>
      <c r="J5874" s="8">
        <v>-76.473827799999995</v>
      </c>
    </row>
    <row r="5875" spans="1:10" x14ac:dyDescent="0.35">
      <c r="A5875" s="5" t="s">
        <v>10</v>
      </c>
      <c r="B5875" s="6">
        <v>239834</v>
      </c>
      <c r="C5875" s="6" t="s">
        <v>117</v>
      </c>
      <c r="D5875" s="6" t="s">
        <v>11867</v>
      </c>
      <c r="E5875" s="6">
        <v>76403</v>
      </c>
      <c r="F5875" s="6" t="s">
        <v>18</v>
      </c>
      <c r="G5875" s="6" t="s">
        <v>11868</v>
      </c>
      <c r="H5875" s="6" t="s">
        <v>11869</v>
      </c>
      <c r="I5875" s="7">
        <v>4.5188058</v>
      </c>
      <c r="J5875" s="8">
        <v>-76.037353199999998</v>
      </c>
    </row>
    <row r="5876" spans="1:10" x14ac:dyDescent="0.35">
      <c r="A5876" s="5" t="s">
        <v>10</v>
      </c>
      <c r="B5876" s="6">
        <v>240788</v>
      </c>
      <c r="C5876" s="6" t="s">
        <v>190</v>
      </c>
      <c r="D5876" s="6" t="s">
        <v>191</v>
      </c>
      <c r="E5876" s="6">
        <v>5001</v>
      </c>
      <c r="F5876" s="6" t="s">
        <v>18</v>
      </c>
      <c r="G5876" s="6" t="s">
        <v>11870</v>
      </c>
      <c r="H5876" s="6" t="s">
        <v>11871</v>
      </c>
      <c r="I5876" s="7">
        <v>6.3069965000000003</v>
      </c>
      <c r="J5876" s="8">
        <v>-75.554110800000004</v>
      </c>
    </row>
    <row r="5877" spans="1:10" x14ac:dyDescent="0.35">
      <c r="A5877" s="5" t="s">
        <v>10</v>
      </c>
      <c r="B5877" s="6">
        <v>232123</v>
      </c>
      <c r="C5877" s="6" t="s">
        <v>190</v>
      </c>
      <c r="D5877" s="6" t="s">
        <v>8798</v>
      </c>
      <c r="E5877" s="6">
        <v>5101</v>
      </c>
      <c r="F5877" s="6" t="s">
        <v>18</v>
      </c>
      <c r="G5877" s="6" t="s">
        <v>11872</v>
      </c>
      <c r="H5877" s="6" t="s">
        <v>11873</v>
      </c>
      <c r="I5877" s="7">
        <v>5.8506321000000003</v>
      </c>
      <c r="J5877" s="8">
        <v>-76.021132899999998</v>
      </c>
    </row>
    <row r="5878" spans="1:10" x14ac:dyDescent="0.35">
      <c r="A5878" s="5" t="s">
        <v>10</v>
      </c>
      <c r="B5878" s="6">
        <v>240456</v>
      </c>
      <c r="C5878" s="6" t="s">
        <v>190</v>
      </c>
      <c r="D5878" s="6" t="s">
        <v>191</v>
      </c>
      <c r="E5878" s="6">
        <v>5001</v>
      </c>
      <c r="F5878" s="6" t="s">
        <v>18</v>
      </c>
      <c r="G5878" s="6" t="s">
        <v>11874</v>
      </c>
      <c r="H5878" s="6" t="s">
        <v>11875</v>
      </c>
      <c r="I5878" s="7">
        <v>6.2177391000000002</v>
      </c>
      <c r="J5878" s="8">
        <v>-75.5934144</v>
      </c>
    </row>
    <row r="5879" spans="1:10" x14ac:dyDescent="0.35">
      <c r="A5879" s="5" t="s">
        <v>10</v>
      </c>
      <c r="B5879" s="6">
        <v>107117</v>
      </c>
      <c r="C5879" s="6" t="s">
        <v>4364</v>
      </c>
      <c r="D5879" s="6" t="s">
        <v>11876</v>
      </c>
      <c r="E5879" s="6">
        <v>70418</v>
      </c>
      <c r="F5879" s="6" t="s">
        <v>13</v>
      </c>
      <c r="G5879" s="6" t="s">
        <v>11877</v>
      </c>
      <c r="H5879" s="6" t="s">
        <v>11878</v>
      </c>
      <c r="I5879" s="7">
        <v>9.3804939999999899</v>
      </c>
      <c r="J5879" s="8">
        <v>-75.270949999999999</v>
      </c>
    </row>
    <row r="5880" spans="1:10" x14ac:dyDescent="0.35">
      <c r="A5880" s="5" t="s">
        <v>10</v>
      </c>
      <c r="B5880" s="6">
        <v>210363</v>
      </c>
      <c r="C5880" s="6" t="s">
        <v>68</v>
      </c>
      <c r="D5880" s="6" t="s">
        <v>69</v>
      </c>
      <c r="E5880" s="6">
        <v>11001</v>
      </c>
      <c r="F5880" s="6" t="s">
        <v>18</v>
      </c>
      <c r="G5880" s="6" t="s">
        <v>11879</v>
      </c>
      <c r="H5880" s="6" t="s">
        <v>11880</v>
      </c>
      <c r="I5880" s="7">
        <v>4.6890434000000001</v>
      </c>
      <c r="J5880" s="8">
        <v>-74.108349799999999</v>
      </c>
    </row>
    <row r="5881" spans="1:10" x14ac:dyDescent="0.35">
      <c r="A5881" s="5" t="s">
        <v>10</v>
      </c>
      <c r="B5881" s="6">
        <v>175078</v>
      </c>
      <c r="C5881" s="6" t="s">
        <v>68</v>
      </c>
      <c r="D5881" s="6" t="s">
        <v>69</v>
      </c>
      <c r="E5881" s="6">
        <v>11001</v>
      </c>
      <c r="F5881" s="6" t="s">
        <v>18</v>
      </c>
      <c r="G5881" s="6" t="s">
        <v>11881</v>
      </c>
      <c r="H5881" s="6" t="s">
        <v>11882</v>
      </c>
      <c r="I5881" s="7">
        <v>4.5816289000000001</v>
      </c>
      <c r="J5881" s="8">
        <v>-74.133796399999994</v>
      </c>
    </row>
    <row r="5882" spans="1:10" x14ac:dyDescent="0.35">
      <c r="A5882" s="5" t="s">
        <v>10</v>
      </c>
      <c r="B5882" s="6">
        <v>235658</v>
      </c>
      <c r="C5882" s="6" t="s">
        <v>68</v>
      </c>
      <c r="D5882" s="6" t="s">
        <v>69</v>
      </c>
      <c r="E5882" s="6">
        <v>11001</v>
      </c>
      <c r="F5882" s="6" t="s">
        <v>18</v>
      </c>
      <c r="G5882" s="6" t="s">
        <v>11883</v>
      </c>
      <c r="H5882" s="6" t="s">
        <v>11884</v>
      </c>
      <c r="I5882" s="7">
        <v>4.6155124000000001</v>
      </c>
      <c r="J5882" s="8">
        <v>-74.102087499999996</v>
      </c>
    </row>
    <row r="5883" spans="1:10" x14ac:dyDescent="0.35">
      <c r="A5883" s="5" t="s">
        <v>10</v>
      </c>
      <c r="B5883" s="6">
        <v>245725</v>
      </c>
      <c r="C5883" s="6" t="s">
        <v>68</v>
      </c>
      <c r="D5883" s="6" t="s">
        <v>69</v>
      </c>
      <c r="E5883" s="6">
        <v>11001</v>
      </c>
      <c r="F5883" s="6" t="s">
        <v>18</v>
      </c>
      <c r="G5883" s="6" t="s">
        <v>11885</v>
      </c>
      <c r="H5883" s="6" t="s">
        <v>11886</v>
      </c>
      <c r="I5883" s="7">
        <v>4.5850714000000004</v>
      </c>
      <c r="J5883" s="8">
        <v>-74.1279471</v>
      </c>
    </row>
    <row r="5884" spans="1:10" x14ac:dyDescent="0.35">
      <c r="A5884" s="5" t="s">
        <v>10</v>
      </c>
      <c r="B5884" s="6">
        <v>215258</v>
      </c>
      <c r="C5884" s="6" t="s">
        <v>68</v>
      </c>
      <c r="D5884" s="6" t="s">
        <v>69</v>
      </c>
      <c r="E5884" s="6">
        <v>11001</v>
      </c>
      <c r="F5884" s="6" t="s">
        <v>18</v>
      </c>
      <c r="G5884" s="6" t="s">
        <v>11887</v>
      </c>
      <c r="H5884" s="6" t="s">
        <v>11888</v>
      </c>
      <c r="I5884" s="7">
        <v>4.5685424000000001</v>
      </c>
      <c r="J5884" s="8">
        <v>-74.143632199999999</v>
      </c>
    </row>
    <row r="5885" spans="1:10" x14ac:dyDescent="0.35">
      <c r="A5885" s="5" t="s">
        <v>10</v>
      </c>
      <c r="B5885" s="6">
        <v>230387</v>
      </c>
      <c r="C5885" s="6" t="s">
        <v>68</v>
      </c>
      <c r="D5885" s="6" t="s">
        <v>69</v>
      </c>
      <c r="E5885" s="6">
        <v>11001</v>
      </c>
      <c r="F5885" s="6" t="s">
        <v>18</v>
      </c>
      <c r="G5885" s="6" t="s">
        <v>3392</v>
      </c>
      <c r="H5885" s="6" t="s">
        <v>11889</v>
      </c>
      <c r="I5885" s="7">
        <v>4.7106683</v>
      </c>
      <c r="J5885" s="8">
        <v>-74.141423900000007</v>
      </c>
    </row>
    <row r="5886" spans="1:10" x14ac:dyDescent="0.35">
      <c r="A5886" s="5" t="s">
        <v>10</v>
      </c>
      <c r="B5886" s="6">
        <v>231558</v>
      </c>
      <c r="C5886" s="6" t="s">
        <v>68</v>
      </c>
      <c r="D5886" s="6" t="s">
        <v>69</v>
      </c>
      <c r="E5886" s="6">
        <v>11001</v>
      </c>
      <c r="F5886" s="6" t="s">
        <v>18</v>
      </c>
      <c r="G5886" s="6" t="s">
        <v>11890</v>
      </c>
      <c r="H5886" s="6" t="s">
        <v>11891</v>
      </c>
      <c r="I5886" s="7">
        <v>4.6145278999999997</v>
      </c>
      <c r="J5886" s="8">
        <v>-74.202308900000006</v>
      </c>
    </row>
    <row r="5887" spans="1:10" x14ac:dyDescent="0.35">
      <c r="A5887" s="5" t="s">
        <v>10</v>
      </c>
      <c r="B5887" s="6">
        <v>239771</v>
      </c>
      <c r="C5887" s="6" t="s">
        <v>68</v>
      </c>
      <c r="D5887" s="6" t="s">
        <v>69</v>
      </c>
      <c r="E5887" s="6">
        <v>11001</v>
      </c>
      <c r="F5887" s="6" t="s">
        <v>18</v>
      </c>
      <c r="G5887" s="6" t="s">
        <v>11892</v>
      </c>
      <c r="H5887" s="6" t="s">
        <v>11893</v>
      </c>
      <c r="I5887" s="7">
        <v>4.6563967000000002</v>
      </c>
      <c r="J5887" s="8">
        <v>-74.050854900000004</v>
      </c>
    </row>
    <row r="5888" spans="1:10" x14ac:dyDescent="0.35">
      <c r="A5888" s="5" t="s">
        <v>10</v>
      </c>
      <c r="B5888" s="6">
        <v>225556</v>
      </c>
      <c r="C5888" s="6" t="s">
        <v>68</v>
      </c>
      <c r="D5888" s="6" t="s">
        <v>69</v>
      </c>
      <c r="E5888" s="6">
        <v>11001</v>
      </c>
      <c r="F5888" s="6" t="s">
        <v>18</v>
      </c>
      <c r="G5888" s="6" t="s">
        <v>11894</v>
      </c>
      <c r="H5888" s="6" t="s">
        <v>11895</v>
      </c>
      <c r="I5888" s="7">
        <v>4.6393953999999997</v>
      </c>
      <c r="J5888" s="8">
        <v>-74.066841400000001</v>
      </c>
    </row>
    <row r="5889" spans="1:10" x14ac:dyDescent="0.35">
      <c r="A5889" s="5" t="s">
        <v>10</v>
      </c>
      <c r="B5889" s="6">
        <v>227653</v>
      </c>
      <c r="C5889" s="6" t="s">
        <v>68</v>
      </c>
      <c r="D5889" s="6" t="s">
        <v>69</v>
      </c>
      <c r="E5889" s="6">
        <v>11001</v>
      </c>
      <c r="F5889" s="6" t="s">
        <v>18</v>
      </c>
      <c r="G5889" s="6" t="s">
        <v>11896</v>
      </c>
      <c r="H5889" s="6" t="s">
        <v>11897</v>
      </c>
      <c r="I5889" s="7">
        <v>4.7517515000000001</v>
      </c>
      <c r="J5889" s="8">
        <v>-74.116295499999893</v>
      </c>
    </row>
    <row r="5890" spans="1:10" x14ac:dyDescent="0.35">
      <c r="A5890" s="5" t="s">
        <v>10</v>
      </c>
      <c r="B5890" s="6">
        <v>234626</v>
      </c>
      <c r="C5890" s="6" t="s">
        <v>11</v>
      </c>
      <c r="D5890" s="6" t="s">
        <v>221</v>
      </c>
      <c r="E5890" s="6">
        <v>25430</v>
      </c>
      <c r="F5890" s="6" t="s">
        <v>18</v>
      </c>
      <c r="G5890" s="6" t="s">
        <v>11898</v>
      </c>
      <c r="H5890" s="6" t="s">
        <v>11899</v>
      </c>
      <c r="I5890" s="7">
        <v>4.7317483999999999</v>
      </c>
      <c r="J5890" s="8">
        <v>-74.260731500000006</v>
      </c>
    </row>
    <row r="5891" spans="1:10" x14ac:dyDescent="0.35">
      <c r="A5891" s="5" t="s">
        <v>10</v>
      </c>
      <c r="B5891" s="6">
        <v>190267</v>
      </c>
      <c r="C5891" s="6" t="s">
        <v>11</v>
      </c>
      <c r="D5891" s="6" t="s">
        <v>221</v>
      </c>
      <c r="E5891" s="6">
        <v>25430</v>
      </c>
      <c r="F5891" s="6" t="s">
        <v>18</v>
      </c>
      <c r="G5891" s="6" t="s">
        <v>11900</v>
      </c>
      <c r="H5891" s="6" t="s">
        <v>11901</v>
      </c>
      <c r="I5891" s="7">
        <v>4.7303198999999996</v>
      </c>
      <c r="J5891" s="8">
        <v>-74.280417200000002</v>
      </c>
    </row>
    <row r="5892" spans="1:10" x14ac:dyDescent="0.35">
      <c r="A5892" s="5" t="s">
        <v>10</v>
      </c>
      <c r="B5892" s="6">
        <v>213061</v>
      </c>
      <c r="C5892" s="6" t="s">
        <v>117</v>
      </c>
      <c r="D5892" s="6" t="s">
        <v>1334</v>
      </c>
      <c r="E5892" s="6">
        <v>76001</v>
      </c>
      <c r="F5892" s="6" t="s">
        <v>18</v>
      </c>
      <c r="G5892" s="6" t="s">
        <v>11902</v>
      </c>
      <c r="H5892" s="6" t="s">
        <v>11903</v>
      </c>
      <c r="I5892" s="7">
        <v>3.398212</v>
      </c>
      <c r="J5892" s="8">
        <v>-76.513269199999996</v>
      </c>
    </row>
    <row r="5893" spans="1:10" x14ac:dyDescent="0.35">
      <c r="A5893" s="5" t="s">
        <v>10</v>
      </c>
      <c r="B5893" s="6">
        <v>232802</v>
      </c>
      <c r="C5893" s="6" t="s">
        <v>68</v>
      </c>
      <c r="D5893" s="6" t="s">
        <v>69</v>
      </c>
      <c r="E5893" s="6">
        <v>11001</v>
      </c>
      <c r="F5893" s="6" t="s">
        <v>18</v>
      </c>
      <c r="G5893" s="6" t="s">
        <v>11904</v>
      </c>
      <c r="H5893" s="6" t="s">
        <v>11905</v>
      </c>
      <c r="I5893" s="7">
        <v>4.5485100000000003</v>
      </c>
      <c r="J5893" s="8">
        <v>-74.146630000000002</v>
      </c>
    </row>
    <row r="5894" spans="1:10" x14ac:dyDescent="0.35">
      <c r="A5894" s="5" t="s">
        <v>10</v>
      </c>
      <c r="B5894" s="6">
        <v>236422</v>
      </c>
      <c r="C5894" s="6" t="s">
        <v>68</v>
      </c>
      <c r="D5894" s="6" t="s">
        <v>69</v>
      </c>
      <c r="E5894" s="6">
        <v>11001</v>
      </c>
      <c r="F5894" s="6" t="s">
        <v>18</v>
      </c>
      <c r="G5894" s="6" t="s">
        <v>11906</v>
      </c>
      <c r="H5894" s="6" t="s">
        <v>11907</v>
      </c>
      <c r="I5894" s="7">
        <v>4.7575051000000004</v>
      </c>
      <c r="J5894" s="8">
        <v>-74.113825300000002</v>
      </c>
    </row>
    <row r="5895" spans="1:10" x14ac:dyDescent="0.35">
      <c r="A5895" s="5" t="s">
        <v>10</v>
      </c>
      <c r="B5895" s="6">
        <v>217473</v>
      </c>
      <c r="C5895" s="6" t="s">
        <v>68</v>
      </c>
      <c r="D5895" s="6" t="s">
        <v>69</v>
      </c>
      <c r="E5895" s="6">
        <v>11001</v>
      </c>
      <c r="F5895" s="6" t="s">
        <v>18</v>
      </c>
      <c r="G5895" s="6" t="s">
        <v>11908</v>
      </c>
      <c r="H5895" s="6" t="s">
        <v>11909</v>
      </c>
      <c r="I5895" s="7">
        <v>4.5646041999999998</v>
      </c>
      <c r="J5895" s="8">
        <v>-74.146964999999994</v>
      </c>
    </row>
    <row r="5896" spans="1:10" x14ac:dyDescent="0.35">
      <c r="A5896" s="5" t="s">
        <v>10</v>
      </c>
      <c r="B5896" s="6">
        <v>242535</v>
      </c>
      <c r="C5896" s="6" t="s">
        <v>68</v>
      </c>
      <c r="D5896" s="6" t="s">
        <v>69</v>
      </c>
      <c r="E5896" s="6">
        <v>11001</v>
      </c>
      <c r="F5896" s="6" t="s">
        <v>18</v>
      </c>
      <c r="G5896" s="6" t="s">
        <v>11910</v>
      </c>
      <c r="H5896" s="6" t="s">
        <v>11911</v>
      </c>
      <c r="I5896" s="7">
        <v>4.6641522000000002</v>
      </c>
      <c r="J5896" s="8">
        <v>-74.069452400000003</v>
      </c>
    </row>
    <row r="5897" spans="1:10" x14ac:dyDescent="0.35">
      <c r="A5897" s="5" t="s">
        <v>10</v>
      </c>
      <c r="B5897" s="6">
        <v>190920</v>
      </c>
      <c r="C5897" s="6" t="s">
        <v>68</v>
      </c>
      <c r="D5897" s="6" t="s">
        <v>69</v>
      </c>
      <c r="E5897" s="6">
        <v>11001</v>
      </c>
      <c r="F5897" s="6" t="s">
        <v>18</v>
      </c>
      <c r="G5897" s="6" t="s">
        <v>11912</v>
      </c>
      <c r="H5897" s="6" t="s">
        <v>11913</v>
      </c>
      <c r="I5897" s="7">
        <v>4.6139673999999999</v>
      </c>
      <c r="J5897" s="8">
        <v>-74.112011999999993</v>
      </c>
    </row>
    <row r="5898" spans="1:10" x14ac:dyDescent="0.35">
      <c r="A5898" s="5" t="s">
        <v>10</v>
      </c>
      <c r="B5898" s="6">
        <v>206340</v>
      </c>
      <c r="C5898" s="6" t="s">
        <v>68</v>
      </c>
      <c r="D5898" s="6" t="s">
        <v>69</v>
      </c>
      <c r="E5898" s="6">
        <v>11001</v>
      </c>
      <c r="F5898" s="6" t="s">
        <v>18</v>
      </c>
      <c r="G5898" s="6" t="s">
        <v>11914</v>
      </c>
      <c r="H5898" s="6" t="s">
        <v>11915</v>
      </c>
      <c r="I5898" s="7">
        <v>4.5690071999999997</v>
      </c>
      <c r="J5898" s="8">
        <v>-74.098059899999996</v>
      </c>
    </row>
    <row r="5899" spans="1:10" x14ac:dyDescent="0.35">
      <c r="A5899" s="5" t="s">
        <v>10</v>
      </c>
      <c r="B5899" s="6">
        <v>233345</v>
      </c>
      <c r="C5899" s="6" t="s">
        <v>68</v>
      </c>
      <c r="D5899" s="6" t="s">
        <v>69</v>
      </c>
      <c r="E5899" s="6">
        <v>11001</v>
      </c>
      <c r="F5899" s="6" t="s">
        <v>18</v>
      </c>
      <c r="G5899" s="6" t="s">
        <v>11916</v>
      </c>
      <c r="H5899" s="6" t="s">
        <v>11917</v>
      </c>
      <c r="I5899" s="7">
        <v>4.7466499999999998</v>
      </c>
      <c r="J5899" s="8">
        <v>-74.114739999999998</v>
      </c>
    </row>
    <row r="5900" spans="1:10" x14ac:dyDescent="0.35">
      <c r="A5900" s="5" t="s">
        <v>10</v>
      </c>
      <c r="B5900" s="6">
        <v>242660</v>
      </c>
      <c r="C5900" s="6" t="s">
        <v>68</v>
      </c>
      <c r="D5900" s="6" t="s">
        <v>69</v>
      </c>
      <c r="E5900" s="6">
        <v>11001</v>
      </c>
      <c r="F5900" s="6" t="s">
        <v>18</v>
      </c>
      <c r="G5900" s="6" t="s">
        <v>11918</v>
      </c>
      <c r="H5900" s="6" t="s">
        <v>11919</v>
      </c>
      <c r="I5900" s="7">
        <v>4.5007102000000003</v>
      </c>
      <c r="J5900" s="8">
        <v>-74.098790699999995</v>
      </c>
    </row>
    <row r="5901" spans="1:10" x14ac:dyDescent="0.35">
      <c r="A5901" s="5" t="s">
        <v>10</v>
      </c>
      <c r="B5901" s="6">
        <v>247569</v>
      </c>
      <c r="C5901" s="6" t="s">
        <v>68</v>
      </c>
      <c r="D5901" s="6" t="s">
        <v>69</v>
      </c>
      <c r="E5901" s="6">
        <v>11001</v>
      </c>
      <c r="F5901" s="6" t="s">
        <v>18</v>
      </c>
      <c r="G5901" s="6" t="s">
        <v>11920</v>
      </c>
      <c r="H5901" s="6" t="s">
        <v>11921</v>
      </c>
      <c r="I5901" s="7">
        <v>4.7109886000000003</v>
      </c>
      <c r="J5901" s="8">
        <v>-74.072091999999998</v>
      </c>
    </row>
    <row r="5902" spans="1:10" x14ac:dyDescent="0.35">
      <c r="A5902" s="5" t="s">
        <v>10</v>
      </c>
      <c r="B5902" s="6">
        <v>230140</v>
      </c>
      <c r="C5902" s="6" t="s">
        <v>68</v>
      </c>
      <c r="D5902" s="6" t="s">
        <v>69</v>
      </c>
      <c r="E5902" s="6">
        <v>11001</v>
      </c>
      <c r="F5902" s="6" t="s">
        <v>18</v>
      </c>
      <c r="G5902" s="6" t="s">
        <v>11922</v>
      </c>
      <c r="H5902" s="6" t="s">
        <v>11923</v>
      </c>
      <c r="I5902" s="7">
        <v>4.5514758000000004</v>
      </c>
      <c r="J5902" s="8">
        <v>-74.0995858</v>
      </c>
    </row>
    <row r="5903" spans="1:10" x14ac:dyDescent="0.35">
      <c r="A5903" s="5" t="s">
        <v>10</v>
      </c>
      <c r="B5903" s="6">
        <v>242303</v>
      </c>
      <c r="C5903" s="6" t="s">
        <v>68</v>
      </c>
      <c r="D5903" s="6" t="s">
        <v>69</v>
      </c>
      <c r="E5903" s="6">
        <v>11001</v>
      </c>
      <c r="F5903" s="6" t="s">
        <v>18</v>
      </c>
      <c r="G5903" s="6" t="s">
        <v>11924</v>
      </c>
      <c r="H5903" s="6" t="s">
        <v>11925</v>
      </c>
      <c r="I5903" s="7">
        <v>4.7109886000000003</v>
      </c>
      <c r="J5903" s="8">
        <v>-74.072091999999998</v>
      </c>
    </row>
    <row r="5904" spans="1:10" x14ac:dyDescent="0.35">
      <c r="A5904" s="5" t="s">
        <v>10</v>
      </c>
      <c r="B5904" s="6">
        <v>245636</v>
      </c>
      <c r="C5904" s="6" t="s">
        <v>24</v>
      </c>
      <c r="D5904" s="6" t="s">
        <v>11926</v>
      </c>
      <c r="E5904" s="6">
        <v>15131</v>
      </c>
      <c r="F5904" s="6" t="s">
        <v>13</v>
      </c>
      <c r="G5904" s="6" t="s">
        <v>11927</v>
      </c>
      <c r="H5904" s="6" t="s">
        <v>11928</v>
      </c>
      <c r="I5904" s="7">
        <v>5.5662560000000001</v>
      </c>
      <c r="J5904" s="8">
        <v>-73.843937499999996</v>
      </c>
    </row>
    <row r="5905" spans="1:10" x14ac:dyDescent="0.35">
      <c r="A5905" s="5" t="s">
        <v>10</v>
      </c>
      <c r="B5905" s="6">
        <v>244778</v>
      </c>
      <c r="C5905" s="6" t="s">
        <v>68</v>
      </c>
      <c r="D5905" s="6" t="s">
        <v>69</v>
      </c>
      <c r="E5905" s="6">
        <v>11001</v>
      </c>
      <c r="F5905" s="6" t="s">
        <v>13</v>
      </c>
      <c r="G5905" s="6" t="s">
        <v>11929</v>
      </c>
      <c r="H5905" s="6" t="s">
        <v>11930</v>
      </c>
      <c r="I5905" s="7">
        <v>4.6829929999999997</v>
      </c>
      <c r="J5905" s="8">
        <v>-74.048889799999998</v>
      </c>
    </row>
    <row r="5906" spans="1:10" x14ac:dyDescent="0.35">
      <c r="A5906" s="5" t="s">
        <v>10</v>
      </c>
      <c r="B5906" s="6">
        <v>220687</v>
      </c>
      <c r="C5906" s="6" t="s">
        <v>11</v>
      </c>
      <c r="D5906" s="6" t="s">
        <v>513</v>
      </c>
      <c r="E5906" s="6">
        <v>25286</v>
      </c>
      <c r="F5906" s="6" t="s">
        <v>18</v>
      </c>
      <c r="G5906" s="6" t="s">
        <v>11931</v>
      </c>
      <c r="H5906" s="6" t="s">
        <v>11932</v>
      </c>
      <c r="I5906" s="7">
        <v>4.7104409999999897</v>
      </c>
      <c r="J5906" s="8">
        <v>-74.210369900000003</v>
      </c>
    </row>
    <row r="5907" spans="1:10" x14ac:dyDescent="0.35">
      <c r="A5907" s="5" t="s">
        <v>10</v>
      </c>
      <c r="B5907" s="6">
        <v>225379</v>
      </c>
      <c r="C5907" s="6" t="s">
        <v>117</v>
      </c>
      <c r="D5907" s="6" t="s">
        <v>3492</v>
      </c>
      <c r="E5907" s="6">
        <v>76520</v>
      </c>
      <c r="F5907" s="6" t="s">
        <v>18</v>
      </c>
      <c r="G5907" s="6" t="s">
        <v>11933</v>
      </c>
      <c r="H5907" s="6" t="s">
        <v>11934</v>
      </c>
      <c r="I5907" s="7">
        <v>3.5303662999999998</v>
      </c>
      <c r="J5907" s="8">
        <v>-76.305131599999996</v>
      </c>
    </row>
    <row r="5908" spans="1:10" x14ac:dyDescent="0.35">
      <c r="A5908" s="5" t="s">
        <v>10</v>
      </c>
      <c r="B5908" s="6">
        <v>236753</v>
      </c>
      <c r="C5908" s="6" t="s">
        <v>117</v>
      </c>
      <c r="D5908" s="6" t="s">
        <v>1334</v>
      </c>
      <c r="E5908" s="6">
        <v>76001</v>
      </c>
      <c r="F5908" s="6" t="s">
        <v>18</v>
      </c>
      <c r="G5908" s="6" t="s">
        <v>11935</v>
      </c>
      <c r="H5908" s="6" t="s">
        <v>11936</v>
      </c>
      <c r="I5908" s="7">
        <v>3.4273273</v>
      </c>
      <c r="J5908" s="8">
        <v>-76.470999000000006</v>
      </c>
    </row>
    <row r="5909" spans="1:10" x14ac:dyDescent="0.35">
      <c r="A5909" s="5" t="s">
        <v>10</v>
      </c>
      <c r="B5909" s="6">
        <v>131507</v>
      </c>
      <c r="C5909" s="6" t="s">
        <v>117</v>
      </c>
      <c r="D5909" s="6" t="s">
        <v>118</v>
      </c>
      <c r="E5909" s="6">
        <v>76400</v>
      </c>
      <c r="F5909" s="6" t="s">
        <v>18</v>
      </c>
      <c r="G5909" s="6" t="s">
        <v>3708</v>
      </c>
      <c r="H5909" s="6" t="s">
        <v>11937</v>
      </c>
      <c r="I5909" s="7">
        <v>4.5332091999999999</v>
      </c>
      <c r="J5909" s="8">
        <v>-76.103337099999905</v>
      </c>
    </row>
    <row r="5910" spans="1:10" x14ac:dyDescent="0.35">
      <c r="A5910" s="5" t="s">
        <v>10</v>
      </c>
      <c r="B5910" s="6">
        <v>228133</v>
      </c>
      <c r="C5910" s="6" t="s">
        <v>68</v>
      </c>
      <c r="D5910" s="6" t="s">
        <v>69</v>
      </c>
      <c r="E5910" s="6">
        <v>11001</v>
      </c>
      <c r="F5910" s="6" t="s">
        <v>18</v>
      </c>
      <c r="G5910" s="6" t="s">
        <v>11938</v>
      </c>
      <c r="H5910" s="6" t="s">
        <v>11939</v>
      </c>
      <c r="I5910" s="7">
        <v>4.7048949000000002</v>
      </c>
      <c r="J5910" s="8">
        <v>-74.116558100000006</v>
      </c>
    </row>
    <row r="5911" spans="1:10" x14ac:dyDescent="0.35">
      <c r="A5911" s="5" t="s">
        <v>10</v>
      </c>
      <c r="B5911" s="6">
        <v>230890</v>
      </c>
      <c r="C5911" s="6" t="s">
        <v>68</v>
      </c>
      <c r="D5911" s="6" t="s">
        <v>69</v>
      </c>
      <c r="E5911" s="6">
        <v>11001</v>
      </c>
      <c r="F5911" s="6" t="s">
        <v>18</v>
      </c>
      <c r="G5911" s="6" t="s">
        <v>11940</v>
      </c>
      <c r="H5911" s="6" t="s">
        <v>11941</v>
      </c>
      <c r="I5911" s="7">
        <v>4.5447739</v>
      </c>
      <c r="J5911" s="8">
        <v>-74.142736299999996</v>
      </c>
    </row>
    <row r="5912" spans="1:10" x14ac:dyDescent="0.35">
      <c r="A5912" s="5" t="s">
        <v>10</v>
      </c>
      <c r="B5912" s="6">
        <v>235563</v>
      </c>
      <c r="C5912" s="6" t="s">
        <v>68</v>
      </c>
      <c r="D5912" s="6" t="s">
        <v>69</v>
      </c>
      <c r="E5912" s="6">
        <v>11001</v>
      </c>
      <c r="F5912" s="6" t="s">
        <v>18</v>
      </c>
      <c r="G5912" s="6" t="s">
        <v>11942</v>
      </c>
      <c r="H5912" s="6" t="s">
        <v>11943</v>
      </c>
      <c r="I5912" s="7">
        <v>4.6111445</v>
      </c>
      <c r="J5912" s="8">
        <v>-74.075719899999996</v>
      </c>
    </row>
    <row r="5913" spans="1:10" x14ac:dyDescent="0.35">
      <c r="A5913" s="5" t="s">
        <v>10</v>
      </c>
      <c r="B5913" s="6">
        <v>211757</v>
      </c>
      <c r="C5913" s="6" t="s">
        <v>68</v>
      </c>
      <c r="D5913" s="6" t="s">
        <v>69</v>
      </c>
      <c r="E5913" s="6">
        <v>11001</v>
      </c>
      <c r="F5913" s="6" t="s">
        <v>18</v>
      </c>
      <c r="G5913" s="6" t="s">
        <v>11944</v>
      </c>
      <c r="H5913" s="6" t="s">
        <v>11945</v>
      </c>
      <c r="I5913" s="7">
        <v>4.5494982999999998</v>
      </c>
      <c r="J5913" s="8">
        <v>-74.154934099999906</v>
      </c>
    </row>
    <row r="5914" spans="1:10" x14ac:dyDescent="0.35">
      <c r="A5914" s="5" t="s">
        <v>10</v>
      </c>
      <c r="B5914" s="6">
        <v>214666</v>
      </c>
      <c r="C5914" s="6" t="s">
        <v>68</v>
      </c>
      <c r="D5914" s="6" t="s">
        <v>69</v>
      </c>
      <c r="E5914" s="6">
        <v>11001</v>
      </c>
      <c r="F5914" s="6" t="s">
        <v>18</v>
      </c>
      <c r="G5914" s="6" t="s">
        <v>11946</v>
      </c>
      <c r="H5914" s="6" t="s">
        <v>11947</v>
      </c>
      <c r="I5914" s="7">
        <v>4.4997123999999999</v>
      </c>
      <c r="J5914" s="8">
        <v>-74.111740599999905</v>
      </c>
    </row>
    <row r="5915" spans="1:10" x14ac:dyDescent="0.35">
      <c r="A5915" s="5" t="s">
        <v>10</v>
      </c>
      <c r="B5915" s="6">
        <v>220308</v>
      </c>
      <c r="C5915" s="6" t="s">
        <v>68</v>
      </c>
      <c r="D5915" s="6" t="s">
        <v>69</v>
      </c>
      <c r="E5915" s="6">
        <v>11001</v>
      </c>
      <c r="F5915" s="6" t="s">
        <v>18</v>
      </c>
      <c r="G5915" s="6" t="s">
        <v>11948</v>
      </c>
      <c r="H5915" s="6" t="s">
        <v>11949</v>
      </c>
      <c r="I5915" s="7">
        <v>4.7375072999999999</v>
      </c>
      <c r="J5915" s="8">
        <v>-74.086950999999999</v>
      </c>
    </row>
    <row r="5916" spans="1:10" x14ac:dyDescent="0.35">
      <c r="A5916" s="5" t="s">
        <v>10</v>
      </c>
      <c r="B5916" s="6">
        <v>238883</v>
      </c>
      <c r="C5916" s="6" t="s">
        <v>68</v>
      </c>
      <c r="D5916" s="6" t="s">
        <v>69</v>
      </c>
      <c r="E5916" s="6">
        <v>11001</v>
      </c>
      <c r="F5916" s="6" t="s">
        <v>18</v>
      </c>
      <c r="G5916" s="6" t="s">
        <v>11950</v>
      </c>
      <c r="H5916" s="6" t="s">
        <v>11951</v>
      </c>
      <c r="I5916" s="7">
        <v>4.6269733999999998</v>
      </c>
      <c r="J5916" s="8">
        <v>-74.1452034</v>
      </c>
    </row>
    <row r="5917" spans="1:10" x14ac:dyDescent="0.35">
      <c r="A5917" s="5" t="s">
        <v>10</v>
      </c>
      <c r="B5917" s="6">
        <v>239300</v>
      </c>
      <c r="C5917" s="6" t="s">
        <v>68</v>
      </c>
      <c r="D5917" s="6" t="s">
        <v>69</v>
      </c>
      <c r="E5917" s="6">
        <v>11001</v>
      </c>
      <c r="F5917" s="6" t="s">
        <v>18</v>
      </c>
      <c r="G5917" s="6" t="s">
        <v>11952</v>
      </c>
      <c r="H5917" s="6" t="s">
        <v>11953</v>
      </c>
      <c r="I5917" s="7">
        <v>4.7040289</v>
      </c>
      <c r="J5917" s="8">
        <v>-74.122578899999993</v>
      </c>
    </row>
    <row r="5918" spans="1:10" x14ac:dyDescent="0.35">
      <c r="A5918" s="5" t="s">
        <v>10</v>
      </c>
      <c r="B5918" s="6">
        <v>242556</v>
      </c>
      <c r="C5918" s="6" t="s">
        <v>68</v>
      </c>
      <c r="D5918" s="6" t="s">
        <v>69</v>
      </c>
      <c r="E5918" s="6">
        <v>11001</v>
      </c>
      <c r="F5918" s="6" t="s">
        <v>18</v>
      </c>
      <c r="G5918" s="6" t="s">
        <v>11954</v>
      </c>
      <c r="H5918" s="6" t="s">
        <v>11955</v>
      </c>
      <c r="I5918" s="7">
        <v>4.5781371999999996</v>
      </c>
      <c r="J5918" s="8">
        <v>-74.087209599999994</v>
      </c>
    </row>
    <row r="5919" spans="1:10" x14ac:dyDescent="0.35">
      <c r="A5919" s="5" t="s">
        <v>10</v>
      </c>
      <c r="B5919" s="6">
        <v>245128</v>
      </c>
      <c r="C5919" s="6" t="s">
        <v>68</v>
      </c>
      <c r="D5919" s="6" t="s">
        <v>69</v>
      </c>
      <c r="E5919" s="6">
        <v>11001</v>
      </c>
      <c r="F5919" s="6" t="s">
        <v>18</v>
      </c>
      <c r="G5919" s="6" t="s">
        <v>11956</v>
      </c>
      <c r="H5919" s="6" t="s">
        <v>11957</v>
      </c>
      <c r="I5919" s="7">
        <v>4.6160217000000001</v>
      </c>
      <c r="J5919" s="8">
        <v>-74.088173499999996</v>
      </c>
    </row>
    <row r="5920" spans="1:10" x14ac:dyDescent="0.35">
      <c r="A5920" s="5" t="s">
        <v>10</v>
      </c>
      <c r="B5920" s="6">
        <v>246847</v>
      </c>
      <c r="C5920" s="6" t="s">
        <v>68</v>
      </c>
      <c r="D5920" s="6" t="s">
        <v>69</v>
      </c>
      <c r="E5920" s="6">
        <v>11001</v>
      </c>
      <c r="F5920" s="6" t="s">
        <v>18</v>
      </c>
      <c r="G5920" s="6" t="s">
        <v>11958</v>
      </c>
      <c r="H5920" s="6" t="s">
        <v>11959</v>
      </c>
      <c r="I5920" s="7">
        <v>4.5936946000000001</v>
      </c>
      <c r="J5920" s="8">
        <v>-74.123332099999999</v>
      </c>
    </row>
    <row r="5921" spans="1:10" x14ac:dyDescent="0.35">
      <c r="A5921" s="5" t="s">
        <v>10</v>
      </c>
      <c r="B5921" s="6">
        <v>183012</v>
      </c>
      <c r="C5921" s="6" t="s">
        <v>68</v>
      </c>
      <c r="D5921" s="6" t="s">
        <v>69</v>
      </c>
      <c r="E5921" s="6">
        <v>11001</v>
      </c>
      <c r="F5921" s="6" t="s">
        <v>18</v>
      </c>
      <c r="G5921" s="6" t="s">
        <v>11960</v>
      </c>
      <c r="H5921" s="6" t="s">
        <v>11961</v>
      </c>
      <c r="I5921" s="7">
        <v>4.6612637000000001</v>
      </c>
      <c r="J5921" s="8">
        <v>-74.080849899999905</v>
      </c>
    </row>
    <row r="5922" spans="1:10" x14ac:dyDescent="0.35">
      <c r="A5922" s="5" t="s">
        <v>10</v>
      </c>
      <c r="B5922" s="6">
        <v>184670</v>
      </c>
      <c r="C5922" s="6" t="s">
        <v>190</v>
      </c>
      <c r="D5922" s="6" t="s">
        <v>191</v>
      </c>
      <c r="E5922" s="6">
        <v>5001</v>
      </c>
      <c r="F5922" s="6" t="s">
        <v>18</v>
      </c>
      <c r="G5922" s="6" t="s">
        <v>11962</v>
      </c>
      <c r="H5922" s="6" t="s">
        <v>11963</v>
      </c>
      <c r="I5922" s="7">
        <v>6.2420201000000004</v>
      </c>
      <c r="J5922" s="8">
        <v>-75.585380599999993</v>
      </c>
    </row>
    <row r="5923" spans="1:10" x14ac:dyDescent="0.35">
      <c r="A5923" s="5" t="s">
        <v>10</v>
      </c>
      <c r="B5923" s="6">
        <v>209335</v>
      </c>
      <c r="C5923" s="6" t="s">
        <v>308</v>
      </c>
      <c r="D5923" s="6" t="s">
        <v>11004</v>
      </c>
      <c r="E5923" s="6">
        <v>23500</v>
      </c>
      <c r="F5923" s="6" t="s">
        <v>13</v>
      </c>
      <c r="G5923" s="6" t="s">
        <v>11964</v>
      </c>
      <c r="H5923" s="6" t="s">
        <v>11965</v>
      </c>
      <c r="I5923" s="7">
        <v>8.0492930000000005</v>
      </c>
      <c r="J5923" s="8">
        <v>-75.57405</v>
      </c>
    </row>
    <row r="5924" spans="1:10" x14ac:dyDescent="0.35">
      <c r="A5924" s="5" t="s">
        <v>10</v>
      </c>
      <c r="B5924" s="6">
        <v>225199</v>
      </c>
      <c r="C5924" s="6" t="s">
        <v>308</v>
      </c>
      <c r="D5924" s="6" t="s">
        <v>309</v>
      </c>
      <c r="E5924" s="6">
        <v>23001</v>
      </c>
      <c r="F5924" s="6" t="s">
        <v>13</v>
      </c>
      <c r="G5924" s="6" t="s">
        <v>11966</v>
      </c>
      <c r="H5924" s="6" t="s">
        <v>11967</v>
      </c>
      <c r="I5924" s="7">
        <v>8.7363078000000005</v>
      </c>
      <c r="J5924" s="8">
        <v>-75.892811300000005</v>
      </c>
    </row>
    <row r="5925" spans="1:10" x14ac:dyDescent="0.35">
      <c r="A5925" s="5" t="s">
        <v>10</v>
      </c>
      <c r="B5925" s="6">
        <v>225849</v>
      </c>
      <c r="C5925" s="6" t="s">
        <v>366</v>
      </c>
      <c r="D5925" s="6" t="s">
        <v>367</v>
      </c>
      <c r="E5925" s="6">
        <v>44430</v>
      </c>
      <c r="F5925" s="6" t="s">
        <v>13</v>
      </c>
      <c r="G5925" s="6" t="s">
        <v>11968</v>
      </c>
      <c r="H5925" s="6" t="s">
        <v>11969</v>
      </c>
      <c r="I5925" s="7">
        <v>11.1792122</v>
      </c>
      <c r="J5925" s="8">
        <v>-72.502826499999998</v>
      </c>
    </row>
    <row r="5926" spans="1:10" x14ac:dyDescent="0.35">
      <c r="A5926" s="5" t="s">
        <v>10</v>
      </c>
      <c r="B5926" s="6">
        <v>240522</v>
      </c>
      <c r="C5926" s="6" t="s">
        <v>190</v>
      </c>
      <c r="D5926" s="6" t="s">
        <v>4362</v>
      </c>
      <c r="E5926" s="6">
        <v>5360</v>
      </c>
      <c r="F5926" s="6" t="s">
        <v>18</v>
      </c>
      <c r="G5926" s="6" t="s">
        <v>11970</v>
      </c>
      <c r="H5926" s="6" t="s">
        <v>11971</v>
      </c>
      <c r="I5926" s="7">
        <v>6.1740594</v>
      </c>
      <c r="J5926" s="8">
        <v>-75.632625000000004</v>
      </c>
    </row>
    <row r="5927" spans="1:10" x14ac:dyDescent="0.35">
      <c r="A5927" s="5" t="s">
        <v>10</v>
      </c>
      <c r="B5927" s="6">
        <v>233292</v>
      </c>
      <c r="C5927" s="6" t="s">
        <v>68</v>
      </c>
      <c r="D5927" s="6" t="s">
        <v>69</v>
      </c>
      <c r="E5927" s="6">
        <v>11001</v>
      </c>
      <c r="F5927" s="6" t="s">
        <v>18</v>
      </c>
      <c r="G5927" s="6" t="s">
        <v>11972</v>
      </c>
      <c r="H5927" s="6" t="s">
        <v>11973</v>
      </c>
      <c r="I5927" s="7">
        <v>4.5466699999999998</v>
      </c>
      <c r="J5927" s="8">
        <v>-74.150599999999997</v>
      </c>
    </row>
    <row r="5928" spans="1:10" x14ac:dyDescent="0.35">
      <c r="A5928" s="5" t="s">
        <v>10</v>
      </c>
      <c r="B5928" s="6">
        <v>242308</v>
      </c>
      <c r="C5928" s="6" t="s">
        <v>68</v>
      </c>
      <c r="D5928" s="6" t="s">
        <v>69</v>
      </c>
      <c r="E5928" s="6">
        <v>11001</v>
      </c>
      <c r="F5928" s="6" t="s">
        <v>18</v>
      </c>
      <c r="G5928" s="6" t="s">
        <v>11974</v>
      </c>
      <c r="H5928" s="6" t="s">
        <v>11975</v>
      </c>
      <c r="I5928" s="7">
        <v>4.6113296999999998</v>
      </c>
      <c r="J5928" s="8">
        <v>-74.167425199999997</v>
      </c>
    </row>
    <row r="5929" spans="1:10" x14ac:dyDescent="0.35">
      <c r="A5929" s="5" t="s">
        <v>10</v>
      </c>
      <c r="B5929" s="6">
        <v>236417</v>
      </c>
      <c r="C5929" s="6" t="s">
        <v>68</v>
      </c>
      <c r="D5929" s="6" t="s">
        <v>69</v>
      </c>
      <c r="E5929" s="6">
        <v>11001</v>
      </c>
      <c r="F5929" s="6" t="s">
        <v>18</v>
      </c>
      <c r="G5929" s="6" t="s">
        <v>11976</v>
      </c>
      <c r="H5929" s="6" t="s">
        <v>11977</v>
      </c>
      <c r="I5929" s="7">
        <v>4.5906035000000003</v>
      </c>
      <c r="J5929" s="8">
        <v>-74.121136199999995</v>
      </c>
    </row>
    <row r="5930" spans="1:10" x14ac:dyDescent="0.35">
      <c r="A5930" s="5" t="s">
        <v>10</v>
      </c>
      <c r="B5930" s="6">
        <v>211323</v>
      </c>
      <c r="C5930" s="6" t="s">
        <v>68</v>
      </c>
      <c r="D5930" s="6" t="s">
        <v>69</v>
      </c>
      <c r="E5930" s="6">
        <v>11001</v>
      </c>
      <c r="F5930" s="6" t="s">
        <v>18</v>
      </c>
      <c r="G5930" s="6" t="s">
        <v>10104</v>
      </c>
      <c r="H5930" s="6" t="s">
        <v>11978</v>
      </c>
      <c r="I5930" s="7">
        <v>4.6058035999999998</v>
      </c>
      <c r="J5930" s="8">
        <v>-74.071924999999993</v>
      </c>
    </row>
    <row r="5931" spans="1:10" x14ac:dyDescent="0.35">
      <c r="A5931" s="5" t="s">
        <v>10</v>
      </c>
      <c r="B5931" s="6">
        <v>242296</v>
      </c>
      <c r="C5931" s="6" t="s">
        <v>68</v>
      </c>
      <c r="D5931" s="6" t="s">
        <v>69</v>
      </c>
      <c r="E5931" s="6">
        <v>11001</v>
      </c>
      <c r="F5931" s="6" t="s">
        <v>18</v>
      </c>
      <c r="G5931" s="6" t="s">
        <v>11979</v>
      </c>
      <c r="H5931" s="6" t="s">
        <v>11980</v>
      </c>
      <c r="I5931" s="7">
        <v>4.6314652000000001</v>
      </c>
      <c r="J5931" s="8">
        <v>-74.064287800000002</v>
      </c>
    </row>
    <row r="5932" spans="1:10" x14ac:dyDescent="0.35">
      <c r="A5932" s="5" t="s">
        <v>10</v>
      </c>
      <c r="B5932" s="6">
        <v>234585</v>
      </c>
      <c r="C5932" s="6" t="s">
        <v>68</v>
      </c>
      <c r="D5932" s="6" t="s">
        <v>69</v>
      </c>
      <c r="E5932" s="6">
        <v>11001</v>
      </c>
      <c r="F5932" s="6" t="s">
        <v>18</v>
      </c>
      <c r="G5932" s="6" t="s">
        <v>7521</v>
      </c>
      <c r="H5932" s="6" t="s">
        <v>11981</v>
      </c>
      <c r="I5932" s="7">
        <v>4.6554206000000002</v>
      </c>
      <c r="J5932" s="8">
        <v>-74.068431000000004</v>
      </c>
    </row>
    <row r="5933" spans="1:10" x14ac:dyDescent="0.35">
      <c r="A5933" s="5" t="s">
        <v>10</v>
      </c>
      <c r="B5933" s="6">
        <v>167675</v>
      </c>
      <c r="C5933" s="6" t="s">
        <v>2130</v>
      </c>
      <c r="D5933" s="6" t="s">
        <v>3979</v>
      </c>
      <c r="E5933" s="6">
        <v>85010</v>
      </c>
      <c r="F5933" s="6" t="s">
        <v>18</v>
      </c>
      <c r="G5933" s="6" t="s">
        <v>11982</v>
      </c>
      <c r="H5933" s="6" t="s">
        <v>11983</v>
      </c>
      <c r="I5933" s="7">
        <v>5.1708470000000002</v>
      </c>
      <c r="J5933" s="8">
        <v>-72.550818999999905</v>
      </c>
    </row>
    <row r="5934" spans="1:10" x14ac:dyDescent="0.35">
      <c r="A5934" s="5" t="s">
        <v>10</v>
      </c>
      <c r="B5934" s="6">
        <v>189941</v>
      </c>
      <c r="C5934" s="6" t="s">
        <v>190</v>
      </c>
      <c r="D5934" s="6" t="s">
        <v>11984</v>
      </c>
      <c r="E5934" s="6">
        <v>5591</v>
      </c>
      <c r="F5934" s="6" t="s">
        <v>18</v>
      </c>
      <c r="G5934" s="6" t="s">
        <v>11985</v>
      </c>
      <c r="H5934" s="6" t="s">
        <v>11986</v>
      </c>
      <c r="I5934" s="7">
        <v>5.91174</v>
      </c>
      <c r="J5934" s="8">
        <v>-74.736750000000001</v>
      </c>
    </row>
    <row r="5935" spans="1:10" x14ac:dyDescent="0.35">
      <c r="A5935" s="5" t="s">
        <v>10</v>
      </c>
      <c r="B5935" s="6">
        <v>207079</v>
      </c>
      <c r="C5935" s="6" t="s">
        <v>38</v>
      </c>
      <c r="D5935" s="6" t="s">
        <v>11987</v>
      </c>
      <c r="E5935" s="6">
        <v>19142</v>
      </c>
      <c r="F5935" s="6" t="s">
        <v>13</v>
      </c>
      <c r="G5935" s="6" t="s">
        <v>11988</v>
      </c>
      <c r="H5935" s="6" t="s">
        <v>11989</v>
      </c>
      <c r="I5935" s="7">
        <v>3.4546969999999999</v>
      </c>
      <c r="J5935" s="8">
        <v>-76.525716500000001</v>
      </c>
    </row>
    <row r="5936" spans="1:10" x14ac:dyDescent="0.35">
      <c r="A5936" s="5" t="s">
        <v>10</v>
      </c>
      <c r="B5936" s="6">
        <v>213654</v>
      </c>
      <c r="C5936" s="6" t="s">
        <v>68</v>
      </c>
      <c r="D5936" s="6" t="s">
        <v>69</v>
      </c>
      <c r="E5936" s="6">
        <v>11001</v>
      </c>
      <c r="F5936" s="6" t="s">
        <v>13</v>
      </c>
      <c r="G5936" s="6" t="s">
        <v>11990</v>
      </c>
      <c r="H5936" s="6" t="s">
        <v>11991</v>
      </c>
      <c r="I5936" s="7">
        <v>4.6057337</v>
      </c>
      <c r="J5936" s="8">
        <v>-74.090912799999998</v>
      </c>
    </row>
    <row r="5937" spans="1:10" x14ac:dyDescent="0.35">
      <c r="A5937" s="5" t="s">
        <v>10</v>
      </c>
      <c r="B5937" s="6">
        <v>223203</v>
      </c>
      <c r="C5937" s="6" t="s">
        <v>11</v>
      </c>
      <c r="D5937" s="6" t="s">
        <v>334</v>
      </c>
      <c r="E5937" s="6">
        <v>25754</v>
      </c>
      <c r="F5937" s="6" t="s">
        <v>13</v>
      </c>
      <c r="G5937" s="6" t="s">
        <v>11992</v>
      </c>
      <c r="H5937" s="6" t="s">
        <v>11993</v>
      </c>
      <c r="I5937" s="7">
        <v>4.5922752999999998</v>
      </c>
      <c r="J5937" s="8">
        <v>-74.2047898</v>
      </c>
    </row>
    <row r="5938" spans="1:10" x14ac:dyDescent="0.35">
      <c r="A5938" s="5" t="s">
        <v>10</v>
      </c>
      <c r="B5938" s="6">
        <v>240516</v>
      </c>
      <c r="C5938" s="6" t="s">
        <v>190</v>
      </c>
      <c r="D5938" s="6" t="s">
        <v>4063</v>
      </c>
      <c r="E5938" s="6">
        <v>5088</v>
      </c>
      <c r="F5938" s="6" t="s">
        <v>18</v>
      </c>
      <c r="G5938" s="6" t="s">
        <v>11994</v>
      </c>
      <c r="H5938" s="6" t="s">
        <v>11995</v>
      </c>
      <c r="I5938" s="7">
        <v>6.3197660000000004</v>
      </c>
      <c r="J5938" s="8">
        <v>-75.557502999999997</v>
      </c>
    </row>
    <row r="5939" spans="1:10" x14ac:dyDescent="0.35">
      <c r="A5939" s="5" t="s">
        <v>10</v>
      </c>
      <c r="B5939" s="6">
        <v>239546</v>
      </c>
      <c r="C5939" s="6" t="s">
        <v>68</v>
      </c>
      <c r="D5939" s="6" t="s">
        <v>69</v>
      </c>
      <c r="E5939" s="6">
        <v>11001</v>
      </c>
      <c r="F5939" s="6" t="s">
        <v>18</v>
      </c>
      <c r="G5939" s="6" t="s">
        <v>11996</v>
      </c>
      <c r="H5939" s="6" t="s">
        <v>11997</v>
      </c>
      <c r="I5939" s="7">
        <v>4.7077153999999997</v>
      </c>
      <c r="J5939" s="8">
        <v>-74.122852600000002</v>
      </c>
    </row>
    <row r="5940" spans="1:10" x14ac:dyDescent="0.35">
      <c r="A5940" s="5" t="s">
        <v>10</v>
      </c>
      <c r="B5940" s="6">
        <v>242302</v>
      </c>
      <c r="C5940" s="6" t="s">
        <v>68</v>
      </c>
      <c r="D5940" s="6" t="s">
        <v>69</v>
      </c>
      <c r="E5940" s="6">
        <v>11001</v>
      </c>
      <c r="F5940" s="6" t="s">
        <v>18</v>
      </c>
      <c r="G5940" s="6" t="s">
        <v>11998</v>
      </c>
      <c r="H5940" s="6" t="s">
        <v>11999</v>
      </c>
      <c r="I5940" s="7">
        <v>4.5591920000000004</v>
      </c>
      <c r="J5940" s="8">
        <v>-74.118519199999994</v>
      </c>
    </row>
    <row r="5941" spans="1:10" x14ac:dyDescent="0.35">
      <c r="A5941" s="5" t="s">
        <v>10</v>
      </c>
      <c r="B5941" s="6">
        <v>208545</v>
      </c>
      <c r="C5941" s="6" t="s">
        <v>68</v>
      </c>
      <c r="D5941" s="6" t="s">
        <v>69</v>
      </c>
      <c r="E5941" s="6">
        <v>11001</v>
      </c>
      <c r="F5941" s="6" t="s">
        <v>18</v>
      </c>
      <c r="G5941" s="6" t="s">
        <v>12000</v>
      </c>
      <c r="H5941" s="6" t="s">
        <v>12001</v>
      </c>
      <c r="I5941" s="7">
        <v>4.6198265000000003</v>
      </c>
      <c r="J5941" s="8">
        <v>-74.070787799999906</v>
      </c>
    </row>
    <row r="5942" spans="1:10" x14ac:dyDescent="0.35">
      <c r="A5942" s="5" t="s">
        <v>10</v>
      </c>
      <c r="B5942" s="6">
        <v>212880</v>
      </c>
      <c r="C5942" s="6" t="s">
        <v>68</v>
      </c>
      <c r="D5942" s="6" t="s">
        <v>69</v>
      </c>
      <c r="E5942" s="6">
        <v>11001</v>
      </c>
      <c r="F5942" s="6" t="s">
        <v>18</v>
      </c>
      <c r="G5942" s="6" t="s">
        <v>1940</v>
      </c>
      <c r="H5942" s="6" t="s">
        <v>12002</v>
      </c>
      <c r="I5942" s="7">
        <v>4.5772927000000001</v>
      </c>
      <c r="J5942" s="8">
        <v>-74.124423999999905</v>
      </c>
    </row>
    <row r="5943" spans="1:10" x14ac:dyDescent="0.35">
      <c r="A5943" s="5" t="s">
        <v>10</v>
      </c>
      <c r="B5943" s="6">
        <v>238191</v>
      </c>
      <c r="C5943" s="6" t="s">
        <v>68</v>
      </c>
      <c r="D5943" s="6" t="s">
        <v>69</v>
      </c>
      <c r="E5943" s="6">
        <v>11001</v>
      </c>
      <c r="F5943" s="6" t="s">
        <v>18</v>
      </c>
      <c r="G5943" s="6" t="s">
        <v>12003</v>
      </c>
      <c r="H5943" s="6" t="s">
        <v>12004</v>
      </c>
      <c r="I5943" s="7">
        <v>4.7649486999999997</v>
      </c>
      <c r="J5943" s="8">
        <v>-74.035166099999998</v>
      </c>
    </row>
    <row r="5944" spans="1:10" x14ac:dyDescent="0.35">
      <c r="A5944" s="5" t="s">
        <v>10</v>
      </c>
      <c r="B5944" s="6">
        <v>212537</v>
      </c>
      <c r="C5944" s="6" t="s">
        <v>68</v>
      </c>
      <c r="D5944" s="6" t="s">
        <v>69</v>
      </c>
      <c r="E5944" s="6">
        <v>11001</v>
      </c>
      <c r="F5944" s="6" t="s">
        <v>18</v>
      </c>
      <c r="G5944" s="6" t="s">
        <v>12005</v>
      </c>
      <c r="H5944" s="6" t="s">
        <v>12006</v>
      </c>
      <c r="I5944" s="7">
        <v>4.4691863999999999</v>
      </c>
      <c r="J5944" s="8">
        <v>-74.123672499999998</v>
      </c>
    </row>
    <row r="5945" spans="1:10" x14ac:dyDescent="0.35">
      <c r="A5945" s="5" t="s">
        <v>10</v>
      </c>
      <c r="B5945" s="6">
        <v>214194</v>
      </c>
      <c r="C5945" s="6" t="s">
        <v>68</v>
      </c>
      <c r="D5945" s="6" t="s">
        <v>69</v>
      </c>
      <c r="E5945" s="6">
        <v>11001</v>
      </c>
      <c r="F5945" s="6" t="s">
        <v>18</v>
      </c>
      <c r="G5945" s="6" t="s">
        <v>12007</v>
      </c>
      <c r="H5945" s="6" t="s">
        <v>12008</v>
      </c>
      <c r="I5945" s="7">
        <v>4.5321262999999998</v>
      </c>
      <c r="J5945" s="8">
        <v>-74.088459299999997</v>
      </c>
    </row>
    <row r="5946" spans="1:10" x14ac:dyDescent="0.35">
      <c r="A5946" s="5" t="s">
        <v>10</v>
      </c>
      <c r="B5946" s="6">
        <v>232302</v>
      </c>
      <c r="C5946" s="6" t="s">
        <v>68</v>
      </c>
      <c r="D5946" s="6" t="s">
        <v>69</v>
      </c>
      <c r="E5946" s="6">
        <v>11001</v>
      </c>
      <c r="F5946" s="6" t="s">
        <v>18</v>
      </c>
      <c r="G5946" s="6" t="s">
        <v>12009</v>
      </c>
      <c r="H5946" s="6" t="s">
        <v>12010</v>
      </c>
      <c r="I5946" s="7">
        <v>4.4703742000000002</v>
      </c>
      <c r="J5946" s="8">
        <v>-74.126229100000003</v>
      </c>
    </row>
    <row r="5947" spans="1:10" x14ac:dyDescent="0.35">
      <c r="A5947" s="5" t="s">
        <v>10</v>
      </c>
      <c r="B5947" s="6">
        <v>226701</v>
      </c>
      <c r="C5947" s="6" t="s">
        <v>68</v>
      </c>
      <c r="D5947" s="6" t="s">
        <v>69</v>
      </c>
      <c r="E5947" s="6">
        <v>11001</v>
      </c>
      <c r="F5947" s="6" t="s">
        <v>18</v>
      </c>
      <c r="G5947" s="6" t="s">
        <v>12011</v>
      </c>
      <c r="H5947" s="6" t="s">
        <v>12012</v>
      </c>
      <c r="I5947" s="7">
        <v>4.5478227000000002</v>
      </c>
      <c r="J5947" s="8">
        <v>-74.153198699999905</v>
      </c>
    </row>
    <row r="5948" spans="1:10" x14ac:dyDescent="0.35">
      <c r="A5948" s="5" t="s">
        <v>10</v>
      </c>
      <c r="B5948" s="6">
        <v>239419</v>
      </c>
      <c r="C5948" s="6" t="s">
        <v>68</v>
      </c>
      <c r="D5948" s="6" t="s">
        <v>69</v>
      </c>
      <c r="E5948" s="6">
        <v>11001</v>
      </c>
      <c r="F5948" s="6" t="s">
        <v>18</v>
      </c>
      <c r="G5948" s="6" t="s">
        <v>12013</v>
      </c>
      <c r="H5948" s="6" t="s">
        <v>12014</v>
      </c>
      <c r="I5948" s="7">
        <v>4.6430297999999999</v>
      </c>
      <c r="J5948" s="8">
        <v>-74.101556700000003</v>
      </c>
    </row>
    <row r="5949" spans="1:10" x14ac:dyDescent="0.35">
      <c r="A5949" s="5" t="s">
        <v>10</v>
      </c>
      <c r="B5949" s="6">
        <v>186938</v>
      </c>
      <c r="C5949" s="6" t="s">
        <v>190</v>
      </c>
      <c r="D5949" s="6" t="s">
        <v>2954</v>
      </c>
      <c r="E5949" s="6">
        <v>5368</v>
      </c>
      <c r="F5949" s="6" t="s">
        <v>18</v>
      </c>
      <c r="G5949" s="6" t="s">
        <v>12015</v>
      </c>
      <c r="H5949" s="6" t="s">
        <v>12016</v>
      </c>
      <c r="I5949" s="7">
        <v>5.7914344</v>
      </c>
      <c r="J5949" s="8">
        <v>-75.784725799999904</v>
      </c>
    </row>
    <row r="5950" spans="1:10" x14ac:dyDescent="0.35">
      <c r="A5950" s="5" t="s">
        <v>10</v>
      </c>
      <c r="B5950" s="6">
        <v>188665</v>
      </c>
      <c r="C5950" s="6" t="s">
        <v>28</v>
      </c>
      <c r="D5950" s="6" t="s">
        <v>29</v>
      </c>
      <c r="E5950" s="6">
        <v>54001</v>
      </c>
      <c r="F5950" s="6" t="s">
        <v>13</v>
      </c>
      <c r="G5950" s="6" t="s">
        <v>12017</v>
      </c>
      <c r="H5950" s="6" t="s">
        <v>12018</v>
      </c>
      <c r="I5950" s="7">
        <v>7.8857831000000003</v>
      </c>
      <c r="J5950" s="8">
        <v>-72.501360099999999</v>
      </c>
    </row>
    <row r="5951" spans="1:10" x14ac:dyDescent="0.35">
      <c r="A5951" s="5" t="s">
        <v>10</v>
      </c>
      <c r="B5951" s="6">
        <v>188772</v>
      </c>
      <c r="C5951" s="6" t="s">
        <v>28</v>
      </c>
      <c r="D5951" s="6" t="s">
        <v>29</v>
      </c>
      <c r="E5951" s="6">
        <v>54001</v>
      </c>
      <c r="F5951" s="6" t="s">
        <v>13</v>
      </c>
      <c r="G5951" s="6" t="s">
        <v>12019</v>
      </c>
      <c r="H5951" s="6" t="s">
        <v>12020</v>
      </c>
      <c r="I5951" s="7">
        <v>7.8881037000000003</v>
      </c>
      <c r="J5951" s="8">
        <v>-72.503844999999998</v>
      </c>
    </row>
    <row r="5952" spans="1:10" x14ac:dyDescent="0.35">
      <c r="A5952" s="5" t="s">
        <v>10</v>
      </c>
      <c r="B5952" s="6">
        <v>230342</v>
      </c>
      <c r="C5952" s="6" t="s">
        <v>11</v>
      </c>
      <c r="D5952" s="6" t="s">
        <v>101</v>
      </c>
      <c r="E5952" s="6">
        <v>25473</v>
      </c>
      <c r="F5952" s="6" t="s">
        <v>18</v>
      </c>
      <c r="G5952" s="6" t="s">
        <v>12021</v>
      </c>
      <c r="H5952" s="6" t="s">
        <v>12022</v>
      </c>
      <c r="I5952" s="7">
        <v>4.6918287999999997</v>
      </c>
      <c r="J5952" s="8">
        <v>-74.183855100000002</v>
      </c>
    </row>
    <row r="5953" spans="1:10" x14ac:dyDescent="0.35">
      <c r="A5953" s="5" t="s">
        <v>10</v>
      </c>
      <c r="B5953" s="6">
        <v>204212</v>
      </c>
      <c r="C5953" s="6" t="s">
        <v>457</v>
      </c>
      <c r="D5953" s="6" t="s">
        <v>4400</v>
      </c>
      <c r="E5953" s="6">
        <v>52001</v>
      </c>
      <c r="F5953" s="6" t="s">
        <v>18</v>
      </c>
      <c r="G5953" s="6" t="s">
        <v>12023</v>
      </c>
      <c r="H5953" s="6" t="s">
        <v>12024</v>
      </c>
      <c r="I5953" s="7">
        <v>1.21296</v>
      </c>
      <c r="J5953" s="8">
        <v>-77.278859999999995</v>
      </c>
    </row>
    <row r="5954" spans="1:10" x14ac:dyDescent="0.35">
      <c r="A5954" s="5" t="s">
        <v>10</v>
      </c>
      <c r="B5954" s="6">
        <v>241643</v>
      </c>
      <c r="C5954" s="6" t="s">
        <v>457</v>
      </c>
      <c r="D5954" s="6" t="s">
        <v>1086</v>
      </c>
      <c r="E5954" s="6">
        <v>52356</v>
      </c>
      <c r="F5954" s="6" t="s">
        <v>18</v>
      </c>
      <c r="G5954" s="6" t="s">
        <v>12025</v>
      </c>
      <c r="H5954" s="6" t="s">
        <v>12026</v>
      </c>
      <c r="I5954" s="7">
        <v>0.82874689999999995</v>
      </c>
      <c r="J5954" s="8">
        <v>-77.651668299999997</v>
      </c>
    </row>
    <row r="5955" spans="1:10" x14ac:dyDescent="0.35">
      <c r="A5955" s="5" t="s">
        <v>10</v>
      </c>
      <c r="B5955" s="6">
        <v>245699</v>
      </c>
      <c r="C5955" s="6" t="s">
        <v>190</v>
      </c>
      <c r="D5955" s="6" t="s">
        <v>12027</v>
      </c>
      <c r="E5955" s="6">
        <v>5585</v>
      </c>
      <c r="F5955" s="6" t="s">
        <v>18</v>
      </c>
      <c r="G5955" s="6" t="s">
        <v>12028</v>
      </c>
      <c r="H5955" s="6" t="s">
        <v>12029</v>
      </c>
      <c r="I5955" s="7">
        <v>6.186375</v>
      </c>
      <c r="J5955" s="8">
        <v>-74.583741500000002</v>
      </c>
    </row>
    <row r="5956" spans="1:10" x14ac:dyDescent="0.35">
      <c r="A5956" s="5" t="s">
        <v>10</v>
      </c>
      <c r="B5956" s="6">
        <v>212845</v>
      </c>
      <c r="C5956" s="6" t="s">
        <v>190</v>
      </c>
      <c r="D5956" s="6" t="s">
        <v>191</v>
      </c>
      <c r="E5956" s="6">
        <v>5001</v>
      </c>
      <c r="F5956" s="6" t="s">
        <v>18</v>
      </c>
      <c r="G5956" s="6" t="s">
        <v>12030</v>
      </c>
      <c r="H5956" s="6" t="s">
        <v>12031</v>
      </c>
      <c r="I5956" s="7">
        <v>6.2743453999999996</v>
      </c>
      <c r="J5956" s="8">
        <v>-75.548901700000002</v>
      </c>
    </row>
    <row r="5957" spans="1:10" x14ac:dyDescent="0.35">
      <c r="A5957" s="5" t="s">
        <v>10</v>
      </c>
      <c r="B5957" s="6">
        <v>209968</v>
      </c>
      <c r="C5957" s="6" t="s">
        <v>68</v>
      </c>
      <c r="D5957" s="6" t="s">
        <v>69</v>
      </c>
      <c r="E5957" s="6">
        <v>11001</v>
      </c>
      <c r="F5957" s="6" t="s">
        <v>18</v>
      </c>
      <c r="G5957" s="6" t="s">
        <v>12032</v>
      </c>
      <c r="H5957" s="6" t="s">
        <v>12033</v>
      </c>
      <c r="I5957" s="7">
        <v>4.5881905999999999</v>
      </c>
      <c r="J5957" s="8">
        <v>-74.083634099999998</v>
      </c>
    </row>
    <row r="5958" spans="1:10" x14ac:dyDescent="0.35">
      <c r="A5958" s="5" t="s">
        <v>10</v>
      </c>
      <c r="B5958" s="6">
        <v>240036</v>
      </c>
      <c r="C5958" s="6" t="s">
        <v>68</v>
      </c>
      <c r="D5958" s="6" t="s">
        <v>69</v>
      </c>
      <c r="E5958" s="6">
        <v>11001</v>
      </c>
      <c r="F5958" s="6" t="s">
        <v>18</v>
      </c>
      <c r="G5958" s="6" t="s">
        <v>12034</v>
      </c>
      <c r="H5958" s="6" t="s">
        <v>12035</v>
      </c>
      <c r="I5958" s="7">
        <v>4.5696684999999997</v>
      </c>
      <c r="J5958" s="8">
        <v>-74.111164400000007</v>
      </c>
    </row>
    <row r="5959" spans="1:10" x14ac:dyDescent="0.35">
      <c r="A5959" s="5" t="s">
        <v>10</v>
      </c>
      <c r="B5959" s="6">
        <v>245616</v>
      </c>
      <c r="C5959" s="6" t="s">
        <v>68</v>
      </c>
      <c r="D5959" s="6" t="s">
        <v>69</v>
      </c>
      <c r="E5959" s="6">
        <v>11001</v>
      </c>
      <c r="F5959" s="6" t="s">
        <v>18</v>
      </c>
      <c r="G5959" s="6" t="s">
        <v>12036</v>
      </c>
      <c r="H5959" s="6" t="s">
        <v>12037</v>
      </c>
      <c r="I5959" s="7">
        <v>4.7347536000000003</v>
      </c>
      <c r="J5959" s="8">
        <v>-74.096839900000006</v>
      </c>
    </row>
    <row r="5960" spans="1:10" x14ac:dyDescent="0.35">
      <c r="A5960" s="5" t="s">
        <v>10</v>
      </c>
      <c r="B5960" s="6">
        <v>200864</v>
      </c>
      <c r="C5960" s="6" t="s">
        <v>68</v>
      </c>
      <c r="D5960" s="6" t="s">
        <v>69</v>
      </c>
      <c r="E5960" s="6">
        <v>11001</v>
      </c>
      <c r="F5960" s="6" t="s">
        <v>18</v>
      </c>
      <c r="G5960" s="6" t="s">
        <v>12038</v>
      </c>
      <c r="H5960" s="6" t="s">
        <v>12039</v>
      </c>
      <c r="I5960" s="7">
        <v>4.6057451999999897</v>
      </c>
      <c r="J5960" s="8">
        <v>-74.114156499999893</v>
      </c>
    </row>
    <row r="5961" spans="1:10" x14ac:dyDescent="0.35">
      <c r="A5961" s="5" t="s">
        <v>10</v>
      </c>
      <c r="B5961" s="6">
        <v>203331</v>
      </c>
      <c r="C5961" s="6" t="s">
        <v>68</v>
      </c>
      <c r="D5961" s="6" t="s">
        <v>69</v>
      </c>
      <c r="E5961" s="6">
        <v>11001</v>
      </c>
      <c r="F5961" s="6" t="s">
        <v>18</v>
      </c>
      <c r="G5961" s="6" t="s">
        <v>12040</v>
      </c>
      <c r="H5961" s="6" t="s">
        <v>12041</v>
      </c>
      <c r="I5961" s="7">
        <v>4.5810447999999999</v>
      </c>
      <c r="J5961" s="8">
        <v>-74.199136899999999</v>
      </c>
    </row>
    <row r="5962" spans="1:10" x14ac:dyDescent="0.35">
      <c r="A5962" s="5" t="s">
        <v>10</v>
      </c>
      <c r="B5962" s="6">
        <v>212345</v>
      </c>
      <c r="C5962" s="6" t="s">
        <v>68</v>
      </c>
      <c r="D5962" s="6" t="s">
        <v>69</v>
      </c>
      <c r="E5962" s="6">
        <v>11001</v>
      </c>
      <c r="F5962" s="6" t="s">
        <v>18</v>
      </c>
      <c r="G5962" s="6" t="s">
        <v>12042</v>
      </c>
      <c r="H5962" s="6" t="s">
        <v>12043</v>
      </c>
      <c r="I5962" s="7">
        <v>4.6349163999999998</v>
      </c>
      <c r="J5962" s="8">
        <v>-74.183431200000001</v>
      </c>
    </row>
    <row r="5963" spans="1:10" x14ac:dyDescent="0.35">
      <c r="A5963" s="5" t="s">
        <v>10</v>
      </c>
      <c r="B5963" s="6">
        <v>225589</v>
      </c>
      <c r="C5963" s="6" t="s">
        <v>68</v>
      </c>
      <c r="D5963" s="6" t="s">
        <v>69</v>
      </c>
      <c r="E5963" s="6">
        <v>11001</v>
      </c>
      <c r="F5963" s="6" t="s">
        <v>18</v>
      </c>
      <c r="G5963" s="6" t="s">
        <v>12044</v>
      </c>
      <c r="H5963" s="6" t="s">
        <v>12045</v>
      </c>
      <c r="I5963" s="7">
        <v>4.6613230999999997</v>
      </c>
      <c r="J5963" s="8">
        <v>-74.053509699999907</v>
      </c>
    </row>
    <row r="5964" spans="1:10" x14ac:dyDescent="0.35">
      <c r="A5964" s="5" t="s">
        <v>10</v>
      </c>
      <c r="B5964" s="6">
        <v>234812</v>
      </c>
      <c r="C5964" s="6" t="s">
        <v>68</v>
      </c>
      <c r="D5964" s="6" t="s">
        <v>69</v>
      </c>
      <c r="E5964" s="6">
        <v>11001</v>
      </c>
      <c r="F5964" s="6" t="s">
        <v>18</v>
      </c>
      <c r="G5964" s="6" t="s">
        <v>12046</v>
      </c>
      <c r="H5964" s="6" t="s">
        <v>12047</v>
      </c>
      <c r="I5964" s="7">
        <v>4.6289502999999996</v>
      </c>
      <c r="J5964" s="8">
        <v>-74.115328199999993</v>
      </c>
    </row>
    <row r="5965" spans="1:10" x14ac:dyDescent="0.35">
      <c r="A5965" s="5" t="s">
        <v>10</v>
      </c>
      <c r="B5965" s="6">
        <v>242271</v>
      </c>
      <c r="C5965" s="6" t="s">
        <v>68</v>
      </c>
      <c r="D5965" s="6" t="s">
        <v>69</v>
      </c>
      <c r="E5965" s="6">
        <v>11001</v>
      </c>
      <c r="F5965" s="6" t="s">
        <v>18</v>
      </c>
      <c r="G5965" s="6" t="s">
        <v>12048</v>
      </c>
      <c r="H5965" s="6" t="s">
        <v>12049</v>
      </c>
      <c r="I5965" s="7">
        <v>4.5731827000000003</v>
      </c>
      <c r="J5965" s="8">
        <v>-74.099168700000007</v>
      </c>
    </row>
    <row r="5966" spans="1:10" x14ac:dyDescent="0.35">
      <c r="A5966" s="5" t="s">
        <v>10</v>
      </c>
      <c r="B5966" s="6">
        <v>230000</v>
      </c>
      <c r="C5966" s="6" t="s">
        <v>68</v>
      </c>
      <c r="D5966" s="6" t="s">
        <v>69</v>
      </c>
      <c r="E5966" s="6">
        <v>11001</v>
      </c>
      <c r="F5966" s="6" t="s">
        <v>18</v>
      </c>
      <c r="G5966" s="6" t="s">
        <v>12050</v>
      </c>
      <c r="H5966" s="6" t="s">
        <v>12051</v>
      </c>
      <c r="I5966" s="7">
        <v>4.6904997000000002</v>
      </c>
      <c r="J5966" s="8">
        <v>-74.100468100000001</v>
      </c>
    </row>
    <row r="5967" spans="1:10" x14ac:dyDescent="0.35">
      <c r="A5967" s="5" t="s">
        <v>10</v>
      </c>
      <c r="B5967" s="6">
        <v>231585</v>
      </c>
      <c r="C5967" s="6" t="s">
        <v>68</v>
      </c>
      <c r="D5967" s="6" t="s">
        <v>69</v>
      </c>
      <c r="E5967" s="6">
        <v>11001</v>
      </c>
      <c r="F5967" s="6" t="s">
        <v>18</v>
      </c>
      <c r="G5967" s="6" t="s">
        <v>12052</v>
      </c>
      <c r="H5967" s="6" t="s">
        <v>12053</v>
      </c>
      <c r="I5967" s="7">
        <v>4.7491402000000003</v>
      </c>
      <c r="J5967" s="8">
        <v>-74.111138699999998</v>
      </c>
    </row>
    <row r="5968" spans="1:10" x14ac:dyDescent="0.35">
      <c r="A5968" s="5" t="s">
        <v>10</v>
      </c>
      <c r="B5968" s="6">
        <v>235274</v>
      </c>
      <c r="C5968" s="6" t="s">
        <v>68</v>
      </c>
      <c r="D5968" s="6" t="s">
        <v>69</v>
      </c>
      <c r="E5968" s="6">
        <v>11001</v>
      </c>
      <c r="F5968" s="6" t="s">
        <v>18</v>
      </c>
      <c r="G5968" s="6" t="s">
        <v>12054</v>
      </c>
      <c r="H5968" s="6" t="s">
        <v>12055</v>
      </c>
      <c r="I5968" s="7">
        <v>4.6366814999999999</v>
      </c>
      <c r="J5968" s="8">
        <v>-74.200051799999997</v>
      </c>
    </row>
    <row r="5969" spans="1:10" x14ac:dyDescent="0.35">
      <c r="A5969" s="5" t="s">
        <v>10</v>
      </c>
      <c r="B5969" s="6">
        <v>233479</v>
      </c>
      <c r="C5969" s="6" t="s">
        <v>190</v>
      </c>
      <c r="D5969" s="6" t="s">
        <v>11740</v>
      </c>
      <c r="E5969" s="6">
        <v>5376</v>
      </c>
      <c r="F5969" s="6" t="s">
        <v>18</v>
      </c>
      <c r="G5969" s="6" t="s">
        <v>12056</v>
      </c>
      <c r="H5969" s="6" t="s">
        <v>12057</v>
      </c>
      <c r="I5969" s="7">
        <v>6.0247700000000002</v>
      </c>
      <c r="J5969" s="8">
        <v>-75.432829999999996</v>
      </c>
    </row>
    <row r="5970" spans="1:10" x14ac:dyDescent="0.35">
      <c r="A5970" s="5" t="s">
        <v>10</v>
      </c>
      <c r="B5970" s="6">
        <v>227715</v>
      </c>
      <c r="C5970" s="6" t="s">
        <v>308</v>
      </c>
      <c r="D5970" s="6" t="s">
        <v>309</v>
      </c>
      <c r="E5970" s="6">
        <v>23001</v>
      </c>
      <c r="F5970" s="6" t="s">
        <v>13</v>
      </c>
      <c r="G5970" s="6" t="s">
        <v>12058</v>
      </c>
      <c r="H5970" s="6" t="s">
        <v>12059</v>
      </c>
      <c r="I5970" s="7">
        <v>8.7560731999999994</v>
      </c>
      <c r="J5970" s="8">
        <v>-75.877963699999995</v>
      </c>
    </row>
    <row r="5971" spans="1:10" x14ac:dyDescent="0.35">
      <c r="A5971" s="5" t="s">
        <v>10</v>
      </c>
      <c r="B5971" s="6">
        <v>230090</v>
      </c>
      <c r="C5971" s="6" t="s">
        <v>117</v>
      </c>
      <c r="D5971" s="6" t="s">
        <v>1334</v>
      </c>
      <c r="E5971" s="6">
        <v>76001</v>
      </c>
      <c r="F5971" s="6" t="s">
        <v>18</v>
      </c>
      <c r="G5971" s="6" t="s">
        <v>12060</v>
      </c>
      <c r="H5971" s="6" t="s">
        <v>12061</v>
      </c>
      <c r="I5971" s="7">
        <v>3.4187463999999999</v>
      </c>
      <c r="J5971" s="8">
        <v>-76.483409600000002</v>
      </c>
    </row>
    <row r="5972" spans="1:10" x14ac:dyDescent="0.35">
      <c r="A5972" s="5" t="s">
        <v>10</v>
      </c>
      <c r="B5972" s="6">
        <v>238831</v>
      </c>
      <c r="C5972" s="6" t="s">
        <v>117</v>
      </c>
      <c r="D5972" s="6" t="s">
        <v>3034</v>
      </c>
      <c r="E5972" s="6">
        <v>76100</v>
      </c>
      <c r="F5972" s="6" t="s">
        <v>18</v>
      </c>
      <c r="G5972" s="6" t="s">
        <v>12062</v>
      </c>
      <c r="H5972" s="6" t="s">
        <v>12063</v>
      </c>
      <c r="I5972" s="7">
        <v>4.3375319000000001</v>
      </c>
      <c r="J5972" s="8">
        <v>-76.184291799999997</v>
      </c>
    </row>
    <row r="5973" spans="1:10" x14ac:dyDescent="0.35">
      <c r="A5973" s="5" t="s">
        <v>10</v>
      </c>
      <c r="B5973" s="6">
        <v>241221</v>
      </c>
      <c r="C5973" s="6" t="s">
        <v>117</v>
      </c>
      <c r="D5973" s="6" t="s">
        <v>7405</v>
      </c>
      <c r="E5973" s="6">
        <v>76890</v>
      </c>
      <c r="F5973" s="6" t="s">
        <v>18</v>
      </c>
      <c r="G5973" s="6" t="s">
        <v>12064</v>
      </c>
      <c r="H5973" s="6" t="s">
        <v>12065</v>
      </c>
      <c r="I5973" s="7">
        <v>3.8985080999999999</v>
      </c>
      <c r="J5973" s="8">
        <v>-76.403474799999998</v>
      </c>
    </row>
    <row r="5974" spans="1:10" x14ac:dyDescent="0.35">
      <c r="A5974" s="5" t="s">
        <v>10</v>
      </c>
      <c r="B5974" s="6">
        <v>236866</v>
      </c>
      <c r="C5974" s="6" t="s">
        <v>190</v>
      </c>
      <c r="D5974" s="6" t="s">
        <v>191</v>
      </c>
      <c r="E5974" s="6">
        <v>5001</v>
      </c>
      <c r="F5974" s="6" t="s">
        <v>18</v>
      </c>
      <c r="G5974" s="6" t="s">
        <v>12066</v>
      </c>
      <c r="H5974" s="6" t="s">
        <v>12067</v>
      </c>
      <c r="I5974" s="7">
        <v>6.2879079000000004</v>
      </c>
      <c r="J5974" s="8">
        <v>-75.539960500000007</v>
      </c>
    </row>
    <row r="5975" spans="1:10" x14ac:dyDescent="0.35">
      <c r="A5975" s="5" t="s">
        <v>10</v>
      </c>
      <c r="B5975" s="6">
        <v>116320</v>
      </c>
      <c r="C5975" s="6" t="s">
        <v>68</v>
      </c>
      <c r="D5975" s="6" t="s">
        <v>69</v>
      </c>
      <c r="E5975" s="6">
        <v>11001</v>
      </c>
      <c r="F5975" s="6" t="s">
        <v>18</v>
      </c>
      <c r="G5975" s="6" t="s">
        <v>12068</v>
      </c>
      <c r="H5975" s="6" t="s">
        <v>12069</v>
      </c>
      <c r="I5975" s="7">
        <v>4.7157187999999897</v>
      </c>
      <c r="J5975" s="8">
        <v>-74.125647799999996</v>
      </c>
    </row>
    <row r="5976" spans="1:10" x14ac:dyDescent="0.35">
      <c r="A5976" s="5" t="s">
        <v>10</v>
      </c>
      <c r="B5976" s="6">
        <v>238855</v>
      </c>
      <c r="C5976" s="6" t="s">
        <v>68</v>
      </c>
      <c r="D5976" s="6" t="s">
        <v>69</v>
      </c>
      <c r="E5976" s="6">
        <v>11001</v>
      </c>
      <c r="F5976" s="6" t="s">
        <v>18</v>
      </c>
      <c r="G5976" s="6" t="s">
        <v>12070</v>
      </c>
      <c r="H5976" s="6" t="s">
        <v>12071</v>
      </c>
      <c r="I5976" s="7">
        <v>4.5568068000000004</v>
      </c>
      <c r="J5976" s="8">
        <v>-74.107349900000003</v>
      </c>
    </row>
    <row r="5977" spans="1:10" x14ac:dyDescent="0.35">
      <c r="A5977" s="5" t="s">
        <v>10</v>
      </c>
      <c r="B5977" s="6">
        <v>210889</v>
      </c>
      <c r="C5977" s="6" t="s">
        <v>68</v>
      </c>
      <c r="D5977" s="6" t="s">
        <v>69</v>
      </c>
      <c r="E5977" s="6">
        <v>11001</v>
      </c>
      <c r="F5977" s="6" t="s">
        <v>18</v>
      </c>
      <c r="G5977" s="6" t="s">
        <v>12072</v>
      </c>
      <c r="H5977" s="6" t="s">
        <v>12073</v>
      </c>
      <c r="I5977" s="7">
        <v>4.6036897999999997</v>
      </c>
      <c r="J5977" s="8">
        <v>-74.0796943</v>
      </c>
    </row>
    <row r="5978" spans="1:10" x14ac:dyDescent="0.35">
      <c r="A5978" s="5" t="s">
        <v>10</v>
      </c>
      <c r="B5978" s="6">
        <v>220063</v>
      </c>
      <c r="C5978" s="6" t="s">
        <v>68</v>
      </c>
      <c r="D5978" s="6" t="s">
        <v>69</v>
      </c>
      <c r="E5978" s="6">
        <v>11001</v>
      </c>
      <c r="F5978" s="6" t="s">
        <v>18</v>
      </c>
      <c r="G5978" s="6" t="s">
        <v>12074</v>
      </c>
      <c r="H5978" s="6" t="s">
        <v>12075</v>
      </c>
      <c r="I5978" s="7">
        <v>4.6836871000000002</v>
      </c>
      <c r="J5978" s="8">
        <v>-74.0896975</v>
      </c>
    </row>
    <row r="5979" spans="1:10" x14ac:dyDescent="0.35">
      <c r="A5979" s="5" t="s">
        <v>10</v>
      </c>
      <c r="B5979" s="6">
        <v>227384</v>
      </c>
      <c r="C5979" s="6" t="s">
        <v>68</v>
      </c>
      <c r="D5979" s="6" t="s">
        <v>69</v>
      </c>
      <c r="E5979" s="6">
        <v>11001</v>
      </c>
      <c r="F5979" s="6" t="s">
        <v>18</v>
      </c>
      <c r="G5979" s="6" t="s">
        <v>12076</v>
      </c>
      <c r="H5979" s="6" t="s">
        <v>12077</v>
      </c>
      <c r="I5979" s="7">
        <v>4.7056671999999997</v>
      </c>
      <c r="J5979" s="8">
        <v>-74.122013499999994</v>
      </c>
    </row>
    <row r="5980" spans="1:10" x14ac:dyDescent="0.35">
      <c r="A5980" s="5" t="s">
        <v>10</v>
      </c>
      <c r="B5980" s="6">
        <v>226982</v>
      </c>
      <c r="C5980" s="6" t="s">
        <v>68</v>
      </c>
      <c r="D5980" s="6" t="s">
        <v>69</v>
      </c>
      <c r="E5980" s="6">
        <v>11001</v>
      </c>
      <c r="F5980" s="6" t="s">
        <v>18</v>
      </c>
      <c r="G5980" s="6" t="s">
        <v>1940</v>
      </c>
      <c r="H5980" s="6" t="s">
        <v>12078</v>
      </c>
      <c r="I5980" s="7">
        <v>4.6942408000000002</v>
      </c>
      <c r="J5980" s="8">
        <v>-74.067876999999996</v>
      </c>
    </row>
    <row r="5981" spans="1:10" x14ac:dyDescent="0.35">
      <c r="A5981" s="5" t="s">
        <v>10</v>
      </c>
      <c r="B5981" s="6">
        <v>237290</v>
      </c>
      <c r="C5981" s="6" t="s">
        <v>68</v>
      </c>
      <c r="D5981" s="6" t="s">
        <v>69</v>
      </c>
      <c r="E5981" s="6">
        <v>11001</v>
      </c>
      <c r="F5981" s="6" t="s">
        <v>18</v>
      </c>
      <c r="G5981" s="6" t="s">
        <v>12079</v>
      </c>
      <c r="H5981" s="6" t="s">
        <v>12080</v>
      </c>
      <c r="I5981" s="7">
        <v>4.6418419000000002</v>
      </c>
      <c r="J5981" s="8">
        <v>-74.184438</v>
      </c>
    </row>
    <row r="5982" spans="1:10" x14ac:dyDescent="0.35">
      <c r="A5982" s="5" t="s">
        <v>10</v>
      </c>
      <c r="B5982" s="6">
        <v>219254</v>
      </c>
      <c r="C5982" s="6" t="s">
        <v>308</v>
      </c>
      <c r="D5982" s="6" t="s">
        <v>309</v>
      </c>
      <c r="E5982" s="6">
        <v>23001</v>
      </c>
      <c r="F5982" s="6" t="s">
        <v>13</v>
      </c>
      <c r="G5982" s="6" t="s">
        <v>12081</v>
      </c>
      <c r="H5982" s="6" t="s">
        <v>12082</v>
      </c>
      <c r="I5982" s="7">
        <v>8.7950306000000005</v>
      </c>
      <c r="J5982" s="8">
        <v>-75.701161400000004</v>
      </c>
    </row>
    <row r="5983" spans="1:10" x14ac:dyDescent="0.35">
      <c r="A5983" s="5" t="s">
        <v>10</v>
      </c>
      <c r="B5983" s="6">
        <v>224096</v>
      </c>
      <c r="C5983" s="6" t="s">
        <v>308</v>
      </c>
      <c r="D5983" s="6" t="s">
        <v>7715</v>
      </c>
      <c r="E5983" s="6">
        <v>23189</v>
      </c>
      <c r="F5983" s="6" t="s">
        <v>13</v>
      </c>
      <c r="G5983" s="6" t="s">
        <v>12083</v>
      </c>
      <c r="H5983" s="6" t="s">
        <v>12084</v>
      </c>
      <c r="I5983" s="7">
        <v>8.8753060999999995</v>
      </c>
      <c r="J5983" s="8">
        <v>-75.622365799999997</v>
      </c>
    </row>
    <row r="5984" spans="1:10" x14ac:dyDescent="0.35">
      <c r="A5984" s="5" t="s">
        <v>10</v>
      </c>
      <c r="B5984" s="6">
        <v>144128</v>
      </c>
      <c r="C5984" s="6" t="s">
        <v>11</v>
      </c>
      <c r="D5984" s="6" t="s">
        <v>221</v>
      </c>
      <c r="E5984" s="6">
        <v>25430</v>
      </c>
      <c r="F5984" s="6" t="s">
        <v>18</v>
      </c>
      <c r="G5984" s="6" t="s">
        <v>12085</v>
      </c>
      <c r="H5984" s="6" t="s">
        <v>12086</v>
      </c>
      <c r="I5984" s="7">
        <v>4.7336783999999996</v>
      </c>
      <c r="J5984" s="8">
        <v>-74.263957199999993</v>
      </c>
    </row>
    <row r="5985" spans="1:10" x14ac:dyDescent="0.35">
      <c r="A5985" s="5" t="s">
        <v>10</v>
      </c>
      <c r="B5985" s="6">
        <v>241589</v>
      </c>
      <c r="C5985" s="6" t="s">
        <v>457</v>
      </c>
      <c r="D5985" s="6" t="s">
        <v>12087</v>
      </c>
      <c r="E5985" s="6">
        <v>52381</v>
      </c>
      <c r="F5985" s="6" t="s">
        <v>18</v>
      </c>
      <c r="G5985" s="6" t="s">
        <v>12088</v>
      </c>
      <c r="H5985" s="6" t="s">
        <v>12089</v>
      </c>
      <c r="I5985" s="7">
        <v>1.298637</v>
      </c>
      <c r="J5985" s="8">
        <v>-77.404419000000004</v>
      </c>
    </row>
    <row r="5986" spans="1:10" x14ac:dyDescent="0.35">
      <c r="A5986" s="5" t="s">
        <v>10</v>
      </c>
      <c r="B5986" s="6">
        <v>241033</v>
      </c>
      <c r="C5986" s="6" t="s">
        <v>117</v>
      </c>
      <c r="D5986" s="6" t="s">
        <v>1334</v>
      </c>
      <c r="E5986" s="6">
        <v>76001</v>
      </c>
      <c r="F5986" s="6" t="s">
        <v>18</v>
      </c>
      <c r="G5986" s="6" t="s">
        <v>12090</v>
      </c>
      <c r="H5986" s="6" t="s">
        <v>12091</v>
      </c>
      <c r="I5986" s="7">
        <v>3.4671509</v>
      </c>
      <c r="J5986" s="8">
        <v>-76.497377700000001</v>
      </c>
    </row>
    <row r="5987" spans="1:10" x14ac:dyDescent="0.35">
      <c r="A5987" s="5" t="s">
        <v>10</v>
      </c>
      <c r="B5987" s="6">
        <v>239261</v>
      </c>
      <c r="C5987" s="6" t="s">
        <v>190</v>
      </c>
      <c r="D5987" s="6" t="s">
        <v>12092</v>
      </c>
      <c r="E5987" s="6">
        <v>5425</v>
      </c>
      <c r="F5987" s="6" t="s">
        <v>18</v>
      </c>
      <c r="G5987" s="6" t="s">
        <v>12093</v>
      </c>
      <c r="H5987" s="6" t="s">
        <v>12094</v>
      </c>
      <c r="I5987" s="7">
        <v>6.5521510999999997</v>
      </c>
      <c r="J5987" s="8">
        <v>-74.787798899999999</v>
      </c>
    </row>
    <row r="5988" spans="1:10" x14ac:dyDescent="0.35">
      <c r="A5988" s="5" t="s">
        <v>10</v>
      </c>
      <c r="B5988" s="6">
        <v>184013</v>
      </c>
      <c r="C5988" s="6" t="s">
        <v>190</v>
      </c>
      <c r="D5988" s="6" t="s">
        <v>191</v>
      </c>
      <c r="E5988" s="6">
        <v>5001</v>
      </c>
      <c r="F5988" s="6" t="s">
        <v>18</v>
      </c>
      <c r="G5988" s="6" t="s">
        <v>12095</v>
      </c>
      <c r="H5988" s="6" t="s">
        <v>12096</v>
      </c>
      <c r="I5988" s="7">
        <v>6.2506303999999897</v>
      </c>
      <c r="J5988" s="8">
        <v>-75.623936099999995</v>
      </c>
    </row>
    <row r="5989" spans="1:10" x14ac:dyDescent="0.35">
      <c r="A5989" s="5" t="s">
        <v>10</v>
      </c>
      <c r="B5989" s="6">
        <v>200894</v>
      </c>
      <c r="C5989" s="6" t="s">
        <v>68</v>
      </c>
      <c r="D5989" s="6" t="s">
        <v>69</v>
      </c>
      <c r="E5989" s="6">
        <v>11001</v>
      </c>
      <c r="F5989" s="6" t="s">
        <v>18</v>
      </c>
      <c r="G5989" s="6" t="s">
        <v>12097</v>
      </c>
      <c r="H5989" s="6" t="s">
        <v>12098</v>
      </c>
      <c r="I5989" s="7">
        <v>4.7516986999999897</v>
      </c>
      <c r="J5989" s="8">
        <v>-74.113568099999995</v>
      </c>
    </row>
    <row r="5990" spans="1:10" x14ac:dyDescent="0.35">
      <c r="A5990" s="5" t="s">
        <v>10</v>
      </c>
      <c r="B5990" s="6">
        <v>242132</v>
      </c>
      <c r="C5990" s="6" t="s">
        <v>68</v>
      </c>
      <c r="D5990" s="6" t="s">
        <v>69</v>
      </c>
      <c r="E5990" s="6">
        <v>11001</v>
      </c>
      <c r="F5990" s="6" t="s">
        <v>18</v>
      </c>
      <c r="G5990" s="6" t="s">
        <v>12099</v>
      </c>
      <c r="H5990" s="6" t="s">
        <v>12100</v>
      </c>
      <c r="I5990" s="7">
        <v>4.6719983000000003</v>
      </c>
      <c r="J5990" s="8">
        <v>-74.094745799999998</v>
      </c>
    </row>
    <row r="5991" spans="1:10" x14ac:dyDescent="0.35">
      <c r="A5991" s="5" t="s">
        <v>10</v>
      </c>
      <c r="B5991" s="6">
        <v>228841</v>
      </c>
      <c r="C5991" s="6" t="s">
        <v>68</v>
      </c>
      <c r="D5991" s="6" t="s">
        <v>69</v>
      </c>
      <c r="E5991" s="6">
        <v>11001</v>
      </c>
      <c r="F5991" s="6" t="s">
        <v>18</v>
      </c>
      <c r="G5991" s="6" t="s">
        <v>12101</v>
      </c>
      <c r="H5991" s="6" t="s">
        <v>12102</v>
      </c>
      <c r="I5991" s="7">
        <v>4.7037414000000002</v>
      </c>
      <c r="J5991" s="8">
        <v>-74.130922100000006</v>
      </c>
    </row>
    <row r="5992" spans="1:10" x14ac:dyDescent="0.35">
      <c r="A5992" s="5" t="s">
        <v>10</v>
      </c>
      <c r="B5992" s="6">
        <v>236159</v>
      </c>
      <c r="C5992" s="6" t="s">
        <v>68</v>
      </c>
      <c r="D5992" s="6" t="s">
        <v>69</v>
      </c>
      <c r="E5992" s="6">
        <v>11001</v>
      </c>
      <c r="F5992" s="6" t="s">
        <v>18</v>
      </c>
      <c r="G5992" s="6" t="s">
        <v>12103</v>
      </c>
      <c r="H5992" s="6" t="s">
        <v>12104</v>
      </c>
      <c r="I5992" s="7">
        <v>4.7605544999999996</v>
      </c>
      <c r="J5992" s="8">
        <v>-74.023669600000005</v>
      </c>
    </row>
    <row r="5993" spans="1:10" x14ac:dyDescent="0.35">
      <c r="A5993" s="5" t="s">
        <v>10</v>
      </c>
      <c r="B5993" s="6">
        <v>218480</v>
      </c>
      <c r="C5993" s="6" t="s">
        <v>68</v>
      </c>
      <c r="D5993" s="6" t="s">
        <v>69</v>
      </c>
      <c r="E5993" s="6">
        <v>11001</v>
      </c>
      <c r="F5993" s="6" t="s">
        <v>18</v>
      </c>
      <c r="G5993" s="6" t="s">
        <v>12105</v>
      </c>
      <c r="H5993" s="6" t="s">
        <v>12106</v>
      </c>
      <c r="I5993" s="7">
        <v>4.5696177999999996</v>
      </c>
      <c r="J5993" s="8">
        <v>-74.150201799999905</v>
      </c>
    </row>
    <row r="5994" spans="1:10" x14ac:dyDescent="0.35">
      <c r="A5994" s="5" t="s">
        <v>10</v>
      </c>
      <c r="B5994" s="6">
        <v>230196</v>
      </c>
      <c r="C5994" s="6" t="s">
        <v>68</v>
      </c>
      <c r="D5994" s="6" t="s">
        <v>69</v>
      </c>
      <c r="E5994" s="6">
        <v>11001</v>
      </c>
      <c r="F5994" s="6" t="s">
        <v>18</v>
      </c>
      <c r="G5994" s="6" t="s">
        <v>12107</v>
      </c>
      <c r="H5994" s="6" t="s">
        <v>12108</v>
      </c>
      <c r="I5994" s="7">
        <v>4.5863990000000001</v>
      </c>
      <c r="J5994" s="8">
        <v>-74.119731000000002</v>
      </c>
    </row>
    <row r="5995" spans="1:10" x14ac:dyDescent="0.35">
      <c r="A5995" s="5" t="s">
        <v>10</v>
      </c>
      <c r="B5995" s="6">
        <v>198937</v>
      </c>
      <c r="C5995" s="6" t="s">
        <v>68</v>
      </c>
      <c r="D5995" s="6" t="s">
        <v>69</v>
      </c>
      <c r="E5995" s="6">
        <v>11001</v>
      </c>
      <c r="F5995" s="6" t="s">
        <v>18</v>
      </c>
      <c r="G5995" s="6" t="s">
        <v>12109</v>
      </c>
      <c r="H5995" s="6" t="s">
        <v>12110</v>
      </c>
      <c r="I5995" s="7">
        <v>4.6176439</v>
      </c>
      <c r="J5995" s="8">
        <v>-74.200624300000001</v>
      </c>
    </row>
    <row r="5996" spans="1:10" x14ac:dyDescent="0.35">
      <c r="A5996" s="5" t="s">
        <v>10</v>
      </c>
      <c r="B5996" s="6">
        <v>218980</v>
      </c>
      <c r="C5996" s="6" t="s">
        <v>68</v>
      </c>
      <c r="D5996" s="6" t="s">
        <v>69</v>
      </c>
      <c r="E5996" s="6">
        <v>11001</v>
      </c>
      <c r="F5996" s="6" t="s">
        <v>18</v>
      </c>
      <c r="G5996" s="6" t="s">
        <v>12111</v>
      </c>
      <c r="H5996" s="6" t="s">
        <v>12112</v>
      </c>
      <c r="I5996" s="7">
        <v>4.6248233000000001</v>
      </c>
      <c r="J5996" s="8">
        <v>-74.145573799999994</v>
      </c>
    </row>
    <row r="5997" spans="1:10" x14ac:dyDescent="0.35">
      <c r="A5997" s="5" t="s">
        <v>10</v>
      </c>
      <c r="B5997" s="6">
        <v>236728</v>
      </c>
      <c r="C5997" s="6" t="s">
        <v>68</v>
      </c>
      <c r="D5997" s="6" t="s">
        <v>69</v>
      </c>
      <c r="E5997" s="6">
        <v>11001</v>
      </c>
      <c r="F5997" s="6" t="s">
        <v>18</v>
      </c>
      <c r="G5997" s="6" t="s">
        <v>12113</v>
      </c>
      <c r="H5997" s="6" t="s">
        <v>12114</v>
      </c>
      <c r="I5997" s="7">
        <v>4.5810601999999996</v>
      </c>
      <c r="J5997" s="8">
        <v>-74.072285300000004</v>
      </c>
    </row>
    <row r="5998" spans="1:10" x14ac:dyDescent="0.35">
      <c r="A5998" s="5" t="s">
        <v>10</v>
      </c>
      <c r="B5998" s="6">
        <v>245547</v>
      </c>
      <c r="C5998" s="6" t="s">
        <v>11</v>
      </c>
      <c r="D5998" s="6" t="s">
        <v>334</v>
      </c>
      <c r="E5998" s="6">
        <v>25754</v>
      </c>
      <c r="F5998" s="6" t="s">
        <v>18</v>
      </c>
      <c r="G5998" s="6" t="s">
        <v>12115</v>
      </c>
      <c r="H5998" s="6" t="s">
        <v>12116</v>
      </c>
      <c r="I5998" s="7">
        <v>4.6084522999999997</v>
      </c>
      <c r="J5998" s="8">
        <v>-74.214187100000004</v>
      </c>
    </row>
    <row r="5999" spans="1:10" x14ac:dyDescent="0.35">
      <c r="A5999" s="5" t="s">
        <v>10</v>
      </c>
      <c r="B5999" s="6">
        <v>219974</v>
      </c>
      <c r="C5999" s="6" t="s">
        <v>2130</v>
      </c>
      <c r="D5999" s="6" t="s">
        <v>2131</v>
      </c>
      <c r="E5999" s="6">
        <v>85001</v>
      </c>
      <c r="F5999" s="6" t="s">
        <v>13</v>
      </c>
      <c r="G5999" s="6" t="s">
        <v>12117</v>
      </c>
      <c r="H5999" s="6" t="s">
        <v>12118</v>
      </c>
      <c r="I5999" s="7">
        <v>5.3268583999999999</v>
      </c>
      <c r="J5999" s="8">
        <v>-72.403866699999995</v>
      </c>
    </row>
    <row r="6000" spans="1:10" x14ac:dyDescent="0.35">
      <c r="A6000" s="5" t="s">
        <v>10</v>
      </c>
      <c r="B6000" s="6">
        <v>236420</v>
      </c>
      <c r="C6000" s="6" t="s">
        <v>117</v>
      </c>
      <c r="D6000" s="6" t="s">
        <v>1334</v>
      </c>
      <c r="E6000" s="6">
        <v>76001</v>
      </c>
      <c r="F6000" s="6" t="s">
        <v>18</v>
      </c>
      <c r="G6000" s="6" t="s">
        <v>12119</v>
      </c>
      <c r="H6000" s="6" t="s">
        <v>12120</v>
      </c>
      <c r="I6000" s="7">
        <v>3.4531974000000001</v>
      </c>
      <c r="J6000" s="8">
        <v>-76.559375799999998</v>
      </c>
    </row>
    <row r="6001" spans="1:10" x14ac:dyDescent="0.35">
      <c r="A6001" s="5" t="s">
        <v>10</v>
      </c>
      <c r="B6001" s="6">
        <v>241121</v>
      </c>
      <c r="C6001" s="6" t="s">
        <v>117</v>
      </c>
      <c r="D6001" s="6" t="s">
        <v>1334</v>
      </c>
      <c r="E6001" s="6">
        <v>76001</v>
      </c>
      <c r="F6001" s="6" t="s">
        <v>18</v>
      </c>
      <c r="G6001" s="6" t="s">
        <v>12121</v>
      </c>
      <c r="H6001" s="6" t="s">
        <v>12122</v>
      </c>
      <c r="I6001" s="7">
        <v>3.4175637000000001</v>
      </c>
      <c r="J6001" s="8">
        <v>-76.478374700000003</v>
      </c>
    </row>
    <row r="6002" spans="1:10" x14ac:dyDescent="0.35">
      <c r="A6002" s="5" t="s">
        <v>10</v>
      </c>
      <c r="B6002" s="6">
        <v>215248</v>
      </c>
      <c r="C6002" s="6" t="s">
        <v>117</v>
      </c>
      <c r="D6002" s="6" t="s">
        <v>1334</v>
      </c>
      <c r="E6002" s="6">
        <v>76001</v>
      </c>
      <c r="F6002" s="6" t="s">
        <v>18</v>
      </c>
      <c r="G6002" s="6" t="s">
        <v>12123</v>
      </c>
      <c r="H6002" s="6" t="s">
        <v>12124</v>
      </c>
      <c r="I6002" s="7">
        <v>3.4080696000000001</v>
      </c>
      <c r="J6002" s="8">
        <v>-76.501405399999996</v>
      </c>
    </row>
    <row r="6003" spans="1:10" x14ac:dyDescent="0.35">
      <c r="A6003" s="5" t="s">
        <v>10</v>
      </c>
      <c r="B6003" s="6">
        <v>230135</v>
      </c>
      <c r="C6003" s="6" t="s">
        <v>457</v>
      </c>
      <c r="D6003" s="6" t="s">
        <v>10849</v>
      </c>
      <c r="E6003" s="6">
        <v>52693</v>
      </c>
      <c r="F6003" s="6" t="s">
        <v>18</v>
      </c>
      <c r="G6003" s="6" t="s">
        <v>12125</v>
      </c>
      <c r="H6003" s="6" t="s">
        <v>12126</v>
      </c>
      <c r="I6003" s="7">
        <v>1.6690825</v>
      </c>
      <c r="J6003" s="8">
        <v>-77.011999599999996</v>
      </c>
    </row>
    <row r="6004" spans="1:10" x14ac:dyDescent="0.35">
      <c r="A6004" s="5" t="s">
        <v>10</v>
      </c>
      <c r="B6004" s="6">
        <v>236702</v>
      </c>
      <c r="C6004" s="6" t="s">
        <v>117</v>
      </c>
      <c r="D6004" s="6" t="s">
        <v>2738</v>
      </c>
      <c r="E6004" s="6">
        <v>76622</v>
      </c>
      <c r="F6004" s="6" t="s">
        <v>18</v>
      </c>
      <c r="G6004" s="6" t="s">
        <v>12127</v>
      </c>
      <c r="H6004" s="6" t="s">
        <v>12128</v>
      </c>
      <c r="I6004" s="7">
        <v>3.4476835000000001</v>
      </c>
      <c r="J6004" s="8">
        <v>-76.535219900000001</v>
      </c>
    </row>
    <row r="6005" spans="1:10" x14ac:dyDescent="0.35">
      <c r="A6005" s="5" t="s">
        <v>10</v>
      </c>
      <c r="B6005" s="6">
        <v>240913</v>
      </c>
      <c r="C6005" s="6" t="s">
        <v>117</v>
      </c>
      <c r="D6005" s="6" t="s">
        <v>1334</v>
      </c>
      <c r="E6005" s="6">
        <v>76001</v>
      </c>
      <c r="F6005" s="6" t="s">
        <v>18</v>
      </c>
      <c r="G6005" s="6" t="s">
        <v>12129</v>
      </c>
      <c r="H6005" s="6" t="s">
        <v>12130</v>
      </c>
      <c r="I6005" s="7">
        <v>3.4173581999999998</v>
      </c>
      <c r="J6005" s="8">
        <v>-76.567124000000007</v>
      </c>
    </row>
    <row r="6006" spans="1:10" x14ac:dyDescent="0.35">
      <c r="A6006" s="5" t="s">
        <v>10</v>
      </c>
      <c r="B6006" s="6">
        <v>240775</v>
      </c>
      <c r="C6006" s="6" t="s">
        <v>190</v>
      </c>
      <c r="D6006" s="6" t="s">
        <v>12131</v>
      </c>
      <c r="E6006" s="6">
        <v>5837</v>
      </c>
      <c r="F6006" s="6" t="s">
        <v>18</v>
      </c>
      <c r="G6006" s="6" t="s">
        <v>12132</v>
      </c>
      <c r="H6006" s="6" t="s">
        <v>12133</v>
      </c>
      <c r="I6006" s="7">
        <v>6.2634097000000004</v>
      </c>
      <c r="J6006" s="8">
        <v>-75.560515100000003</v>
      </c>
    </row>
    <row r="6007" spans="1:10" x14ac:dyDescent="0.35">
      <c r="A6007" s="5" t="s">
        <v>10</v>
      </c>
      <c r="B6007" s="6">
        <v>240753</v>
      </c>
      <c r="C6007" s="6" t="s">
        <v>190</v>
      </c>
      <c r="D6007" s="6" t="s">
        <v>191</v>
      </c>
      <c r="E6007" s="6">
        <v>5001</v>
      </c>
      <c r="F6007" s="6" t="s">
        <v>18</v>
      </c>
      <c r="G6007" s="6" t="s">
        <v>12134</v>
      </c>
      <c r="H6007" s="6" t="s">
        <v>12135</v>
      </c>
      <c r="I6007" s="7">
        <v>6.2818516999999998</v>
      </c>
      <c r="J6007" s="8">
        <v>-75.553533400000006</v>
      </c>
    </row>
    <row r="6008" spans="1:10" x14ac:dyDescent="0.35">
      <c r="A6008" s="5" t="s">
        <v>10</v>
      </c>
      <c r="B6008" s="6">
        <v>224405</v>
      </c>
      <c r="C6008" s="6" t="s">
        <v>68</v>
      </c>
      <c r="D6008" s="6" t="s">
        <v>69</v>
      </c>
      <c r="E6008" s="6">
        <v>11001</v>
      </c>
      <c r="F6008" s="6" t="s">
        <v>18</v>
      </c>
      <c r="G6008" s="6" t="s">
        <v>12136</v>
      </c>
      <c r="H6008" s="6" t="s">
        <v>12137</v>
      </c>
      <c r="I6008" s="7">
        <v>4.7301308000000004</v>
      </c>
      <c r="J6008" s="8">
        <v>-74.099117399999997</v>
      </c>
    </row>
    <row r="6009" spans="1:10" x14ac:dyDescent="0.35">
      <c r="A6009" s="5" t="s">
        <v>10</v>
      </c>
      <c r="B6009" s="6">
        <v>224712</v>
      </c>
      <c r="C6009" s="6" t="s">
        <v>68</v>
      </c>
      <c r="D6009" s="6" t="s">
        <v>69</v>
      </c>
      <c r="E6009" s="6">
        <v>11001</v>
      </c>
      <c r="F6009" s="6" t="s">
        <v>18</v>
      </c>
      <c r="G6009" s="6" t="s">
        <v>12138</v>
      </c>
      <c r="H6009" s="6" t="s">
        <v>12139</v>
      </c>
      <c r="I6009" s="7">
        <v>4.6846924999999997</v>
      </c>
      <c r="J6009" s="8">
        <v>-74.057996000000003</v>
      </c>
    </row>
    <row r="6010" spans="1:10" x14ac:dyDescent="0.35">
      <c r="A6010" s="5" t="s">
        <v>10</v>
      </c>
      <c r="B6010" s="6">
        <v>242511</v>
      </c>
      <c r="C6010" s="6" t="s">
        <v>68</v>
      </c>
      <c r="D6010" s="6" t="s">
        <v>69</v>
      </c>
      <c r="E6010" s="6">
        <v>11001</v>
      </c>
      <c r="F6010" s="6" t="s">
        <v>18</v>
      </c>
      <c r="G6010" s="6" t="s">
        <v>12140</v>
      </c>
      <c r="H6010" s="6" t="s">
        <v>12141</v>
      </c>
      <c r="I6010" s="7">
        <v>4.5528097000000001</v>
      </c>
      <c r="J6010" s="8">
        <v>-74.145259699999997</v>
      </c>
    </row>
    <row r="6011" spans="1:10" x14ac:dyDescent="0.35">
      <c r="A6011" s="5" t="s">
        <v>10</v>
      </c>
      <c r="B6011" s="6">
        <v>242611</v>
      </c>
      <c r="C6011" s="6" t="s">
        <v>68</v>
      </c>
      <c r="D6011" s="6" t="s">
        <v>69</v>
      </c>
      <c r="E6011" s="6">
        <v>11001</v>
      </c>
      <c r="F6011" s="6" t="s">
        <v>18</v>
      </c>
      <c r="G6011" s="6" t="s">
        <v>12142</v>
      </c>
      <c r="H6011" s="6" t="s">
        <v>12143</v>
      </c>
      <c r="I6011" s="7">
        <v>4.6015728999999999</v>
      </c>
      <c r="J6011" s="8">
        <v>-74.137734600000002</v>
      </c>
    </row>
    <row r="6012" spans="1:10" x14ac:dyDescent="0.35">
      <c r="A6012" s="5" t="s">
        <v>10</v>
      </c>
      <c r="B6012" s="6">
        <v>201376</v>
      </c>
      <c r="C6012" s="6" t="s">
        <v>68</v>
      </c>
      <c r="D6012" s="6" t="s">
        <v>69</v>
      </c>
      <c r="E6012" s="6">
        <v>11001</v>
      </c>
      <c r="F6012" s="6" t="s">
        <v>18</v>
      </c>
      <c r="G6012" s="6" t="s">
        <v>12144</v>
      </c>
      <c r="H6012" s="6" t="s">
        <v>12145</v>
      </c>
      <c r="I6012" s="7">
        <v>4.7108188000000002</v>
      </c>
      <c r="J6012" s="8">
        <v>-74.124742299999994</v>
      </c>
    </row>
    <row r="6013" spans="1:10" x14ac:dyDescent="0.35">
      <c r="A6013" s="5" t="s">
        <v>10</v>
      </c>
      <c r="B6013" s="6">
        <v>201722</v>
      </c>
      <c r="C6013" s="6" t="s">
        <v>68</v>
      </c>
      <c r="D6013" s="6" t="s">
        <v>69</v>
      </c>
      <c r="E6013" s="6">
        <v>11001</v>
      </c>
      <c r="F6013" s="6" t="s">
        <v>18</v>
      </c>
      <c r="G6013" s="6" t="s">
        <v>12146</v>
      </c>
      <c r="H6013" s="6" t="s">
        <v>12147</v>
      </c>
      <c r="I6013" s="7">
        <v>4.6331310999999999</v>
      </c>
      <c r="J6013" s="8">
        <v>-74.179394500000001</v>
      </c>
    </row>
    <row r="6014" spans="1:10" x14ac:dyDescent="0.35">
      <c r="A6014" s="5" t="s">
        <v>10</v>
      </c>
      <c r="B6014" s="6">
        <v>235299</v>
      </c>
      <c r="C6014" s="6" t="s">
        <v>68</v>
      </c>
      <c r="D6014" s="6" t="s">
        <v>69</v>
      </c>
      <c r="E6014" s="6">
        <v>11001</v>
      </c>
      <c r="F6014" s="6" t="s">
        <v>18</v>
      </c>
      <c r="G6014" s="6" t="s">
        <v>8277</v>
      </c>
      <c r="H6014" s="6" t="s">
        <v>12148</v>
      </c>
      <c r="I6014" s="7">
        <v>4.6336712000000002</v>
      </c>
      <c r="J6014" s="8">
        <v>-74.146552099999994</v>
      </c>
    </row>
    <row r="6015" spans="1:10" x14ac:dyDescent="0.35">
      <c r="A6015" s="5" t="s">
        <v>10</v>
      </c>
      <c r="B6015" s="6">
        <v>203075</v>
      </c>
      <c r="C6015" s="6" t="s">
        <v>68</v>
      </c>
      <c r="D6015" s="6" t="s">
        <v>69</v>
      </c>
      <c r="E6015" s="6">
        <v>11001</v>
      </c>
      <c r="F6015" s="6" t="s">
        <v>18</v>
      </c>
      <c r="G6015" s="6" t="s">
        <v>12149</v>
      </c>
      <c r="H6015" s="6" t="s">
        <v>12150</v>
      </c>
      <c r="I6015" s="7">
        <v>4.6282226</v>
      </c>
      <c r="J6015" s="8">
        <v>-74.188651399999998</v>
      </c>
    </row>
    <row r="6016" spans="1:10" x14ac:dyDescent="0.35">
      <c r="A6016" s="5" t="s">
        <v>10</v>
      </c>
      <c r="B6016" s="6">
        <v>239621</v>
      </c>
      <c r="C6016" s="6" t="s">
        <v>68</v>
      </c>
      <c r="D6016" s="6" t="s">
        <v>69</v>
      </c>
      <c r="E6016" s="6">
        <v>11001</v>
      </c>
      <c r="F6016" s="6" t="s">
        <v>18</v>
      </c>
      <c r="G6016" s="6" t="s">
        <v>12151</v>
      </c>
      <c r="H6016" s="6" t="s">
        <v>12152</v>
      </c>
      <c r="I6016" s="7">
        <v>4.6274265999999997</v>
      </c>
      <c r="J6016" s="8">
        <v>-74.181938500000001</v>
      </c>
    </row>
    <row r="6017" spans="1:10" x14ac:dyDescent="0.35">
      <c r="A6017" s="5" t="s">
        <v>10</v>
      </c>
      <c r="B6017" s="6">
        <v>242184</v>
      </c>
      <c r="C6017" s="6" t="s">
        <v>68</v>
      </c>
      <c r="D6017" s="6" t="s">
        <v>69</v>
      </c>
      <c r="E6017" s="6">
        <v>11001</v>
      </c>
      <c r="F6017" s="6" t="s">
        <v>18</v>
      </c>
      <c r="G6017" s="6" t="s">
        <v>12153</v>
      </c>
      <c r="H6017" s="6" t="s">
        <v>12154</v>
      </c>
      <c r="I6017" s="7">
        <v>4.5878423000000002</v>
      </c>
      <c r="J6017" s="8">
        <v>-74.100010999999995</v>
      </c>
    </row>
    <row r="6018" spans="1:10" x14ac:dyDescent="0.35">
      <c r="A6018" s="5" t="s">
        <v>10</v>
      </c>
      <c r="B6018" s="6">
        <v>218672</v>
      </c>
      <c r="C6018" s="6" t="s">
        <v>68</v>
      </c>
      <c r="D6018" s="6" t="s">
        <v>69</v>
      </c>
      <c r="E6018" s="6">
        <v>11001</v>
      </c>
      <c r="F6018" s="6" t="s">
        <v>18</v>
      </c>
      <c r="G6018" s="6" t="s">
        <v>12155</v>
      </c>
      <c r="H6018" s="6" t="s">
        <v>12156</v>
      </c>
      <c r="I6018" s="7">
        <v>4.6339831</v>
      </c>
      <c r="J6018" s="8">
        <v>-74.171834099999998</v>
      </c>
    </row>
    <row r="6019" spans="1:10" x14ac:dyDescent="0.35">
      <c r="A6019" s="5" t="s">
        <v>10</v>
      </c>
      <c r="B6019" s="6">
        <v>234516</v>
      </c>
      <c r="C6019" s="6" t="s">
        <v>68</v>
      </c>
      <c r="D6019" s="6" t="s">
        <v>69</v>
      </c>
      <c r="E6019" s="6">
        <v>11001</v>
      </c>
      <c r="F6019" s="6" t="s">
        <v>18</v>
      </c>
      <c r="G6019" s="6" t="s">
        <v>12157</v>
      </c>
      <c r="H6019" s="6" t="s">
        <v>12158</v>
      </c>
      <c r="I6019" s="7">
        <v>4.5365057000000002</v>
      </c>
      <c r="J6019" s="8">
        <v>-74.114034599999997</v>
      </c>
    </row>
    <row r="6020" spans="1:10" x14ac:dyDescent="0.35">
      <c r="A6020" s="5" t="s">
        <v>10</v>
      </c>
      <c r="B6020" s="6">
        <v>235365</v>
      </c>
      <c r="C6020" s="6" t="s">
        <v>2130</v>
      </c>
      <c r="D6020" s="6" t="s">
        <v>6498</v>
      </c>
      <c r="E6020" s="6">
        <v>85139</v>
      </c>
      <c r="F6020" s="6" t="s">
        <v>13</v>
      </c>
      <c r="G6020" s="6" t="s">
        <v>12159</v>
      </c>
      <c r="H6020" s="6" t="s">
        <v>12160</v>
      </c>
      <c r="I6020" s="7">
        <v>4.8189960999999997</v>
      </c>
      <c r="J6020" s="8">
        <v>-72.281864200000001</v>
      </c>
    </row>
    <row r="6021" spans="1:10" x14ac:dyDescent="0.35">
      <c r="A6021" s="5" t="s">
        <v>10</v>
      </c>
      <c r="B6021" s="6">
        <v>214391</v>
      </c>
      <c r="C6021" s="6" t="s">
        <v>16</v>
      </c>
      <c r="D6021" s="6" t="s">
        <v>224</v>
      </c>
      <c r="E6021" s="6">
        <v>68755</v>
      </c>
      <c r="F6021" s="6" t="s">
        <v>13</v>
      </c>
      <c r="G6021" s="6" t="s">
        <v>12161</v>
      </c>
      <c r="H6021" s="6" t="s">
        <v>12162</v>
      </c>
      <c r="I6021" s="7">
        <v>6.4712009000000004</v>
      </c>
      <c r="J6021" s="8">
        <v>-73.261186100000003</v>
      </c>
    </row>
    <row r="6022" spans="1:10" x14ac:dyDescent="0.35">
      <c r="A6022" s="5" t="s">
        <v>10</v>
      </c>
      <c r="B6022" s="6">
        <v>228291</v>
      </c>
      <c r="C6022" s="6" t="s">
        <v>308</v>
      </c>
      <c r="D6022" s="6" t="s">
        <v>309</v>
      </c>
      <c r="E6022" s="6">
        <v>23001</v>
      </c>
      <c r="F6022" s="6" t="s">
        <v>13</v>
      </c>
      <c r="G6022" s="6" t="s">
        <v>12163</v>
      </c>
      <c r="H6022" s="6" t="s">
        <v>12164</v>
      </c>
      <c r="I6022" s="7">
        <v>8.7509829999999997</v>
      </c>
      <c r="J6022" s="8">
        <v>-75.878534799999997</v>
      </c>
    </row>
    <row r="6023" spans="1:10" x14ac:dyDescent="0.35">
      <c r="A6023" s="5" t="s">
        <v>10</v>
      </c>
      <c r="B6023" s="6">
        <v>233814</v>
      </c>
      <c r="C6023" s="6" t="s">
        <v>190</v>
      </c>
      <c r="D6023" s="6" t="s">
        <v>12165</v>
      </c>
      <c r="E6023" s="6">
        <v>5172</v>
      </c>
      <c r="F6023" s="6" t="s">
        <v>13</v>
      </c>
      <c r="G6023" s="6" t="s">
        <v>12166</v>
      </c>
      <c r="H6023" s="6" t="s">
        <v>12167</v>
      </c>
      <c r="I6023" s="7">
        <v>7.6669502999999999</v>
      </c>
      <c r="J6023" s="8">
        <v>-76.6864372</v>
      </c>
    </row>
    <row r="6024" spans="1:10" x14ac:dyDescent="0.35">
      <c r="A6024" s="5" t="s">
        <v>10</v>
      </c>
      <c r="B6024" s="6">
        <v>240976</v>
      </c>
      <c r="C6024" s="6" t="s">
        <v>117</v>
      </c>
      <c r="D6024" s="6" t="s">
        <v>4931</v>
      </c>
      <c r="E6024" s="6">
        <v>76892</v>
      </c>
      <c r="F6024" s="6" t="s">
        <v>18</v>
      </c>
      <c r="G6024" s="6" t="s">
        <v>12168</v>
      </c>
      <c r="H6024" s="6" t="s">
        <v>12169</v>
      </c>
      <c r="I6024" s="7">
        <v>3.5891807999999998</v>
      </c>
      <c r="J6024" s="8">
        <v>-76.489281700000006</v>
      </c>
    </row>
    <row r="6025" spans="1:10" x14ac:dyDescent="0.35">
      <c r="A6025" s="5" t="s">
        <v>10</v>
      </c>
      <c r="B6025" s="6">
        <v>240457</v>
      </c>
      <c r="C6025" s="6" t="s">
        <v>190</v>
      </c>
      <c r="D6025" s="6" t="s">
        <v>6084</v>
      </c>
      <c r="E6025" s="6">
        <v>5154</v>
      </c>
      <c r="F6025" s="6" t="s">
        <v>18</v>
      </c>
      <c r="G6025" s="6" t="s">
        <v>12170</v>
      </c>
      <c r="H6025" s="6" t="s">
        <v>12171</v>
      </c>
      <c r="I6025" s="7">
        <v>7.9808648</v>
      </c>
      <c r="J6025" s="8">
        <v>-75.196646299999998</v>
      </c>
    </row>
    <row r="6026" spans="1:10" x14ac:dyDescent="0.35">
      <c r="A6026" s="5" t="s">
        <v>10</v>
      </c>
      <c r="B6026" s="6">
        <v>249049</v>
      </c>
      <c r="C6026" s="6" t="s">
        <v>68</v>
      </c>
      <c r="D6026" s="6" t="s">
        <v>69</v>
      </c>
      <c r="E6026" s="6">
        <v>11001</v>
      </c>
      <c r="F6026" s="6" t="s">
        <v>18</v>
      </c>
      <c r="G6026" s="6" t="s">
        <v>12172</v>
      </c>
      <c r="H6026" s="6" t="s">
        <v>12173</v>
      </c>
      <c r="I6026" s="7">
        <v>4.7109886000000003</v>
      </c>
      <c r="J6026" s="8">
        <v>-74.072091999999998</v>
      </c>
    </row>
    <row r="6027" spans="1:10" x14ac:dyDescent="0.35">
      <c r="A6027" s="5" t="s">
        <v>10</v>
      </c>
      <c r="B6027" s="6">
        <v>222974</v>
      </c>
      <c r="C6027" s="6" t="s">
        <v>68</v>
      </c>
      <c r="D6027" s="6" t="s">
        <v>69</v>
      </c>
      <c r="E6027" s="6">
        <v>11001</v>
      </c>
      <c r="F6027" s="6" t="s">
        <v>18</v>
      </c>
      <c r="G6027" s="6" t="s">
        <v>12174</v>
      </c>
      <c r="H6027" s="6" t="s">
        <v>12175</v>
      </c>
      <c r="I6027" s="7">
        <v>4.7461180999999897</v>
      </c>
      <c r="J6027" s="8">
        <v>-74.063034799999997</v>
      </c>
    </row>
    <row r="6028" spans="1:10" x14ac:dyDescent="0.35">
      <c r="A6028" s="5" t="s">
        <v>10</v>
      </c>
      <c r="B6028" s="6">
        <v>185565</v>
      </c>
      <c r="C6028" s="6" t="s">
        <v>68</v>
      </c>
      <c r="D6028" s="6" t="s">
        <v>69</v>
      </c>
      <c r="E6028" s="6">
        <v>11001</v>
      </c>
      <c r="F6028" s="6" t="s">
        <v>18</v>
      </c>
      <c r="G6028" s="6" t="s">
        <v>12176</v>
      </c>
      <c r="H6028" s="6" t="s">
        <v>12177</v>
      </c>
      <c r="I6028" s="7">
        <v>4.5633748000000001</v>
      </c>
      <c r="J6028" s="8">
        <v>-74.149300099999905</v>
      </c>
    </row>
    <row r="6029" spans="1:10" x14ac:dyDescent="0.35">
      <c r="A6029" s="5" t="s">
        <v>10</v>
      </c>
      <c r="B6029" s="6">
        <v>232204</v>
      </c>
      <c r="C6029" s="6" t="s">
        <v>68</v>
      </c>
      <c r="D6029" s="6" t="s">
        <v>69</v>
      </c>
      <c r="E6029" s="6">
        <v>11001</v>
      </c>
      <c r="F6029" s="6" t="s">
        <v>18</v>
      </c>
      <c r="G6029" s="6" t="s">
        <v>12178</v>
      </c>
      <c r="H6029" s="6" t="s">
        <v>12179</v>
      </c>
      <c r="I6029" s="7">
        <v>4.5703104000000003</v>
      </c>
      <c r="J6029" s="8">
        <v>-74.123208399999996</v>
      </c>
    </row>
    <row r="6030" spans="1:10" x14ac:dyDescent="0.35">
      <c r="A6030" s="5" t="s">
        <v>10</v>
      </c>
      <c r="B6030" s="6">
        <v>242375</v>
      </c>
      <c r="C6030" s="6" t="s">
        <v>68</v>
      </c>
      <c r="D6030" s="6" t="s">
        <v>69</v>
      </c>
      <c r="E6030" s="6">
        <v>11001</v>
      </c>
      <c r="F6030" s="6" t="s">
        <v>18</v>
      </c>
      <c r="G6030" s="6" t="s">
        <v>12180</v>
      </c>
      <c r="H6030" s="6" t="s">
        <v>12181</v>
      </c>
      <c r="I6030" s="7">
        <v>4.6377870000000003</v>
      </c>
      <c r="J6030" s="8">
        <v>-74.145447200000007</v>
      </c>
    </row>
    <row r="6031" spans="1:10" x14ac:dyDescent="0.35">
      <c r="A6031" s="5" t="s">
        <v>10</v>
      </c>
      <c r="B6031" s="6">
        <v>185061</v>
      </c>
      <c r="C6031" s="6" t="s">
        <v>278</v>
      </c>
      <c r="D6031" s="6" t="s">
        <v>279</v>
      </c>
      <c r="E6031" s="6">
        <v>50001</v>
      </c>
      <c r="F6031" s="6" t="s">
        <v>18</v>
      </c>
      <c r="G6031" s="6" t="s">
        <v>12182</v>
      </c>
      <c r="H6031" s="6" t="s">
        <v>12183</v>
      </c>
      <c r="I6031" s="7">
        <v>4.1353257999999897</v>
      </c>
      <c r="J6031" s="8">
        <v>-73.635213800000002</v>
      </c>
    </row>
    <row r="6032" spans="1:10" x14ac:dyDescent="0.35">
      <c r="A6032" s="5" t="s">
        <v>10</v>
      </c>
      <c r="B6032" s="6">
        <v>238603</v>
      </c>
      <c r="C6032" s="6" t="s">
        <v>2130</v>
      </c>
      <c r="D6032" s="6" t="s">
        <v>2131</v>
      </c>
      <c r="E6032" s="6">
        <v>85001</v>
      </c>
      <c r="F6032" s="6" t="s">
        <v>18</v>
      </c>
      <c r="G6032" s="6" t="s">
        <v>12184</v>
      </c>
      <c r="H6032" s="6" t="s">
        <v>12185</v>
      </c>
      <c r="I6032" s="7">
        <v>5.348903</v>
      </c>
      <c r="J6032" s="8">
        <v>-72.400523000000007</v>
      </c>
    </row>
    <row r="6033" spans="1:10" x14ac:dyDescent="0.35">
      <c r="A6033" s="5" t="s">
        <v>10</v>
      </c>
      <c r="B6033" s="6">
        <v>198580</v>
      </c>
      <c r="C6033" s="6" t="s">
        <v>11</v>
      </c>
      <c r="D6033" s="6" t="s">
        <v>156</v>
      </c>
      <c r="E6033" s="6">
        <v>25815</v>
      </c>
      <c r="F6033" s="6" t="s">
        <v>13</v>
      </c>
      <c r="G6033" s="6" t="s">
        <v>12186</v>
      </c>
      <c r="H6033" s="6" t="s">
        <v>12187</v>
      </c>
      <c r="I6033" s="7">
        <v>4.4603729999999997</v>
      </c>
      <c r="J6033" s="8">
        <v>-74.663464000000005</v>
      </c>
    </row>
    <row r="6034" spans="1:10" x14ac:dyDescent="0.35">
      <c r="A6034" s="5" t="s">
        <v>10</v>
      </c>
      <c r="B6034" s="6">
        <v>227560</v>
      </c>
      <c r="C6034" s="6" t="s">
        <v>11</v>
      </c>
      <c r="D6034" s="6" t="s">
        <v>101</v>
      </c>
      <c r="E6034" s="6">
        <v>25473</v>
      </c>
      <c r="F6034" s="6" t="s">
        <v>18</v>
      </c>
      <c r="G6034" s="6" t="s">
        <v>12188</v>
      </c>
      <c r="H6034" s="6" t="s">
        <v>12189</v>
      </c>
      <c r="I6034" s="7">
        <v>4.7227452999999997</v>
      </c>
      <c r="J6034" s="8">
        <v>-74.226044999999999</v>
      </c>
    </row>
    <row r="6035" spans="1:10" x14ac:dyDescent="0.35">
      <c r="A6035" s="5" t="s">
        <v>10</v>
      </c>
      <c r="B6035" s="6">
        <v>235638</v>
      </c>
      <c r="C6035" s="6" t="s">
        <v>190</v>
      </c>
      <c r="D6035" s="6" t="s">
        <v>12190</v>
      </c>
      <c r="E6035" s="6">
        <v>5264</v>
      </c>
      <c r="F6035" s="6" t="s">
        <v>18</v>
      </c>
      <c r="G6035" s="6" t="s">
        <v>12191</v>
      </c>
      <c r="H6035" s="6" t="s">
        <v>12192</v>
      </c>
      <c r="I6035" s="7">
        <v>6.5661459999999998</v>
      </c>
      <c r="J6035" s="8">
        <v>-75.516908000000001</v>
      </c>
    </row>
    <row r="6036" spans="1:10" x14ac:dyDescent="0.35">
      <c r="A6036" s="5" t="s">
        <v>10</v>
      </c>
      <c r="B6036" s="6">
        <v>240784</v>
      </c>
      <c r="C6036" s="6" t="s">
        <v>190</v>
      </c>
      <c r="D6036" s="6" t="s">
        <v>4063</v>
      </c>
      <c r="E6036" s="6">
        <v>5088</v>
      </c>
      <c r="F6036" s="6" t="s">
        <v>18</v>
      </c>
      <c r="G6036" s="6" t="s">
        <v>12193</v>
      </c>
      <c r="H6036" s="6" t="s">
        <v>12194</v>
      </c>
      <c r="I6036" s="7">
        <v>6.3165547000000002</v>
      </c>
      <c r="J6036" s="8">
        <v>-75.558418399999994</v>
      </c>
    </row>
    <row r="6037" spans="1:10" x14ac:dyDescent="0.35">
      <c r="A6037" s="5" t="s">
        <v>10</v>
      </c>
      <c r="B6037" s="6">
        <v>206700</v>
      </c>
      <c r="C6037" s="6" t="s">
        <v>68</v>
      </c>
      <c r="D6037" s="6" t="s">
        <v>69</v>
      </c>
      <c r="E6037" s="6">
        <v>11001</v>
      </c>
      <c r="F6037" s="6" t="s">
        <v>18</v>
      </c>
      <c r="G6037" s="6" t="s">
        <v>12195</v>
      </c>
      <c r="H6037" s="6" t="s">
        <v>12196</v>
      </c>
      <c r="I6037" s="7">
        <v>4.5524836999999998</v>
      </c>
      <c r="J6037" s="8">
        <v>-74.145099899999906</v>
      </c>
    </row>
    <row r="6038" spans="1:10" x14ac:dyDescent="0.35">
      <c r="A6038" s="5" t="s">
        <v>10</v>
      </c>
      <c r="B6038" s="6">
        <v>206856</v>
      </c>
      <c r="C6038" s="6" t="s">
        <v>68</v>
      </c>
      <c r="D6038" s="6" t="s">
        <v>69</v>
      </c>
      <c r="E6038" s="6">
        <v>11001</v>
      </c>
      <c r="F6038" s="6" t="s">
        <v>18</v>
      </c>
      <c r="G6038" s="6" t="s">
        <v>12197</v>
      </c>
      <c r="H6038" s="6" t="s">
        <v>12198</v>
      </c>
      <c r="I6038" s="7">
        <v>4.7091320000000003</v>
      </c>
      <c r="J6038" s="8">
        <v>-74.103124100000002</v>
      </c>
    </row>
    <row r="6039" spans="1:10" x14ac:dyDescent="0.35">
      <c r="A6039" s="5" t="s">
        <v>10</v>
      </c>
      <c r="B6039" s="6">
        <v>235912</v>
      </c>
      <c r="C6039" s="6" t="s">
        <v>68</v>
      </c>
      <c r="D6039" s="6" t="s">
        <v>69</v>
      </c>
      <c r="E6039" s="6">
        <v>11001</v>
      </c>
      <c r="F6039" s="6" t="s">
        <v>18</v>
      </c>
      <c r="G6039" s="6" t="s">
        <v>12199</v>
      </c>
      <c r="H6039" s="6" t="s">
        <v>12200</v>
      </c>
      <c r="I6039" s="7">
        <v>4.7015450999999997</v>
      </c>
      <c r="J6039" s="8">
        <v>-74.124696299999997</v>
      </c>
    </row>
    <row r="6040" spans="1:10" x14ac:dyDescent="0.35">
      <c r="A6040" s="5" t="s">
        <v>10</v>
      </c>
      <c r="B6040" s="6">
        <v>238067</v>
      </c>
      <c r="C6040" s="6" t="s">
        <v>68</v>
      </c>
      <c r="D6040" s="6" t="s">
        <v>69</v>
      </c>
      <c r="E6040" s="6">
        <v>11001</v>
      </c>
      <c r="F6040" s="6" t="s">
        <v>18</v>
      </c>
      <c r="G6040" s="6" t="s">
        <v>12201</v>
      </c>
      <c r="H6040" s="6" t="s">
        <v>12202</v>
      </c>
      <c r="I6040" s="7">
        <v>4.6054231999999997</v>
      </c>
      <c r="J6040" s="8">
        <v>-74.090891200000002</v>
      </c>
    </row>
    <row r="6041" spans="1:10" x14ac:dyDescent="0.35">
      <c r="A6041" s="5" t="s">
        <v>10</v>
      </c>
      <c r="B6041" s="6">
        <v>233238</v>
      </c>
      <c r="C6041" s="6" t="s">
        <v>68</v>
      </c>
      <c r="D6041" s="6" t="s">
        <v>69</v>
      </c>
      <c r="E6041" s="6">
        <v>11001</v>
      </c>
      <c r="F6041" s="6" t="s">
        <v>18</v>
      </c>
      <c r="G6041" s="6" t="s">
        <v>7521</v>
      </c>
      <c r="H6041" s="6" t="s">
        <v>12203</v>
      </c>
      <c r="I6041" s="7">
        <v>4.58711</v>
      </c>
      <c r="J6041" s="8">
        <v>-74.10821</v>
      </c>
    </row>
    <row r="6042" spans="1:10" x14ac:dyDescent="0.35">
      <c r="A6042" s="5" t="s">
        <v>10</v>
      </c>
      <c r="B6042" s="6">
        <v>234462</v>
      </c>
      <c r="C6042" s="6" t="s">
        <v>308</v>
      </c>
      <c r="D6042" s="6" t="s">
        <v>309</v>
      </c>
      <c r="E6042" s="6">
        <v>23001</v>
      </c>
      <c r="F6042" s="6" t="s">
        <v>13</v>
      </c>
      <c r="G6042" s="6" t="s">
        <v>12204</v>
      </c>
      <c r="H6042" s="6" t="s">
        <v>12205</v>
      </c>
      <c r="I6042" s="7">
        <v>8.7422077999999992</v>
      </c>
      <c r="J6042" s="8">
        <v>-75.895978799999995</v>
      </c>
    </row>
    <row r="6043" spans="1:10" x14ac:dyDescent="0.35">
      <c r="A6043" s="5" t="s">
        <v>10</v>
      </c>
      <c r="B6043" s="6">
        <v>237712</v>
      </c>
      <c r="C6043" s="6" t="s">
        <v>117</v>
      </c>
      <c r="D6043" s="6" t="s">
        <v>12206</v>
      </c>
      <c r="E6043" s="6">
        <v>76845</v>
      </c>
      <c r="F6043" s="6" t="s">
        <v>18</v>
      </c>
      <c r="G6043" s="6" t="s">
        <v>12207</v>
      </c>
      <c r="H6043" s="6" t="s">
        <v>12208</v>
      </c>
      <c r="I6043" s="7">
        <v>2.7793741000000001</v>
      </c>
      <c r="J6043" s="8">
        <v>-75.253317100000004</v>
      </c>
    </row>
    <row r="6044" spans="1:10" x14ac:dyDescent="0.35">
      <c r="A6044" s="5" t="s">
        <v>10</v>
      </c>
      <c r="B6044" s="6">
        <v>161053</v>
      </c>
      <c r="C6044" s="6" t="s">
        <v>190</v>
      </c>
      <c r="D6044" s="6" t="s">
        <v>12209</v>
      </c>
      <c r="E6044" s="6">
        <v>5847</v>
      </c>
      <c r="F6044" s="6" t="s">
        <v>18</v>
      </c>
      <c r="G6044" s="6" t="s">
        <v>12210</v>
      </c>
      <c r="H6044" s="6" t="s">
        <v>12211</v>
      </c>
      <c r="I6044" s="7">
        <v>6.3138609999999904</v>
      </c>
      <c r="J6044" s="8">
        <v>-76.131810000000002</v>
      </c>
    </row>
    <row r="6045" spans="1:10" x14ac:dyDescent="0.35">
      <c r="A6045" s="5" t="s">
        <v>10</v>
      </c>
      <c r="B6045" s="6">
        <v>240840</v>
      </c>
      <c r="C6045" s="6" t="s">
        <v>190</v>
      </c>
      <c r="D6045" s="6" t="s">
        <v>191</v>
      </c>
      <c r="E6045" s="6">
        <v>5001</v>
      </c>
      <c r="F6045" s="6" t="s">
        <v>18</v>
      </c>
      <c r="G6045" s="6" t="s">
        <v>12212</v>
      </c>
      <c r="H6045" s="6" t="s">
        <v>12213</v>
      </c>
      <c r="I6045" s="7">
        <v>6.2181091999999998</v>
      </c>
      <c r="J6045" s="8">
        <v>-75.595237999999995</v>
      </c>
    </row>
    <row r="6046" spans="1:10" x14ac:dyDescent="0.35">
      <c r="A6046" s="5" t="s">
        <v>10</v>
      </c>
      <c r="B6046" s="6">
        <v>230327</v>
      </c>
      <c r="C6046" s="6" t="s">
        <v>190</v>
      </c>
      <c r="D6046" s="6" t="s">
        <v>191</v>
      </c>
      <c r="E6046" s="6">
        <v>5001</v>
      </c>
      <c r="F6046" s="6" t="s">
        <v>18</v>
      </c>
      <c r="G6046" s="6" t="s">
        <v>12214</v>
      </c>
      <c r="H6046" s="6" t="s">
        <v>12215</v>
      </c>
      <c r="I6046" s="7">
        <v>6.3080346</v>
      </c>
      <c r="J6046" s="8">
        <v>-75.570092299999999</v>
      </c>
    </row>
    <row r="6047" spans="1:10" x14ac:dyDescent="0.35">
      <c r="A6047" s="5" t="s">
        <v>10</v>
      </c>
      <c r="B6047" s="6">
        <v>234729</v>
      </c>
      <c r="C6047" s="6" t="s">
        <v>190</v>
      </c>
      <c r="D6047" s="6" t="s">
        <v>438</v>
      </c>
      <c r="E6047" s="6">
        <v>5045</v>
      </c>
      <c r="F6047" s="6" t="s">
        <v>18</v>
      </c>
      <c r="G6047" s="6" t="s">
        <v>12216</v>
      </c>
      <c r="H6047" s="6" t="s">
        <v>12217</v>
      </c>
      <c r="I6047" s="7">
        <v>7.8827610000000004</v>
      </c>
      <c r="J6047" s="8">
        <v>-76.624691999999996</v>
      </c>
    </row>
    <row r="6048" spans="1:10" x14ac:dyDescent="0.35">
      <c r="A6048" s="5" t="s">
        <v>10</v>
      </c>
      <c r="B6048" s="6">
        <v>235966</v>
      </c>
      <c r="C6048" s="6" t="s">
        <v>190</v>
      </c>
      <c r="D6048" s="6" t="s">
        <v>12218</v>
      </c>
      <c r="E6048" s="6">
        <v>5887</v>
      </c>
      <c r="F6048" s="6" t="s">
        <v>18</v>
      </c>
      <c r="G6048" s="6" t="s">
        <v>12219</v>
      </c>
      <c r="H6048" s="6" t="s">
        <v>12220</v>
      </c>
      <c r="I6048" s="7">
        <v>6.9620090000000001</v>
      </c>
      <c r="J6048" s="8">
        <v>-75.414224300000001</v>
      </c>
    </row>
    <row r="6049" spans="1:10" x14ac:dyDescent="0.35">
      <c r="A6049" s="5" t="s">
        <v>10</v>
      </c>
      <c r="B6049" s="6">
        <v>245237</v>
      </c>
      <c r="C6049" s="6" t="s">
        <v>190</v>
      </c>
      <c r="D6049" s="6" t="s">
        <v>4063</v>
      </c>
      <c r="E6049" s="6">
        <v>5088</v>
      </c>
      <c r="F6049" s="6" t="s">
        <v>18</v>
      </c>
      <c r="G6049" s="6" t="s">
        <v>12221</v>
      </c>
      <c r="H6049" s="6" t="s">
        <v>12222</v>
      </c>
      <c r="I6049" s="7">
        <v>6.3329472999999998</v>
      </c>
      <c r="J6049" s="8">
        <v>-75.557063299999996</v>
      </c>
    </row>
    <row r="6050" spans="1:10" x14ac:dyDescent="0.35">
      <c r="A6050" s="5" t="s">
        <v>10</v>
      </c>
      <c r="B6050" s="6">
        <v>232326</v>
      </c>
      <c r="C6050" s="6" t="s">
        <v>68</v>
      </c>
      <c r="D6050" s="6" t="s">
        <v>69</v>
      </c>
      <c r="E6050" s="6">
        <v>11001</v>
      </c>
      <c r="F6050" s="6" t="s">
        <v>18</v>
      </c>
      <c r="G6050" s="6" t="s">
        <v>12223</v>
      </c>
      <c r="H6050" s="6" t="s">
        <v>12224</v>
      </c>
      <c r="I6050" s="7">
        <v>4.5295487000000003</v>
      </c>
      <c r="J6050" s="8">
        <v>-74.111694600000007</v>
      </c>
    </row>
    <row r="6051" spans="1:10" x14ac:dyDescent="0.35">
      <c r="A6051" s="5" t="s">
        <v>10</v>
      </c>
      <c r="B6051" s="6">
        <v>242220</v>
      </c>
      <c r="C6051" s="6" t="s">
        <v>68</v>
      </c>
      <c r="D6051" s="6" t="s">
        <v>69</v>
      </c>
      <c r="E6051" s="6">
        <v>11001</v>
      </c>
      <c r="F6051" s="6" t="s">
        <v>18</v>
      </c>
      <c r="G6051" s="6" t="s">
        <v>12225</v>
      </c>
      <c r="H6051" s="6" t="s">
        <v>12226</v>
      </c>
      <c r="I6051" s="7">
        <v>4.7409781999999998</v>
      </c>
      <c r="J6051" s="8">
        <v>-74.033095399999993</v>
      </c>
    </row>
    <row r="6052" spans="1:10" x14ac:dyDescent="0.35">
      <c r="A6052" s="5" t="s">
        <v>10</v>
      </c>
      <c r="B6052" s="6">
        <v>199459</v>
      </c>
      <c r="C6052" s="6" t="s">
        <v>68</v>
      </c>
      <c r="D6052" s="6" t="s">
        <v>69</v>
      </c>
      <c r="E6052" s="6">
        <v>11001</v>
      </c>
      <c r="F6052" s="6" t="s">
        <v>18</v>
      </c>
      <c r="G6052" s="6" t="s">
        <v>12227</v>
      </c>
      <c r="H6052" s="6" t="s">
        <v>12228</v>
      </c>
      <c r="I6052" s="7">
        <v>4.4933402999999998</v>
      </c>
      <c r="J6052" s="8">
        <v>-74.102500399999997</v>
      </c>
    </row>
    <row r="6053" spans="1:10" x14ac:dyDescent="0.35">
      <c r="A6053" s="5" t="s">
        <v>10</v>
      </c>
      <c r="B6053" s="6">
        <v>208431</v>
      </c>
      <c r="C6053" s="6" t="s">
        <v>68</v>
      </c>
      <c r="D6053" s="6" t="s">
        <v>69</v>
      </c>
      <c r="E6053" s="6">
        <v>11001</v>
      </c>
      <c r="F6053" s="6" t="s">
        <v>18</v>
      </c>
      <c r="G6053" s="6" t="s">
        <v>12229</v>
      </c>
      <c r="H6053" s="6" t="s">
        <v>12230</v>
      </c>
      <c r="I6053" s="7">
        <v>4.6785240999999997</v>
      </c>
      <c r="J6053" s="8">
        <v>-74.0903524</v>
      </c>
    </row>
    <row r="6054" spans="1:10" x14ac:dyDescent="0.35">
      <c r="A6054" s="5" t="s">
        <v>10</v>
      </c>
      <c r="B6054" s="6">
        <v>187289</v>
      </c>
      <c r="C6054" s="6" t="s">
        <v>68</v>
      </c>
      <c r="D6054" s="6" t="s">
        <v>69</v>
      </c>
      <c r="E6054" s="6">
        <v>11001</v>
      </c>
      <c r="F6054" s="6" t="s">
        <v>18</v>
      </c>
      <c r="G6054" s="6" t="s">
        <v>12231</v>
      </c>
      <c r="H6054" s="6" t="s">
        <v>12232</v>
      </c>
      <c r="I6054" s="7">
        <v>4.6382646999999997</v>
      </c>
      <c r="J6054" s="8">
        <v>-74.165987700000002</v>
      </c>
    </row>
    <row r="6055" spans="1:10" x14ac:dyDescent="0.35">
      <c r="A6055" s="5" t="s">
        <v>10</v>
      </c>
      <c r="B6055" s="6">
        <v>217368</v>
      </c>
      <c r="C6055" s="6" t="s">
        <v>68</v>
      </c>
      <c r="D6055" s="6" t="s">
        <v>69</v>
      </c>
      <c r="E6055" s="6">
        <v>11001</v>
      </c>
      <c r="F6055" s="6" t="s">
        <v>18</v>
      </c>
      <c r="G6055" s="6" t="s">
        <v>12233</v>
      </c>
      <c r="H6055" s="6" t="s">
        <v>12234</v>
      </c>
      <c r="I6055" s="7">
        <v>4.7589595999999998</v>
      </c>
      <c r="J6055" s="8">
        <v>-74.105677700000001</v>
      </c>
    </row>
    <row r="6056" spans="1:10" x14ac:dyDescent="0.35">
      <c r="A6056" s="5" t="s">
        <v>10</v>
      </c>
      <c r="B6056" s="6">
        <v>231027</v>
      </c>
      <c r="C6056" s="6" t="s">
        <v>68</v>
      </c>
      <c r="D6056" s="6" t="s">
        <v>69</v>
      </c>
      <c r="E6056" s="6">
        <v>11001</v>
      </c>
      <c r="F6056" s="6" t="s">
        <v>18</v>
      </c>
      <c r="G6056" s="6" t="s">
        <v>12235</v>
      </c>
      <c r="H6056" s="6" t="s">
        <v>12236</v>
      </c>
      <c r="I6056" s="7">
        <v>4.6413412999999997</v>
      </c>
      <c r="J6056" s="8">
        <v>-74.136554099999998</v>
      </c>
    </row>
    <row r="6057" spans="1:10" x14ac:dyDescent="0.35">
      <c r="A6057" s="5" t="s">
        <v>10</v>
      </c>
      <c r="B6057" s="6">
        <v>200692</v>
      </c>
      <c r="C6057" s="6" t="s">
        <v>68</v>
      </c>
      <c r="D6057" s="6" t="s">
        <v>69</v>
      </c>
      <c r="E6057" s="6">
        <v>11001</v>
      </c>
      <c r="F6057" s="6" t="s">
        <v>18</v>
      </c>
      <c r="G6057" s="6" t="s">
        <v>12237</v>
      </c>
      <c r="H6057" s="6" t="s">
        <v>12238</v>
      </c>
      <c r="I6057" s="7">
        <v>4.6345802999999997</v>
      </c>
      <c r="J6057" s="8">
        <v>-74.068264499999998</v>
      </c>
    </row>
    <row r="6058" spans="1:10" x14ac:dyDescent="0.35">
      <c r="A6058" s="5" t="s">
        <v>10</v>
      </c>
      <c r="B6058" s="6">
        <v>185526</v>
      </c>
      <c r="C6058" s="6" t="s">
        <v>2130</v>
      </c>
      <c r="D6058" s="6" t="s">
        <v>3979</v>
      </c>
      <c r="E6058" s="6">
        <v>85010</v>
      </c>
      <c r="F6058" s="6" t="s">
        <v>18</v>
      </c>
      <c r="G6058" s="6" t="s">
        <v>12239</v>
      </c>
      <c r="H6058" s="6" t="s">
        <v>12240</v>
      </c>
      <c r="I6058" s="7">
        <v>5.1708470000000002</v>
      </c>
      <c r="J6058" s="8">
        <v>-72.550818999999905</v>
      </c>
    </row>
    <row r="6059" spans="1:10" x14ac:dyDescent="0.35">
      <c r="A6059" s="5" t="s">
        <v>10</v>
      </c>
      <c r="B6059" s="6">
        <v>211084</v>
      </c>
      <c r="C6059" s="6" t="s">
        <v>28</v>
      </c>
      <c r="D6059" s="6" t="s">
        <v>29</v>
      </c>
      <c r="E6059" s="6">
        <v>54001</v>
      </c>
      <c r="F6059" s="6" t="s">
        <v>13</v>
      </c>
      <c r="G6059" s="6" t="s">
        <v>12241</v>
      </c>
      <c r="H6059" s="6" t="s">
        <v>12242</v>
      </c>
      <c r="I6059" s="7">
        <v>7.9084029999999998</v>
      </c>
      <c r="J6059" s="8">
        <v>-72.527593899999999</v>
      </c>
    </row>
    <row r="6060" spans="1:10" x14ac:dyDescent="0.35">
      <c r="A6060" s="5" t="s">
        <v>10</v>
      </c>
      <c r="B6060" s="6">
        <v>205825</v>
      </c>
      <c r="C6060" s="6" t="s">
        <v>68</v>
      </c>
      <c r="D6060" s="6" t="s">
        <v>69</v>
      </c>
      <c r="E6060" s="6">
        <v>11001</v>
      </c>
      <c r="F6060" s="6" t="s">
        <v>13</v>
      </c>
      <c r="G6060" s="6" t="s">
        <v>12243</v>
      </c>
      <c r="H6060" s="6" t="s">
        <v>12244</v>
      </c>
      <c r="I6060" s="7">
        <v>4.7473858</v>
      </c>
      <c r="J6060" s="8">
        <v>-74.119662899999994</v>
      </c>
    </row>
    <row r="6061" spans="1:10" x14ac:dyDescent="0.35">
      <c r="A6061" s="5" t="s">
        <v>10</v>
      </c>
      <c r="B6061" s="6">
        <v>181056</v>
      </c>
      <c r="C6061" s="6" t="s">
        <v>109</v>
      </c>
      <c r="D6061" s="6" t="s">
        <v>227</v>
      </c>
      <c r="E6061" s="6">
        <v>13001</v>
      </c>
      <c r="F6061" s="6" t="s">
        <v>18</v>
      </c>
      <c r="G6061" s="6" t="s">
        <v>12245</v>
      </c>
      <c r="H6061" s="6" t="s">
        <v>12246</v>
      </c>
      <c r="I6061" s="7">
        <v>10.4127508</v>
      </c>
      <c r="J6061" s="8">
        <v>-75.502083499999998</v>
      </c>
    </row>
    <row r="6062" spans="1:10" x14ac:dyDescent="0.35">
      <c r="A6062" s="5" t="s">
        <v>10</v>
      </c>
      <c r="B6062" s="6">
        <v>229772</v>
      </c>
      <c r="C6062" s="6" t="s">
        <v>117</v>
      </c>
      <c r="D6062" s="6" t="s">
        <v>1334</v>
      </c>
      <c r="E6062" s="6">
        <v>76001</v>
      </c>
      <c r="F6062" s="6" t="s">
        <v>18</v>
      </c>
      <c r="G6062" s="6" t="s">
        <v>12247</v>
      </c>
      <c r="H6062" s="6" t="s">
        <v>12248</v>
      </c>
      <c r="I6062" s="7">
        <v>3.4046208</v>
      </c>
      <c r="J6062" s="8">
        <v>-76.546654700000005</v>
      </c>
    </row>
    <row r="6063" spans="1:10" x14ac:dyDescent="0.35">
      <c r="A6063" s="5" t="s">
        <v>10</v>
      </c>
      <c r="B6063" s="6">
        <v>107070</v>
      </c>
      <c r="C6063" s="6" t="s">
        <v>308</v>
      </c>
      <c r="D6063" s="6" t="s">
        <v>8869</v>
      </c>
      <c r="E6063" s="6">
        <v>23464</v>
      </c>
      <c r="F6063" s="6" t="s">
        <v>13</v>
      </c>
      <c r="G6063" s="6" t="s">
        <v>11877</v>
      </c>
      <c r="H6063" s="6" t="s">
        <v>12249</v>
      </c>
      <c r="I6063" s="7">
        <v>9.2393812999999998</v>
      </c>
      <c r="J6063" s="8">
        <v>-75.676537199999999</v>
      </c>
    </row>
    <row r="6064" spans="1:10" x14ac:dyDescent="0.35">
      <c r="A6064" s="5" t="s">
        <v>10</v>
      </c>
      <c r="B6064" s="6">
        <v>236462</v>
      </c>
      <c r="C6064" s="6" t="s">
        <v>68</v>
      </c>
      <c r="D6064" s="6" t="s">
        <v>69</v>
      </c>
      <c r="E6064" s="6">
        <v>11001</v>
      </c>
      <c r="F6064" s="6" t="s">
        <v>18</v>
      </c>
      <c r="G6064" s="6" t="s">
        <v>12250</v>
      </c>
      <c r="H6064" s="6" t="s">
        <v>12251</v>
      </c>
      <c r="I6064" s="7">
        <v>4.4894878</v>
      </c>
      <c r="J6064" s="8">
        <v>-74.101989900000007</v>
      </c>
    </row>
    <row r="6065" spans="1:10" x14ac:dyDescent="0.35">
      <c r="A6065" s="5" t="s">
        <v>10</v>
      </c>
      <c r="B6065" s="6">
        <v>242673</v>
      </c>
      <c r="C6065" s="6" t="s">
        <v>68</v>
      </c>
      <c r="D6065" s="6" t="s">
        <v>69</v>
      </c>
      <c r="E6065" s="6">
        <v>11001</v>
      </c>
      <c r="F6065" s="6" t="s">
        <v>18</v>
      </c>
      <c r="G6065" s="6" t="s">
        <v>12252</v>
      </c>
      <c r="H6065" s="6" t="s">
        <v>12253</v>
      </c>
      <c r="I6065" s="7">
        <v>4.6442095999999999</v>
      </c>
      <c r="J6065" s="8">
        <v>-74.147483100000002</v>
      </c>
    </row>
    <row r="6066" spans="1:10" x14ac:dyDescent="0.35">
      <c r="A6066" s="5" t="s">
        <v>10</v>
      </c>
      <c r="B6066" s="6">
        <v>242701</v>
      </c>
      <c r="C6066" s="6" t="s">
        <v>68</v>
      </c>
      <c r="D6066" s="6" t="s">
        <v>69</v>
      </c>
      <c r="E6066" s="6">
        <v>11001</v>
      </c>
      <c r="F6066" s="6" t="s">
        <v>18</v>
      </c>
      <c r="G6066" s="6" t="s">
        <v>12254</v>
      </c>
      <c r="H6066" s="6" t="s">
        <v>12255</v>
      </c>
      <c r="I6066" s="7">
        <v>4.6212588999999999</v>
      </c>
      <c r="J6066" s="8">
        <v>-74.123468399999993</v>
      </c>
    </row>
    <row r="6067" spans="1:10" x14ac:dyDescent="0.35">
      <c r="A6067" s="5" t="s">
        <v>10</v>
      </c>
      <c r="B6067" s="6">
        <v>246808</v>
      </c>
      <c r="C6067" s="6" t="s">
        <v>68</v>
      </c>
      <c r="D6067" s="6" t="s">
        <v>69</v>
      </c>
      <c r="E6067" s="6">
        <v>11001</v>
      </c>
      <c r="F6067" s="6" t="s">
        <v>18</v>
      </c>
      <c r="G6067" s="6" t="s">
        <v>12256</v>
      </c>
      <c r="H6067" s="6" t="s">
        <v>12257</v>
      </c>
      <c r="I6067" s="7">
        <v>4.6432614000000001</v>
      </c>
      <c r="J6067" s="8">
        <v>-74.143814599999999</v>
      </c>
    </row>
    <row r="6068" spans="1:10" x14ac:dyDescent="0.35">
      <c r="A6068" s="5" t="s">
        <v>10</v>
      </c>
      <c r="B6068" s="6">
        <v>239936</v>
      </c>
      <c r="C6068" s="6" t="s">
        <v>68</v>
      </c>
      <c r="D6068" s="6" t="s">
        <v>69</v>
      </c>
      <c r="E6068" s="6">
        <v>11001</v>
      </c>
      <c r="F6068" s="6" t="s">
        <v>18</v>
      </c>
      <c r="G6068" s="6" t="s">
        <v>12258</v>
      </c>
      <c r="H6068" s="6" t="s">
        <v>12259</v>
      </c>
      <c r="I6068" s="7">
        <v>4.5774195000000004</v>
      </c>
      <c r="J6068" s="8">
        <v>-74.178430199999994</v>
      </c>
    </row>
    <row r="6069" spans="1:10" x14ac:dyDescent="0.35">
      <c r="A6069" s="5" t="s">
        <v>10</v>
      </c>
      <c r="B6069" s="6">
        <v>214910</v>
      </c>
      <c r="C6069" s="6" t="s">
        <v>68</v>
      </c>
      <c r="D6069" s="6" t="s">
        <v>69</v>
      </c>
      <c r="E6069" s="6">
        <v>11001</v>
      </c>
      <c r="F6069" s="6" t="s">
        <v>18</v>
      </c>
      <c r="G6069" s="6" t="s">
        <v>12260</v>
      </c>
      <c r="H6069" s="6" t="s">
        <v>12261</v>
      </c>
      <c r="I6069" s="7">
        <v>4.6532514999999997</v>
      </c>
      <c r="J6069" s="8">
        <v>-74.131914199999997</v>
      </c>
    </row>
    <row r="6070" spans="1:10" x14ac:dyDescent="0.35">
      <c r="A6070" s="5" t="s">
        <v>10</v>
      </c>
      <c r="B6070" s="6">
        <v>234149</v>
      </c>
      <c r="C6070" s="6" t="s">
        <v>68</v>
      </c>
      <c r="D6070" s="6" t="s">
        <v>69</v>
      </c>
      <c r="E6070" s="6">
        <v>11001</v>
      </c>
      <c r="F6070" s="6" t="s">
        <v>18</v>
      </c>
      <c r="G6070" s="6" t="s">
        <v>12262</v>
      </c>
      <c r="H6070" s="6" t="s">
        <v>12263</v>
      </c>
      <c r="I6070" s="7">
        <v>4.5091611</v>
      </c>
      <c r="J6070" s="8">
        <v>-74.108643599999994</v>
      </c>
    </row>
    <row r="6071" spans="1:10" x14ac:dyDescent="0.35">
      <c r="A6071" s="5" t="s">
        <v>10</v>
      </c>
      <c r="B6071" s="6">
        <v>208652</v>
      </c>
      <c r="C6071" s="6" t="s">
        <v>68</v>
      </c>
      <c r="D6071" s="6" t="s">
        <v>69</v>
      </c>
      <c r="E6071" s="6">
        <v>11001</v>
      </c>
      <c r="F6071" s="6" t="s">
        <v>18</v>
      </c>
      <c r="G6071" s="6" t="s">
        <v>12264</v>
      </c>
      <c r="H6071" s="6" t="s">
        <v>12265</v>
      </c>
      <c r="I6071" s="7">
        <v>4.5113234000000002</v>
      </c>
      <c r="J6071" s="8">
        <v>-74.117448899999999</v>
      </c>
    </row>
    <row r="6072" spans="1:10" x14ac:dyDescent="0.35">
      <c r="A6072" s="5" t="s">
        <v>10</v>
      </c>
      <c r="B6072" s="6">
        <v>242457</v>
      </c>
      <c r="C6072" s="6" t="s">
        <v>68</v>
      </c>
      <c r="D6072" s="6" t="s">
        <v>69</v>
      </c>
      <c r="E6072" s="6">
        <v>11001</v>
      </c>
      <c r="F6072" s="6" t="s">
        <v>18</v>
      </c>
      <c r="G6072" s="6" t="s">
        <v>12266</v>
      </c>
      <c r="H6072" s="6" t="s">
        <v>12267</v>
      </c>
      <c r="I6072" s="7">
        <v>4.7123325999999999</v>
      </c>
      <c r="J6072" s="8">
        <v>-74.120635300000004</v>
      </c>
    </row>
    <row r="6073" spans="1:10" x14ac:dyDescent="0.35">
      <c r="A6073" s="5" t="s">
        <v>10</v>
      </c>
      <c r="B6073" s="6">
        <v>183940</v>
      </c>
      <c r="C6073" s="6" t="s">
        <v>68</v>
      </c>
      <c r="D6073" s="6" t="s">
        <v>69</v>
      </c>
      <c r="E6073" s="6">
        <v>11001</v>
      </c>
      <c r="F6073" s="6" t="s">
        <v>18</v>
      </c>
      <c r="G6073" s="6" t="s">
        <v>12268</v>
      </c>
      <c r="H6073" s="6" t="s">
        <v>12269</v>
      </c>
      <c r="I6073" s="7">
        <v>4.6700181000000001</v>
      </c>
      <c r="J6073" s="8">
        <v>-74.069828000000001</v>
      </c>
    </row>
    <row r="6074" spans="1:10" x14ac:dyDescent="0.35">
      <c r="A6074" s="5" t="s">
        <v>10</v>
      </c>
      <c r="B6074" s="6">
        <v>175794</v>
      </c>
      <c r="C6074" s="6" t="s">
        <v>190</v>
      </c>
      <c r="D6074" s="6" t="s">
        <v>191</v>
      </c>
      <c r="E6074" s="6">
        <v>5001</v>
      </c>
      <c r="F6074" s="6" t="s">
        <v>18</v>
      </c>
      <c r="G6074" s="6" t="s">
        <v>12270</v>
      </c>
      <c r="H6074" s="6" t="s">
        <v>12271</v>
      </c>
      <c r="I6074" s="7">
        <v>6.2467249999999996</v>
      </c>
      <c r="J6074" s="8">
        <v>-75.540854600000003</v>
      </c>
    </row>
    <row r="6075" spans="1:10" x14ac:dyDescent="0.35">
      <c r="A6075" s="5" t="s">
        <v>10</v>
      </c>
      <c r="B6075" s="6">
        <v>188666</v>
      </c>
      <c r="C6075" s="6" t="s">
        <v>28</v>
      </c>
      <c r="D6075" s="6" t="s">
        <v>29</v>
      </c>
      <c r="E6075" s="6">
        <v>54001</v>
      </c>
      <c r="F6075" s="6" t="s">
        <v>13</v>
      </c>
      <c r="G6075" s="6" t="s">
        <v>12272</v>
      </c>
      <c r="H6075" s="6" t="s">
        <v>12273</v>
      </c>
      <c r="I6075" s="7">
        <v>7.9020918</v>
      </c>
      <c r="J6075" s="8">
        <v>-72.530552599999993</v>
      </c>
    </row>
    <row r="6076" spans="1:10" x14ac:dyDescent="0.35">
      <c r="A6076" s="5" t="s">
        <v>10</v>
      </c>
      <c r="B6076" s="6">
        <v>237454</v>
      </c>
      <c r="C6076" s="6" t="s">
        <v>16</v>
      </c>
      <c r="D6076" s="6" t="s">
        <v>4693</v>
      </c>
      <c r="E6076" s="6">
        <v>68190</v>
      </c>
      <c r="F6076" s="6" t="s">
        <v>13</v>
      </c>
      <c r="G6076" s="6" t="s">
        <v>12274</v>
      </c>
      <c r="H6076" s="6" t="s">
        <v>12275</v>
      </c>
      <c r="I6076" s="7">
        <v>6.3145616999999996</v>
      </c>
      <c r="J6076" s="8">
        <v>-73.951400199999995</v>
      </c>
    </row>
    <row r="6077" spans="1:10" x14ac:dyDescent="0.35">
      <c r="A6077" s="5" t="s">
        <v>10</v>
      </c>
      <c r="B6077" s="6">
        <v>198656</v>
      </c>
      <c r="C6077" s="6" t="s">
        <v>190</v>
      </c>
      <c r="D6077" s="6" t="s">
        <v>12276</v>
      </c>
      <c r="E6077" s="6">
        <v>5051</v>
      </c>
      <c r="F6077" s="6" t="s">
        <v>13</v>
      </c>
      <c r="G6077" s="6" t="s">
        <v>12277</v>
      </c>
      <c r="H6077" s="6" t="s">
        <v>12278</v>
      </c>
      <c r="I6077" s="7">
        <v>6.2495861000000001</v>
      </c>
      <c r="J6077" s="8">
        <v>-75.598343099999994</v>
      </c>
    </row>
    <row r="6078" spans="1:10" x14ac:dyDescent="0.35">
      <c r="A6078" s="5" t="s">
        <v>10</v>
      </c>
      <c r="B6078" s="6">
        <v>167432</v>
      </c>
      <c r="C6078" s="6" t="s">
        <v>109</v>
      </c>
      <c r="D6078" s="6" t="s">
        <v>3238</v>
      </c>
      <c r="E6078" s="6">
        <v>13140</v>
      </c>
      <c r="F6078" s="6" t="s">
        <v>18</v>
      </c>
      <c r="G6078" s="6" t="s">
        <v>12279</v>
      </c>
      <c r="H6078" s="6" t="s">
        <v>12280</v>
      </c>
      <c r="I6078" s="7">
        <v>10.2482817</v>
      </c>
      <c r="J6078" s="8">
        <v>-74.915177</v>
      </c>
    </row>
    <row r="6079" spans="1:10" x14ac:dyDescent="0.35">
      <c r="A6079" s="5" t="s">
        <v>10</v>
      </c>
      <c r="B6079" s="6">
        <v>237773</v>
      </c>
      <c r="C6079" s="6" t="s">
        <v>117</v>
      </c>
      <c r="D6079" s="6" t="s">
        <v>3492</v>
      </c>
      <c r="E6079" s="6">
        <v>76520</v>
      </c>
      <c r="F6079" s="6" t="s">
        <v>18</v>
      </c>
      <c r="G6079" s="6" t="s">
        <v>12281</v>
      </c>
      <c r="H6079" s="6" t="s">
        <v>12282</v>
      </c>
      <c r="I6079" s="7">
        <v>3.5325997</v>
      </c>
      <c r="J6079" s="8">
        <v>-76.290419499999999</v>
      </c>
    </row>
    <row r="6080" spans="1:10" x14ac:dyDescent="0.35">
      <c r="A6080" s="5" t="s">
        <v>10</v>
      </c>
      <c r="B6080" s="6">
        <v>240748</v>
      </c>
      <c r="C6080" s="6" t="s">
        <v>190</v>
      </c>
      <c r="D6080" s="6" t="s">
        <v>4362</v>
      </c>
      <c r="E6080" s="6">
        <v>5360</v>
      </c>
      <c r="F6080" s="6" t="s">
        <v>18</v>
      </c>
      <c r="G6080" s="6" t="s">
        <v>12283</v>
      </c>
      <c r="H6080" s="6" t="s">
        <v>12284</v>
      </c>
      <c r="I6080" s="7">
        <v>6.1782538000000002</v>
      </c>
      <c r="J6080" s="8">
        <v>-75.597720600000002</v>
      </c>
    </row>
    <row r="6081" spans="1:10" x14ac:dyDescent="0.35">
      <c r="A6081" s="5" t="s">
        <v>10</v>
      </c>
      <c r="B6081" s="6">
        <v>236173</v>
      </c>
      <c r="C6081" s="6" t="s">
        <v>190</v>
      </c>
      <c r="D6081" s="6" t="s">
        <v>3689</v>
      </c>
      <c r="E6081" s="6">
        <v>5266</v>
      </c>
      <c r="F6081" s="6" t="s">
        <v>18</v>
      </c>
      <c r="G6081" s="6" t="s">
        <v>12285</v>
      </c>
      <c r="H6081" s="6" t="s">
        <v>12286</v>
      </c>
      <c r="I6081" s="7">
        <v>6.1736521</v>
      </c>
      <c r="J6081" s="8">
        <v>-75.591728099999997</v>
      </c>
    </row>
    <row r="6082" spans="1:10" x14ac:dyDescent="0.35">
      <c r="A6082" s="5" t="s">
        <v>10</v>
      </c>
      <c r="B6082" s="6">
        <v>237236</v>
      </c>
      <c r="C6082" s="6" t="s">
        <v>190</v>
      </c>
      <c r="D6082" s="6" t="s">
        <v>11740</v>
      </c>
      <c r="E6082" s="6">
        <v>5376</v>
      </c>
      <c r="F6082" s="6" t="s">
        <v>18</v>
      </c>
      <c r="G6082" s="6" t="s">
        <v>12287</v>
      </c>
      <c r="H6082" s="6" t="s">
        <v>12288</v>
      </c>
      <c r="I6082" s="7">
        <v>6.0259988</v>
      </c>
      <c r="J6082" s="8">
        <v>-75.427008299999997</v>
      </c>
    </row>
    <row r="6083" spans="1:10" x14ac:dyDescent="0.35">
      <c r="A6083" s="5" t="s">
        <v>10</v>
      </c>
      <c r="B6083" s="6">
        <v>240815</v>
      </c>
      <c r="C6083" s="6" t="s">
        <v>190</v>
      </c>
      <c r="D6083" s="6" t="s">
        <v>4063</v>
      </c>
      <c r="E6083" s="6">
        <v>5088</v>
      </c>
      <c r="F6083" s="6" t="s">
        <v>18</v>
      </c>
      <c r="G6083" s="6" t="s">
        <v>12289</v>
      </c>
      <c r="H6083" s="6" t="s">
        <v>12290</v>
      </c>
      <c r="I6083" s="7">
        <v>6.3119904</v>
      </c>
      <c r="J6083" s="8">
        <v>-75.569818699999999</v>
      </c>
    </row>
    <row r="6084" spans="1:10" x14ac:dyDescent="0.35">
      <c r="A6084" s="5" t="s">
        <v>10</v>
      </c>
      <c r="B6084" s="6">
        <v>211942</v>
      </c>
      <c r="C6084" s="6" t="s">
        <v>68</v>
      </c>
      <c r="D6084" s="6" t="s">
        <v>69</v>
      </c>
      <c r="E6084" s="6">
        <v>11001</v>
      </c>
      <c r="F6084" s="6" t="s">
        <v>18</v>
      </c>
      <c r="G6084" s="6" t="s">
        <v>12291</v>
      </c>
      <c r="H6084" s="6" t="s">
        <v>12292</v>
      </c>
      <c r="I6084" s="7">
        <v>4.5877074000000002</v>
      </c>
      <c r="J6084" s="8">
        <v>-74.087289799999994</v>
      </c>
    </row>
    <row r="6085" spans="1:10" x14ac:dyDescent="0.35">
      <c r="A6085" s="5" t="s">
        <v>10</v>
      </c>
      <c r="B6085" s="6">
        <v>243397</v>
      </c>
      <c r="C6085" s="6" t="s">
        <v>68</v>
      </c>
      <c r="D6085" s="6" t="s">
        <v>69</v>
      </c>
      <c r="E6085" s="6">
        <v>11001</v>
      </c>
      <c r="F6085" s="6" t="s">
        <v>18</v>
      </c>
      <c r="G6085" s="6" t="s">
        <v>12293</v>
      </c>
      <c r="H6085" s="6" t="s">
        <v>12294</v>
      </c>
      <c r="I6085" s="7">
        <v>4.6082374000000002</v>
      </c>
      <c r="J6085" s="8">
        <v>-74.172506900000002</v>
      </c>
    </row>
    <row r="6086" spans="1:10" x14ac:dyDescent="0.35">
      <c r="A6086" s="5" t="s">
        <v>10</v>
      </c>
      <c r="B6086" s="6">
        <v>245141</v>
      </c>
      <c r="C6086" s="6" t="s">
        <v>68</v>
      </c>
      <c r="D6086" s="6" t="s">
        <v>69</v>
      </c>
      <c r="E6086" s="6">
        <v>11001</v>
      </c>
      <c r="F6086" s="6" t="s">
        <v>18</v>
      </c>
      <c r="G6086" s="6" t="s">
        <v>12295</v>
      </c>
      <c r="H6086" s="6" t="s">
        <v>12296</v>
      </c>
      <c r="I6086" s="7">
        <v>4.5397249000000004</v>
      </c>
      <c r="J6086" s="8">
        <v>-74.1345654</v>
      </c>
    </row>
    <row r="6087" spans="1:10" x14ac:dyDescent="0.35">
      <c r="A6087" s="5" t="s">
        <v>10</v>
      </c>
      <c r="B6087" s="6">
        <v>247610</v>
      </c>
      <c r="C6087" s="6" t="s">
        <v>68</v>
      </c>
      <c r="D6087" s="6" t="s">
        <v>69</v>
      </c>
      <c r="E6087" s="6">
        <v>11001</v>
      </c>
      <c r="F6087" s="6" t="s">
        <v>18</v>
      </c>
      <c r="G6087" s="6" t="s">
        <v>12297</v>
      </c>
      <c r="H6087" s="6" t="s">
        <v>12298</v>
      </c>
      <c r="I6087" s="7">
        <v>4.5777976999999996</v>
      </c>
      <c r="J6087" s="8">
        <v>-74.154503899999995</v>
      </c>
    </row>
    <row r="6088" spans="1:10" x14ac:dyDescent="0.35">
      <c r="A6088" s="5" t="s">
        <v>10</v>
      </c>
      <c r="B6088" s="6">
        <v>226552</v>
      </c>
      <c r="C6088" s="6" t="s">
        <v>68</v>
      </c>
      <c r="D6088" s="6" t="s">
        <v>69</v>
      </c>
      <c r="E6088" s="6">
        <v>11001</v>
      </c>
      <c r="F6088" s="6" t="s">
        <v>18</v>
      </c>
      <c r="G6088" s="6" t="s">
        <v>12299</v>
      </c>
      <c r="H6088" s="6" t="s">
        <v>12300</v>
      </c>
      <c r="I6088" s="7">
        <v>4.7329056999999999</v>
      </c>
      <c r="J6088" s="8">
        <v>-74.092730500000002</v>
      </c>
    </row>
    <row r="6089" spans="1:10" x14ac:dyDescent="0.35">
      <c r="A6089" s="5" t="s">
        <v>10</v>
      </c>
      <c r="B6089" s="6">
        <v>171567</v>
      </c>
      <c r="C6089" s="6" t="s">
        <v>68</v>
      </c>
      <c r="D6089" s="6" t="s">
        <v>69</v>
      </c>
      <c r="E6089" s="6">
        <v>11001</v>
      </c>
      <c r="F6089" s="6" t="s">
        <v>18</v>
      </c>
      <c r="G6089" s="6" t="s">
        <v>12301</v>
      </c>
      <c r="H6089" s="6" t="s">
        <v>12302</v>
      </c>
      <c r="I6089" s="7">
        <v>4.5914523999999997</v>
      </c>
      <c r="J6089" s="8">
        <v>-74.157094799999996</v>
      </c>
    </row>
    <row r="6090" spans="1:10" x14ac:dyDescent="0.35">
      <c r="A6090" s="5" t="s">
        <v>10</v>
      </c>
      <c r="B6090" s="6">
        <v>230197</v>
      </c>
      <c r="C6090" s="6" t="s">
        <v>68</v>
      </c>
      <c r="D6090" s="6" t="s">
        <v>69</v>
      </c>
      <c r="E6090" s="6">
        <v>11001</v>
      </c>
      <c r="F6090" s="6" t="s">
        <v>18</v>
      </c>
      <c r="G6090" s="6" t="s">
        <v>12303</v>
      </c>
      <c r="H6090" s="6" t="s">
        <v>12304</v>
      </c>
      <c r="I6090" s="7">
        <v>4.6160733</v>
      </c>
      <c r="J6090" s="8">
        <v>-74.144612199999997</v>
      </c>
    </row>
    <row r="6091" spans="1:10" x14ac:dyDescent="0.35">
      <c r="A6091" s="5" t="s">
        <v>10</v>
      </c>
      <c r="B6091" s="6">
        <v>217993</v>
      </c>
      <c r="C6091" s="6" t="s">
        <v>11</v>
      </c>
      <c r="D6091" s="6" t="s">
        <v>513</v>
      </c>
      <c r="E6091" s="6">
        <v>25286</v>
      </c>
      <c r="F6091" s="6" t="s">
        <v>18</v>
      </c>
      <c r="G6091" s="6" t="s">
        <v>12305</v>
      </c>
      <c r="H6091" s="6" t="s">
        <v>12306</v>
      </c>
      <c r="I6091" s="7">
        <v>4.7148275000000002</v>
      </c>
      <c r="J6091" s="8">
        <v>-74.208528900000005</v>
      </c>
    </row>
    <row r="6092" spans="1:10" x14ac:dyDescent="0.35">
      <c r="A6092" s="5" t="s">
        <v>10</v>
      </c>
      <c r="B6092" s="6">
        <v>171812</v>
      </c>
      <c r="C6092" s="6" t="s">
        <v>11</v>
      </c>
      <c r="D6092" s="6" t="s">
        <v>12</v>
      </c>
      <c r="E6092" s="6">
        <v>25899</v>
      </c>
      <c r="F6092" s="6" t="s">
        <v>18</v>
      </c>
      <c r="G6092" s="6" t="s">
        <v>8739</v>
      </c>
      <c r="H6092" s="6" t="s">
        <v>12307</v>
      </c>
      <c r="I6092" s="7">
        <v>5.0349361999999998</v>
      </c>
      <c r="J6092" s="8">
        <v>-73.993553899999995</v>
      </c>
    </row>
    <row r="6093" spans="1:10" x14ac:dyDescent="0.35">
      <c r="A6093" s="5" t="s">
        <v>10</v>
      </c>
      <c r="B6093" s="6">
        <v>231493</v>
      </c>
      <c r="C6093" s="6" t="s">
        <v>68</v>
      </c>
      <c r="D6093" s="6" t="s">
        <v>69</v>
      </c>
      <c r="E6093" s="6">
        <v>11001</v>
      </c>
      <c r="F6093" s="6" t="s">
        <v>18</v>
      </c>
      <c r="G6093" s="6" t="s">
        <v>12308</v>
      </c>
      <c r="H6093" s="6" t="s">
        <v>12309</v>
      </c>
      <c r="I6093" s="7">
        <v>4.7204034999999998</v>
      </c>
      <c r="J6093" s="8">
        <v>-74.094166400000006</v>
      </c>
    </row>
    <row r="6094" spans="1:10" x14ac:dyDescent="0.35">
      <c r="A6094" s="5" t="s">
        <v>10</v>
      </c>
      <c r="B6094" s="6">
        <v>236983</v>
      </c>
      <c r="C6094" s="6" t="s">
        <v>68</v>
      </c>
      <c r="D6094" s="6" t="s">
        <v>69</v>
      </c>
      <c r="E6094" s="6">
        <v>11001</v>
      </c>
      <c r="F6094" s="6" t="s">
        <v>18</v>
      </c>
      <c r="G6094" s="6" t="s">
        <v>12310</v>
      </c>
      <c r="H6094" s="6" t="s">
        <v>12311</v>
      </c>
      <c r="I6094" s="7">
        <v>4.6236917999999996</v>
      </c>
      <c r="J6094" s="8">
        <v>-74.077428800000007</v>
      </c>
    </row>
    <row r="6095" spans="1:10" x14ac:dyDescent="0.35">
      <c r="A6095" s="5" t="s">
        <v>10</v>
      </c>
      <c r="B6095" s="6">
        <v>244743</v>
      </c>
      <c r="C6095" s="6" t="s">
        <v>68</v>
      </c>
      <c r="D6095" s="6" t="s">
        <v>69</v>
      </c>
      <c r="E6095" s="6">
        <v>11001</v>
      </c>
      <c r="F6095" s="6" t="s">
        <v>18</v>
      </c>
      <c r="G6095" s="6" t="s">
        <v>12312</v>
      </c>
      <c r="H6095" s="6" t="s">
        <v>12313</v>
      </c>
      <c r="I6095" s="7">
        <v>4.6120435999999998</v>
      </c>
      <c r="J6095" s="8">
        <v>-74.147352900000001</v>
      </c>
    </row>
    <row r="6096" spans="1:10" x14ac:dyDescent="0.35">
      <c r="A6096" s="5" t="s">
        <v>10</v>
      </c>
      <c r="B6096" s="6">
        <v>223160</v>
      </c>
      <c r="C6096" s="6" t="s">
        <v>68</v>
      </c>
      <c r="D6096" s="6" t="s">
        <v>69</v>
      </c>
      <c r="E6096" s="6">
        <v>11001</v>
      </c>
      <c r="F6096" s="6" t="s">
        <v>18</v>
      </c>
      <c r="G6096" s="6" t="s">
        <v>12314</v>
      </c>
      <c r="H6096" s="6" t="s">
        <v>12315</v>
      </c>
      <c r="I6096" s="7">
        <v>4.5623022000000004</v>
      </c>
      <c r="J6096" s="8">
        <v>-74.141520099999994</v>
      </c>
    </row>
    <row r="6097" spans="1:10" x14ac:dyDescent="0.35">
      <c r="A6097" s="5" t="s">
        <v>10</v>
      </c>
      <c r="B6097" s="6">
        <v>239738</v>
      </c>
      <c r="C6097" s="6" t="s">
        <v>68</v>
      </c>
      <c r="D6097" s="6" t="s">
        <v>69</v>
      </c>
      <c r="E6097" s="6">
        <v>11001</v>
      </c>
      <c r="F6097" s="6" t="s">
        <v>18</v>
      </c>
      <c r="G6097" s="6" t="s">
        <v>12316</v>
      </c>
      <c r="H6097" s="6" t="s">
        <v>12317</v>
      </c>
      <c r="I6097" s="7">
        <v>4.5700551999999997</v>
      </c>
      <c r="J6097" s="8">
        <v>-74.122958999999994</v>
      </c>
    </row>
    <row r="6098" spans="1:10" x14ac:dyDescent="0.35">
      <c r="A6098" s="5" t="s">
        <v>10</v>
      </c>
      <c r="B6098" s="6">
        <v>225537</v>
      </c>
      <c r="C6098" s="6" t="s">
        <v>68</v>
      </c>
      <c r="D6098" s="6" t="s">
        <v>69</v>
      </c>
      <c r="E6098" s="6">
        <v>11001</v>
      </c>
      <c r="F6098" s="6" t="s">
        <v>18</v>
      </c>
      <c r="G6098" s="6" t="s">
        <v>12318</v>
      </c>
      <c r="H6098" s="6" t="s">
        <v>12319</v>
      </c>
      <c r="I6098" s="7">
        <v>4.6945385000000002</v>
      </c>
      <c r="J6098" s="8">
        <v>-74.110774699999993</v>
      </c>
    </row>
    <row r="6099" spans="1:10" x14ac:dyDescent="0.35">
      <c r="A6099" s="5" t="s">
        <v>10</v>
      </c>
      <c r="B6099" s="6">
        <v>233300</v>
      </c>
      <c r="C6099" s="6" t="s">
        <v>11</v>
      </c>
      <c r="D6099" s="6" t="s">
        <v>334</v>
      </c>
      <c r="E6099" s="6">
        <v>25754</v>
      </c>
      <c r="F6099" s="6" t="s">
        <v>18</v>
      </c>
      <c r="G6099" s="6" t="s">
        <v>12320</v>
      </c>
      <c r="H6099" s="6" t="s">
        <v>12321</v>
      </c>
      <c r="I6099" s="7">
        <v>4.5729199999999999</v>
      </c>
      <c r="J6099" s="8">
        <v>-74.213160000000002</v>
      </c>
    </row>
    <row r="6100" spans="1:10" x14ac:dyDescent="0.35">
      <c r="A6100" s="5" t="s">
        <v>10</v>
      </c>
      <c r="B6100" s="6">
        <v>170270</v>
      </c>
      <c r="C6100" s="6" t="s">
        <v>190</v>
      </c>
      <c r="D6100" s="6" t="s">
        <v>11705</v>
      </c>
      <c r="E6100" s="6">
        <v>5318</v>
      </c>
      <c r="F6100" s="6" t="s">
        <v>18</v>
      </c>
      <c r="G6100" s="6" t="s">
        <v>12322</v>
      </c>
      <c r="H6100" s="6" t="s">
        <v>12323</v>
      </c>
      <c r="I6100" s="7">
        <v>6.2717917999999999</v>
      </c>
      <c r="J6100" s="8">
        <v>-75.438193999999996</v>
      </c>
    </row>
    <row r="6101" spans="1:10" x14ac:dyDescent="0.35">
      <c r="A6101" s="5" t="s">
        <v>10</v>
      </c>
      <c r="B6101" s="6">
        <v>222301</v>
      </c>
      <c r="C6101" s="6" t="s">
        <v>308</v>
      </c>
      <c r="D6101" s="6" t="s">
        <v>309</v>
      </c>
      <c r="E6101" s="6">
        <v>23001</v>
      </c>
      <c r="F6101" s="6" t="s">
        <v>13</v>
      </c>
      <c r="G6101" s="6" t="s">
        <v>12324</v>
      </c>
      <c r="H6101" s="6" t="s">
        <v>12325</v>
      </c>
      <c r="I6101" s="7">
        <v>8.736936</v>
      </c>
      <c r="J6101" s="8">
        <v>-75.894064900000004</v>
      </c>
    </row>
    <row r="6102" spans="1:10" x14ac:dyDescent="0.35">
      <c r="A6102" s="5" t="s">
        <v>10</v>
      </c>
      <c r="B6102" s="6">
        <v>220418</v>
      </c>
      <c r="C6102" s="6" t="s">
        <v>68</v>
      </c>
      <c r="D6102" s="6" t="s">
        <v>69</v>
      </c>
      <c r="E6102" s="6">
        <v>11001</v>
      </c>
      <c r="F6102" s="6" t="s">
        <v>13</v>
      </c>
      <c r="G6102" s="6" t="s">
        <v>12326</v>
      </c>
      <c r="H6102" s="6" t="s">
        <v>12327</v>
      </c>
      <c r="I6102" s="7">
        <v>4.5698119000000004</v>
      </c>
      <c r="J6102" s="8">
        <v>-74.078843199999994</v>
      </c>
    </row>
    <row r="6103" spans="1:10" x14ac:dyDescent="0.35">
      <c r="A6103" s="5" t="s">
        <v>10</v>
      </c>
      <c r="B6103" s="6">
        <v>244446</v>
      </c>
      <c r="C6103" s="6" t="s">
        <v>11</v>
      </c>
      <c r="D6103" s="6" t="s">
        <v>4073</v>
      </c>
      <c r="E6103" s="6">
        <v>25740</v>
      </c>
      <c r="F6103" s="6" t="s">
        <v>13</v>
      </c>
      <c r="G6103" s="6" t="s">
        <v>12328</v>
      </c>
      <c r="H6103" s="6" t="s">
        <v>12329</v>
      </c>
      <c r="I6103" s="7">
        <v>4.4938149999999997</v>
      </c>
      <c r="J6103" s="8">
        <v>-74.258236299999993</v>
      </c>
    </row>
    <row r="6104" spans="1:10" x14ac:dyDescent="0.35">
      <c r="A6104" s="5" t="s">
        <v>10</v>
      </c>
      <c r="B6104" s="6">
        <v>206730</v>
      </c>
      <c r="C6104" s="6" t="s">
        <v>466</v>
      </c>
      <c r="D6104" s="6" t="s">
        <v>467</v>
      </c>
      <c r="E6104" s="6">
        <v>81736</v>
      </c>
      <c r="F6104" s="6" t="s">
        <v>13</v>
      </c>
      <c r="G6104" s="6" t="s">
        <v>12330</v>
      </c>
      <c r="H6104" s="6" t="s">
        <v>12331</v>
      </c>
      <c r="I6104" s="7">
        <v>6.9579939</v>
      </c>
      <c r="J6104" s="8">
        <v>-71.874621200000007</v>
      </c>
    </row>
    <row r="6105" spans="1:10" x14ac:dyDescent="0.35">
      <c r="A6105" s="5" t="s">
        <v>10</v>
      </c>
      <c r="B6105" s="6">
        <v>241011</v>
      </c>
      <c r="C6105" s="6" t="s">
        <v>117</v>
      </c>
      <c r="D6105" s="6" t="s">
        <v>1334</v>
      </c>
      <c r="E6105" s="6">
        <v>76001</v>
      </c>
      <c r="F6105" s="6" t="s">
        <v>18</v>
      </c>
      <c r="G6105" s="6" t="s">
        <v>12332</v>
      </c>
      <c r="H6105" s="6" t="s">
        <v>12333</v>
      </c>
      <c r="I6105" s="7">
        <v>3.4656690999999999</v>
      </c>
      <c r="J6105" s="8">
        <v>-76.503489400000007</v>
      </c>
    </row>
    <row r="6106" spans="1:10" x14ac:dyDescent="0.35">
      <c r="A6106" s="5" t="s">
        <v>10</v>
      </c>
      <c r="B6106" s="6">
        <v>241626</v>
      </c>
      <c r="C6106" s="6" t="s">
        <v>457</v>
      </c>
      <c r="D6106" s="6" t="s">
        <v>12334</v>
      </c>
      <c r="E6106" s="6">
        <v>52694</v>
      </c>
      <c r="F6106" s="6" t="s">
        <v>18</v>
      </c>
      <c r="G6106" s="6" t="s">
        <v>12335</v>
      </c>
      <c r="H6106" s="6" t="s">
        <v>12336</v>
      </c>
      <c r="I6106" s="7">
        <v>1.5529173000000001</v>
      </c>
      <c r="J6106" s="8">
        <v>-77.120281199999994</v>
      </c>
    </row>
    <row r="6107" spans="1:10" x14ac:dyDescent="0.35">
      <c r="A6107" s="5" t="s">
        <v>10</v>
      </c>
      <c r="B6107" s="6">
        <v>229463</v>
      </c>
      <c r="C6107" s="6" t="s">
        <v>117</v>
      </c>
      <c r="D6107" s="6" t="s">
        <v>3860</v>
      </c>
      <c r="E6107" s="6">
        <v>76130</v>
      </c>
      <c r="F6107" s="6" t="s">
        <v>18</v>
      </c>
      <c r="G6107" s="6" t="s">
        <v>12337</v>
      </c>
      <c r="H6107" s="6" t="s">
        <v>12338</v>
      </c>
      <c r="I6107" s="7">
        <v>3.3971426999999998</v>
      </c>
      <c r="J6107" s="8">
        <v>-76.387231400000005</v>
      </c>
    </row>
    <row r="6108" spans="1:10" x14ac:dyDescent="0.35">
      <c r="A6108" s="5" t="s">
        <v>10</v>
      </c>
      <c r="B6108" s="6">
        <v>236253</v>
      </c>
      <c r="C6108" s="6" t="s">
        <v>117</v>
      </c>
      <c r="D6108" s="6" t="s">
        <v>1334</v>
      </c>
      <c r="E6108" s="6">
        <v>76001</v>
      </c>
      <c r="F6108" s="6" t="s">
        <v>18</v>
      </c>
      <c r="G6108" s="6" t="s">
        <v>12339</v>
      </c>
      <c r="H6108" s="6" t="s">
        <v>12340</v>
      </c>
      <c r="I6108" s="7">
        <v>3.466863</v>
      </c>
      <c r="J6108" s="8">
        <v>-76.506116199999994</v>
      </c>
    </row>
    <row r="6109" spans="1:10" x14ac:dyDescent="0.35">
      <c r="A6109" s="5" t="s">
        <v>10</v>
      </c>
      <c r="B6109" s="6">
        <v>244810</v>
      </c>
      <c r="C6109" s="6" t="s">
        <v>117</v>
      </c>
      <c r="D6109" s="6" t="s">
        <v>1334</v>
      </c>
      <c r="E6109" s="6">
        <v>76001</v>
      </c>
      <c r="F6109" s="6" t="s">
        <v>18</v>
      </c>
      <c r="G6109" s="6" t="s">
        <v>12341</v>
      </c>
      <c r="H6109" s="6" t="s">
        <v>12342</v>
      </c>
      <c r="I6109" s="7">
        <v>3.4368154</v>
      </c>
      <c r="J6109" s="8">
        <v>-76.468809899999997</v>
      </c>
    </row>
    <row r="6110" spans="1:10" x14ac:dyDescent="0.35">
      <c r="A6110" s="5" t="s">
        <v>10</v>
      </c>
      <c r="B6110" s="6">
        <v>240572</v>
      </c>
      <c r="C6110" s="6" t="s">
        <v>190</v>
      </c>
      <c r="D6110" s="6" t="s">
        <v>12343</v>
      </c>
      <c r="E6110" s="6">
        <v>5736</v>
      </c>
      <c r="F6110" s="6" t="s">
        <v>18</v>
      </c>
      <c r="G6110" s="6" t="s">
        <v>12344</v>
      </c>
      <c r="H6110" s="6" t="s">
        <v>12345</v>
      </c>
      <c r="I6110" s="7">
        <v>7.0812309999999998</v>
      </c>
      <c r="J6110" s="8">
        <v>-74.702671499999994</v>
      </c>
    </row>
    <row r="6111" spans="1:10" x14ac:dyDescent="0.35">
      <c r="A6111" s="5" t="s">
        <v>10</v>
      </c>
      <c r="B6111" s="6">
        <v>235423</v>
      </c>
      <c r="C6111" s="6" t="s">
        <v>190</v>
      </c>
      <c r="D6111" s="6" t="s">
        <v>12131</v>
      </c>
      <c r="E6111" s="6">
        <v>5837</v>
      </c>
      <c r="F6111" s="6" t="s">
        <v>18</v>
      </c>
      <c r="G6111" s="6" t="s">
        <v>12346</v>
      </c>
      <c r="H6111" s="6" t="s">
        <v>12347</v>
      </c>
      <c r="I6111" s="7">
        <v>8.0951529999999998</v>
      </c>
      <c r="J6111" s="8">
        <v>-76.728441500000002</v>
      </c>
    </row>
    <row r="6112" spans="1:10" x14ac:dyDescent="0.35">
      <c r="A6112" s="5" t="s">
        <v>10</v>
      </c>
      <c r="B6112" s="6">
        <v>225174</v>
      </c>
      <c r="C6112" s="6" t="s">
        <v>190</v>
      </c>
      <c r="D6112" s="6" t="s">
        <v>3689</v>
      </c>
      <c r="E6112" s="6">
        <v>5266</v>
      </c>
      <c r="F6112" s="6" t="s">
        <v>18</v>
      </c>
      <c r="G6112" s="6" t="s">
        <v>12348</v>
      </c>
      <c r="H6112" s="6" t="s">
        <v>12349</v>
      </c>
      <c r="I6112" s="7">
        <v>6.1665994</v>
      </c>
      <c r="J6112" s="8">
        <v>-75.586456999999996</v>
      </c>
    </row>
    <row r="6113" spans="1:10" x14ac:dyDescent="0.35">
      <c r="A6113" s="5" t="s">
        <v>10</v>
      </c>
      <c r="B6113" s="6">
        <v>210268</v>
      </c>
      <c r="C6113" s="6" t="s">
        <v>68</v>
      </c>
      <c r="D6113" s="6" t="s">
        <v>69</v>
      </c>
      <c r="E6113" s="6">
        <v>11001</v>
      </c>
      <c r="F6113" s="6" t="s">
        <v>18</v>
      </c>
      <c r="G6113" s="6" t="s">
        <v>12350</v>
      </c>
      <c r="H6113" s="6" t="s">
        <v>12351</v>
      </c>
      <c r="I6113" s="7">
        <v>4.5915866999999997</v>
      </c>
      <c r="J6113" s="8">
        <v>-74.172682800000004</v>
      </c>
    </row>
    <row r="6114" spans="1:10" x14ac:dyDescent="0.35">
      <c r="A6114" s="5" t="s">
        <v>10</v>
      </c>
      <c r="B6114" s="6">
        <v>242231</v>
      </c>
      <c r="C6114" s="6" t="s">
        <v>68</v>
      </c>
      <c r="D6114" s="6" t="s">
        <v>69</v>
      </c>
      <c r="E6114" s="6">
        <v>11001</v>
      </c>
      <c r="F6114" s="6" t="s">
        <v>18</v>
      </c>
      <c r="G6114" s="6" t="s">
        <v>12352</v>
      </c>
      <c r="H6114" s="6" t="s">
        <v>12353</v>
      </c>
      <c r="I6114" s="7">
        <v>4.6973130999999997</v>
      </c>
      <c r="J6114" s="8">
        <v>-74.166945299999995</v>
      </c>
    </row>
    <row r="6115" spans="1:10" x14ac:dyDescent="0.35">
      <c r="A6115" s="5" t="s">
        <v>10</v>
      </c>
      <c r="B6115" s="6">
        <v>242613</v>
      </c>
      <c r="C6115" s="6" t="s">
        <v>68</v>
      </c>
      <c r="D6115" s="6" t="s">
        <v>69</v>
      </c>
      <c r="E6115" s="6">
        <v>11001</v>
      </c>
      <c r="F6115" s="6" t="s">
        <v>18</v>
      </c>
      <c r="G6115" s="6" t="s">
        <v>12354</v>
      </c>
      <c r="H6115" s="6" t="s">
        <v>12355</v>
      </c>
      <c r="I6115" s="7">
        <v>4.6832599000000004</v>
      </c>
      <c r="J6115" s="8">
        <v>-74.084811900000005</v>
      </c>
    </row>
    <row r="6116" spans="1:10" x14ac:dyDescent="0.35">
      <c r="A6116" s="5" t="s">
        <v>10</v>
      </c>
      <c r="B6116" s="6">
        <v>210474</v>
      </c>
      <c r="C6116" s="6" t="s">
        <v>68</v>
      </c>
      <c r="D6116" s="6" t="s">
        <v>69</v>
      </c>
      <c r="E6116" s="6">
        <v>11001</v>
      </c>
      <c r="F6116" s="6" t="s">
        <v>18</v>
      </c>
      <c r="G6116" s="6" t="s">
        <v>12356</v>
      </c>
      <c r="H6116" s="6" t="s">
        <v>12357</v>
      </c>
      <c r="I6116" s="7">
        <v>4.5892206</v>
      </c>
      <c r="J6116" s="8">
        <v>-74.093896899999905</v>
      </c>
    </row>
    <row r="6117" spans="1:10" x14ac:dyDescent="0.35">
      <c r="A6117" s="5" t="s">
        <v>10</v>
      </c>
      <c r="B6117" s="6">
        <v>235272</v>
      </c>
      <c r="C6117" s="6" t="s">
        <v>68</v>
      </c>
      <c r="D6117" s="6" t="s">
        <v>69</v>
      </c>
      <c r="E6117" s="6">
        <v>11001</v>
      </c>
      <c r="F6117" s="6" t="s">
        <v>18</v>
      </c>
      <c r="G6117" s="6" t="s">
        <v>12358</v>
      </c>
      <c r="H6117" s="6" t="s">
        <v>12359</v>
      </c>
      <c r="I6117" s="7">
        <v>4.6072698000000001</v>
      </c>
      <c r="J6117" s="8">
        <v>-74.092892899999995</v>
      </c>
    </row>
    <row r="6118" spans="1:10" x14ac:dyDescent="0.35">
      <c r="A6118" s="5" t="s">
        <v>10</v>
      </c>
      <c r="B6118" s="6">
        <v>236383</v>
      </c>
      <c r="C6118" s="6" t="s">
        <v>68</v>
      </c>
      <c r="D6118" s="6" t="s">
        <v>69</v>
      </c>
      <c r="E6118" s="6">
        <v>11001</v>
      </c>
      <c r="F6118" s="6" t="s">
        <v>18</v>
      </c>
      <c r="G6118" s="6" t="s">
        <v>12360</v>
      </c>
      <c r="H6118" s="6" t="s">
        <v>12361</v>
      </c>
      <c r="I6118" s="7">
        <v>4.6644667000000002</v>
      </c>
      <c r="J6118" s="8">
        <v>-74.069148499999997</v>
      </c>
    </row>
    <row r="6119" spans="1:10" x14ac:dyDescent="0.35">
      <c r="A6119" s="5" t="s">
        <v>10</v>
      </c>
      <c r="B6119" s="6">
        <v>242187</v>
      </c>
      <c r="C6119" s="6" t="s">
        <v>68</v>
      </c>
      <c r="D6119" s="6" t="s">
        <v>69</v>
      </c>
      <c r="E6119" s="6">
        <v>11001</v>
      </c>
      <c r="F6119" s="6" t="s">
        <v>18</v>
      </c>
      <c r="G6119" s="6" t="s">
        <v>12362</v>
      </c>
      <c r="H6119" s="6" t="s">
        <v>12363</v>
      </c>
      <c r="I6119" s="7">
        <v>4.7215370999999999</v>
      </c>
      <c r="J6119" s="8">
        <v>-74.0298114</v>
      </c>
    </row>
    <row r="6120" spans="1:10" x14ac:dyDescent="0.35">
      <c r="A6120" s="5" t="s">
        <v>10</v>
      </c>
      <c r="B6120" s="6">
        <v>210362</v>
      </c>
      <c r="C6120" s="6" t="s">
        <v>68</v>
      </c>
      <c r="D6120" s="6" t="s">
        <v>69</v>
      </c>
      <c r="E6120" s="6">
        <v>11001</v>
      </c>
      <c r="F6120" s="6" t="s">
        <v>18</v>
      </c>
      <c r="G6120" s="6" t="s">
        <v>12364</v>
      </c>
      <c r="H6120" s="6" t="s">
        <v>12365</v>
      </c>
      <c r="I6120" s="7">
        <v>4.6114397999999897</v>
      </c>
      <c r="J6120" s="8">
        <v>-74.119494500000002</v>
      </c>
    </row>
    <row r="6121" spans="1:10" x14ac:dyDescent="0.35">
      <c r="A6121" s="5" t="s">
        <v>10</v>
      </c>
      <c r="B6121" s="6">
        <v>240071</v>
      </c>
      <c r="C6121" s="6" t="s">
        <v>68</v>
      </c>
      <c r="D6121" s="6" t="s">
        <v>69</v>
      </c>
      <c r="E6121" s="6">
        <v>11001</v>
      </c>
      <c r="F6121" s="6" t="s">
        <v>18</v>
      </c>
      <c r="G6121" s="6" t="s">
        <v>12366</v>
      </c>
      <c r="H6121" s="6" t="s">
        <v>12367</v>
      </c>
      <c r="I6121" s="7">
        <v>4.5800729000000002</v>
      </c>
      <c r="J6121" s="8">
        <v>-74.080657200000005</v>
      </c>
    </row>
    <row r="6122" spans="1:10" x14ac:dyDescent="0.35">
      <c r="A6122" s="5" t="s">
        <v>10</v>
      </c>
      <c r="B6122" s="6">
        <v>242319</v>
      </c>
      <c r="C6122" s="6" t="s">
        <v>68</v>
      </c>
      <c r="D6122" s="6" t="s">
        <v>69</v>
      </c>
      <c r="E6122" s="6">
        <v>11001</v>
      </c>
      <c r="F6122" s="6" t="s">
        <v>18</v>
      </c>
      <c r="G6122" s="6" t="s">
        <v>12368</v>
      </c>
      <c r="H6122" s="6" t="s">
        <v>12369</v>
      </c>
      <c r="I6122" s="7">
        <v>4.5394788999999998</v>
      </c>
      <c r="J6122" s="8">
        <v>-74.116193699999997</v>
      </c>
    </row>
    <row r="6123" spans="1:10" x14ac:dyDescent="0.35">
      <c r="A6123" s="5" t="s">
        <v>10</v>
      </c>
      <c r="B6123" s="6">
        <v>236455</v>
      </c>
      <c r="C6123" s="6" t="s">
        <v>68</v>
      </c>
      <c r="D6123" s="6" t="s">
        <v>69</v>
      </c>
      <c r="E6123" s="6">
        <v>11001</v>
      </c>
      <c r="F6123" s="6" t="s">
        <v>18</v>
      </c>
      <c r="G6123" s="6" t="s">
        <v>12370</v>
      </c>
      <c r="H6123" s="6" t="s">
        <v>12371</v>
      </c>
      <c r="I6123" s="7">
        <v>4.6265441000000003</v>
      </c>
      <c r="J6123" s="8">
        <v>-74.189819200000002</v>
      </c>
    </row>
    <row r="6124" spans="1:10" x14ac:dyDescent="0.35">
      <c r="A6124" s="5" t="s">
        <v>10</v>
      </c>
      <c r="B6124" s="6">
        <v>242222</v>
      </c>
      <c r="C6124" s="6" t="s">
        <v>68</v>
      </c>
      <c r="D6124" s="6" t="s">
        <v>69</v>
      </c>
      <c r="E6124" s="6">
        <v>11001</v>
      </c>
      <c r="F6124" s="6" t="s">
        <v>18</v>
      </c>
      <c r="G6124" s="6" t="s">
        <v>12372</v>
      </c>
      <c r="H6124" s="6" t="s">
        <v>12373</v>
      </c>
      <c r="I6124" s="7">
        <v>4.7471180000000004</v>
      </c>
      <c r="J6124" s="8">
        <v>-74.048845999999998</v>
      </c>
    </row>
    <row r="6125" spans="1:10" x14ac:dyDescent="0.35">
      <c r="A6125" s="5" t="s">
        <v>10</v>
      </c>
      <c r="B6125" s="6">
        <v>190055</v>
      </c>
      <c r="C6125" s="6" t="s">
        <v>68</v>
      </c>
      <c r="D6125" s="6" t="s">
        <v>69</v>
      </c>
      <c r="E6125" s="6">
        <v>11001</v>
      </c>
      <c r="F6125" s="6" t="s">
        <v>13</v>
      </c>
      <c r="G6125" s="6" t="s">
        <v>12374</v>
      </c>
      <c r="H6125" s="6" t="s">
        <v>12375</v>
      </c>
      <c r="I6125" s="7">
        <v>4.7144326999999997</v>
      </c>
      <c r="J6125" s="8">
        <v>-74.072641099999998</v>
      </c>
    </row>
    <row r="6126" spans="1:10" x14ac:dyDescent="0.35">
      <c r="A6126" s="5" t="s">
        <v>10</v>
      </c>
      <c r="B6126" s="6">
        <v>198387</v>
      </c>
      <c r="C6126" s="6" t="s">
        <v>2821</v>
      </c>
      <c r="D6126" s="6" t="s">
        <v>9371</v>
      </c>
      <c r="E6126" s="6">
        <v>47551</v>
      </c>
      <c r="F6126" s="6" t="s">
        <v>13</v>
      </c>
      <c r="G6126" s="6" t="s">
        <v>12376</v>
      </c>
      <c r="H6126" s="6" t="s">
        <v>12377</v>
      </c>
      <c r="I6126" s="7">
        <v>10.461877400000001</v>
      </c>
      <c r="J6126" s="8">
        <v>-74.619717699999995</v>
      </c>
    </row>
    <row r="6127" spans="1:10" x14ac:dyDescent="0.35">
      <c r="A6127" s="5" t="s">
        <v>10</v>
      </c>
      <c r="B6127" s="6">
        <v>203201</v>
      </c>
      <c r="C6127" s="6" t="s">
        <v>308</v>
      </c>
      <c r="D6127" s="6" t="s">
        <v>309</v>
      </c>
      <c r="E6127" s="6">
        <v>23001</v>
      </c>
      <c r="F6127" s="6" t="s">
        <v>13</v>
      </c>
      <c r="G6127" s="6" t="s">
        <v>12378</v>
      </c>
      <c r="H6127" s="6" t="s">
        <v>12379</v>
      </c>
      <c r="I6127" s="7">
        <v>8.7386143000000001</v>
      </c>
      <c r="J6127" s="8">
        <v>-75.899355499999999</v>
      </c>
    </row>
    <row r="6128" spans="1:10" x14ac:dyDescent="0.35">
      <c r="A6128" s="5" t="s">
        <v>10</v>
      </c>
      <c r="B6128" s="6">
        <v>238931</v>
      </c>
      <c r="C6128" s="6" t="s">
        <v>117</v>
      </c>
      <c r="D6128" s="6" t="s">
        <v>3402</v>
      </c>
      <c r="E6128" s="6">
        <v>76364</v>
      </c>
      <c r="F6128" s="6" t="s">
        <v>18</v>
      </c>
      <c r="G6128" s="6" t="s">
        <v>12380</v>
      </c>
      <c r="H6128" s="6" t="s">
        <v>12381</v>
      </c>
      <c r="I6128" s="7">
        <v>3.2622393000000001</v>
      </c>
      <c r="J6128" s="8">
        <v>-76.539915699999995</v>
      </c>
    </row>
    <row r="6129" spans="1:10" x14ac:dyDescent="0.35">
      <c r="A6129" s="5" t="s">
        <v>10</v>
      </c>
      <c r="B6129" s="6">
        <v>239349</v>
      </c>
      <c r="C6129" s="6" t="s">
        <v>117</v>
      </c>
      <c r="D6129" s="6" t="s">
        <v>1334</v>
      </c>
      <c r="E6129" s="6">
        <v>76001</v>
      </c>
      <c r="F6129" s="6" t="s">
        <v>18</v>
      </c>
      <c r="G6129" s="6" t="s">
        <v>12382</v>
      </c>
      <c r="H6129" s="6" t="s">
        <v>12383</v>
      </c>
      <c r="I6129" s="7">
        <v>3.4196661000000002</v>
      </c>
      <c r="J6129" s="8">
        <v>-76.532417699999996</v>
      </c>
    </row>
    <row r="6130" spans="1:10" x14ac:dyDescent="0.35">
      <c r="A6130" s="5" t="s">
        <v>10</v>
      </c>
      <c r="B6130" s="6">
        <v>246023</v>
      </c>
      <c r="C6130" s="6" t="s">
        <v>190</v>
      </c>
      <c r="D6130" s="6" t="s">
        <v>12384</v>
      </c>
      <c r="E6130" s="6">
        <v>5190</v>
      </c>
      <c r="F6130" s="6" t="s">
        <v>18</v>
      </c>
      <c r="G6130" s="6" t="s">
        <v>12385</v>
      </c>
      <c r="H6130" s="6" t="s">
        <v>12386</v>
      </c>
      <c r="I6130" s="7">
        <v>6.5391874000000003</v>
      </c>
      <c r="J6130" s="8">
        <v>-75.088374200000004</v>
      </c>
    </row>
    <row r="6131" spans="1:10" x14ac:dyDescent="0.35">
      <c r="A6131" s="5" t="s">
        <v>10</v>
      </c>
      <c r="B6131" s="6">
        <v>239253</v>
      </c>
      <c r="C6131" s="6" t="s">
        <v>190</v>
      </c>
      <c r="D6131" s="6" t="s">
        <v>11926</v>
      </c>
      <c r="E6131" s="6">
        <v>5129</v>
      </c>
      <c r="F6131" s="6" t="s">
        <v>18</v>
      </c>
      <c r="G6131" s="6" t="s">
        <v>12387</v>
      </c>
      <c r="H6131" s="6" t="s">
        <v>12388</v>
      </c>
      <c r="I6131" s="7">
        <v>6.0907100999999999</v>
      </c>
      <c r="J6131" s="8">
        <v>-75.636291900000003</v>
      </c>
    </row>
    <row r="6132" spans="1:10" x14ac:dyDescent="0.35">
      <c r="A6132" s="5" t="s">
        <v>10</v>
      </c>
      <c r="B6132" s="6">
        <v>129624</v>
      </c>
      <c r="C6132" s="6" t="s">
        <v>68</v>
      </c>
      <c r="D6132" s="6" t="s">
        <v>69</v>
      </c>
      <c r="E6132" s="6">
        <v>11001</v>
      </c>
      <c r="F6132" s="6" t="s">
        <v>18</v>
      </c>
      <c r="G6132" s="6" t="s">
        <v>12389</v>
      </c>
      <c r="H6132" s="6" t="s">
        <v>12390</v>
      </c>
      <c r="I6132" s="7">
        <v>4.6042182999999897</v>
      </c>
      <c r="J6132" s="8">
        <v>-74.088721300000003</v>
      </c>
    </row>
    <row r="6133" spans="1:10" x14ac:dyDescent="0.35">
      <c r="A6133" s="5" t="s">
        <v>10</v>
      </c>
      <c r="B6133" s="6">
        <v>202043</v>
      </c>
      <c r="C6133" s="6" t="s">
        <v>68</v>
      </c>
      <c r="D6133" s="6" t="s">
        <v>69</v>
      </c>
      <c r="E6133" s="6">
        <v>11001</v>
      </c>
      <c r="F6133" s="6" t="s">
        <v>18</v>
      </c>
      <c r="G6133" s="6" t="s">
        <v>12391</v>
      </c>
      <c r="H6133" s="6" t="s">
        <v>12392</v>
      </c>
      <c r="I6133" s="7">
        <v>4.6006556999999999</v>
      </c>
      <c r="J6133" s="8">
        <v>-74.079206799999994</v>
      </c>
    </row>
    <row r="6134" spans="1:10" x14ac:dyDescent="0.35">
      <c r="A6134" s="5" t="s">
        <v>10</v>
      </c>
      <c r="B6134" s="6">
        <v>206467</v>
      </c>
      <c r="C6134" s="6" t="s">
        <v>68</v>
      </c>
      <c r="D6134" s="6" t="s">
        <v>69</v>
      </c>
      <c r="E6134" s="6">
        <v>11001</v>
      </c>
      <c r="F6134" s="6" t="s">
        <v>18</v>
      </c>
      <c r="G6134" s="6" t="s">
        <v>113</v>
      </c>
      <c r="H6134" s="6" t="s">
        <v>12393</v>
      </c>
      <c r="I6134" s="7">
        <v>4.6106413000000002</v>
      </c>
      <c r="J6134" s="8">
        <v>-74.119017999999997</v>
      </c>
    </row>
    <row r="6135" spans="1:10" x14ac:dyDescent="0.35">
      <c r="A6135" s="5" t="s">
        <v>10</v>
      </c>
      <c r="B6135" s="6">
        <v>216095</v>
      </c>
      <c r="C6135" s="6" t="s">
        <v>68</v>
      </c>
      <c r="D6135" s="6" t="s">
        <v>69</v>
      </c>
      <c r="E6135" s="6">
        <v>11001</v>
      </c>
      <c r="F6135" s="6" t="s">
        <v>18</v>
      </c>
      <c r="G6135" s="6" t="s">
        <v>12394</v>
      </c>
      <c r="H6135" s="6" t="s">
        <v>12395</v>
      </c>
      <c r="I6135" s="7">
        <v>4.7388465999999996</v>
      </c>
      <c r="J6135" s="8">
        <v>-74.106556499999996</v>
      </c>
    </row>
    <row r="6136" spans="1:10" x14ac:dyDescent="0.35">
      <c r="A6136" s="5" t="s">
        <v>10</v>
      </c>
      <c r="B6136" s="6">
        <v>226850</v>
      </c>
      <c r="C6136" s="6" t="s">
        <v>68</v>
      </c>
      <c r="D6136" s="6" t="s">
        <v>69</v>
      </c>
      <c r="E6136" s="6">
        <v>11001</v>
      </c>
      <c r="F6136" s="6" t="s">
        <v>18</v>
      </c>
      <c r="G6136" s="6" t="s">
        <v>12396</v>
      </c>
      <c r="H6136" s="6" t="s">
        <v>12397</v>
      </c>
      <c r="I6136" s="7">
        <v>4.7377042999999999</v>
      </c>
      <c r="J6136" s="8">
        <v>-74.022745799999996</v>
      </c>
    </row>
    <row r="6137" spans="1:10" x14ac:dyDescent="0.35">
      <c r="A6137" s="5" t="s">
        <v>10</v>
      </c>
      <c r="B6137" s="6">
        <v>228836</v>
      </c>
      <c r="C6137" s="6" t="s">
        <v>68</v>
      </c>
      <c r="D6137" s="6" t="s">
        <v>69</v>
      </c>
      <c r="E6137" s="6">
        <v>11001</v>
      </c>
      <c r="F6137" s="6" t="s">
        <v>18</v>
      </c>
      <c r="G6137" s="6" t="s">
        <v>12398</v>
      </c>
      <c r="H6137" s="6" t="s">
        <v>12399</v>
      </c>
      <c r="I6137" s="7">
        <v>4.7011311999999998</v>
      </c>
      <c r="J6137" s="8">
        <v>-74.049209899999994</v>
      </c>
    </row>
    <row r="6138" spans="1:10" x14ac:dyDescent="0.35">
      <c r="A6138" s="5" t="s">
        <v>10</v>
      </c>
      <c r="B6138" s="6">
        <v>242408</v>
      </c>
      <c r="C6138" s="6" t="s">
        <v>68</v>
      </c>
      <c r="D6138" s="6" t="s">
        <v>69</v>
      </c>
      <c r="E6138" s="6">
        <v>11001</v>
      </c>
      <c r="F6138" s="6" t="s">
        <v>18</v>
      </c>
      <c r="G6138" s="6" t="s">
        <v>12400</v>
      </c>
      <c r="H6138" s="6" t="s">
        <v>12401</v>
      </c>
      <c r="I6138" s="7">
        <v>4.6004990000000001</v>
      </c>
      <c r="J6138" s="8">
        <v>-74.109560099999996</v>
      </c>
    </row>
    <row r="6139" spans="1:10" x14ac:dyDescent="0.35">
      <c r="A6139" s="5" t="s">
        <v>10</v>
      </c>
      <c r="B6139" s="6">
        <v>116834</v>
      </c>
      <c r="C6139" s="6" t="s">
        <v>68</v>
      </c>
      <c r="D6139" s="6" t="s">
        <v>69</v>
      </c>
      <c r="E6139" s="6">
        <v>11001</v>
      </c>
      <c r="F6139" s="6" t="s">
        <v>18</v>
      </c>
      <c r="G6139" s="6" t="s">
        <v>12402</v>
      </c>
      <c r="H6139" s="6" t="s">
        <v>12403</v>
      </c>
      <c r="I6139" s="7">
        <v>4.7099129999999896</v>
      </c>
      <c r="J6139" s="8">
        <v>-74.130353700000001</v>
      </c>
    </row>
    <row r="6140" spans="1:10" x14ac:dyDescent="0.35">
      <c r="A6140" s="5" t="s">
        <v>10</v>
      </c>
      <c r="B6140" s="6">
        <v>185217</v>
      </c>
      <c r="C6140" s="6" t="s">
        <v>68</v>
      </c>
      <c r="D6140" s="6" t="s">
        <v>69</v>
      </c>
      <c r="E6140" s="6">
        <v>11001</v>
      </c>
      <c r="F6140" s="6" t="s">
        <v>18</v>
      </c>
      <c r="G6140" s="6" t="s">
        <v>12404</v>
      </c>
      <c r="H6140" s="6" t="s">
        <v>12405</v>
      </c>
      <c r="I6140" s="7">
        <v>4.6352361000000002</v>
      </c>
      <c r="J6140" s="8">
        <v>-74.164399599999996</v>
      </c>
    </row>
    <row r="6141" spans="1:10" x14ac:dyDescent="0.35">
      <c r="A6141" s="5" t="s">
        <v>10</v>
      </c>
      <c r="B6141" s="6">
        <v>233987</v>
      </c>
      <c r="C6141" s="6" t="s">
        <v>68</v>
      </c>
      <c r="D6141" s="6" t="s">
        <v>69</v>
      </c>
      <c r="E6141" s="6">
        <v>11001</v>
      </c>
      <c r="F6141" s="6" t="s">
        <v>18</v>
      </c>
      <c r="G6141" s="6" t="s">
        <v>12406</v>
      </c>
      <c r="H6141" s="6" t="s">
        <v>12407</v>
      </c>
      <c r="I6141" s="7">
        <v>4.5470717</v>
      </c>
      <c r="J6141" s="8">
        <v>-74.107858100000001</v>
      </c>
    </row>
    <row r="6142" spans="1:10" x14ac:dyDescent="0.35">
      <c r="A6142" s="5" t="s">
        <v>10</v>
      </c>
      <c r="B6142" s="6">
        <v>242050</v>
      </c>
      <c r="C6142" s="6" t="s">
        <v>68</v>
      </c>
      <c r="D6142" s="6" t="s">
        <v>69</v>
      </c>
      <c r="E6142" s="6">
        <v>11001</v>
      </c>
      <c r="F6142" s="6" t="s">
        <v>18</v>
      </c>
      <c r="G6142" s="6" t="s">
        <v>12408</v>
      </c>
      <c r="H6142" s="6" t="s">
        <v>12409</v>
      </c>
      <c r="I6142" s="7">
        <v>4.7298077000000003</v>
      </c>
      <c r="J6142" s="8">
        <v>-74.098683600000001</v>
      </c>
    </row>
    <row r="6143" spans="1:10" x14ac:dyDescent="0.35">
      <c r="A6143" s="5" t="s">
        <v>10</v>
      </c>
      <c r="B6143" s="6">
        <v>216512</v>
      </c>
      <c r="C6143" s="6" t="s">
        <v>68</v>
      </c>
      <c r="D6143" s="6" t="s">
        <v>69</v>
      </c>
      <c r="E6143" s="6">
        <v>11001</v>
      </c>
      <c r="F6143" s="6" t="s">
        <v>18</v>
      </c>
      <c r="G6143" s="6" t="s">
        <v>12410</v>
      </c>
      <c r="H6143" s="6" t="s">
        <v>12411</v>
      </c>
      <c r="I6143" s="7">
        <v>4.6232139999999999</v>
      </c>
      <c r="J6143" s="8">
        <v>-74.078952299999997</v>
      </c>
    </row>
    <row r="6144" spans="1:10" x14ac:dyDescent="0.35">
      <c r="A6144" s="5" t="s">
        <v>10</v>
      </c>
      <c r="B6144" s="6">
        <v>191130</v>
      </c>
      <c r="C6144" s="6" t="s">
        <v>28</v>
      </c>
      <c r="D6144" s="6" t="s">
        <v>29</v>
      </c>
      <c r="E6144" s="6">
        <v>54001</v>
      </c>
      <c r="F6144" s="6" t="s">
        <v>13</v>
      </c>
      <c r="G6144" s="6" t="s">
        <v>12412</v>
      </c>
      <c r="H6144" s="6" t="s">
        <v>12413</v>
      </c>
      <c r="I6144" s="7">
        <v>7.9402001999999996</v>
      </c>
      <c r="J6144" s="8">
        <v>-72.510930900000005</v>
      </c>
    </row>
    <row r="6145" spans="1:10" x14ac:dyDescent="0.35">
      <c r="A6145" s="5" t="s">
        <v>10</v>
      </c>
      <c r="B6145" s="6">
        <v>202145</v>
      </c>
      <c r="C6145" s="6" t="s">
        <v>278</v>
      </c>
      <c r="D6145" s="6" t="s">
        <v>279</v>
      </c>
      <c r="E6145" s="6">
        <v>50001</v>
      </c>
      <c r="F6145" s="6" t="s">
        <v>13</v>
      </c>
      <c r="G6145" s="6" t="s">
        <v>12414</v>
      </c>
      <c r="H6145" s="6" t="s">
        <v>12415</v>
      </c>
      <c r="I6145" s="7">
        <v>4.0974320999999998</v>
      </c>
      <c r="J6145" s="8">
        <v>-73.645447700000005</v>
      </c>
    </row>
    <row r="6146" spans="1:10" x14ac:dyDescent="0.35">
      <c r="A6146" s="5" t="s">
        <v>10</v>
      </c>
      <c r="B6146" s="6">
        <v>235438</v>
      </c>
      <c r="C6146" s="6" t="s">
        <v>11</v>
      </c>
      <c r="D6146" s="6" t="s">
        <v>101</v>
      </c>
      <c r="E6146" s="6">
        <v>25473</v>
      </c>
      <c r="F6146" s="6" t="s">
        <v>18</v>
      </c>
      <c r="G6146" s="6" t="s">
        <v>12416</v>
      </c>
      <c r="H6146" s="6" t="s">
        <v>12417</v>
      </c>
      <c r="I6146" s="7">
        <v>4.7160422999999998</v>
      </c>
      <c r="J6146" s="8">
        <v>-74.227142599999993</v>
      </c>
    </row>
    <row r="6147" spans="1:10" x14ac:dyDescent="0.35">
      <c r="A6147" s="5" t="s">
        <v>10</v>
      </c>
      <c r="B6147" s="6">
        <v>240970</v>
      </c>
      <c r="C6147" s="6" t="s">
        <v>117</v>
      </c>
      <c r="D6147" s="6" t="s">
        <v>1334</v>
      </c>
      <c r="E6147" s="6">
        <v>76001</v>
      </c>
      <c r="F6147" s="6" t="s">
        <v>18</v>
      </c>
      <c r="G6147" s="6" t="s">
        <v>12418</v>
      </c>
      <c r="H6147" s="6" t="s">
        <v>12419</v>
      </c>
      <c r="I6147" s="7">
        <v>3.4532308</v>
      </c>
      <c r="J6147" s="8">
        <v>-76.527665099999993</v>
      </c>
    </row>
    <row r="6148" spans="1:10" x14ac:dyDescent="0.35">
      <c r="A6148" s="5" t="s">
        <v>10</v>
      </c>
      <c r="B6148" s="6">
        <v>200844</v>
      </c>
      <c r="C6148" s="6" t="s">
        <v>190</v>
      </c>
      <c r="D6148" s="6" t="s">
        <v>191</v>
      </c>
      <c r="E6148" s="6">
        <v>5001</v>
      </c>
      <c r="F6148" s="6" t="s">
        <v>18</v>
      </c>
      <c r="G6148" s="6" t="s">
        <v>12420</v>
      </c>
      <c r="H6148" s="6" t="s">
        <v>12421</v>
      </c>
      <c r="I6148" s="7">
        <v>6.1602742999999904</v>
      </c>
      <c r="J6148" s="8">
        <v>-75.618121599999995</v>
      </c>
    </row>
    <row r="6149" spans="1:10" x14ac:dyDescent="0.35">
      <c r="A6149" s="5" t="s">
        <v>10</v>
      </c>
      <c r="B6149" s="6">
        <v>234360</v>
      </c>
      <c r="C6149" s="6" t="s">
        <v>190</v>
      </c>
      <c r="D6149" s="6" t="s">
        <v>191</v>
      </c>
      <c r="E6149" s="6">
        <v>5001</v>
      </c>
      <c r="F6149" s="6" t="s">
        <v>18</v>
      </c>
      <c r="G6149" s="6" t="s">
        <v>12422</v>
      </c>
      <c r="H6149" s="6" t="s">
        <v>12423</v>
      </c>
      <c r="I6149" s="7">
        <v>7.8803207000000004</v>
      </c>
      <c r="J6149" s="8">
        <v>-76.6131776</v>
      </c>
    </row>
    <row r="6150" spans="1:10" x14ac:dyDescent="0.35">
      <c r="A6150" s="5" t="s">
        <v>10</v>
      </c>
      <c r="B6150" s="6">
        <v>240462</v>
      </c>
      <c r="C6150" s="6" t="s">
        <v>190</v>
      </c>
      <c r="D6150" s="6" t="s">
        <v>191</v>
      </c>
      <c r="E6150" s="6">
        <v>5001</v>
      </c>
      <c r="F6150" s="6" t="s">
        <v>18</v>
      </c>
      <c r="G6150" s="6" t="s">
        <v>12424</v>
      </c>
      <c r="H6150" s="6" t="s">
        <v>12425</v>
      </c>
      <c r="I6150" s="7">
        <v>6.2904255999999998</v>
      </c>
      <c r="J6150" s="8">
        <v>-75.543830700000001</v>
      </c>
    </row>
    <row r="6151" spans="1:10" x14ac:dyDescent="0.35">
      <c r="A6151" s="5" t="s">
        <v>10</v>
      </c>
      <c r="B6151" s="6">
        <v>207133</v>
      </c>
      <c r="C6151" s="6" t="s">
        <v>68</v>
      </c>
      <c r="D6151" s="6" t="s">
        <v>69</v>
      </c>
      <c r="E6151" s="6">
        <v>11001</v>
      </c>
      <c r="F6151" s="6" t="s">
        <v>18</v>
      </c>
      <c r="G6151" s="6" t="s">
        <v>12426</v>
      </c>
      <c r="H6151" s="6" t="s">
        <v>12427</v>
      </c>
      <c r="I6151" s="7">
        <v>4.7525455999999897</v>
      </c>
      <c r="J6151" s="8">
        <v>-74.087858199999999</v>
      </c>
    </row>
    <row r="6152" spans="1:10" x14ac:dyDescent="0.35">
      <c r="A6152" s="5" t="s">
        <v>10</v>
      </c>
      <c r="B6152" s="6">
        <v>231497</v>
      </c>
      <c r="C6152" s="6" t="s">
        <v>68</v>
      </c>
      <c r="D6152" s="6" t="s">
        <v>69</v>
      </c>
      <c r="E6152" s="6">
        <v>11001</v>
      </c>
      <c r="F6152" s="6" t="s">
        <v>18</v>
      </c>
      <c r="G6152" s="6" t="s">
        <v>12428</v>
      </c>
      <c r="H6152" s="6" t="s">
        <v>12429</v>
      </c>
      <c r="I6152" s="7">
        <v>4.6309839999999998</v>
      </c>
      <c r="J6152" s="8">
        <v>-74.191086999999996</v>
      </c>
    </row>
    <row r="6153" spans="1:10" x14ac:dyDescent="0.35">
      <c r="A6153" s="5" t="s">
        <v>10</v>
      </c>
      <c r="B6153" s="6">
        <v>129047</v>
      </c>
      <c r="C6153" s="6" t="s">
        <v>68</v>
      </c>
      <c r="D6153" s="6" t="s">
        <v>69</v>
      </c>
      <c r="E6153" s="6">
        <v>11001</v>
      </c>
      <c r="F6153" s="6" t="s">
        <v>18</v>
      </c>
      <c r="G6153" s="6" t="s">
        <v>12430</v>
      </c>
      <c r="H6153" s="6" t="s">
        <v>12431</v>
      </c>
      <c r="I6153" s="7">
        <v>4.6476115</v>
      </c>
      <c r="J6153" s="8">
        <v>-74.124150399999905</v>
      </c>
    </row>
    <row r="6154" spans="1:10" x14ac:dyDescent="0.35">
      <c r="A6154" s="5" t="s">
        <v>10</v>
      </c>
      <c r="B6154" s="6">
        <v>207412</v>
      </c>
      <c r="C6154" s="6" t="s">
        <v>68</v>
      </c>
      <c r="D6154" s="6" t="s">
        <v>69</v>
      </c>
      <c r="E6154" s="6">
        <v>11001</v>
      </c>
      <c r="F6154" s="6" t="s">
        <v>18</v>
      </c>
      <c r="G6154" s="6" t="s">
        <v>12432</v>
      </c>
      <c r="H6154" s="6" t="s">
        <v>12433</v>
      </c>
      <c r="I6154" s="7">
        <v>4.5818484000000002</v>
      </c>
      <c r="J6154" s="8">
        <v>-74.136712899999907</v>
      </c>
    </row>
    <row r="6155" spans="1:10" x14ac:dyDescent="0.35">
      <c r="A6155" s="5" t="s">
        <v>10</v>
      </c>
      <c r="B6155" s="6">
        <v>208186</v>
      </c>
      <c r="C6155" s="6" t="s">
        <v>68</v>
      </c>
      <c r="D6155" s="6" t="s">
        <v>69</v>
      </c>
      <c r="E6155" s="6">
        <v>11001</v>
      </c>
      <c r="F6155" s="6" t="s">
        <v>18</v>
      </c>
      <c r="G6155" s="6" t="s">
        <v>12434</v>
      </c>
      <c r="H6155" s="6" t="s">
        <v>12435</v>
      </c>
      <c r="I6155" s="7">
        <v>4.7165716999999896</v>
      </c>
      <c r="J6155" s="8">
        <v>-74.053779800000001</v>
      </c>
    </row>
    <row r="6156" spans="1:10" x14ac:dyDescent="0.35">
      <c r="A6156" s="5" t="s">
        <v>10</v>
      </c>
      <c r="B6156" s="6">
        <v>242233</v>
      </c>
      <c r="C6156" s="6" t="s">
        <v>68</v>
      </c>
      <c r="D6156" s="6" t="s">
        <v>69</v>
      </c>
      <c r="E6156" s="6">
        <v>11001</v>
      </c>
      <c r="F6156" s="6" t="s">
        <v>18</v>
      </c>
      <c r="G6156" s="6" t="s">
        <v>12436</v>
      </c>
      <c r="H6156" s="6" t="s">
        <v>12437</v>
      </c>
      <c r="I6156" s="7">
        <v>4.580635</v>
      </c>
      <c r="J6156" s="8">
        <v>-74.095062200000001</v>
      </c>
    </row>
    <row r="6157" spans="1:10" x14ac:dyDescent="0.35">
      <c r="A6157" s="5" t="s">
        <v>10</v>
      </c>
      <c r="B6157" s="6">
        <v>204286</v>
      </c>
      <c r="C6157" s="6" t="s">
        <v>68</v>
      </c>
      <c r="D6157" s="6" t="s">
        <v>69</v>
      </c>
      <c r="E6157" s="6">
        <v>11001</v>
      </c>
      <c r="F6157" s="6" t="s">
        <v>18</v>
      </c>
      <c r="G6157" s="6" t="s">
        <v>12438</v>
      </c>
      <c r="H6157" s="6" t="s">
        <v>12439</v>
      </c>
      <c r="I6157" s="7">
        <v>4.5887783999999998</v>
      </c>
      <c r="J6157" s="8">
        <v>-74.109238599999998</v>
      </c>
    </row>
    <row r="6158" spans="1:10" x14ac:dyDescent="0.35">
      <c r="A6158" s="5" t="s">
        <v>10</v>
      </c>
      <c r="B6158" s="6">
        <v>204499</v>
      </c>
      <c r="C6158" s="6" t="s">
        <v>68</v>
      </c>
      <c r="D6158" s="6" t="s">
        <v>69</v>
      </c>
      <c r="E6158" s="6">
        <v>11001</v>
      </c>
      <c r="F6158" s="6" t="s">
        <v>18</v>
      </c>
      <c r="G6158" s="6" t="s">
        <v>12440</v>
      </c>
      <c r="H6158" s="6" t="s">
        <v>12441</v>
      </c>
      <c r="I6158" s="7">
        <v>4.4959414000000004</v>
      </c>
      <c r="J6158" s="8">
        <v>-74.1018282</v>
      </c>
    </row>
    <row r="6159" spans="1:10" x14ac:dyDescent="0.35">
      <c r="A6159" s="5" t="s">
        <v>10</v>
      </c>
      <c r="B6159" s="6">
        <v>216421</v>
      </c>
      <c r="C6159" s="6" t="s">
        <v>68</v>
      </c>
      <c r="D6159" s="6" t="s">
        <v>69</v>
      </c>
      <c r="E6159" s="6">
        <v>11001</v>
      </c>
      <c r="F6159" s="6" t="s">
        <v>18</v>
      </c>
      <c r="G6159" s="6" t="s">
        <v>12442</v>
      </c>
      <c r="H6159" s="6" t="s">
        <v>12443</v>
      </c>
      <c r="I6159" s="7">
        <v>4.5174690999999996</v>
      </c>
      <c r="J6159" s="8">
        <v>-74.111836499999995</v>
      </c>
    </row>
    <row r="6160" spans="1:10" x14ac:dyDescent="0.35">
      <c r="A6160" s="5" t="s">
        <v>10</v>
      </c>
      <c r="B6160" s="6">
        <v>235347</v>
      </c>
      <c r="C6160" s="6" t="s">
        <v>68</v>
      </c>
      <c r="D6160" s="6" t="s">
        <v>69</v>
      </c>
      <c r="E6160" s="6">
        <v>11001</v>
      </c>
      <c r="F6160" s="6" t="s">
        <v>13</v>
      </c>
      <c r="G6160" s="6" t="s">
        <v>3392</v>
      </c>
      <c r="H6160" s="6" t="s">
        <v>12444</v>
      </c>
      <c r="I6160" s="7">
        <v>4.6322133000000001</v>
      </c>
      <c r="J6160" s="8">
        <v>-74.177819200000002</v>
      </c>
    </row>
    <row r="6161" spans="1:10" x14ac:dyDescent="0.35">
      <c r="A6161" s="5" t="s">
        <v>10</v>
      </c>
      <c r="B6161" s="6">
        <v>229448</v>
      </c>
      <c r="C6161" s="6" t="s">
        <v>117</v>
      </c>
      <c r="D6161" s="6" t="s">
        <v>3860</v>
      </c>
      <c r="E6161" s="6">
        <v>76130</v>
      </c>
      <c r="F6161" s="6" t="s">
        <v>18</v>
      </c>
      <c r="G6161" s="6" t="s">
        <v>12445</v>
      </c>
      <c r="H6161" s="6" t="s">
        <v>12446</v>
      </c>
      <c r="I6161" s="7">
        <v>3.4141667</v>
      </c>
      <c r="J6161" s="8">
        <v>-76.349199600000006</v>
      </c>
    </row>
    <row r="6162" spans="1:10" x14ac:dyDescent="0.35">
      <c r="A6162" s="5" t="s">
        <v>10</v>
      </c>
      <c r="B6162" s="6">
        <v>237260</v>
      </c>
      <c r="C6162" s="6" t="s">
        <v>117</v>
      </c>
      <c r="D6162" s="6" t="s">
        <v>12447</v>
      </c>
      <c r="E6162" s="6">
        <v>76248</v>
      </c>
      <c r="F6162" s="6" t="s">
        <v>18</v>
      </c>
      <c r="G6162" s="6" t="s">
        <v>12448</v>
      </c>
      <c r="H6162" s="6" t="s">
        <v>12449</v>
      </c>
      <c r="I6162" s="7">
        <v>3.6840839999999999</v>
      </c>
      <c r="J6162" s="8">
        <v>-76.312995999999998</v>
      </c>
    </row>
    <row r="6163" spans="1:10" x14ac:dyDescent="0.35">
      <c r="A6163" s="5" t="s">
        <v>10</v>
      </c>
      <c r="B6163" s="6">
        <v>205169</v>
      </c>
      <c r="C6163" s="6" t="s">
        <v>68</v>
      </c>
      <c r="D6163" s="6" t="s">
        <v>69</v>
      </c>
      <c r="E6163" s="6">
        <v>11001</v>
      </c>
      <c r="F6163" s="6" t="s">
        <v>18</v>
      </c>
      <c r="G6163" s="6" t="s">
        <v>12450</v>
      </c>
      <c r="H6163" s="6" t="s">
        <v>12451</v>
      </c>
      <c r="I6163" s="7">
        <v>4.4993571000000001</v>
      </c>
      <c r="J6163" s="8">
        <v>-74.109802099999996</v>
      </c>
    </row>
    <row r="6164" spans="1:10" x14ac:dyDescent="0.35">
      <c r="A6164" s="5" t="s">
        <v>10</v>
      </c>
      <c r="B6164" s="6">
        <v>215926</v>
      </c>
      <c r="C6164" s="6" t="s">
        <v>68</v>
      </c>
      <c r="D6164" s="6" t="s">
        <v>69</v>
      </c>
      <c r="E6164" s="6">
        <v>11001</v>
      </c>
      <c r="F6164" s="6" t="s">
        <v>18</v>
      </c>
      <c r="G6164" s="6" t="s">
        <v>12197</v>
      </c>
      <c r="H6164" s="6" t="s">
        <v>12452</v>
      </c>
      <c r="I6164" s="7">
        <v>4.6134357000000001</v>
      </c>
      <c r="J6164" s="8">
        <v>-74.176390400000003</v>
      </c>
    </row>
    <row r="6165" spans="1:10" x14ac:dyDescent="0.35">
      <c r="A6165" s="5" t="s">
        <v>10</v>
      </c>
      <c r="B6165" s="6">
        <v>227647</v>
      </c>
      <c r="C6165" s="6" t="s">
        <v>68</v>
      </c>
      <c r="D6165" s="6" t="s">
        <v>69</v>
      </c>
      <c r="E6165" s="6">
        <v>11001</v>
      </c>
      <c r="F6165" s="6" t="s">
        <v>18</v>
      </c>
      <c r="G6165" s="6" t="s">
        <v>12453</v>
      </c>
      <c r="H6165" s="6" t="s">
        <v>12454</v>
      </c>
      <c r="I6165" s="7">
        <v>4.6378564999999998</v>
      </c>
      <c r="J6165" s="8">
        <v>-74.1655035</v>
      </c>
    </row>
    <row r="6166" spans="1:10" x14ac:dyDescent="0.35">
      <c r="A6166" s="5" t="s">
        <v>10</v>
      </c>
      <c r="B6166" s="6">
        <v>229844</v>
      </c>
      <c r="C6166" s="6" t="s">
        <v>68</v>
      </c>
      <c r="D6166" s="6" t="s">
        <v>69</v>
      </c>
      <c r="E6166" s="6">
        <v>11001</v>
      </c>
      <c r="F6166" s="6" t="s">
        <v>18</v>
      </c>
      <c r="G6166" s="6" t="s">
        <v>12455</v>
      </c>
      <c r="H6166" s="6" t="s">
        <v>12456</v>
      </c>
      <c r="I6166" s="7">
        <v>4.6030695000000001</v>
      </c>
      <c r="J6166" s="8">
        <v>-74.184680599999993</v>
      </c>
    </row>
    <row r="6167" spans="1:10" x14ac:dyDescent="0.35">
      <c r="A6167" s="5" t="s">
        <v>10</v>
      </c>
      <c r="B6167" s="6">
        <v>236207</v>
      </c>
      <c r="C6167" s="6" t="s">
        <v>68</v>
      </c>
      <c r="D6167" s="6" t="s">
        <v>69</v>
      </c>
      <c r="E6167" s="6">
        <v>11001</v>
      </c>
      <c r="F6167" s="6" t="s">
        <v>18</v>
      </c>
      <c r="G6167" s="6" t="s">
        <v>12457</v>
      </c>
      <c r="H6167" s="6" t="s">
        <v>12458</v>
      </c>
      <c r="I6167" s="7">
        <v>4.5737312000000001</v>
      </c>
      <c r="J6167" s="8">
        <v>-74.173806900000002</v>
      </c>
    </row>
    <row r="6168" spans="1:10" x14ac:dyDescent="0.35">
      <c r="A6168" s="5" t="s">
        <v>10</v>
      </c>
      <c r="B6168" s="6">
        <v>238880</v>
      </c>
      <c r="C6168" s="6" t="s">
        <v>68</v>
      </c>
      <c r="D6168" s="6" t="s">
        <v>69</v>
      </c>
      <c r="E6168" s="6">
        <v>11001</v>
      </c>
      <c r="F6168" s="6" t="s">
        <v>18</v>
      </c>
      <c r="G6168" s="6" t="s">
        <v>12459</v>
      </c>
      <c r="H6168" s="6" t="s">
        <v>12460</v>
      </c>
      <c r="I6168" s="7">
        <v>4.7625019000000002</v>
      </c>
      <c r="J6168" s="8">
        <v>-74.037252899999999</v>
      </c>
    </row>
    <row r="6169" spans="1:10" x14ac:dyDescent="0.35">
      <c r="A6169" s="5" t="s">
        <v>10</v>
      </c>
      <c r="B6169" s="6">
        <v>242057</v>
      </c>
      <c r="C6169" s="6" t="s">
        <v>68</v>
      </c>
      <c r="D6169" s="6" t="s">
        <v>69</v>
      </c>
      <c r="E6169" s="6">
        <v>11001</v>
      </c>
      <c r="F6169" s="6" t="s">
        <v>18</v>
      </c>
      <c r="G6169" s="6" t="s">
        <v>12461</v>
      </c>
      <c r="H6169" s="6" t="s">
        <v>12462</v>
      </c>
      <c r="I6169" s="7">
        <v>4.6997646</v>
      </c>
      <c r="J6169" s="8">
        <v>-74.128230099999996</v>
      </c>
    </row>
    <row r="6170" spans="1:10" x14ac:dyDescent="0.35">
      <c r="A6170" s="5" t="s">
        <v>10</v>
      </c>
      <c r="B6170" s="6">
        <v>246859</v>
      </c>
      <c r="C6170" s="6" t="s">
        <v>68</v>
      </c>
      <c r="D6170" s="6" t="s">
        <v>69</v>
      </c>
      <c r="E6170" s="6">
        <v>11001</v>
      </c>
      <c r="F6170" s="6" t="s">
        <v>18</v>
      </c>
      <c r="G6170" s="6" t="s">
        <v>12463</v>
      </c>
      <c r="H6170" s="6" t="s">
        <v>12464</v>
      </c>
      <c r="I6170" s="7">
        <v>4.5859914000000002</v>
      </c>
      <c r="J6170" s="8">
        <v>-74.115393499999996</v>
      </c>
    </row>
    <row r="6171" spans="1:10" x14ac:dyDescent="0.35">
      <c r="A6171" s="5" t="s">
        <v>10</v>
      </c>
      <c r="B6171" s="6">
        <v>210123</v>
      </c>
      <c r="C6171" s="6" t="s">
        <v>68</v>
      </c>
      <c r="D6171" s="6" t="s">
        <v>69</v>
      </c>
      <c r="E6171" s="6">
        <v>11001</v>
      </c>
      <c r="F6171" s="6" t="s">
        <v>18</v>
      </c>
      <c r="G6171" s="6" t="s">
        <v>1940</v>
      </c>
      <c r="H6171" s="6" t="s">
        <v>12465</v>
      </c>
      <c r="I6171" s="7">
        <v>4.5667773</v>
      </c>
      <c r="J6171" s="8">
        <v>-74.101490400000003</v>
      </c>
    </row>
    <row r="6172" spans="1:10" x14ac:dyDescent="0.35">
      <c r="A6172" s="5" t="s">
        <v>10</v>
      </c>
      <c r="B6172" s="6">
        <v>219960</v>
      </c>
      <c r="C6172" s="6" t="s">
        <v>68</v>
      </c>
      <c r="D6172" s="6" t="s">
        <v>69</v>
      </c>
      <c r="E6172" s="6">
        <v>11001</v>
      </c>
      <c r="F6172" s="6" t="s">
        <v>18</v>
      </c>
      <c r="G6172" s="6" t="s">
        <v>12466</v>
      </c>
      <c r="H6172" s="6" t="s">
        <v>12467</v>
      </c>
      <c r="I6172" s="7">
        <v>4.6825416000000004</v>
      </c>
      <c r="J6172" s="8">
        <v>-74.106674299999995</v>
      </c>
    </row>
    <row r="6173" spans="1:10" x14ac:dyDescent="0.35">
      <c r="A6173" s="5" t="s">
        <v>10</v>
      </c>
      <c r="B6173" s="6">
        <v>242676</v>
      </c>
      <c r="C6173" s="6" t="s">
        <v>68</v>
      </c>
      <c r="D6173" s="6" t="s">
        <v>69</v>
      </c>
      <c r="E6173" s="6">
        <v>11001</v>
      </c>
      <c r="F6173" s="6" t="s">
        <v>18</v>
      </c>
      <c r="G6173" s="6" t="s">
        <v>12468</v>
      </c>
      <c r="H6173" s="6" t="s">
        <v>12469</v>
      </c>
      <c r="I6173" s="7">
        <v>4.6985003000000001</v>
      </c>
      <c r="J6173" s="8">
        <v>-74.102104299999993</v>
      </c>
    </row>
    <row r="6174" spans="1:10" x14ac:dyDescent="0.35">
      <c r="A6174" s="5" t="s">
        <v>10</v>
      </c>
      <c r="B6174" s="6">
        <v>216589</v>
      </c>
      <c r="C6174" s="6" t="s">
        <v>68</v>
      </c>
      <c r="D6174" s="6" t="s">
        <v>69</v>
      </c>
      <c r="E6174" s="6">
        <v>11001</v>
      </c>
      <c r="F6174" s="6" t="s">
        <v>18</v>
      </c>
      <c r="G6174" s="6" t="s">
        <v>12470</v>
      </c>
      <c r="H6174" s="6" t="s">
        <v>12471</v>
      </c>
      <c r="I6174" s="7">
        <v>4.5874952000000002</v>
      </c>
      <c r="J6174" s="8">
        <v>-74.175129499999997</v>
      </c>
    </row>
    <row r="6175" spans="1:10" x14ac:dyDescent="0.35">
      <c r="A6175" s="5" t="s">
        <v>10</v>
      </c>
      <c r="B6175" s="6">
        <v>231293</v>
      </c>
      <c r="C6175" s="6" t="s">
        <v>68</v>
      </c>
      <c r="D6175" s="6" t="s">
        <v>69</v>
      </c>
      <c r="E6175" s="6">
        <v>11001</v>
      </c>
      <c r="F6175" s="6" t="s">
        <v>18</v>
      </c>
      <c r="G6175" s="6" t="s">
        <v>12472</v>
      </c>
      <c r="H6175" s="6" t="s">
        <v>12473</v>
      </c>
      <c r="I6175" s="7">
        <v>4.5621587000000003</v>
      </c>
      <c r="J6175" s="8">
        <v>-74.084987400000003</v>
      </c>
    </row>
    <row r="6176" spans="1:10" x14ac:dyDescent="0.35">
      <c r="A6176" s="5" t="s">
        <v>10</v>
      </c>
      <c r="B6176" s="6">
        <v>242342</v>
      </c>
      <c r="C6176" s="6" t="s">
        <v>68</v>
      </c>
      <c r="D6176" s="6" t="s">
        <v>69</v>
      </c>
      <c r="E6176" s="6">
        <v>11001</v>
      </c>
      <c r="F6176" s="6" t="s">
        <v>18</v>
      </c>
      <c r="G6176" s="6" t="s">
        <v>12474</v>
      </c>
      <c r="H6176" s="6" t="s">
        <v>12475</v>
      </c>
      <c r="I6176" s="7">
        <v>4.6722210000000004</v>
      </c>
      <c r="J6176" s="8">
        <v>-74.0990386</v>
      </c>
    </row>
    <row r="6177" spans="1:10" x14ac:dyDescent="0.35">
      <c r="A6177" s="5" t="s">
        <v>10</v>
      </c>
      <c r="B6177" s="6">
        <v>247414</v>
      </c>
      <c r="C6177" s="6" t="s">
        <v>68</v>
      </c>
      <c r="D6177" s="6" t="s">
        <v>69</v>
      </c>
      <c r="E6177" s="6">
        <v>11001</v>
      </c>
      <c r="F6177" s="6" t="s">
        <v>18</v>
      </c>
      <c r="G6177" s="6" t="s">
        <v>12476</v>
      </c>
      <c r="H6177" s="6" t="s">
        <v>12477</v>
      </c>
      <c r="I6177" s="7">
        <v>4.6707273999999996</v>
      </c>
      <c r="J6177" s="8">
        <v>-74.080120100000002</v>
      </c>
    </row>
    <row r="6178" spans="1:10" x14ac:dyDescent="0.35">
      <c r="A6178" s="5" t="s">
        <v>10</v>
      </c>
      <c r="B6178" s="6">
        <v>213058</v>
      </c>
      <c r="C6178" s="6" t="s">
        <v>11</v>
      </c>
      <c r="D6178" s="6" t="s">
        <v>334</v>
      </c>
      <c r="E6178" s="6">
        <v>25754</v>
      </c>
      <c r="F6178" s="6" t="s">
        <v>18</v>
      </c>
      <c r="G6178" s="6" t="s">
        <v>855</v>
      </c>
      <c r="H6178" s="6" t="s">
        <v>12478</v>
      </c>
      <c r="I6178" s="7">
        <v>4.5775471999999997</v>
      </c>
      <c r="J6178" s="8">
        <v>-74.196741699999905</v>
      </c>
    </row>
    <row r="6179" spans="1:10" x14ac:dyDescent="0.35">
      <c r="A6179" s="5" t="s">
        <v>10</v>
      </c>
      <c r="B6179" s="6">
        <v>224304</v>
      </c>
      <c r="C6179" s="6" t="s">
        <v>457</v>
      </c>
      <c r="D6179" s="6" t="s">
        <v>4400</v>
      </c>
      <c r="E6179" s="6">
        <v>52001</v>
      </c>
      <c r="F6179" s="6" t="s">
        <v>18</v>
      </c>
      <c r="G6179" s="6" t="s">
        <v>855</v>
      </c>
      <c r="H6179" s="6" t="s">
        <v>12479</v>
      </c>
      <c r="I6179" s="7">
        <v>1.1960470999999999</v>
      </c>
      <c r="J6179" s="8">
        <v>-77.274780199999995</v>
      </c>
    </row>
    <row r="6180" spans="1:10" x14ac:dyDescent="0.35">
      <c r="A6180" s="5" t="s">
        <v>10</v>
      </c>
      <c r="B6180" s="6">
        <v>235965</v>
      </c>
      <c r="C6180" s="6" t="s">
        <v>302</v>
      </c>
      <c r="D6180" s="6" t="s">
        <v>11618</v>
      </c>
      <c r="E6180" s="6">
        <v>8558</v>
      </c>
      <c r="F6180" s="6" t="s">
        <v>13</v>
      </c>
      <c r="G6180" s="6" t="s">
        <v>12480</v>
      </c>
      <c r="H6180" s="6" t="s">
        <v>12481</v>
      </c>
      <c r="I6180" s="7">
        <v>10.778145500000001</v>
      </c>
      <c r="J6180" s="8">
        <v>-74.855522300000004</v>
      </c>
    </row>
    <row r="6181" spans="1:10" x14ac:dyDescent="0.35">
      <c r="A6181" s="5" t="s">
        <v>10</v>
      </c>
      <c r="B6181" s="6">
        <v>191776</v>
      </c>
      <c r="C6181" s="6" t="s">
        <v>366</v>
      </c>
      <c r="D6181" s="6" t="s">
        <v>9675</v>
      </c>
      <c r="E6181" s="6">
        <v>44855</v>
      </c>
      <c r="F6181" s="6" t="s">
        <v>13</v>
      </c>
      <c r="G6181" s="6" t="s">
        <v>12482</v>
      </c>
      <c r="H6181" s="6" t="s">
        <v>12483</v>
      </c>
      <c r="I6181" s="7">
        <v>10.5580075</v>
      </c>
      <c r="J6181" s="8">
        <v>-73.012649100000004</v>
      </c>
    </row>
    <row r="6182" spans="1:10" x14ac:dyDescent="0.35">
      <c r="A6182" s="5" t="s">
        <v>10</v>
      </c>
      <c r="B6182" s="6">
        <v>230304</v>
      </c>
      <c r="C6182" s="6" t="s">
        <v>308</v>
      </c>
      <c r="D6182" s="6" t="s">
        <v>309</v>
      </c>
      <c r="E6182" s="6">
        <v>23001</v>
      </c>
      <c r="F6182" s="6" t="s">
        <v>13</v>
      </c>
      <c r="G6182" s="6" t="s">
        <v>12484</v>
      </c>
      <c r="H6182" s="6" t="s">
        <v>12485</v>
      </c>
      <c r="I6182" s="7">
        <v>8.7641846000000001</v>
      </c>
      <c r="J6182" s="8">
        <v>-75.885844300000002</v>
      </c>
    </row>
    <row r="6183" spans="1:10" x14ac:dyDescent="0.35">
      <c r="A6183" s="5" t="s">
        <v>10</v>
      </c>
      <c r="B6183" s="6">
        <v>234415</v>
      </c>
      <c r="C6183" s="6" t="s">
        <v>11</v>
      </c>
      <c r="D6183" s="6" t="s">
        <v>337</v>
      </c>
      <c r="E6183" s="6">
        <v>25290</v>
      </c>
      <c r="F6183" s="6" t="s">
        <v>13</v>
      </c>
      <c r="G6183" s="6" t="s">
        <v>12486</v>
      </c>
      <c r="H6183" s="6" t="s">
        <v>12487</v>
      </c>
      <c r="I6183" s="7">
        <v>4.3422596999999996</v>
      </c>
      <c r="J6183" s="8">
        <v>-74.364409100000003</v>
      </c>
    </row>
    <row r="6184" spans="1:10" x14ac:dyDescent="0.35">
      <c r="A6184" s="5" t="s">
        <v>10</v>
      </c>
      <c r="B6184" s="6">
        <v>235180</v>
      </c>
      <c r="C6184" s="6" t="s">
        <v>190</v>
      </c>
      <c r="D6184" s="6" t="s">
        <v>118</v>
      </c>
      <c r="E6184" s="6">
        <v>5400</v>
      </c>
      <c r="F6184" s="6" t="s">
        <v>18</v>
      </c>
      <c r="G6184" s="6" t="s">
        <v>12488</v>
      </c>
      <c r="H6184" s="6" t="s">
        <v>12489</v>
      </c>
      <c r="I6184" s="7">
        <v>5.9738389999999999</v>
      </c>
      <c r="J6184" s="8">
        <v>-75.3609759</v>
      </c>
    </row>
    <row r="6185" spans="1:10" x14ac:dyDescent="0.35">
      <c r="A6185" s="5" t="s">
        <v>10</v>
      </c>
      <c r="B6185" s="6">
        <v>228315</v>
      </c>
      <c r="C6185" s="6" t="s">
        <v>68</v>
      </c>
      <c r="D6185" s="6" t="s">
        <v>69</v>
      </c>
      <c r="E6185" s="6">
        <v>11001</v>
      </c>
      <c r="F6185" s="6" t="s">
        <v>18</v>
      </c>
      <c r="G6185" s="6" t="s">
        <v>12490</v>
      </c>
      <c r="H6185" s="6" t="s">
        <v>12491</v>
      </c>
      <c r="I6185" s="7">
        <v>4.6351186999999996</v>
      </c>
      <c r="J6185" s="8">
        <v>-74.171233400000006</v>
      </c>
    </row>
    <row r="6186" spans="1:10" x14ac:dyDescent="0.35">
      <c r="A6186" s="5" t="s">
        <v>10</v>
      </c>
      <c r="B6186" s="6">
        <v>234515</v>
      </c>
      <c r="C6186" s="6" t="s">
        <v>68</v>
      </c>
      <c r="D6186" s="6" t="s">
        <v>69</v>
      </c>
      <c r="E6186" s="6">
        <v>11001</v>
      </c>
      <c r="F6186" s="6" t="s">
        <v>18</v>
      </c>
      <c r="G6186" s="6" t="s">
        <v>12492</v>
      </c>
      <c r="H6186" s="6" t="s">
        <v>12493</v>
      </c>
      <c r="I6186" s="7">
        <v>4.7476000999999997</v>
      </c>
      <c r="J6186" s="8">
        <v>-74.114689299999995</v>
      </c>
    </row>
    <row r="6187" spans="1:10" x14ac:dyDescent="0.35">
      <c r="A6187" s="5" t="s">
        <v>10</v>
      </c>
      <c r="B6187" s="6">
        <v>242373</v>
      </c>
      <c r="C6187" s="6" t="s">
        <v>68</v>
      </c>
      <c r="D6187" s="6" t="s">
        <v>69</v>
      </c>
      <c r="E6187" s="6">
        <v>11001</v>
      </c>
      <c r="F6187" s="6" t="s">
        <v>18</v>
      </c>
      <c r="G6187" s="6" t="s">
        <v>12494</v>
      </c>
      <c r="H6187" s="6" t="s">
        <v>12495</v>
      </c>
      <c r="I6187" s="7">
        <v>4.5956371999999996</v>
      </c>
      <c r="J6187" s="8">
        <v>-74.079710399999996</v>
      </c>
    </row>
    <row r="6188" spans="1:10" x14ac:dyDescent="0.35">
      <c r="A6188" s="5" t="s">
        <v>10</v>
      </c>
      <c r="B6188" s="6">
        <v>203920</v>
      </c>
      <c r="C6188" s="6" t="s">
        <v>68</v>
      </c>
      <c r="D6188" s="6" t="s">
        <v>69</v>
      </c>
      <c r="E6188" s="6">
        <v>11001</v>
      </c>
      <c r="F6188" s="6" t="s">
        <v>18</v>
      </c>
      <c r="G6188" s="6" t="s">
        <v>12496</v>
      </c>
      <c r="H6188" s="6" t="s">
        <v>12497</v>
      </c>
      <c r="I6188" s="7">
        <v>4.7661791999999998</v>
      </c>
      <c r="J6188" s="8">
        <v>-74.027077300000002</v>
      </c>
    </row>
    <row r="6189" spans="1:10" x14ac:dyDescent="0.35">
      <c r="A6189" s="5" t="s">
        <v>10</v>
      </c>
      <c r="B6189" s="6">
        <v>232860</v>
      </c>
      <c r="C6189" s="6" t="s">
        <v>68</v>
      </c>
      <c r="D6189" s="6" t="s">
        <v>69</v>
      </c>
      <c r="E6189" s="6">
        <v>11001</v>
      </c>
      <c r="F6189" s="6" t="s">
        <v>18</v>
      </c>
      <c r="G6189" s="6" t="s">
        <v>12498</v>
      </c>
      <c r="H6189" s="6" t="s">
        <v>12499</v>
      </c>
      <c r="I6189" s="7">
        <v>4.6037299999999997</v>
      </c>
      <c r="J6189" s="8">
        <v>-74.081779999999995</v>
      </c>
    </row>
    <row r="6190" spans="1:10" x14ac:dyDescent="0.35">
      <c r="A6190" s="5" t="s">
        <v>10</v>
      </c>
      <c r="B6190" s="6">
        <v>249699</v>
      </c>
      <c r="C6190" s="6" t="s">
        <v>68</v>
      </c>
      <c r="D6190" s="6" t="s">
        <v>69</v>
      </c>
      <c r="E6190" s="6">
        <v>11001</v>
      </c>
      <c r="F6190" s="6" t="s">
        <v>18</v>
      </c>
      <c r="G6190" s="6" t="s">
        <v>12500</v>
      </c>
      <c r="H6190" s="6" t="s">
        <v>12501</v>
      </c>
      <c r="I6190" s="7">
        <v>4.6363251999999999</v>
      </c>
      <c r="J6190" s="8" t="s">
        <v>12502</v>
      </c>
    </row>
    <row r="6191" spans="1:10" x14ac:dyDescent="0.35">
      <c r="A6191" s="5" t="s">
        <v>10</v>
      </c>
      <c r="B6191" s="6">
        <v>189804</v>
      </c>
      <c r="C6191" s="6" t="s">
        <v>68</v>
      </c>
      <c r="D6191" s="6" t="s">
        <v>69</v>
      </c>
      <c r="E6191" s="6">
        <v>11001</v>
      </c>
      <c r="F6191" s="6" t="s">
        <v>18</v>
      </c>
      <c r="G6191" s="6" t="s">
        <v>12503</v>
      </c>
      <c r="H6191" s="6" t="s">
        <v>12504</v>
      </c>
      <c r="I6191" s="7">
        <v>4.5733229999999896</v>
      </c>
      <c r="J6191" s="8">
        <v>-74.091014999999999</v>
      </c>
    </row>
    <row r="6192" spans="1:10" x14ac:dyDescent="0.35">
      <c r="A6192" s="5" t="s">
        <v>10</v>
      </c>
      <c r="B6192" s="6">
        <v>200860</v>
      </c>
      <c r="C6192" s="6" t="s">
        <v>68</v>
      </c>
      <c r="D6192" s="6" t="s">
        <v>69</v>
      </c>
      <c r="E6192" s="6">
        <v>11001</v>
      </c>
      <c r="F6192" s="6" t="s">
        <v>18</v>
      </c>
      <c r="G6192" s="6" t="s">
        <v>12505</v>
      </c>
      <c r="H6192" s="6" t="s">
        <v>12506</v>
      </c>
      <c r="I6192" s="7">
        <v>4.5833379999999897</v>
      </c>
      <c r="J6192" s="8">
        <v>-74.0839304</v>
      </c>
    </row>
    <row r="6193" spans="1:10" x14ac:dyDescent="0.35">
      <c r="A6193" s="5" t="s">
        <v>10</v>
      </c>
      <c r="B6193" s="6">
        <v>239398</v>
      </c>
      <c r="C6193" s="6" t="s">
        <v>68</v>
      </c>
      <c r="D6193" s="6" t="s">
        <v>69</v>
      </c>
      <c r="E6193" s="6">
        <v>11001</v>
      </c>
      <c r="F6193" s="6" t="s">
        <v>18</v>
      </c>
      <c r="G6193" s="6" t="s">
        <v>12507</v>
      </c>
      <c r="H6193" s="6" t="s">
        <v>12508</v>
      </c>
      <c r="I6193" s="7">
        <v>4.4877729000000004</v>
      </c>
      <c r="J6193" s="8">
        <v>-74.099138300000007</v>
      </c>
    </row>
    <row r="6194" spans="1:10" x14ac:dyDescent="0.35">
      <c r="A6194" s="5" t="s">
        <v>10</v>
      </c>
      <c r="B6194" s="6">
        <v>244873</v>
      </c>
      <c r="C6194" s="6" t="s">
        <v>68</v>
      </c>
      <c r="D6194" s="6" t="s">
        <v>69</v>
      </c>
      <c r="E6194" s="6">
        <v>11001</v>
      </c>
      <c r="F6194" s="6" t="s">
        <v>18</v>
      </c>
      <c r="G6194" s="6" t="s">
        <v>12509</v>
      </c>
      <c r="H6194" s="6" t="s">
        <v>12510</v>
      </c>
      <c r="I6194" s="7">
        <v>4.6105948000000003</v>
      </c>
      <c r="J6194" s="8">
        <v>-74.124245599999995</v>
      </c>
    </row>
    <row r="6195" spans="1:10" x14ac:dyDescent="0.35">
      <c r="A6195" s="5" t="s">
        <v>10</v>
      </c>
      <c r="B6195" s="6">
        <v>226062</v>
      </c>
      <c r="C6195" s="6" t="s">
        <v>4364</v>
      </c>
      <c r="D6195" s="6" t="s">
        <v>7995</v>
      </c>
      <c r="E6195" s="6">
        <v>70508</v>
      </c>
      <c r="F6195" s="6" t="s">
        <v>18</v>
      </c>
      <c r="G6195" s="6" t="s">
        <v>12511</v>
      </c>
      <c r="H6195" s="6" t="s">
        <v>12512</v>
      </c>
      <c r="I6195" s="7">
        <v>9.5250094000000001</v>
      </c>
      <c r="J6195" s="8">
        <v>-75.229631799999893</v>
      </c>
    </row>
    <row r="6196" spans="1:10" x14ac:dyDescent="0.35">
      <c r="A6196" s="5" t="s">
        <v>10</v>
      </c>
      <c r="B6196" s="6">
        <v>187713</v>
      </c>
      <c r="C6196" s="6" t="s">
        <v>24</v>
      </c>
      <c r="D6196" s="6" t="s">
        <v>12513</v>
      </c>
      <c r="E6196" s="6">
        <v>15804</v>
      </c>
      <c r="F6196" s="6" t="s">
        <v>13</v>
      </c>
      <c r="G6196" s="6" t="s">
        <v>12514</v>
      </c>
      <c r="H6196" s="6" t="s">
        <v>12515</v>
      </c>
      <c r="I6196" s="7">
        <v>5.3167749999999998</v>
      </c>
      <c r="J6196" s="8">
        <v>-73.397942999999998</v>
      </c>
    </row>
    <row r="6197" spans="1:10" x14ac:dyDescent="0.35">
      <c r="A6197" s="5" t="s">
        <v>10</v>
      </c>
      <c r="B6197" s="6">
        <v>192681</v>
      </c>
      <c r="C6197" s="6" t="s">
        <v>24</v>
      </c>
      <c r="D6197" s="6" t="s">
        <v>476</v>
      </c>
      <c r="E6197" s="6">
        <v>15693</v>
      </c>
      <c r="F6197" s="6" t="s">
        <v>13</v>
      </c>
      <c r="G6197" s="6" t="s">
        <v>12516</v>
      </c>
      <c r="H6197" s="6" t="s">
        <v>12517</v>
      </c>
      <c r="I6197" s="7">
        <v>5.8741303</v>
      </c>
      <c r="J6197" s="8">
        <v>-72.982869699999995</v>
      </c>
    </row>
    <row r="6198" spans="1:10" x14ac:dyDescent="0.35">
      <c r="A6198" s="5" t="s">
        <v>10</v>
      </c>
      <c r="B6198" s="6">
        <v>233092</v>
      </c>
      <c r="C6198" s="6" t="s">
        <v>308</v>
      </c>
      <c r="D6198" s="6" t="s">
        <v>309</v>
      </c>
      <c r="E6198" s="6">
        <v>23001</v>
      </c>
      <c r="F6198" s="6" t="s">
        <v>13</v>
      </c>
      <c r="G6198" s="6" t="s">
        <v>12518</v>
      </c>
      <c r="H6198" s="6" t="s">
        <v>12519</v>
      </c>
      <c r="I6198" s="7">
        <v>8.7950306000000005</v>
      </c>
      <c r="J6198" s="8">
        <v>-75.701161400000004</v>
      </c>
    </row>
    <row r="6199" spans="1:10" x14ac:dyDescent="0.35">
      <c r="A6199" s="5" t="s">
        <v>10</v>
      </c>
      <c r="B6199" s="6">
        <v>229447</v>
      </c>
      <c r="C6199" s="6" t="s">
        <v>117</v>
      </c>
      <c r="D6199" s="6" t="s">
        <v>1334</v>
      </c>
      <c r="E6199" s="6">
        <v>76001</v>
      </c>
      <c r="F6199" s="6" t="s">
        <v>18</v>
      </c>
      <c r="G6199" s="6" t="s">
        <v>12520</v>
      </c>
      <c r="H6199" s="6" t="s">
        <v>12521</v>
      </c>
      <c r="I6199" s="7">
        <v>3.3969236999999999</v>
      </c>
      <c r="J6199" s="8">
        <v>-76.545549199999996</v>
      </c>
    </row>
    <row r="6200" spans="1:10" x14ac:dyDescent="0.35">
      <c r="A6200" s="5" t="s">
        <v>10</v>
      </c>
      <c r="B6200" s="6">
        <v>240078</v>
      </c>
      <c r="C6200" s="6" t="s">
        <v>117</v>
      </c>
      <c r="D6200" s="6" t="s">
        <v>12522</v>
      </c>
      <c r="E6200" s="6">
        <v>76041</v>
      </c>
      <c r="F6200" s="6" t="s">
        <v>18</v>
      </c>
      <c r="G6200" s="6" t="s">
        <v>12523</v>
      </c>
      <c r="H6200" s="6" t="s">
        <v>12524</v>
      </c>
      <c r="I6200" s="7">
        <v>4.7953482999999997</v>
      </c>
      <c r="J6200" s="8">
        <v>-75.994154199999997</v>
      </c>
    </row>
    <row r="6201" spans="1:10" x14ac:dyDescent="0.35">
      <c r="A6201" s="5" t="s">
        <v>10</v>
      </c>
      <c r="B6201" s="6">
        <v>184325</v>
      </c>
      <c r="C6201" s="6" t="s">
        <v>190</v>
      </c>
      <c r="D6201" s="6" t="s">
        <v>4063</v>
      </c>
      <c r="E6201" s="6">
        <v>5088</v>
      </c>
      <c r="F6201" s="6" t="s">
        <v>18</v>
      </c>
      <c r="G6201" s="6" t="s">
        <v>12525</v>
      </c>
      <c r="H6201" s="6" t="s">
        <v>12526</v>
      </c>
      <c r="I6201" s="7">
        <v>6.3491697</v>
      </c>
      <c r="J6201" s="8">
        <v>-75.5538588</v>
      </c>
    </row>
    <row r="6202" spans="1:10" x14ac:dyDescent="0.35">
      <c r="A6202" s="5" t="s">
        <v>10</v>
      </c>
      <c r="B6202" s="6">
        <v>242116</v>
      </c>
      <c r="C6202" s="6" t="s">
        <v>68</v>
      </c>
      <c r="D6202" s="6" t="s">
        <v>69</v>
      </c>
      <c r="E6202" s="6">
        <v>11001</v>
      </c>
      <c r="F6202" s="6" t="s">
        <v>18</v>
      </c>
      <c r="G6202" s="6" t="s">
        <v>12527</v>
      </c>
      <c r="H6202" s="6" t="s">
        <v>12528</v>
      </c>
      <c r="I6202" s="7">
        <v>4.7647991999999997</v>
      </c>
      <c r="J6202" s="8">
        <v>-74.039123599999996</v>
      </c>
    </row>
    <row r="6203" spans="1:10" x14ac:dyDescent="0.35">
      <c r="A6203" s="5" t="s">
        <v>10</v>
      </c>
      <c r="B6203" s="6">
        <v>200155</v>
      </c>
      <c r="C6203" s="6" t="s">
        <v>68</v>
      </c>
      <c r="D6203" s="6" t="s">
        <v>69</v>
      </c>
      <c r="E6203" s="6">
        <v>11001</v>
      </c>
      <c r="F6203" s="6" t="s">
        <v>18</v>
      </c>
      <c r="G6203" s="6" t="s">
        <v>12529</v>
      </c>
      <c r="H6203" s="6" t="s">
        <v>12530</v>
      </c>
      <c r="I6203" s="7">
        <v>4.5442746999999999</v>
      </c>
      <c r="J6203" s="8">
        <v>-74.143564299999994</v>
      </c>
    </row>
    <row r="6204" spans="1:10" x14ac:dyDescent="0.35">
      <c r="A6204" s="5" t="s">
        <v>10</v>
      </c>
      <c r="B6204" s="6">
        <v>201710</v>
      </c>
      <c r="C6204" s="6" t="s">
        <v>68</v>
      </c>
      <c r="D6204" s="6" t="s">
        <v>69</v>
      </c>
      <c r="E6204" s="6">
        <v>11001</v>
      </c>
      <c r="F6204" s="6" t="s">
        <v>18</v>
      </c>
      <c r="G6204" s="6" t="s">
        <v>12531</v>
      </c>
      <c r="H6204" s="6" t="s">
        <v>12532</v>
      </c>
      <c r="I6204" s="7">
        <v>4.6468115999999897</v>
      </c>
      <c r="J6204" s="8">
        <v>-74.167969900000003</v>
      </c>
    </row>
    <row r="6205" spans="1:10" x14ac:dyDescent="0.35">
      <c r="A6205" s="5" t="s">
        <v>10</v>
      </c>
      <c r="B6205" s="6">
        <v>221069</v>
      </c>
      <c r="C6205" s="6" t="s">
        <v>68</v>
      </c>
      <c r="D6205" s="6" t="s">
        <v>69</v>
      </c>
      <c r="E6205" s="6">
        <v>11001</v>
      </c>
      <c r="F6205" s="6" t="s">
        <v>18</v>
      </c>
      <c r="G6205" s="6" t="s">
        <v>12533</v>
      </c>
      <c r="H6205" s="6" t="s">
        <v>12534</v>
      </c>
      <c r="I6205" s="7">
        <v>4.4888142999999996</v>
      </c>
      <c r="J6205" s="8">
        <v>-74.114508599999994</v>
      </c>
    </row>
    <row r="6206" spans="1:10" x14ac:dyDescent="0.35">
      <c r="A6206" s="5" t="s">
        <v>10</v>
      </c>
      <c r="B6206" s="6">
        <v>232223</v>
      </c>
      <c r="C6206" s="6" t="s">
        <v>68</v>
      </c>
      <c r="D6206" s="6" t="s">
        <v>69</v>
      </c>
      <c r="E6206" s="6">
        <v>11001</v>
      </c>
      <c r="F6206" s="6" t="s">
        <v>18</v>
      </c>
      <c r="G6206" s="6" t="s">
        <v>12535</v>
      </c>
      <c r="H6206" s="6" t="s">
        <v>12536</v>
      </c>
      <c r="I6206" s="7">
        <v>4.7201630999999997</v>
      </c>
      <c r="J6206" s="8">
        <v>-74.037951300000003</v>
      </c>
    </row>
    <row r="6207" spans="1:10" x14ac:dyDescent="0.35">
      <c r="A6207" s="5" t="s">
        <v>10</v>
      </c>
      <c r="B6207" s="6">
        <v>242353</v>
      </c>
      <c r="C6207" s="6" t="s">
        <v>68</v>
      </c>
      <c r="D6207" s="6" t="s">
        <v>69</v>
      </c>
      <c r="E6207" s="6">
        <v>11001</v>
      </c>
      <c r="F6207" s="6" t="s">
        <v>18</v>
      </c>
      <c r="G6207" s="6" t="s">
        <v>12537</v>
      </c>
      <c r="H6207" s="6" t="s">
        <v>12538</v>
      </c>
      <c r="I6207" s="7">
        <v>4.6360266000000001</v>
      </c>
      <c r="J6207" s="8">
        <v>-74.063153799999995</v>
      </c>
    </row>
    <row r="6208" spans="1:10" x14ac:dyDescent="0.35">
      <c r="A6208" s="5" t="s">
        <v>10</v>
      </c>
      <c r="B6208" s="6">
        <v>212140</v>
      </c>
      <c r="C6208" s="6" t="s">
        <v>68</v>
      </c>
      <c r="D6208" s="6" t="s">
        <v>69</v>
      </c>
      <c r="E6208" s="6">
        <v>11001</v>
      </c>
      <c r="F6208" s="6" t="s">
        <v>18</v>
      </c>
      <c r="G6208" s="6" t="s">
        <v>12539</v>
      </c>
      <c r="H6208" s="6" t="s">
        <v>12540</v>
      </c>
      <c r="I6208" s="7">
        <v>4.5039693999999999</v>
      </c>
      <c r="J6208" s="8">
        <v>-74.121384699999993</v>
      </c>
    </row>
    <row r="6209" spans="1:10" x14ac:dyDescent="0.35">
      <c r="A6209" s="5" t="s">
        <v>10</v>
      </c>
      <c r="B6209" s="6">
        <v>231341</v>
      </c>
      <c r="C6209" s="6" t="s">
        <v>68</v>
      </c>
      <c r="D6209" s="6" t="s">
        <v>69</v>
      </c>
      <c r="E6209" s="6">
        <v>11001</v>
      </c>
      <c r="F6209" s="6" t="s">
        <v>18</v>
      </c>
      <c r="G6209" s="6" t="s">
        <v>12541</v>
      </c>
      <c r="H6209" s="6" t="s">
        <v>12542</v>
      </c>
      <c r="I6209" s="7">
        <v>4.6767678000000004</v>
      </c>
      <c r="J6209" s="8">
        <v>-74.151066799999995</v>
      </c>
    </row>
    <row r="6210" spans="1:10" x14ac:dyDescent="0.35">
      <c r="A6210" s="5" t="s">
        <v>10</v>
      </c>
      <c r="B6210" s="6">
        <v>232599</v>
      </c>
      <c r="C6210" s="6" t="s">
        <v>68</v>
      </c>
      <c r="D6210" s="6" t="s">
        <v>69</v>
      </c>
      <c r="E6210" s="6">
        <v>11001</v>
      </c>
      <c r="F6210" s="6" t="s">
        <v>18</v>
      </c>
      <c r="G6210" s="6" t="s">
        <v>12543</v>
      </c>
      <c r="H6210" s="6" t="s">
        <v>12544</v>
      </c>
      <c r="I6210" s="7">
        <v>4.5187131999999997</v>
      </c>
      <c r="J6210" s="8">
        <v>-74.118560700000003</v>
      </c>
    </row>
    <row r="6211" spans="1:10" x14ac:dyDescent="0.35">
      <c r="A6211" s="5" t="s">
        <v>10</v>
      </c>
      <c r="B6211" s="6">
        <v>236082</v>
      </c>
      <c r="C6211" s="6" t="s">
        <v>68</v>
      </c>
      <c r="D6211" s="6" t="s">
        <v>69</v>
      </c>
      <c r="E6211" s="6">
        <v>11001</v>
      </c>
      <c r="F6211" s="6" t="s">
        <v>18</v>
      </c>
      <c r="G6211" s="6" t="s">
        <v>12545</v>
      </c>
      <c r="H6211" s="6" t="s">
        <v>12546</v>
      </c>
      <c r="I6211" s="7">
        <v>4.5885590999999897</v>
      </c>
      <c r="J6211" s="8">
        <v>-74.113227600000002</v>
      </c>
    </row>
    <row r="6212" spans="1:10" x14ac:dyDescent="0.35">
      <c r="A6212" s="5" t="s">
        <v>10</v>
      </c>
      <c r="B6212" s="6">
        <v>237575</v>
      </c>
      <c r="C6212" s="6" t="s">
        <v>68</v>
      </c>
      <c r="D6212" s="6" t="s">
        <v>69</v>
      </c>
      <c r="E6212" s="6">
        <v>11001</v>
      </c>
      <c r="F6212" s="6" t="s">
        <v>18</v>
      </c>
      <c r="G6212" s="6" t="s">
        <v>12547</v>
      </c>
      <c r="H6212" s="6" t="s">
        <v>12548</v>
      </c>
      <c r="I6212" s="7">
        <v>4.6019014</v>
      </c>
      <c r="J6212" s="8">
        <v>-74.197433799999999</v>
      </c>
    </row>
    <row r="6213" spans="1:10" x14ac:dyDescent="0.35">
      <c r="A6213" s="5" t="s">
        <v>10</v>
      </c>
      <c r="B6213" s="6">
        <v>214117</v>
      </c>
      <c r="C6213" s="6" t="s">
        <v>68</v>
      </c>
      <c r="D6213" s="6" t="s">
        <v>69</v>
      </c>
      <c r="E6213" s="6">
        <v>11001</v>
      </c>
      <c r="F6213" s="6" t="s">
        <v>18</v>
      </c>
      <c r="G6213" s="6" t="s">
        <v>12549</v>
      </c>
      <c r="H6213" s="6" t="s">
        <v>12550</v>
      </c>
      <c r="I6213" s="7">
        <v>4.5943500999999998</v>
      </c>
      <c r="J6213" s="8">
        <v>-74.1170331</v>
      </c>
    </row>
    <row r="6214" spans="1:10" x14ac:dyDescent="0.35">
      <c r="A6214" s="5" t="s">
        <v>10</v>
      </c>
      <c r="B6214" s="6">
        <v>234002</v>
      </c>
      <c r="C6214" s="6" t="s">
        <v>68</v>
      </c>
      <c r="D6214" s="6" t="s">
        <v>69</v>
      </c>
      <c r="E6214" s="6">
        <v>11001</v>
      </c>
      <c r="F6214" s="6" t="s">
        <v>18</v>
      </c>
      <c r="G6214" s="6" t="s">
        <v>12551</v>
      </c>
      <c r="H6214" s="6" t="s">
        <v>12552</v>
      </c>
      <c r="I6214" s="7">
        <v>4.5073593000000001</v>
      </c>
      <c r="J6214" s="8">
        <v>-74.114799599999998</v>
      </c>
    </row>
    <row r="6215" spans="1:10" x14ac:dyDescent="0.35">
      <c r="A6215" s="5" t="s">
        <v>10</v>
      </c>
      <c r="B6215" s="6">
        <v>216268</v>
      </c>
      <c r="C6215" s="6" t="s">
        <v>190</v>
      </c>
      <c r="D6215" s="6" t="s">
        <v>12553</v>
      </c>
      <c r="E6215" s="6">
        <v>5197</v>
      </c>
      <c r="F6215" s="6" t="s">
        <v>18</v>
      </c>
      <c r="G6215" s="6" t="s">
        <v>12554</v>
      </c>
      <c r="H6215" s="6" t="s">
        <v>12555</v>
      </c>
      <c r="I6215" s="7">
        <v>6.0572650000000001</v>
      </c>
      <c r="J6215" s="8">
        <v>-75.185597999999999</v>
      </c>
    </row>
    <row r="6216" spans="1:10" x14ac:dyDescent="0.35">
      <c r="A6216" s="5" t="s">
        <v>10</v>
      </c>
      <c r="B6216" s="6">
        <v>192807</v>
      </c>
      <c r="C6216" s="6" t="s">
        <v>94</v>
      </c>
      <c r="D6216" s="6" t="s">
        <v>95</v>
      </c>
      <c r="E6216" s="6">
        <v>66170</v>
      </c>
      <c r="F6216" s="6" t="s">
        <v>13</v>
      </c>
      <c r="G6216" s="6" t="s">
        <v>12556</v>
      </c>
      <c r="H6216" s="6" t="s">
        <v>12557</v>
      </c>
      <c r="I6216" s="7">
        <v>4.8202261000000002</v>
      </c>
      <c r="J6216" s="8">
        <v>-75.731262299999997</v>
      </c>
    </row>
    <row r="6217" spans="1:10" x14ac:dyDescent="0.35">
      <c r="A6217" s="5" t="s">
        <v>10</v>
      </c>
      <c r="B6217" s="6">
        <v>188127</v>
      </c>
      <c r="C6217" s="6" t="s">
        <v>68</v>
      </c>
      <c r="D6217" s="6" t="s">
        <v>69</v>
      </c>
      <c r="E6217" s="6">
        <v>11001</v>
      </c>
      <c r="F6217" s="6" t="s">
        <v>13</v>
      </c>
      <c r="G6217" s="6" t="s">
        <v>12558</v>
      </c>
      <c r="H6217" s="6" t="s">
        <v>12559</v>
      </c>
      <c r="I6217" s="7">
        <v>4.5949594999999999</v>
      </c>
      <c r="J6217" s="8">
        <v>-74.182953999999995</v>
      </c>
    </row>
    <row r="6218" spans="1:10" x14ac:dyDescent="0.35">
      <c r="A6218" s="5" t="s">
        <v>10</v>
      </c>
      <c r="B6218" s="6">
        <v>241578</v>
      </c>
      <c r="C6218" s="6" t="s">
        <v>457</v>
      </c>
      <c r="D6218" s="6" t="s">
        <v>12560</v>
      </c>
      <c r="E6218" s="6">
        <v>52207</v>
      </c>
      <c r="F6218" s="6" t="s">
        <v>18</v>
      </c>
      <c r="G6218" s="6" t="s">
        <v>12561</v>
      </c>
      <c r="H6218" s="6" t="s">
        <v>12562</v>
      </c>
      <c r="I6218" s="7">
        <v>1.28948</v>
      </c>
      <c r="J6218" s="8">
        <v>-77.360060200000007</v>
      </c>
    </row>
    <row r="6219" spans="1:10" x14ac:dyDescent="0.35">
      <c r="A6219" s="5" t="s">
        <v>10</v>
      </c>
      <c r="B6219" s="6">
        <v>240616</v>
      </c>
      <c r="C6219" s="6" t="s">
        <v>190</v>
      </c>
      <c r="D6219" s="6" t="s">
        <v>191</v>
      </c>
      <c r="E6219" s="6">
        <v>5001</v>
      </c>
      <c r="F6219" s="6" t="s">
        <v>18</v>
      </c>
      <c r="G6219" s="6" t="s">
        <v>12563</v>
      </c>
      <c r="H6219" s="6" t="s">
        <v>12564</v>
      </c>
      <c r="I6219" s="7">
        <v>6.273155</v>
      </c>
      <c r="J6219" s="8">
        <v>-75.571977000000004</v>
      </c>
    </row>
    <row r="6220" spans="1:10" x14ac:dyDescent="0.35">
      <c r="A6220" s="5" t="s">
        <v>10</v>
      </c>
      <c r="B6220" s="6">
        <v>248089</v>
      </c>
      <c r="C6220" s="6" t="s">
        <v>190</v>
      </c>
      <c r="D6220" s="6" t="s">
        <v>12565</v>
      </c>
      <c r="E6220" s="6">
        <v>5697</v>
      </c>
      <c r="F6220" s="6" t="s">
        <v>18</v>
      </c>
      <c r="G6220" s="6" t="s">
        <v>12566</v>
      </c>
      <c r="H6220" s="6" t="s">
        <v>12567</v>
      </c>
      <c r="I6220" s="7">
        <v>4.8673298000000003</v>
      </c>
      <c r="J6220" s="8">
        <v>-73.877494900000002</v>
      </c>
    </row>
    <row r="6221" spans="1:10" x14ac:dyDescent="0.35">
      <c r="A6221" s="5" t="s">
        <v>10</v>
      </c>
      <c r="B6221" s="6">
        <v>205796</v>
      </c>
      <c r="C6221" s="6" t="s">
        <v>68</v>
      </c>
      <c r="D6221" s="6" t="s">
        <v>69</v>
      </c>
      <c r="E6221" s="6">
        <v>11001</v>
      </c>
      <c r="F6221" s="6" t="s">
        <v>18</v>
      </c>
      <c r="G6221" s="6" t="s">
        <v>12568</v>
      </c>
      <c r="H6221" s="6" t="s">
        <v>12569</v>
      </c>
      <c r="I6221" s="7">
        <v>4.6384694999999896</v>
      </c>
      <c r="J6221" s="8">
        <v>-74.198053000000002</v>
      </c>
    </row>
    <row r="6222" spans="1:10" x14ac:dyDescent="0.35">
      <c r="A6222" s="5" t="s">
        <v>10</v>
      </c>
      <c r="B6222" s="6">
        <v>225108</v>
      </c>
      <c r="C6222" s="6" t="s">
        <v>68</v>
      </c>
      <c r="D6222" s="6" t="s">
        <v>69</v>
      </c>
      <c r="E6222" s="6">
        <v>11001</v>
      </c>
      <c r="F6222" s="6" t="s">
        <v>18</v>
      </c>
      <c r="G6222" s="6" t="s">
        <v>12570</v>
      </c>
      <c r="H6222" s="6" t="s">
        <v>12571</v>
      </c>
      <c r="I6222" s="7">
        <v>4.6428142000000001</v>
      </c>
      <c r="J6222" s="8">
        <v>-74.185105699999994</v>
      </c>
    </row>
    <row r="6223" spans="1:10" x14ac:dyDescent="0.35">
      <c r="A6223" s="5" t="s">
        <v>10</v>
      </c>
      <c r="B6223" s="6">
        <v>242490</v>
      </c>
      <c r="C6223" s="6" t="s">
        <v>68</v>
      </c>
      <c r="D6223" s="6" t="s">
        <v>69</v>
      </c>
      <c r="E6223" s="6">
        <v>11001</v>
      </c>
      <c r="F6223" s="6" t="s">
        <v>18</v>
      </c>
      <c r="G6223" s="6" t="s">
        <v>12572</v>
      </c>
      <c r="H6223" s="6" t="s">
        <v>12573</v>
      </c>
      <c r="I6223" s="7">
        <v>4.7497359000000001</v>
      </c>
      <c r="J6223" s="8">
        <v>-74.112272300000001</v>
      </c>
    </row>
    <row r="6224" spans="1:10" x14ac:dyDescent="0.35">
      <c r="A6224" s="5" t="s">
        <v>10</v>
      </c>
      <c r="B6224" s="6">
        <v>243368</v>
      </c>
      <c r="C6224" s="6" t="s">
        <v>68</v>
      </c>
      <c r="D6224" s="6" t="s">
        <v>69</v>
      </c>
      <c r="E6224" s="6">
        <v>11001</v>
      </c>
      <c r="F6224" s="6" t="s">
        <v>18</v>
      </c>
      <c r="G6224" s="6" t="s">
        <v>12574</v>
      </c>
      <c r="H6224" s="6" t="s">
        <v>12575</v>
      </c>
      <c r="I6224" s="7">
        <v>4.5898434000000004</v>
      </c>
      <c r="J6224" s="8">
        <v>-74.1248018</v>
      </c>
    </row>
    <row r="6225" spans="1:10" x14ac:dyDescent="0.35">
      <c r="A6225" s="5" t="s">
        <v>10</v>
      </c>
      <c r="B6225" s="6">
        <v>246144</v>
      </c>
      <c r="C6225" s="6" t="s">
        <v>68</v>
      </c>
      <c r="D6225" s="6" t="s">
        <v>69</v>
      </c>
      <c r="E6225" s="6">
        <v>11001</v>
      </c>
      <c r="F6225" s="6" t="s">
        <v>18</v>
      </c>
      <c r="G6225" s="6" t="s">
        <v>12576</v>
      </c>
      <c r="H6225" s="6" t="s">
        <v>12577</v>
      </c>
      <c r="I6225" s="7">
        <v>4.4952673000000001</v>
      </c>
      <c r="J6225" s="8">
        <v>-74.115742100000006</v>
      </c>
    </row>
    <row r="6226" spans="1:10" x14ac:dyDescent="0.35">
      <c r="A6226" s="5" t="s">
        <v>10</v>
      </c>
      <c r="B6226" s="6">
        <v>192465</v>
      </c>
      <c r="C6226" s="6" t="s">
        <v>68</v>
      </c>
      <c r="D6226" s="6" t="s">
        <v>69</v>
      </c>
      <c r="E6226" s="6">
        <v>11001</v>
      </c>
      <c r="F6226" s="6" t="s">
        <v>18</v>
      </c>
      <c r="G6226" s="6" t="s">
        <v>12578</v>
      </c>
      <c r="H6226" s="6" t="s">
        <v>12579</v>
      </c>
      <c r="I6226" s="7">
        <v>4.5993772000000002</v>
      </c>
      <c r="J6226" s="8">
        <v>-74.072397899999999</v>
      </c>
    </row>
    <row r="6227" spans="1:10" x14ac:dyDescent="0.35">
      <c r="A6227" s="5" t="s">
        <v>10</v>
      </c>
      <c r="B6227" s="6">
        <v>226704</v>
      </c>
      <c r="C6227" s="6" t="s">
        <v>68</v>
      </c>
      <c r="D6227" s="6" t="s">
        <v>69</v>
      </c>
      <c r="E6227" s="6">
        <v>11001</v>
      </c>
      <c r="F6227" s="6" t="s">
        <v>18</v>
      </c>
      <c r="G6227" s="6" t="s">
        <v>12580</v>
      </c>
      <c r="H6227" s="6" t="s">
        <v>12581</v>
      </c>
      <c r="I6227" s="7">
        <v>4.6208868999999897</v>
      </c>
      <c r="J6227" s="8">
        <v>-74.199870599999997</v>
      </c>
    </row>
    <row r="6228" spans="1:10" x14ac:dyDescent="0.35">
      <c r="A6228" s="5" t="s">
        <v>10</v>
      </c>
      <c r="B6228" s="6">
        <v>234553</v>
      </c>
      <c r="C6228" s="6" t="s">
        <v>68</v>
      </c>
      <c r="D6228" s="6" t="s">
        <v>69</v>
      </c>
      <c r="E6228" s="6">
        <v>11001</v>
      </c>
      <c r="F6228" s="6" t="s">
        <v>18</v>
      </c>
      <c r="G6228" s="6" t="s">
        <v>12582</v>
      </c>
      <c r="H6228" s="6" t="s">
        <v>12583</v>
      </c>
      <c r="I6228" s="7">
        <v>4.7438494000000002</v>
      </c>
      <c r="J6228" s="8">
        <v>-74.121142899999995</v>
      </c>
    </row>
    <row r="6229" spans="1:10" x14ac:dyDescent="0.35">
      <c r="A6229" s="5" t="s">
        <v>10</v>
      </c>
      <c r="B6229" s="6">
        <v>242549</v>
      </c>
      <c r="C6229" s="6" t="s">
        <v>68</v>
      </c>
      <c r="D6229" s="6" t="s">
        <v>69</v>
      </c>
      <c r="E6229" s="6">
        <v>11001</v>
      </c>
      <c r="F6229" s="6" t="s">
        <v>18</v>
      </c>
      <c r="G6229" s="6" t="s">
        <v>12584</v>
      </c>
      <c r="H6229" s="6" t="s">
        <v>12585</v>
      </c>
      <c r="I6229" s="7">
        <v>4.6272802999999998</v>
      </c>
      <c r="J6229" s="8">
        <v>-74.0794712</v>
      </c>
    </row>
    <row r="6230" spans="1:10" x14ac:dyDescent="0.35">
      <c r="A6230" s="5" t="s">
        <v>10</v>
      </c>
      <c r="B6230" s="6">
        <v>244150</v>
      </c>
      <c r="C6230" s="6" t="s">
        <v>68</v>
      </c>
      <c r="D6230" s="6" t="s">
        <v>69</v>
      </c>
      <c r="E6230" s="6">
        <v>11001</v>
      </c>
      <c r="F6230" s="6" t="s">
        <v>18</v>
      </c>
      <c r="G6230" s="6" t="s">
        <v>12586</v>
      </c>
      <c r="H6230" s="6" t="s">
        <v>12587</v>
      </c>
      <c r="I6230" s="7">
        <v>4.4958840999999996</v>
      </c>
      <c r="J6230" s="8">
        <v>-74.112993200000005</v>
      </c>
    </row>
    <row r="6231" spans="1:10" x14ac:dyDescent="0.35">
      <c r="A6231" s="5" t="s">
        <v>10</v>
      </c>
      <c r="B6231" s="6">
        <v>212884</v>
      </c>
      <c r="C6231" s="6" t="s">
        <v>68</v>
      </c>
      <c r="D6231" s="6" t="s">
        <v>69</v>
      </c>
      <c r="E6231" s="6">
        <v>11001</v>
      </c>
      <c r="F6231" s="6" t="s">
        <v>18</v>
      </c>
      <c r="G6231" s="6" t="s">
        <v>12588</v>
      </c>
      <c r="H6231" s="6" t="s">
        <v>12589</v>
      </c>
      <c r="I6231" s="7">
        <v>4.6179084000000001</v>
      </c>
      <c r="J6231" s="8">
        <v>-74.210547000000005</v>
      </c>
    </row>
    <row r="6232" spans="1:10" x14ac:dyDescent="0.35">
      <c r="A6232" s="5" t="s">
        <v>10</v>
      </c>
      <c r="B6232" s="6">
        <v>242739</v>
      </c>
      <c r="C6232" s="6" t="s">
        <v>68</v>
      </c>
      <c r="D6232" s="6" t="s">
        <v>69</v>
      </c>
      <c r="E6232" s="6">
        <v>11001</v>
      </c>
      <c r="F6232" s="6" t="s">
        <v>18</v>
      </c>
      <c r="G6232" s="6" t="s">
        <v>12590</v>
      </c>
      <c r="H6232" s="6" t="s">
        <v>12591</v>
      </c>
      <c r="I6232" s="7">
        <v>4.7998478999999996</v>
      </c>
      <c r="J6232" s="8">
        <v>-74.110289600000002</v>
      </c>
    </row>
    <row r="6233" spans="1:10" x14ac:dyDescent="0.35">
      <c r="A6233" s="5" t="s">
        <v>10</v>
      </c>
      <c r="B6233" s="6">
        <v>69305</v>
      </c>
      <c r="C6233" s="6" t="s">
        <v>2130</v>
      </c>
      <c r="D6233" s="6" t="s">
        <v>3816</v>
      </c>
      <c r="E6233" s="6">
        <v>85162</v>
      </c>
      <c r="F6233" s="6" t="s">
        <v>18</v>
      </c>
      <c r="G6233" s="6" t="s">
        <v>12592</v>
      </c>
      <c r="H6233" s="6" t="s">
        <v>12593</v>
      </c>
      <c r="I6233" s="7">
        <v>4.8781425999999897</v>
      </c>
      <c r="J6233" s="8">
        <v>-72.896478999999999</v>
      </c>
    </row>
    <row r="6234" spans="1:10" x14ac:dyDescent="0.35">
      <c r="A6234" s="5" t="s">
        <v>10</v>
      </c>
      <c r="B6234" s="6">
        <v>224887</v>
      </c>
      <c r="C6234" s="6" t="s">
        <v>366</v>
      </c>
      <c r="D6234" s="6" t="s">
        <v>367</v>
      </c>
      <c r="E6234" s="6">
        <v>44430</v>
      </c>
      <c r="F6234" s="6" t="s">
        <v>13</v>
      </c>
      <c r="G6234" s="6" t="s">
        <v>12594</v>
      </c>
      <c r="H6234" s="6" t="s">
        <v>12595</v>
      </c>
      <c r="I6234" s="7">
        <v>11.3730799</v>
      </c>
      <c r="J6234" s="8">
        <v>-72.249622000000002</v>
      </c>
    </row>
    <row r="6235" spans="1:10" x14ac:dyDescent="0.35">
      <c r="A6235" s="5" t="s">
        <v>10</v>
      </c>
      <c r="B6235" s="6">
        <v>221872</v>
      </c>
      <c r="C6235" s="6" t="s">
        <v>117</v>
      </c>
      <c r="D6235" s="6" t="s">
        <v>1291</v>
      </c>
      <c r="E6235" s="6">
        <v>76834</v>
      </c>
      <c r="F6235" s="6" t="s">
        <v>18</v>
      </c>
      <c r="G6235" s="6" t="s">
        <v>12596</v>
      </c>
      <c r="H6235" s="6" t="s">
        <v>12597</v>
      </c>
      <c r="I6235" s="7">
        <v>4.0907176999999999</v>
      </c>
      <c r="J6235" s="8">
        <v>-76.205835800000003</v>
      </c>
    </row>
    <row r="6236" spans="1:10" x14ac:dyDescent="0.35">
      <c r="A6236" s="5" t="s">
        <v>10</v>
      </c>
      <c r="B6236" s="6">
        <v>229906</v>
      </c>
      <c r="C6236" s="6" t="s">
        <v>38</v>
      </c>
      <c r="D6236" s="6" t="s">
        <v>11577</v>
      </c>
      <c r="E6236" s="6">
        <v>19845</v>
      </c>
      <c r="F6236" s="6" t="s">
        <v>18</v>
      </c>
      <c r="G6236" s="6" t="s">
        <v>12598</v>
      </c>
      <c r="H6236" s="6" t="s">
        <v>12599</v>
      </c>
      <c r="I6236" s="7">
        <v>3.1711086000000002</v>
      </c>
      <c r="J6236" s="8">
        <v>-76.457630499999993</v>
      </c>
    </row>
    <row r="6237" spans="1:10" x14ac:dyDescent="0.35">
      <c r="A6237" s="5" t="s">
        <v>10</v>
      </c>
      <c r="B6237" s="6">
        <v>232905</v>
      </c>
      <c r="C6237" s="6" t="s">
        <v>117</v>
      </c>
      <c r="D6237" s="6" t="s">
        <v>1334</v>
      </c>
      <c r="E6237" s="6">
        <v>76001</v>
      </c>
      <c r="F6237" s="6" t="s">
        <v>18</v>
      </c>
      <c r="G6237" s="6" t="s">
        <v>12600</v>
      </c>
      <c r="H6237" s="6" t="s">
        <v>12601</v>
      </c>
      <c r="I6237" s="7">
        <v>3.4032135999999999</v>
      </c>
      <c r="J6237" s="8">
        <v>-76.348052600000003</v>
      </c>
    </row>
    <row r="6238" spans="1:10" x14ac:dyDescent="0.35">
      <c r="A6238" s="5" t="s">
        <v>10</v>
      </c>
      <c r="B6238" s="6">
        <v>241635</v>
      </c>
      <c r="C6238" s="6" t="s">
        <v>457</v>
      </c>
      <c r="D6238" s="6" t="s">
        <v>1086</v>
      </c>
      <c r="E6238" s="6">
        <v>52356</v>
      </c>
      <c r="F6238" s="6" t="s">
        <v>18</v>
      </c>
      <c r="G6238" s="6" t="s">
        <v>12602</v>
      </c>
      <c r="H6238" s="6" t="s">
        <v>12603</v>
      </c>
      <c r="I6238" s="7">
        <v>0.82613499999999995</v>
      </c>
      <c r="J6238" s="8">
        <v>-77.640078000000003</v>
      </c>
    </row>
    <row r="6239" spans="1:10" x14ac:dyDescent="0.35">
      <c r="A6239" s="5" t="s">
        <v>10</v>
      </c>
      <c r="B6239" s="6">
        <v>240015</v>
      </c>
      <c r="C6239" s="6" t="s">
        <v>117</v>
      </c>
      <c r="D6239" s="6" t="s">
        <v>1334</v>
      </c>
      <c r="E6239" s="6">
        <v>76001</v>
      </c>
      <c r="F6239" s="6" t="s">
        <v>18</v>
      </c>
      <c r="G6239" s="6" t="s">
        <v>12604</v>
      </c>
      <c r="H6239" s="6" t="s">
        <v>12605</v>
      </c>
      <c r="I6239" s="7">
        <v>3.4520436000000001</v>
      </c>
      <c r="J6239" s="8">
        <v>-76.549472399999999</v>
      </c>
    </row>
    <row r="6240" spans="1:10" x14ac:dyDescent="0.35">
      <c r="A6240" s="5" t="s">
        <v>10</v>
      </c>
      <c r="B6240" s="6">
        <v>221485</v>
      </c>
      <c r="C6240" s="6" t="s">
        <v>190</v>
      </c>
      <c r="D6240" s="6" t="s">
        <v>12606</v>
      </c>
      <c r="E6240" s="6">
        <v>5579</v>
      </c>
      <c r="F6240" s="6" t="s">
        <v>18</v>
      </c>
      <c r="G6240" s="6" t="s">
        <v>12607</v>
      </c>
      <c r="H6240" s="6" t="s">
        <v>12608</v>
      </c>
      <c r="I6240" s="7">
        <v>6.4895388000000001</v>
      </c>
      <c r="J6240" s="8">
        <v>-74.404758700000002</v>
      </c>
    </row>
    <row r="6241" spans="1:10" x14ac:dyDescent="0.35">
      <c r="A6241" s="5" t="s">
        <v>10</v>
      </c>
      <c r="B6241" s="6">
        <v>181002</v>
      </c>
      <c r="C6241" s="6" t="s">
        <v>68</v>
      </c>
      <c r="D6241" s="6" t="s">
        <v>69</v>
      </c>
      <c r="E6241" s="6">
        <v>11001</v>
      </c>
      <c r="F6241" s="6" t="s">
        <v>18</v>
      </c>
      <c r="G6241" s="6" t="s">
        <v>12609</v>
      </c>
      <c r="H6241" s="6" t="s">
        <v>12610</v>
      </c>
      <c r="I6241" s="7">
        <v>4.5359882999999996</v>
      </c>
      <c r="J6241" s="8">
        <v>-74.087347800000003</v>
      </c>
    </row>
    <row r="6242" spans="1:10" x14ac:dyDescent="0.35">
      <c r="A6242" s="5" t="s">
        <v>10</v>
      </c>
      <c r="B6242" s="6">
        <v>209984</v>
      </c>
      <c r="C6242" s="6" t="s">
        <v>68</v>
      </c>
      <c r="D6242" s="6" t="s">
        <v>69</v>
      </c>
      <c r="E6242" s="6">
        <v>11001</v>
      </c>
      <c r="F6242" s="6" t="s">
        <v>18</v>
      </c>
      <c r="G6242" s="6" t="s">
        <v>12611</v>
      </c>
      <c r="H6242" s="6" t="s">
        <v>12612</v>
      </c>
      <c r="I6242" s="7">
        <v>4.5712963000000002</v>
      </c>
      <c r="J6242" s="8">
        <v>-74.093909299999893</v>
      </c>
    </row>
    <row r="6243" spans="1:10" x14ac:dyDescent="0.35">
      <c r="A6243" s="5" t="s">
        <v>10</v>
      </c>
      <c r="B6243" s="6">
        <v>242134</v>
      </c>
      <c r="C6243" s="6" t="s">
        <v>68</v>
      </c>
      <c r="D6243" s="6" t="s">
        <v>69</v>
      </c>
      <c r="E6243" s="6">
        <v>11001</v>
      </c>
      <c r="F6243" s="6" t="s">
        <v>18</v>
      </c>
      <c r="G6243" s="6" t="s">
        <v>12613</v>
      </c>
      <c r="H6243" s="6" t="s">
        <v>12614</v>
      </c>
      <c r="I6243" s="7">
        <v>4.6126813000000002</v>
      </c>
      <c r="J6243" s="8">
        <v>-74.119579700000003</v>
      </c>
    </row>
    <row r="6244" spans="1:10" x14ac:dyDescent="0.35">
      <c r="A6244" s="5" t="s">
        <v>10</v>
      </c>
      <c r="B6244" s="6">
        <v>207857</v>
      </c>
      <c r="C6244" s="6" t="s">
        <v>68</v>
      </c>
      <c r="D6244" s="6" t="s">
        <v>69</v>
      </c>
      <c r="E6244" s="6">
        <v>11001</v>
      </c>
      <c r="F6244" s="6" t="s">
        <v>18</v>
      </c>
      <c r="G6244" s="6" t="s">
        <v>4562</v>
      </c>
      <c r="H6244" s="6" t="s">
        <v>12615</v>
      </c>
      <c r="I6244" s="7">
        <v>4.5566810999999996</v>
      </c>
      <c r="J6244" s="8">
        <v>-74.110141799999994</v>
      </c>
    </row>
    <row r="6245" spans="1:10" x14ac:dyDescent="0.35">
      <c r="A6245" s="5" t="s">
        <v>10</v>
      </c>
      <c r="B6245" s="6">
        <v>236364</v>
      </c>
      <c r="C6245" s="6" t="s">
        <v>68</v>
      </c>
      <c r="D6245" s="6" t="s">
        <v>69</v>
      </c>
      <c r="E6245" s="6">
        <v>11001</v>
      </c>
      <c r="F6245" s="6" t="s">
        <v>18</v>
      </c>
      <c r="G6245" s="6" t="s">
        <v>12616</v>
      </c>
      <c r="H6245" s="6" t="s">
        <v>12617</v>
      </c>
      <c r="I6245" s="7">
        <v>4.6166112000000004</v>
      </c>
      <c r="J6245" s="8">
        <v>-74.172224999999997</v>
      </c>
    </row>
    <row r="6246" spans="1:10" x14ac:dyDescent="0.35">
      <c r="A6246" s="5" t="s">
        <v>10</v>
      </c>
      <c r="B6246" s="6">
        <v>247567</v>
      </c>
      <c r="C6246" s="6" t="s">
        <v>68</v>
      </c>
      <c r="D6246" s="6" t="s">
        <v>69</v>
      </c>
      <c r="E6246" s="6">
        <v>11001</v>
      </c>
      <c r="F6246" s="6" t="s">
        <v>18</v>
      </c>
      <c r="G6246" s="6" t="s">
        <v>12618</v>
      </c>
      <c r="H6246" s="6" t="s">
        <v>12619</v>
      </c>
      <c r="I6246" s="7">
        <v>4.5606451999999997</v>
      </c>
      <c r="J6246" s="8">
        <v>-74.097271399999997</v>
      </c>
    </row>
    <row r="6247" spans="1:10" x14ac:dyDescent="0.35">
      <c r="A6247" s="5" t="s">
        <v>10</v>
      </c>
      <c r="B6247" s="6">
        <v>208997</v>
      </c>
      <c r="C6247" s="6" t="s">
        <v>68</v>
      </c>
      <c r="D6247" s="6" t="s">
        <v>69</v>
      </c>
      <c r="E6247" s="6">
        <v>11001</v>
      </c>
      <c r="F6247" s="6" t="s">
        <v>18</v>
      </c>
      <c r="G6247" s="6" t="s">
        <v>12620</v>
      </c>
      <c r="H6247" s="6" t="s">
        <v>12621</v>
      </c>
      <c r="I6247" s="7">
        <v>4.6516999999999999</v>
      </c>
      <c r="J6247" s="8">
        <v>-74.0617637</v>
      </c>
    </row>
    <row r="6248" spans="1:10" x14ac:dyDescent="0.35">
      <c r="A6248" s="5" t="s">
        <v>10</v>
      </c>
      <c r="B6248" s="6">
        <v>209445</v>
      </c>
      <c r="C6248" s="6" t="s">
        <v>68</v>
      </c>
      <c r="D6248" s="6" t="s">
        <v>69</v>
      </c>
      <c r="E6248" s="6">
        <v>11001</v>
      </c>
      <c r="F6248" s="6" t="s">
        <v>18</v>
      </c>
      <c r="G6248" s="6" t="s">
        <v>12622</v>
      </c>
      <c r="H6248" s="6" t="s">
        <v>12623</v>
      </c>
      <c r="I6248" s="7">
        <v>4.5701627999999896</v>
      </c>
      <c r="J6248" s="8">
        <v>-74.164710399999905</v>
      </c>
    </row>
    <row r="6249" spans="1:10" x14ac:dyDescent="0.35">
      <c r="A6249" s="5" t="s">
        <v>10</v>
      </c>
      <c r="B6249" s="6">
        <v>211921</v>
      </c>
      <c r="C6249" s="6" t="s">
        <v>68</v>
      </c>
      <c r="D6249" s="6" t="s">
        <v>69</v>
      </c>
      <c r="E6249" s="6">
        <v>11001</v>
      </c>
      <c r="F6249" s="6" t="s">
        <v>18</v>
      </c>
      <c r="G6249" s="6" t="s">
        <v>12624</v>
      </c>
      <c r="H6249" s="6" t="s">
        <v>12625</v>
      </c>
      <c r="I6249" s="7">
        <v>4.6231420999999999</v>
      </c>
      <c r="J6249" s="8">
        <v>-74.187766199999999</v>
      </c>
    </row>
    <row r="6250" spans="1:10" x14ac:dyDescent="0.35">
      <c r="A6250" s="5" t="s">
        <v>10</v>
      </c>
      <c r="B6250" s="6">
        <v>233096</v>
      </c>
      <c r="C6250" s="6" t="s">
        <v>68</v>
      </c>
      <c r="D6250" s="6" t="s">
        <v>69</v>
      </c>
      <c r="E6250" s="6">
        <v>11001</v>
      </c>
      <c r="F6250" s="6" t="s">
        <v>18</v>
      </c>
      <c r="G6250" s="6" t="s">
        <v>12626</v>
      </c>
      <c r="H6250" s="6" t="s">
        <v>12627</v>
      </c>
      <c r="I6250" s="7">
        <v>4.6103500000000004</v>
      </c>
      <c r="J6250" s="8">
        <v>-74.162090000000006</v>
      </c>
    </row>
    <row r="6251" spans="1:10" x14ac:dyDescent="0.35">
      <c r="A6251" s="5" t="s">
        <v>10</v>
      </c>
      <c r="B6251" s="6">
        <v>230065</v>
      </c>
      <c r="C6251" s="6" t="s">
        <v>117</v>
      </c>
      <c r="D6251" s="6" t="s">
        <v>1334</v>
      </c>
      <c r="E6251" s="6">
        <v>76001</v>
      </c>
      <c r="F6251" s="6" t="s">
        <v>18</v>
      </c>
      <c r="G6251" s="6" t="s">
        <v>12628</v>
      </c>
      <c r="H6251" s="6" t="s">
        <v>12629</v>
      </c>
      <c r="I6251" s="7">
        <v>3.4273527000000001</v>
      </c>
      <c r="J6251" s="8">
        <v>-76.483664899999994</v>
      </c>
    </row>
    <row r="6252" spans="1:10" x14ac:dyDescent="0.35">
      <c r="A6252" s="5" t="s">
        <v>10</v>
      </c>
      <c r="B6252" s="6">
        <v>241175</v>
      </c>
      <c r="C6252" s="6" t="s">
        <v>117</v>
      </c>
      <c r="D6252" s="6" t="s">
        <v>1334</v>
      </c>
      <c r="E6252" s="6">
        <v>76001</v>
      </c>
      <c r="F6252" s="6" t="s">
        <v>18</v>
      </c>
      <c r="G6252" s="6" t="s">
        <v>12630</v>
      </c>
      <c r="H6252" s="6" t="s">
        <v>12631</v>
      </c>
      <c r="I6252" s="7">
        <v>3.3963030000000001</v>
      </c>
      <c r="J6252" s="8">
        <v>-76.534513899999993</v>
      </c>
    </row>
    <row r="6253" spans="1:10" x14ac:dyDescent="0.35">
      <c r="A6253" s="5" t="s">
        <v>10</v>
      </c>
      <c r="B6253" s="6">
        <v>240594</v>
      </c>
      <c r="C6253" s="6" t="s">
        <v>190</v>
      </c>
      <c r="D6253" s="6" t="s">
        <v>191</v>
      </c>
      <c r="E6253" s="6">
        <v>5001</v>
      </c>
      <c r="F6253" s="6" t="s">
        <v>18</v>
      </c>
      <c r="G6253" s="6" t="s">
        <v>12632</v>
      </c>
      <c r="H6253" s="6" t="s">
        <v>12633</v>
      </c>
      <c r="I6253" s="7">
        <v>6.2746297000000002</v>
      </c>
      <c r="J6253" s="8">
        <v>-75.605636500000003</v>
      </c>
    </row>
    <row r="6254" spans="1:10" x14ac:dyDescent="0.35">
      <c r="A6254" s="5" t="s">
        <v>10</v>
      </c>
      <c r="B6254" s="6">
        <v>190819</v>
      </c>
      <c r="C6254" s="6" t="s">
        <v>68</v>
      </c>
      <c r="D6254" s="6" t="s">
        <v>69</v>
      </c>
      <c r="E6254" s="6">
        <v>11001</v>
      </c>
      <c r="F6254" s="6" t="s">
        <v>18</v>
      </c>
      <c r="G6254" s="6" t="s">
        <v>12634</v>
      </c>
      <c r="H6254" s="6" t="s">
        <v>12635</v>
      </c>
      <c r="I6254" s="7">
        <v>4.6515228999999998</v>
      </c>
      <c r="J6254" s="8">
        <v>-74.159927299999893</v>
      </c>
    </row>
    <row r="6255" spans="1:10" x14ac:dyDescent="0.35">
      <c r="A6255" s="5" t="s">
        <v>10</v>
      </c>
      <c r="B6255" s="6">
        <v>203448</v>
      </c>
      <c r="C6255" s="6" t="s">
        <v>68</v>
      </c>
      <c r="D6255" s="6" t="s">
        <v>69</v>
      </c>
      <c r="E6255" s="6">
        <v>11001</v>
      </c>
      <c r="F6255" s="6" t="s">
        <v>18</v>
      </c>
      <c r="G6255" s="6" t="s">
        <v>12636</v>
      </c>
      <c r="H6255" s="6" t="s">
        <v>12637</v>
      </c>
      <c r="I6255" s="7">
        <v>4.5700368999999998</v>
      </c>
      <c r="J6255" s="8">
        <v>-74.144196499999893</v>
      </c>
    </row>
    <row r="6256" spans="1:10" x14ac:dyDescent="0.35">
      <c r="A6256" s="5" t="s">
        <v>10</v>
      </c>
      <c r="B6256" s="6">
        <v>246220</v>
      </c>
      <c r="C6256" s="6" t="s">
        <v>68</v>
      </c>
      <c r="D6256" s="6" t="s">
        <v>69</v>
      </c>
      <c r="E6256" s="6">
        <v>11001</v>
      </c>
      <c r="F6256" s="6" t="s">
        <v>18</v>
      </c>
      <c r="G6256" s="6" t="s">
        <v>12638</v>
      </c>
      <c r="H6256" s="6" t="s">
        <v>12639</v>
      </c>
      <c r="I6256" s="7">
        <v>4.611548</v>
      </c>
      <c r="J6256" s="8">
        <v>-74.1736377</v>
      </c>
    </row>
    <row r="6257" spans="1:10" x14ac:dyDescent="0.35">
      <c r="A6257" s="5" t="s">
        <v>10</v>
      </c>
      <c r="B6257" s="6">
        <v>203683</v>
      </c>
      <c r="C6257" s="6" t="s">
        <v>68</v>
      </c>
      <c r="D6257" s="6" t="s">
        <v>69</v>
      </c>
      <c r="E6257" s="6">
        <v>11001</v>
      </c>
      <c r="F6257" s="6" t="s">
        <v>18</v>
      </c>
      <c r="G6257" s="6" t="s">
        <v>12640</v>
      </c>
      <c r="H6257" s="6" t="s">
        <v>12641</v>
      </c>
      <c r="I6257" s="7">
        <v>4.6386995000000004</v>
      </c>
      <c r="J6257" s="8">
        <v>-74.164492699999997</v>
      </c>
    </row>
    <row r="6258" spans="1:10" x14ac:dyDescent="0.35">
      <c r="A6258" s="5" t="s">
        <v>10</v>
      </c>
      <c r="B6258" s="6">
        <v>200593</v>
      </c>
      <c r="C6258" s="6" t="s">
        <v>68</v>
      </c>
      <c r="D6258" s="6" t="s">
        <v>69</v>
      </c>
      <c r="E6258" s="6">
        <v>11001</v>
      </c>
      <c r="F6258" s="6" t="s">
        <v>18</v>
      </c>
      <c r="G6258" s="6" t="s">
        <v>12642</v>
      </c>
      <c r="H6258" s="6" t="s">
        <v>12643</v>
      </c>
      <c r="I6258" s="7">
        <v>4.5693880999999896</v>
      </c>
      <c r="J6258" s="8">
        <v>-74.164016599999997</v>
      </c>
    </row>
    <row r="6259" spans="1:10" x14ac:dyDescent="0.35">
      <c r="A6259" s="5" t="s">
        <v>10</v>
      </c>
      <c r="B6259" s="6">
        <v>211380</v>
      </c>
      <c r="C6259" s="6" t="s">
        <v>68</v>
      </c>
      <c r="D6259" s="6" t="s">
        <v>69</v>
      </c>
      <c r="E6259" s="6">
        <v>11001</v>
      </c>
      <c r="F6259" s="6" t="s">
        <v>18</v>
      </c>
      <c r="G6259" s="6" t="s">
        <v>12644</v>
      </c>
      <c r="H6259" s="6" t="s">
        <v>12645</v>
      </c>
      <c r="I6259" s="7">
        <v>4.6864150000000002</v>
      </c>
      <c r="J6259" s="8">
        <v>-74.090519799999996</v>
      </c>
    </row>
    <row r="6260" spans="1:10" x14ac:dyDescent="0.35">
      <c r="A6260" s="5" t="s">
        <v>10</v>
      </c>
      <c r="B6260" s="6">
        <v>218455</v>
      </c>
      <c r="C6260" s="6" t="s">
        <v>68</v>
      </c>
      <c r="D6260" s="6" t="s">
        <v>69</v>
      </c>
      <c r="E6260" s="6">
        <v>11001</v>
      </c>
      <c r="F6260" s="6" t="s">
        <v>18</v>
      </c>
      <c r="G6260" s="6" t="s">
        <v>12646</v>
      </c>
      <c r="H6260" s="6" t="s">
        <v>12647</v>
      </c>
      <c r="I6260" s="7">
        <v>4.6143878999999997</v>
      </c>
      <c r="J6260" s="8">
        <v>-74.160698400000001</v>
      </c>
    </row>
    <row r="6261" spans="1:10" x14ac:dyDescent="0.35">
      <c r="A6261" s="5" t="s">
        <v>10</v>
      </c>
      <c r="B6261" s="6">
        <v>224226</v>
      </c>
      <c r="C6261" s="6" t="s">
        <v>68</v>
      </c>
      <c r="D6261" s="6" t="s">
        <v>69</v>
      </c>
      <c r="E6261" s="6">
        <v>11001</v>
      </c>
      <c r="F6261" s="6" t="s">
        <v>18</v>
      </c>
      <c r="G6261" s="6" t="s">
        <v>12648</v>
      </c>
      <c r="H6261" s="6" t="s">
        <v>12649</v>
      </c>
      <c r="I6261" s="7">
        <v>4.6845371999999896</v>
      </c>
      <c r="J6261" s="8">
        <v>-74.108308299999905</v>
      </c>
    </row>
    <row r="6262" spans="1:10" x14ac:dyDescent="0.35">
      <c r="A6262" s="5" t="s">
        <v>10</v>
      </c>
      <c r="B6262" s="6">
        <v>127229</v>
      </c>
      <c r="C6262" s="6" t="s">
        <v>190</v>
      </c>
      <c r="D6262" s="6" t="s">
        <v>11740</v>
      </c>
      <c r="E6262" s="6">
        <v>5376</v>
      </c>
      <c r="F6262" s="6" t="s">
        <v>18</v>
      </c>
      <c r="G6262" s="6" t="s">
        <v>12650</v>
      </c>
      <c r="H6262" s="6" t="s">
        <v>12651</v>
      </c>
      <c r="I6262" s="7">
        <v>6.0298997999999999</v>
      </c>
      <c r="J6262" s="8">
        <v>-75.430571200000003</v>
      </c>
    </row>
    <row r="6263" spans="1:10" x14ac:dyDescent="0.35">
      <c r="A6263" s="5" t="s">
        <v>10</v>
      </c>
      <c r="B6263" s="6">
        <v>218696</v>
      </c>
      <c r="C6263" s="6" t="s">
        <v>68</v>
      </c>
      <c r="D6263" s="6" t="s">
        <v>69</v>
      </c>
      <c r="E6263" s="6">
        <v>11001</v>
      </c>
      <c r="F6263" s="6" t="s">
        <v>13</v>
      </c>
      <c r="G6263" s="6" t="s">
        <v>12652</v>
      </c>
      <c r="H6263" s="6" t="s">
        <v>12653</v>
      </c>
      <c r="I6263" s="7">
        <v>4.7373631999999999</v>
      </c>
      <c r="J6263" s="8">
        <v>-74.1029944</v>
      </c>
    </row>
    <row r="6264" spans="1:10" x14ac:dyDescent="0.35">
      <c r="A6264" s="5" t="s">
        <v>10</v>
      </c>
      <c r="B6264" s="6">
        <v>241200</v>
      </c>
      <c r="C6264" s="6" t="s">
        <v>117</v>
      </c>
      <c r="D6264" s="6" t="s">
        <v>1334</v>
      </c>
      <c r="E6264" s="6">
        <v>76001</v>
      </c>
      <c r="F6264" s="6" t="s">
        <v>18</v>
      </c>
      <c r="G6264" s="6" t="s">
        <v>12654</v>
      </c>
      <c r="H6264" s="6" t="s">
        <v>12655</v>
      </c>
      <c r="I6264" s="7">
        <v>3.4502809999999999</v>
      </c>
      <c r="J6264" s="8">
        <v>-76.522207899999998</v>
      </c>
    </row>
    <row r="6265" spans="1:10" x14ac:dyDescent="0.35">
      <c r="A6265" s="5" t="s">
        <v>10</v>
      </c>
      <c r="B6265" s="6">
        <v>240601</v>
      </c>
      <c r="C6265" s="6" t="s">
        <v>190</v>
      </c>
      <c r="D6265" s="6" t="s">
        <v>4063</v>
      </c>
      <c r="E6265" s="6">
        <v>5088</v>
      </c>
      <c r="F6265" s="6" t="s">
        <v>18</v>
      </c>
      <c r="G6265" s="6" t="s">
        <v>12656</v>
      </c>
      <c r="H6265" s="6" t="s">
        <v>12657</v>
      </c>
      <c r="I6265" s="7">
        <v>6.3449939000000004</v>
      </c>
      <c r="J6265" s="8">
        <v>-75.567571599999994</v>
      </c>
    </row>
    <row r="6266" spans="1:10" x14ac:dyDescent="0.35">
      <c r="A6266" s="5" t="s">
        <v>10</v>
      </c>
      <c r="B6266" s="6">
        <v>207145</v>
      </c>
      <c r="C6266" s="6" t="s">
        <v>68</v>
      </c>
      <c r="D6266" s="6" t="s">
        <v>69</v>
      </c>
      <c r="E6266" s="6">
        <v>11001</v>
      </c>
      <c r="F6266" s="6" t="s">
        <v>18</v>
      </c>
      <c r="G6266" s="6" t="s">
        <v>12658</v>
      </c>
      <c r="H6266" s="6" t="s">
        <v>12659</v>
      </c>
      <c r="I6266" s="7">
        <v>4.5000070999999897</v>
      </c>
      <c r="J6266" s="8">
        <v>-74.104866299999998</v>
      </c>
    </row>
    <row r="6267" spans="1:10" x14ac:dyDescent="0.35">
      <c r="A6267" s="5" t="s">
        <v>10</v>
      </c>
      <c r="B6267" s="6">
        <v>206983</v>
      </c>
      <c r="C6267" s="6" t="s">
        <v>68</v>
      </c>
      <c r="D6267" s="6" t="s">
        <v>69</v>
      </c>
      <c r="E6267" s="6">
        <v>11001</v>
      </c>
      <c r="F6267" s="6" t="s">
        <v>18</v>
      </c>
      <c r="G6267" s="6" t="s">
        <v>12660</v>
      </c>
      <c r="H6267" s="6" t="s">
        <v>12661</v>
      </c>
      <c r="I6267" s="7">
        <v>4.5990058999999999</v>
      </c>
      <c r="J6267" s="8">
        <v>-74.123429799999997</v>
      </c>
    </row>
    <row r="6268" spans="1:10" x14ac:dyDescent="0.35">
      <c r="A6268" s="5" t="s">
        <v>10</v>
      </c>
      <c r="B6268" s="6">
        <v>232122</v>
      </c>
      <c r="C6268" s="6" t="s">
        <v>68</v>
      </c>
      <c r="D6268" s="6" t="s">
        <v>69</v>
      </c>
      <c r="E6268" s="6">
        <v>11001</v>
      </c>
      <c r="F6268" s="6" t="s">
        <v>18</v>
      </c>
      <c r="G6268" s="6" t="s">
        <v>12662</v>
      </c>
      <c r="H6268" s="6" t="s">
        <v>12663</v>
      </c>
      <c r="I6268" s="7">
        <v>4.6109286000000003</v>
      </c>
      <c r="J6268" s="8">
        <v>-74.199440800000005</v>
      </c>
    </row>
    <row r="6269" spans="1:10" x14ac:dyDescent="0.35">
      <c r="A6269" s="5" t="s">
        <v>10</v>
      </c>
      <c r="B6269" s="6">
        <v>212254</v>
      </c>
      <c r="C6269" s="6" t="s">
        <v>68</v>
      </c>
      <c r="D6269" s="6" t="s">
        <v>69</v>
      </c>
      <c r="E6269" s="6">
        <v>11001</v>
      </c>
      <c r="F6269" s="6" t="s">
        <v>18</v>
      </c>
      <c r="G6269" s="6" t="s">
        <v>12664</v>
      </c>
      <c r="H6269" s="6" t="s">
        <v>12665</v>
      </c>
      <c r="I6269" s="7">
        <v>4.5550712000000004</v>
      </c>
      <c r="J6269" s="8">
        <v>-74.136734199999907</v>
      </c>
    </row>
    <row r="6270" spans="1:10" x14ac:dyDescent="0.35">
      <c r="A6270" s="5" t="s">
        <v>10</v>
      </c>
      <c r="B6270" s="6">
        <v>216064</v>
      </c>
      <c r="C6270" s="6" t="s">
        <v>24</v>
      </c>
      <c r="D6270" s="6" t="s">
        <v>88</v>
      </c>
      <c r="E6270" s="6">
        <v>15001</v>
      </c>
      <c r="F6270" s="6" t="s">
        <v>13</v>
      </c>
      <c r="G6270" s="6" t="s">
        <v>12666</v>
      </c>
      <c r="H6270" s="6" t="s">
        <v>12667</v>
      </c>
      <c r="I6270" s="7">
        <v>5.5474693000000004</v>
      </c>
      <c r="J6270" s="8">
        <v>-73.361425800000006</v>
      </c>
    </row>
    <row r="6271" spans="1:10" x14ac:dyDescent="0.35">
      <c r="A6271" s="5" t="s">
        <v>10</v>
      </c>
      <c r="B6271" s="6">
        <v>229451</v>
      </c>
      <c r="C6271" s="6" t="s">
        <v>117</v>
      </c>
      <c r="D6271" s="6" t="s">
        <v>12668</v>
      </c>
      <c r="E6271" s="6">
        <v>76863</v>
      </c>
      <c r="F6271" s="6" t="s">
        <v>18</v>
      </c>
      <c r="G6271" s="6" t="s">
        <v>12669</v>
      </c>
      <c r="H6271" s="6" t="s">
        <v>12670</v>
      </c>
      <c r="I6271" s="7">
        <v>4.5747738</v>
      </c>
      <c r="J6271" s="8">
        <v>-76.198613899999998</v>
      </c>
    </row>
    <row r="6272" spans="1:10" x14ac:dyDescent="0.35">
      <c r="A6272" s="5" t="s">
        <v>10</v>
      </c>
      <c r="B6272" s="6">
        <v>238374</v>
      </c>
      <c r="C6272" s="6" t="s">
        <v>117</v>
      </c>
      <c r="D6272" s="6" t="s">
        <v>4394</v>
      </c>
      <c r="E6272" s="6">
        <v>76823</v>
      </c>
      <c r="F6272" s="6" t="s">
        <v>18</v>
      </c>
      <c r="G6272" s="6" t="s">
        <v>12671</v>
      </c>
      <c r="H6272" s="6" t="s">
        <v>12672</v>
      </c>
      <c r="I6272" s="7">
        <v>4.6083847999999996</v>
      </c>
      <c r="J6272" s="8">
        <v>-76.078970900000002</v>
      </c>
    </row>
    <row r="6273" spans="1:10" x14ac:dyDescent="0.35">
      <c r="A6273" s="5" t="s">
        <v>10</v>
      </c>
      <c r="B6273" s="6">
        <v>241202</v>
      </c>
      <c r="C6273" s="6" t="s">
        <v>117</v>
      </c>
      <c r="D6273" s="6" t="s">
        <v>1334</v>
      </c>
      <c r="E6273" s="6">
        <v>76001</v>
      </c>
      <c r="F6273" s="6" t="s">
        <v>18</v>
      </c>
      <c r="G6273" s="6" t="s">
        <v>12673</v>
      </c>
      <c r="H6273" s="6" t="s">
        <v>12674</v>
      </c>
      <c r="I6273" s="7">
        <v>3.4475323000000002</v>
      </c>
      <c r="J6273" s="8">
        <v>-76.533940900000005</v>
      </c>
    </row>
    <row r="6274" spans="1:10" x14ac:dyDescent="0.35">
      <c r="A6274" s="5" t="s">
        <v>10</v>
      </c>
      <c r="B6274" s="6">
        <v>235938</v>
      </c>
      <c r="C6274" s="6" t="s">
        <v>190</v>
      </c>
      <c r="D6274" s="6" t="s">
        <v>12675</v>
      </c>
      <c r="E6274" s="6">
        <v>5686</v>
      </c>
      <c r="F6274" s="6" t="s">
        <v>18</v>
      </c>
      <c r="G6274" s="6" t="s">
        <v>12676</v>
      </c>
      <c r="H6274" s="6" t="s">
        <v>12677</v>
      </c>
      <c r="I6274" s="7">
        <v>6.6484617000000004</v>
      </c>
      <c r="J6274" s="8">
        <v>-75.459379999999996</v>
      </c>
    </row>
    <row r="6275" spans="1:10" x14ac:dyDescent="0.35">
      <c r="A6275" s="5" t="s">
        <v>10</v>
      </c>
      <c r="B6275" s="6">
        <v>235819</v>
      </c>
      <c r="C6275" s="6" t="s">
        <v>190</v>
      </c>
      <c r="D6275" s="6" t="s">
        <v>12678</v>
      </c>
      <c r="E6275" s="6">
        <v>5664</v>
      </c>
      <c r="F6275" s="6" t="s">
        <v>18</v>
      </c>
      <c r="G6275" s="6" t="s">
        <v>12679</v>
      </c>
      <c r="H6275" s="6" t="s">
        <v>12680</v>
      </c>
      <c r="I6275" s="7">
        <v>6.4615856999999997</v>
      </c>
      <c r="J6275" s="8">
        <v>-75.556494299999997</v>
      </c>
    </row>
    <row r="6276" spans="1:10" x14ac:dyDescent="0.35">
      <c r="A6276" s="5" t="s">
        <v>10</v>
      </c>
      <c r="B6276" s="6">
        <v>240684</v>
      </c>
      <c r="C6276" s="6" t="s">
        <v>190</v>
      </c>
      <c r="D6276" s="6" t="s">
        <v>191</v>
      </c>
      <c r="E6276" s="6">
        <v>5001</v>
      </c>
      <c r="F6276" s="6" t="s">
        <v>18</v>
      </c>
      <c r="G6276" s="6" t="s">
        <v>12681</v>
      </c>
      <c r="H6276" s="6" t="s">
        <v>12682</v>
      </c>
      <c r="I6276" s="7">
        <v>6.2980872999999997</v>
      </c>
      <c r="J6276" s="8">
        <v>-75.541555799999998</v>
      </c>
    </row>
    <row r="6277" spans="1:10" x14ac:dyDescent="0.35">
      <c r="A6277" s="5" t="s">
        <v>10</v>
      </c>
      <c r="B6277" s="6">
        <v>213990</v>
      </c>
      <c r="C6277" s="6" t="s">
        <v>68</v>
      </c>
      <c r="D6277" s="6" t="s">
        <v>69</v>
      </c>
      <c r="E6277" s="6">
        <v>11001</v>
      </c>
      <c r="F6277" s="6" t="s">
        <v>18</v>
      </c>
      <c r="G6277" s="6" t="s">
        <v>12683</v>
      </c>
      <c r="H6277" s="6" t="s">
        <v>12684</v>
      </c>
      <c r="I6277" s="7">
        <v>4.5908256999999999</v>
      </c>
      <c r="J6277" s="8">
        <v>-74.072258899999994</v>
      </c>
    </row>
    <row r="6278" spans="1:10" x14ac:dyDescent="0.35">
      <c r="A6278" s="5" t="s">
        <v>10</v>
      </c>
      <c r="B6278" s="6">
        <v>242204</v>
      </c>
      <c r="C6278" s="6" t="s">
        <v>68</v>
      </c>
      <c r="D6278" s="6" t="s">
        <v>69</v>
      </c>
      <c r="E6278" s="6">
        <v>11001</v>
      </c>
      <c r="F6278" s="6" t="s">
        <v>18</v>
      </c>
      <c r="G6278" s="6" t="s">
        <v>12685</v>
      </c>
      <c r="H6278" s="6" t="s">
        <v>12686</v>
      </c>
      <c r="I6278" s="7">
        <v>4.7568814000000001</v>
      </c>
      <c r="J6278" s="8">
        <v>-74.087519700000001</v>
      </c>
    </row>
    <row r="6279" spans="1:10" x14ac:dyDescent="0.35">
      <c r="A6279" s="5" t="s">
        <v>10</v>
      </c>
      <c r="B6279" s="6">
        <v>247690</v>
      </c>
      <c r="C6279" s="6" t="s">
        <v>68</v>
      </c>
      <c r="D6279" s="6" t="s">
        <v>69</v>
      </c>
      <c r="E6279" s="6">
        <v>11001</v>
      </c>
      <c r="F6279" s="6" t="s">
        <v>18</v>
      </c>
      <c r="G6279" s="6" t="s">
        <v>12687</v>
      </c>
      <c r="H6279" s="6" t="s">
        <v>12688</v>
      </c>
      <c r="I6279" s="7">
        <v>4.6335864000000004</v>
      </c>
      <c r="J6279" s="8">
        <v>-74.178246099999996</v>
      </c>
    </row>
    <row r="6280" spans="1:10" x14ac:dyDescent="0.35">
      <c r="A6280" s="5" t="s">
        <v>10</v>
      </c>
      <c r="B6280" s="6">
        <v>213895</v>
      </c>
      <c r="C6280" s="6" t="s">
        <v>68</v>
      </c>
      <c r="D6280" s="6" t="s">
        <v>69</v>
      </c>
      <c r="E6280" s="6">
        <v>11001</v>
      </c>
      <c r="F6280" s="6" t="s">
        <v>18</v>
      </c>
      <c r="G6280" s="6" t="s">
        <v>12689</v>
      </c>
      <c r="H6280" s="6" t="s">
        <v>12690</v>
      </c>
      <c r="I6280" s="7">
        <v>4.6452463000000002</v>
      </c>
      <c r="J6280" s="8">
        <v>-74.147683899999905</v>
      </c>
    </row>
    <row r="6281" spans="1:10" x14ac:dyDescent="0.35">
      <c r="A6281" s="5" t="s">
        <v>10</v>
      </c>
      <c r="B6281" s="6">
        <v>214830</v>
      </c>
      <c r="C6281" s="6" t="s">
        <v>68</v>
      </c>
      <c r="D6281" s="6" t="s">
        <v>69</v>
      </c>
      <c r="E6281" s="6">
        <v>11001</v>
      </c>
      <c r="F6281" s="6" t="s">
        <v>18</v>
      </c>
      <c r="G6281" s="6" t="s">
        <v>12691</v>
      </c>
      <c r="H6281" s="6" t="s">
        <v>12692</v>
      </c>
      <c r="I6281" s="7">
        <v>4.6119773000000004</v>
      </c>
      <c r="J6281" s="8">
        <v>-74.144307999999995</v>
      </c>
    </row>
    <row r="6282" spans="1:10" x14ac:dyDescent="0.35">
      <c r="A6282" s="5" t="s">
        <v>10</v>
      </c>
      <c r="B6282" s="6">
        <v>242185</v>
      </c>
      <c r="C6282" s="6" t="s">
        <v>68</v>
      </c>
      <c r="D6282" s="6" t="s">
        <v>69</v>
      </c>
      <c r="E6282" s="6">
        <v>11001</v>
      </c>
      <c r="F6282" s="6" t="s">
        <v>18</v>
      </c>
      <c r="G6282" s="6" t="s">
        <v>12693</v>
      </c>
      <c r="H6282" s="6" t="s">
        <v>12694</v>
      </c>
      <c r="I6282" s="7">
        <v>4.7217190999999996</v>
      </c>
      <c r="J6282" s="8">
        <v>-74.036358300000003</v>
      </c>
    </row>
    <row r="6283" spans="1:10" x14ac:dyDescent="0.35">
      <c r="A6283" s="5" t="s">
        <v>10</v>
      </c>
      <c r="B6283" s="6">
        <v>242574</v>
      </c>
      <c r="C6283" s="6" t="s">
        <v>68</v>
      </c>
      <c r="D6283" s="6" t="s">
        <v>69</v>
      </c>
      <c r="E6283" s="6">
        <v>11001</v>
      </c>
      <c r="F6283" s="6" t="s">
        <v>18</v>
      </c>
      <c r="G6283" s="6" t="s">
        <v>12695</v>
      </c>
      <c r="H6283" s="6" t="s">
        <v>12696</v>
      </c>
      <c r="I6283" s="7">
        <v>4.6029374000000001</v>
      </c>
      <c r="J6283" s="8">
        <v>-74.126588400000003</v>
      </c>
    </row>
    <row r="6284" spans="1:10" x14ac:dyDescent="0.35">
      <c r="A6284" s="5" t="s">
        <v>10</v>
      </c>
      <c r="B6284" s="6">
        <v>230319</v>
      </c>
      <c r="C6284" s="6" t="s">
        <v>68</v>
      </c>
      <c r="D6284" s="6" t="s">
        <v>69</v>
      </c>
      <c r="E6284" s="6">
        <v>11001</v>
      </c>
      <c r="F6284" s="6" t="s">
        <v>18</v>
      </c>
      <c r="G6284" s="6" t="s">
        <v>12697</v>
      </c>
      <c r="H6284" s="6" t="s">
        <v>12698</v>
      </c>
      <c r="I6284" s="7">
        <v>4.6918936999999996</v>
      </c>
      <c r="J6284" s="8">
        <v>-74.104806100000005</v>
      </c>
    </row>
    <row r="6285" spans="1:10" x14ac:dyDescent="0.35">
      <c r="A6285" s="5" t="s">
        <v>10</v>
      </c>
      <c r="B6285" s="6">
        <v>230405</v>
      </c>
      <c r="C6285" s="6" t="s">
        <v>68</v>
      </c>
      <c r="D6285" s="6" t="s">
        <v>69</v>
      </c>
      <c r="E6285" s="6">
        <v>11001</v>
      </c>
      <c r="F6285" s="6" t="s">
        <v>18</v>
      </c>
      <c r="G6285" s="6" t="s">
        <v>12699</v>
      </c>
      <c r="H6285" s="6" t="s">
        <v>12700</v>
      </c>
      <c r="I6285" s="7">
        <v>4.5800768999999999</v>
      </c>
      <c r="J6285" s="8">
        <v>-74.129958299999998</v>
      </c>
    </row>
    <row r="6286" spans="1:10" x14ac:dyDescent="0.35">
      <c r="A6286" s="5" t="s">
        <v>10</v>
      </c>
      <c r="B6286" s="6">
        <v>234853</v>
      </c>
      <c r="C6286" s="6" t="s">
        <v>68</v>
      </c>
      <c r="D6286" s="6" t="s">
        <v>69</v>
      </c>
      <c r="E6286" s="6">
        <v>11001</v>
      </c>
      <c r="F6286" s="6" t="s">
        <v>18</v>
      </c>
      <c r="G6286" s="6" t="s">
        <v>12701</v>
      </c>
      <c r="H6286" s="6" t="s">
        <v>12702</v>
      </c>
      <c r="I6286" s="7">
        <v>4.5610495999999996</v>
      </c>
      <c r="J6286" s="8">
        <v>-74.145446300000003</v>
      </c>
    </row>
    <row r="6287" spans="1:10" x14ac:dyDescent="0.35">
      <c r="A6287" s="5" t="s">
        <v>10</v>
      </c>
      <c r="B6287" s="6">
        <v>238843</v>
      </c>
      <c r="C6287" s="6" t="s">
        <v>68</v>
      </c>
      <c r="D6287" s="6" t="s">
        <v>69</v>
      </c>
      <c r="E6287" s="6">
        <v>11001</v>
      </c>
      <c r="F6287" s="6" t="s">
        <v>18</v>
      </c>
      <c r="G6287" s="6" t="s">
        <v>12703</v>
      </c>
      <c r="H6287" s="6" t="s">
        <v>12704</v>
      </c>
      <c r="I6287" s="7">
        <v>4.6834802</v>
      </c>
      <c r="J6287" s="8">
        <v>-74.079769299999995</v>
      </c>
    </row>
    <row r="6288" spans="1:10" x14ac:dyDescent="0.35">
      <c r="A6288" s="5" t="s">
        <v>10</v>
      </c>
      <c r="B6288" s="6">
        <v>189014</v>
      </c>
      <c r="C6288" s="6" t="s">
        <v>28</v>
      </c>
      <c r="D6288" s="6" t="s">
        <v>29</v>
      </c>
      <c r="E6288" s="6">
        <v>54001</v>
      </c>
      <c r="F6288" s="6" t="s">
        <v>13</v>
      </c>
      <c r="G6288" s="6" t="s">
        <v>12705</v>
      </c>
      <c r="H6288" s="6" t="s">
        <v>12706</v>
      </c>
      <c r="I6288" s="7">
        <v>7.8899878000000001</v>
      </c>
      <c r="J6288" s="8">
        <v>-72.471548900000002</v>
      </c>
    </row>
    <row r="6289" spans="1:10" x14ac:dyDescent="0.35">
      <c r="A6289" s="5" t="s">
        <v>10</v>
      </c>
      <c r="B6289" s="6">
        <v>230974</v>
      </c>
      <c r="C6289" s="6" t="s">
        <v>308</v>
      </c>
      <c r="D6289" s="6" t="s">
        <v>309</v>
      </c>
      <c r="E6289" s="6">
        <v>23001</v>
      </c>
      <c r="F6289" s="6" t="s">
        <v>13</v>
      </c>
      <c r="G6289" s="6" t="s">
        <v>12707</v>
      </c>
      <c r="H6289" s="6" t="s">
        <v>12708</v>
      </c>
      <c r="I6289" s="7">
        <v>8.7403213999999991</v>
      </c>
      <c r="J6289" s="8">
        <v>-75.900317700000002</v>
      </c>
    </row>
    <row r="6290" spans="1:10" x14ac:dyDescent="0.35">
      <c r="A6290" s="5" t="s">
        <v>10</v>
      </c>
      <c r="B6290" s="6">
        <v>229751</v>
      </c>
      <c r="C6290" s="6" t="s">
        <v>302</v>
      </c>
      <c r="D6290" s="6" t="s">
        <v>12709</v>
      </c>
      <c r="E6290" s="6">
        <v>8372</v>
      </c>
      <c r="F6290" s="6" t="s">
        <v>13</v>
      </c>
      <c r="G6290" s="6" t="s">
        <v>12710</v>
      </c>
      <c r="H6290" s="6" t="s">
        <v>12711</v>
      </c>
      <c r="I6290" s="7">
        <v>10.829091999999999</v>
      </c>
      <c r="J6290" s="8">
        <v>-75.035858000000005</v>
      </c>
    </row>
    <row r="6291" spans="1:10" x14ac:dyDescent="0.35">
      <c r="A6291" s="5" t="s">
        <v>10</v>
      </c>
      <c r="B6291" s="6">
        <v>229871</v>
      </c>
      <c r="C6291" s="6" t="s">
        <v>117</v>
      </c>
      <c r="D6291" s="6" t="s">
        <v>1334</v>
      </c>
      <c r="E6291" s="6">
        <v>76001</v>
      </c>
      <c r="F6291" s="6" t="s">
        <v>18</v>
      </c>
      <c r="G6291" s="6" t="s">
        <v>12712</v>
      </c>
      <c r="H6291" s="6" t="s">
        <v>12713</v>
      </c>
      <c r="I6291" s="7">
        <v>3.4114274</v>
      </c>
      <c r="J6291" s="8">
        <v>-76.497960899999995</v>
      </c>
    </row>
    <row r="6292" spans="1:10" x14ac:dyDescent="0.35">
      <c r="A6292" s="5" t="s">
        <v>10</v>
      </c>
      <c r="B6292" s="6">
        <v>240915</v>
      </c>
      <c r="C6292" s="6" t="s">
        <v>117</v>
      </c>
      <c r="D6292" s="6" t="s">
        <v>1334</v>
      </c>
      <c r="E6292" s="6">
        <v>76001</v>
      </c>
      <c r="F6292" s="6" t="s">
        <v>18</v>
      </c>
      <c r="G6292" s="6" t="s">
        <v>12714</v>
      </c>
      <c r="H6292" s="6" t="s">
        <v>12715</v>
      </c>
      <c r="I6292" s="7">
        <v>3.4525877999999999</v>
      </c>
      <c r="J6292" s="8">
        <v>-76.563911399999995</v>
      </c>
    </row>
    <row r="6293" spans="1:10" x14ac:dyDescent="0.35">
      <c r="A6293" s="5" t="s">
        <v>10</v>
      </c>
      <c r="B6293" s="6">
        <v>111365</v>
      </c>
      <c r="C6293" s="6" t="s">
        <v>190</v>
      </c>
      <c r="D6293" s="6" t="s">
        <v>11984</v>
      </c>
      <c r="E6293" s="6">
        <v>5591</v>
      </c>
      <c r="F6293" s="6" t="s">
        <v>18</v>
      </c>
      <c r="G6293" s="6" t="s">
        <v>12716</v>
      </c>
      <c r="H6293" s="6" t="s">
        <v>12717</v>
      </c>
      <c r="I6293" s="7">
        <v>5.8725187999999999</v>
      </c>
      <c r="J6293" s="8">
        <v>-74.639885999999905</v>
      </c>
    </row>
    <row r="6294" spans="1:10" x14ac:dyDescent="0.35">
      <c r="A6294" s="5" t="s">
        <v>10</v>
      </c>
      <c r="B6294" s="6">
        <v>239280</v>
      </c>
      <c r="C6294" s="6" t="s">
        <v>68</v>
      </c>
      <c r="D6294" s="6" t="s">
        <v>69</v>
      </c>
      <c r="E6294" s="6">
        <v>11001</v>
      </c>
      <c r="F6294" s="6" t="s">
        <v>18</v>
      </c>
      <c r="G6294" s="6" t="s">
        <v>12718</v>
      </c>
      <c r="H6294" s="6" t="s">
        <v>12719</v>
      </c>
      <c r="I6294" s="7">
        <v>4.6214246000000001</v>
      </c>
      <c r="J6294" s="8">
        <v>-74.129019700000001</v>
      </c>
    </row>
    <row r="6295" spans="1:10" x14ac:dyDescent="0.35">
      <c r="A6295" s="5" t="s">
        <v>10</v>
      </c>
      <c r="B6295" s="6">
        <v>171027</v>
      </c>
      <c r="C6295" s="6" t="s">
        <v>68</v>
      </c>
      <c r="D6295" s="6" t="s">
        <v>69</v>
      </c>
      <c r="E6295" s="6">
        <v>11001</v>
      </c>
      <c r="F6295" s="6" t="s">
        <v>18</v>
      </c>
      <c r="G6295" s="6" t="s">
        <v>12720</v>
      </c>
      <c r="H6295" s="6" t="s">
        <v>12721</v>
      </c>
      <c r="I6295" s="7">
        <v>4.5692088000000002</v>
      </c>
      <c r="J6295" s="8">
        <v>-74.129975799999997</v>
      </c>
    </row>
    <row r="6296" spans="1:10" x14ac:dyDescent="0.35">
      <c r="A6296" s="5" t="s">
        <v>10</v>
      </c>
      <c r="B6296" s="6">
        <v>218331</v>
      </c>
      <c r="C6296" s="6" t="s">
        <v>68</v>
      </c>
      <c r="D6296" s="6" t="s">
        <v>69</v>
      </c>
      <c r="E6296" s="6">
        <v>11001</v>
      </c>
      <c r="F6296" s="6" t="s">
        <v>18</v>
      </c>
      <c r="G6296" s="6" t="s">
        <v>12722</v>
      </c>
      <c r="H6296" s="6" t="s">
        <v>12723</v>
      </c>
      <c r="I6296" s="7">
        <v>4.7237067000000001</v>
      </c>
      <c r="J6296" s="8">
        <v>-74.041762499999905</v>
      </c>
    </row>
    <row r="6297" spans="1:10" x14ac:dyDescent="0.35">
      <c r="A6297" s="5" t="s">
        <v>10</v>
      </c>
      <c r="B6297" s="6">
        <v>238168</v>
      </c>
      <c r="C6297" s="6" t="s">
        <v>68</v>
      </c>
      <c r="D6297" s="6" t="s">
        <v>69</v>
      </c>
      <c r="E6297" s="6">
        <v>11001</v>
      </c>
      <c r="F6297" s="6" t="s">
        <v>18</v>
      </c>
      <c r="G6297" s="6" t="s">
        <v>12724</v>
      </c>
      <c r="H6297" s="6" t="s">
        <v>12725</v>
      </c>
      <c r="I6297" s="7">
        <v>4.6268045000000004</v>
      </c>
      <c r="J6297" s="8">
        <v>-74.1899576</v>
      </c>
    </row>
    <row r="6298" spans="1:10" x14ac:dyDescent="0.35">
      <c r="A6298" s="5" t="s">
        <v>10</v>
      </c>
      <c r="B6298" s="6">
        <v>132851</v>
      </c>
      <c r="C6298" s="6" t="s">
        <v>2130</v>
      </c>
      <c r="D6298" s="6" t="s">
        <v>6498</v>
      </c>
      <c r="E6298" s="6">
        <v>85139</v>
      </c>
      <c r="F6298" s="6" t="s">
        <v>18</v>
      </c>
      <c r="G6298" s="6" t="s">
        <v>12726</v>
      </c>
      <c r="H6298" s="6" t="s">
        <v>12727</v>
      </c>
      <c r="I6298" s="7">
        <v>4.8170248999999998</v>
      </c>
      <c r="J6298" s="8">
        <v>-72.282710299999906</v>
      </c>
    </row>
    <row r="6299" spans="1:10" x14ac:dyDescent="0.35">
      <c r="A6299" s="5" t="s">
        <v>10</v>
      </c>
      <c r="B6299" s="6">
        <v>222270</v>
      </c>
      <c r="C6299" s="6" t="s">
        <v>308</v>
      </c>
      <c r="D6299" s="6" t="s">
        <v>309</v>
      </c>
      <c r="E6299" s="6">
        <v>23001</v>
      </c>
      <c r="F6299" s="6" t="s">
        <v>13</v>
      </c>
      <c r="G6299" s="6" t="s">
        <v>12728</v>
      </c>
      <c r="H6299" s="6" t="s">
        <v>12729</v>
      </c>
      <c r="I6299" s="7">
        <v>8.7292217000000001</v>
      </c>
      <c r="J6299" s="8">
        <v>-75.884098899999998</v>
      </c>
    </row>
    <row r="6300" spans="1:10" x14ac:dyDescent="0.35">
      <c r="A6300" s="5" t="s">
        <v>10</v>
      </c>
      <c r="B6300" s="6">
        <v>237819</v>
      </c>
      <c r="C6300" s="6" t="s">
        <v>55</v>
      </c>
      <c r="D6300" s="6" t="s">
        <v>56</v>
      </c>
      <c r="E6300" s="6">
        <v>73001</v>
      </c>
      <c r="F6300" s="6" t="s">
        <v>13</v>
      </c>
      <c r="G6300" s="6" t="s">
        <v>12730</v>
      </c>
      <c r="H6300" s="6" t="s">
        <v>12731</v>
      </c>
      <c r="I6300" s="7">
        <v>4.4456028999999999</v>
      </c>
      <c r="J6300" s="8">
        <v>-75.243434300000004</v>
      </c>
    </row>
    <row r="6301" spans="1:10" x14ac:dyDescent="0.35">
      <c r="A6301" s="5" t="s">
        <v>10</v>
      </c>
      <c r="B6301" s="6">
        <v>212842</v>
      </c>
      <c r="C6301" s="6" t="s">
        <v>28</v>
      </c>
      <c r="D6301" s="6" t="s">
        <v>29</v>
      </c>
      <c r="E6301" s="6">
        <v>54001</v>
      </c>
      <c r="F6301" s="6" t="s">
        <v>13</v>
      </c>
      <c r="G6301" s="6" t="s">
        <v>12732</v>
      </c>
      <c r="H6301" s="6" t="s">
        <v>12733</v>
      </c>
      <c r="I6301" s="7">
        <v>7.8796185999999997</v>
      </c>
      <c r="J6301" s="8">
        <v>-72.518425100000002</v>
      </c>
    </row>
    <row r="6302" spans="1:10" x14ac:dyDescent="0.35">
      <c r="A6302" s="5" t="s">
        <v>10</v>
      </c>
      <c r="B6302" s="6">
        <v>183021</v>
      </c>
      <c r="C6302" s="6" t="s">
        <v>16</v>
      </c>
      <c r="D6302" s="6" t="s">
        <v>224</v>
      </c>
      <c r="E6302" s="6">
        <v>68755</v>
      </c>
      <c r="F6302" s="6" t="s">
        <v>13</v>
      </c>
      <c r="G6302" s="6" t="s">
        <v>12734</v>
      </c>
      <c r="H6302" s="6" t="s">
        <v>12735</v>
      </c>
      <c r="I6302" s="7">
        <v>6.4700930000000003</v>
      </c>
      <c r="J6302" s="8">
        <v>-73.2627521</v>
      </c>
    </row>
    <row r="6303" spans="1:10" x14ac:dyDescent="0.35">
      <c r="A6303" s="5" t="s">
        <v>10</v>
      </c>
      <c r="B6303" s="6">
        <v>188772</v>
      </c>
      <c r="C6303" s="6" t="s">
        <v>28</v>
      </c>
      <c r="D6303" s="6" t="s">
        <v>29</v>
      </c>
      <c r="E6303" s="6">
        <v>54001</v>
      </c>
      <c r="F6303" s="6" t="s">
        <v>13</v>
      </c>
      <c r="G6303" s="6" t="s">
        <v>12019</v>
      </c>
      <c r="H6303" s="6" t="s">
        <v>12020</v>
      </c>
      <c r="I6303" s="7">
        <v>7.8881037000000003</v>
      </c>
      <c r="J6303" s="8">
        <v>-72.503844999999998</v>
      </c>
    </row>
    <row r="6304" spans="1:10" x14ac:dyDescent="0.35">
      <c r="A6304" s="5" t="s">
        <v>10</v>
      </c>
      <c r="B6304" s="6">
        <v>246386</v>
      </c>
      <c r="C6304" s="6" t="s">
        <v>117</v>
      </c>
      <c r="D6304" s="6" t="s">
        <v>12447</v>
      </c>
      <c r="E6304" s="6">
        <v>76248</v>
      </c>
      <c r="F6304" s="6" t="s">
        <v>18</v>
      </c>
      <c r="G6304" s="6" t="s">
        <v>12736</v>
      </c>
      <c r="H6304" s="6" t="s">
        <v>12737</v>
      </c>
      <c r="I6304" s="7">
        <v>3.6840839999999999</v>
      </c>
      <c r="J6304" s="8">
        <v>-76.312995999999998</v>
      </c>
    </row>
    <row r="6305" spans="1:10" x14ac:dyDescent="0.35">
      <c r="A6305" s="5" t="s">
        <v>10</v>
      </c>
      <c r="B6305" s="6">
        <v>229512</v>
      </c>
      <c r="C6305" s="6" t="s">
        <v>117</v>
      </c>
      <c r="D6305" s="6" t="s">
        <v>12738</v>
      </c>
      <c r="E6305" s="6">
        <v>76895</v>
      </c>
      <c r="F6305" s="6" t="s">
        <v>18</v>
      </c>
      <c r="G6305" s="6" t="s">
        <v>12739</v>
      </c>
      <c r="H6305" s="6" t="s">
        <v>12740</v>
      </c>
      <c r="I6305" s="7">
        <v>4.3926863000000003</v>
      </c>
      <c r="J6305" s="8">
        <v>-76.067302699999999</v>
      </c>
    </row>
    <row r="6306" spans="1:10" x14ac:dyDescent="0.35">
      <c r="A6306" s="5" t="s">
        <v>10</v>
      </c>
      <c r="B6306" s="6">
        <v>240659</v>
      </c>
      <c r="C6306" s="6" t="s">
        <v>190</v>
      </c>
      <c r="D6306" s="6" t="s">
        <v>4706</v>
      </c>
      <c r="E6306" s="6">
        <v>5652</v>
      </c>
      <c r="F6306" s="6" t="s">
        <v>18</v>
      </c>
      <c r="G6306" s="6" t="s">
        <v>12741</v>
      </c>
      <c r="H6306" s="6" t="s">
        <v>12742</v>
      </c>
      <c r="I6306" s="7">
        <v>5.9631528999999999</v>
      </c>
      <c r="J6306" s="8">
        <v>-75.102184899999997</v>
      </c>
    </row>
    <row r="6307" spans="1:10" x14ac:dyDescent="0.35">
      <c r="A6307" s="5" t="s">
        <v>10</v>
      </c>
      <c r="B6307" s="6">
        <v>169652</v>
      </c>
      <c r="C6307" s="6" t="s">
        <v>190</v>
      </c>
      <c r="D6307" s="6" t="s">
        <v>4362</v>
      </c>
      <c r="E6307" s="6">
        <v>5360</v>
      </c>
      <c r="F6307" s="6" t="s">
        <v>18</v>
      </c>
      <c r="G6307" s="6" t="s">
        <v>12743</v>
      </c>
      <c r="H6307" s="6" t="s">
        <v>12744</v>
      </c>
      <c r="I6307" s="7">
        <v>6.1719191999999996</v>
      </c>
      <c r="J6307" s="8">
        <v>-75.609076999999999</v>
      </c>
    </row>
    <row r="6308" spans="1:10" x14ac:dyDescent="0.35">
      <c r="A6308" s="5" t="s">
        <v>10</v>
      </c>
      <c r="B6308" s="6">
        <v>234289</v>
      </c>
      <c r="C6308" s="6" t="s">
        <v>190</v>
      </c>
      <c r="D6308" s="6" t="s">
        <v>191</v>
      </c>
      <c r="E6308" s="6">
        <v>5001</v>
      </c>
      <c r="F6308" s="6" t="s">
        <v>18</v>
      </c>
      <c r="G6308" s="6" t="s">
        <v>12745</v>
      </c>
      <c r="H6308" s="6" t="s">
        <v>12746</v>
      </c>
      <c r="I6308" s="7">
        <v>6.2913300999999997</v>
      </c>
      <c r="J6308" s="8">
        <v>-75.583047500000006</v>
      </c>
    </row>
    <row r="6309" spans="1:10" x14ac:dyDescent="0.35">
      <c r="A6309" s="5" t="s">
        <v>10</v>
      </c>
      <c r="B6309" s="6">
        <v>240561</v>
      </c>
      <c r="C6309" s="6" t="s">
        <v>190</v>
      </c>
      <c r="D6309" s="6" t="s">
        <v>6555</v>
      </c>
      <c r="E6309" s="6">
        <v>5308</v>
      </c>
      <c r="F6309" s="6" t="s">
        <v>18</v>
      </c>
      <c r="G6309" s="6" t="s">
        <v>12747</v>
      </c>
      <c r="H6309" s="6" t="s">
        <v>12748</v>
      </c>
      <c r="I6309" s="7">
        <v>6.3774240999999998</v>
      </c>
      <c r="J6309" s="8">
        <v>-75.445566200000002</v>
      </c>
    </row>
    <row r="6310" spans="1:10" x14ac:dyDescent="0.35">
      <c r="A6310" s="5" t="s">
        <v>10</v>
      </c>
      <c r="B6310" s="6">
        <v>205156</v>
      </c>
      <c r="C6310" s="6" t="s">
        <v>68</v>
      </c>
      <c r="D6310" s="6" t="s">
        <v>69</v>
      </c>
      <c r="E6310" s="6">
        <v>11001</v>
      </c>
      <c r="F6310" s="6" t="s">
        <v>18</v>
      </c>
      <c r="G6310" s="6" t="s">
        <v>12749</v>
      </c>
      <c r="H6310" s="6" t="s">
        <v>12750</v>
      </c>
      <c r="I6310" s="7">
        <v>4.6145546</v>
      </c>
      <c r="J6310" s="8">
        <v>-74.084042799999906</v>
      </c>
    </row>
    <row r="6311" spans="1:10" x14ac:dyDescent="0.35">
      <c r="A6311" s="5" t="s">
        <v>10</v>
      </c>
      <c r="B6311" s="6">
        <v>238681</v>
      </c>
      <c r="C6311" s="6" t="s">
        <v>68</v>
      </c>
      <c r="D6311" s="6" t="s">
        <v>69</v>
      </c>
      <c r="E6311" s="6">
        <v>11001</v>
      </c>
      <c r="F6311" s="6" t="s">
        <v>18</v>
      </c>
      <c r="G6311" s="6" t="s">
        <v>12751</v>
      </c>
      <c r="H6311" s="6" t="s">
        <v>12752</v>
      </c>
      <c r="I6311" s="7">
        <v>4.6271274</v>
      </c>
      <c r="J6311" s="8">
        <v>-74.0726722</v>
      </c>
    </row>
    <row r="6312" spans="1:10" x14ac:dyDescent="0.35">
      <c r="A6312" s="5" t="s">
        <v>10</v>
      </c>
      <c r="B6312" s="6">
        <v>231047</v>
      </c>
      <c r="C6312" s="6" t="s">
        <v>68</v>
      </c>
      <c r="D6312" s="6" t="s">
        <v>69</v>
      </c>
      <c r="E6312" s="6">
        <v>11001</v>
      </c>
      <c r="F6312" s="6" t="s">
        <v>18</v>
      </c>
      <c r="G6312" s="6" t="s">
        <v>12753</v>
      </c>
      <c r="H6312" s="6" t="s">
        <v>12754</v>
      </c>
      <c r="I6312" s="7">
        <v>4.6105023000000003</v>
      </c>
      <c r="J6312" s="8">
        <v>-74.071242299999994</v>
      </c>
    </row>
    <row r="6313" spans="1:10" x14ac:dyDescent="0.35">
      <c r="A6313" s="5" t="s">
        <v>10</v>
      </c>
      <c r="B6313" s="6">
        <v>218526</v>
      </c>
      <c r="C6313" s="6" t="s">
        <v>68</v>
      </c>
      <c r="D6313" s="6" t="s">
        <v>69</v>
      </c>
      <c r="E6313" s="6">
        <v>11001</v>
      </c>
      <c r="F6313" s="6" t="s">
        <v>18</v>
      </c>
      <c r="G6313" s="6" t="s">
        <v>12755</v>
      </c>
      <c r="H6313" s="6" t="s">
        <v>12756</v>
      </c>
      <c r="I6313" s="7">
        <v>4.6276177999999897</v>
      </c>
      <c r="J6313" s="8">
        <v>-74.065865500000001</v>
      </c>
    </row>
    <row r="6314" spans="1:10" x14ac:dyDescent="0.35">
      <c r="A6314" s="5" t="s">
        <v>10</v>
      </c>
      <c r="B6314" s="6">
        <v>231084</v>
      </c>
      <c r="C6314" s="6" t="s">
        <v>278</v>
      </c>
      <c r="D6314" s="6" t="s">
        <v>279</v>
      </c>
      <c r="E6314" s="6">
        <v>50001</v>
      </c>
      <c r="F6314" s="6" t="s">
        <v>13</v>
      </c>
      <c r="G6314" s="6" t="s">
        <v>12757</v>
      </c>
      <c r="H6314" s="6" t="s">
        <v>12758</v>
      </c>
      <c r="I6314" s="7">
        <v>4.1429574000000002</v>
      </c>
      <c r="J6314" s="8">
        <v>-73.622882500000003</v>
      </c>
    </row>
    <row r="6315" spans="1:10" x14ac:dyDescent="0.35">
      <c r="A6315" s="5" t="s">
        <v>10</v>
      </c>
      <c r="B6315" s="6">
        <v>170359</v>
      </c>
      <c r="C6315" s="6" t="s">
        <v>11</v>
      </c>
      <c r="D6315" s="6" t="s">
        <v>513</v>
      </c>
      <c r="E6315" s="6">
        <v>25286</v>
      </c>
      <c r="F6315" s="6" t="s">
        <v>18</v>
      </c>
      <c r="G6315" s="6" t="s">
        <v>12759</v>
      </c>
      <c r="H6315" s="6" t="s">
        <v>12760</v>
      </c>
      <c r="I6315" s="7">
        <v>4.7104615000000001</v>
      </c>
      <c r="J6315" s="8">
        <v>-74.2136426</v>
      </c>
    </row>
    <row r="6316" spans="1:10" x14ac:dyDescent="0.35">
      <c r="A6316" s="5" t="s">
        <v>10</v>
      </c>
      <c r="B6316" s="6">
        <v>230434</v>
      </c>
      <c r="C6316" s="6" t="s">
        <v>457</v>
      </c>
      <c r="D6316" s="6" t="s">
        <v>11471</v>
      </c>
      <c r="E6316" s="6">
        <v>52227</v>
      </c>
      <c r="F6316" s="6" t="s">
        <v>18</v>
      </c>
      <c r="G6316" s="6" t="s">
        <v>12761</v>
      </c>
      <c r="H6316" s="6" t="s">
        <v>12762</v>
      </c>
      <c r="I6316" s="7">
        <v>0.90914249999999996</v>
      </c>
      <c r="J6316" s="8">
        <v>-77.790655400000006</v>
      </c>
    </row>
    <row r="6317" spans="1:10" x14ac:dyDescent="0.35">
      <c r="A6317" s="5" t="s">
        <v>10</v>
      </c>
      <c r="B6317" s="6">
        <v>229558</v>
      </c>
      <c r="C6317" s="6" t="s">
        <v>117</v>
      </c>
      <c r="D6317" s="6" t="s">
        <v>3402</v>
      </c>
      <c r="E6317" s="6">
        <v>76364</v>
      </c>
      <c r="F6317" s="6" t="s">
        <v>18</v>
      </c>
      <c r="G6317" s="6" t="s">
        <v>12763</v>
      </c>
      <c r="H6317" s="6" t="s">
        <v>12764</v>
      </c>
      <c r="I6317" s="7">
        <v>3.2653894000000001</v>
      </c>
      <c r="J6317" s="8">
        <v>-76.537738099999999</v>
      </c>
    </row>
    <row r="6318" spans="1:10" x14ac:dyDescent="0.35">
      <c r="A6318" s="5" t="s">
        <v>10</v>
      </c>
      <c r="B6318" s="6">
        <v>204050</v>
      </c>
      <c r="C6318" s="6" t="s">
        <v>68</v>
      </c>
      <c r="D6318" s="6" t="s">
        <v>69</v>
      </c>
      <c r="E6318" s="6">
        <v>11001</v>
      </c>
      <c r="F6318" s="6" t="s">
        <v>18</v>
      </c>
      <c r="G6318" s="6" t="s">
        <v>12765</v>
      </c>
      <c r="H6318" s="6" t="s">
        <v>12766</v>
      </c>
      <c r="I6318" s="7">
        <v>4.7472721999999896</v>
      </c>
      <c r="J6318" s="8">
        <v>-74.111156699999995</v>
      </c>
    </row>
    <row r="6319" spans="1:10" x14ac:dyDescent="0.35">
      <c r="A6319" s="5" t="s">
        <v>10</v>
      </c>
      <c r="B6319" s="6">
        <v>209612</v>
      </c>
      <c r="C6319" s="6" t="s">
        <v>68</v>
      </c>
      <c r="D6319" s="6" t="s">
        <v>69</v>
      </c>
      <c r="E6319" s="6">
        <v>11001</v>
      </c>
      <c r="F6319" s="6" t="s">
        <v>18</v>
      </c>
      <c r="G6319" s="6" t="s">
        <v>12767</v>
      </c>
      <c r="H6319" s="6" t="s">
        <v>12768</v>
      </c>
      <c r="I6319" s="7">
        <v>4.5654804000000002</v>
      </c>
      <c r="J6319" s="8">
        <v>-74.130977599999994</v>
      </c>
    </row>
    <row r="6320" spans="1:10" x14ac:dyDescent="0.35">
      <c r="A6320" s="5" t="s">
        <v>10</v>
      </c>
      <c r="B6320" s="6">
        <v>242407</v>
      </c>
      <c r="C6320" s="6" t="s">
        <v>68</v>
      </c>
      <c r="D6320" s="6" t="s">
        <v>69</v>
      </c>
      <c r="E6320" s="6">
        <v>11001</v>
      </c>
      <c r="F6320" s="6" t="s">
        <v>18</v>
      </c>
      <c r="G6320" s="6" t="s">
        <v>12769</v>
      </c>
      <c r="H6320" s="6" t="s">
        <v>12770</v>
      </c>
      <c r="I6320" s="7">
        <v>4.6894122999999999</v>
      </c>
      <c r="J6320" s="8">
        <v>-74.097453099999996</v>
      </c>
    </row>
    <row r="6321" spans="1:10" x14ac:dyDescent="0.35">
      <c r="A6321" s="5" t="s">
        <v>10</v>
      </c>
      <c r="B6321" s="6">
        <v>205496</v>
      </c>
      <c r="C6321" s="6" t="s">
        <v>68</v>
      </c>
      <c r="D6321" s="6" t="s">
        <v>69</v>
      </c>
      <c r="E6321" s="6">
        <v>11001</v>
      </c>
      <c r="F6321" s="6" t="s">
        <v>18</v>
      </c>
      <c r="G6321" s="6" t="s">
        <v>12771</v>
      </c>
      <c r="H6321" s="6" t="s">
        <v>12772</v>
      </c>
      <c r="I6321" s="7">
        <v>4.5045057000000002</v>
      </c>
      <c r="J6321" s="8">
        <v>-74.109482299999996</v>
      </c>
    </row>
    <row r="6322" spans="1:10" x14ac:dyDescent="0.35">
      <c r="A6322" s="5" t="s">
        <v>10</v>
      </c>
      <c r="B6322" s="6">
        <v>216555</v>
      </c>
      <c r="C6322" s="6" t="s">
        <v>68</v>
      </c>
      <c r="D6322" s="6" t="s">
        <v>69</v>
      </c>
      <c r="E6322" s="6">
        <v>11001</v>
      </c>
      <c r="F6322" s="6" t="s">
        <v>18</v>
      </c>
      <c r="G6322" s="6" t="s">
        <v>12773</v>
      </c>
      <c r="H6322" s="6" t="s">
        <v>12774</v>
      </c>
      <c r="I6322" s="7">
        <v>4.5580138999999997</v>
      </c>
      <c r="J6322" s="8">
        <v>-74.1219392</v>
      </c>
    </row>
    <row r="6323" spans="1:10" x14ac:dyDescent="0.35">
      <c r="A6323" s="5" t="s">
        <v>10</v>
      </c>
      <c r="B6323" s="6">
        <v>245608</v>
      </c>
      <c r="C6323" s="6" t="s">
        <v>68</v>
      </c>
      <c r="D6323" s="6" t="s">
        <v>69</v>
      </c>
      <c r="E6323" s="6">
        <v>11001</v>
      </c>
      <c r="F6323" s="6" t="s">
        <v>18</v>
      </c>
      <c r="G6323" s="6" t="s">
        <v>12775</v>
      </c>
      <c r="H6323" s="6" t="s">
        <v>12776</v>
      </c>
      <c r="I6323" s="7">
        <v>4.6417991000000001</v>
      </c>
      <c r="J6323" s="8">
        <v>-74.141098299999996</v>
      </c>
    </row>
    <row r="6324" spans="1:10" x14ac:dyDescent="0.35">
      <c r="A6324" s="5" t="s">
        <v>10</v>
      </c>
      <c r="B6324" s="6">
        <v>231252</v>
      </c>
      <c r="C6324" s="6" t="s">
        <v>68</v>
      </c>
      <c r="D6324" s="6" t="s">
        <v>69</v>
      </c>
      <c r="E6324" s="6">
        <v>11001</v>
      </c>
      <c r="F6324" s="6" t="s">
        <v>18</v>
      </c>
      <c r="G6324" s="6" t="s">
        <v>12777</v>
      </c>
      <c r="H6324" s="6" t="s">
        <v>12778</v>
      </c>
      <c r="I6324" s="7">
        <v>4.6271779999999998</v>
      </c>
      <c r="J6324" s="8">
        <v>-74.150675000000007</v>
      </c>
    </row>
    <row r="6325" spans="1:10" x14ac:dyDescent="0.35">
      <c r="A6325" s="5" t="s">
        <v>10</v>
      </c>
      <c r="B6325" s="6">
        <v>232517</v>
      </c>
      <c r="C6325" s="6" t="s">
        <v>68</v>
      </c>
      <c r="D6325" s="6" t="s">
        <v>69</v>
      </c>
      <c r="E6325" s="6">
        <v>11001</v>
      </c>
      <c r="F6325" s="6" t="s">
        <v>18</v>
      </c>
      <c r="G6325" s="6" t="s">
        <v>12779</v>
      </c>
      <c r="H6325" s="6" t="s">
        <v>12780</v>
      </c>
      <c r="I6325" s="7">
        <v>4.5999505999999997</v>
      </c>
      <c r="J6325" s="8">
        <v>-74.080182199999996</v>
      </c>
    </row>
    <row r="6326" spans="1:10" x14ac:dyDescent="0.35">
      <c r="A6326" s="5" t="s">
        <v>10</v>
      </c>
      <c r="B6326" s="6">
        <v>237669</v>
      </c>
      <c r="C6326" s="6" t="s">
        <v>68</v>
      </c>
      <c r="D6326" s="6" t="s">
        <v>69</v>
      </c>
      <c r="E6326" s="6">
        <v>11001</v>
      </c>
      <c r="F6326" s="6" t="s">
        <v>18</v>
      </c>
      <c r="G6326" s="6" t="s">
        <v>12781</v>
      </c>
      <c r="H6326" s="6" t="s">
        <v>12782</v>
      </c>
      <c r="I6326" s="7">
        <v>4.5887988999999996</v>
      </c>
      <c r="J6326" s="8">
        <v>-74.165409199999999</v>
      </c>
    </row>
    <row r="6327" spans="1:10" x14ac:dyDescent="0.35">
      <c r="A6327" s="5" t="s">
        <v>10</v>
      </c>
      <c r="B6327" s="6">
        <v>242379</v>
      </c>
      <c r="C6327" s="6" t="s">
        <v>68</v>
      </c>
      <c r="D6327" s="6" t="s">
        <v>69</v>
      </c>
      <c r="E6327" s="6">
        <v>11001</v>
      </c>
      <c r="F6327" s="6" t="s">
        <v>18</v>
      </c>
      <c r="G6327" s="6" t="s">
        <v>12783</v>
      </c>
      <c r="H6327" s="6" t="s">
        <v>12784</v>
      </c>
      <c r="I6327" s="7">
        <v>4.7063604999999997</v>
      </c>
      <c r="J6327" s="8">
        <v>-74.124281999999994</v>
      </c>
    </row>
    <row r="6328" spans="1:10" x14ac:dyDescent="0.35">
      <c r="A6328" s="5" t="s">
        <v>10</v>
      </c>
      <c r="B6328" s="6">
        <v>227003</v>
      </c>
      <c r="C6328" s="6" t="s">
        <v>308</v>
      </c>
      <c r="D6328" s="6" t="s">
        <v>309</v>
      </c>
      <c r="E6328" s="6">
        <v>23001</v>
      </c>
      <c r="F6328" s="6" t="s">
        <v>13</v>
      </c>
      <c r="G6328" s="6" t="s">
        <v>12785</v>
      </c>
      <c r="H6328" s="6" t="s">
        <v>12786</v>
      </c>
      <c r="I6328" s="7">
        <v>8.7284460999999993</v>
      </c>
      <c r="J6328" s="8">
        <v>-75.876621999999998</v>
      </c>
    </row>
    <row r="6329" spans="1:10" x14ac:dyDescent="0.35">
      <c r="A6329" s="5" t="s">
        <v>10</v>
      </c>
      <c r="B6329" s="6">
        <v>240984</v>
      </c>
      <c r="C6329" s="6" t="s">
        <v>117</v>
      </c>
      <c r="D6329" s="6" t="s">
        <v>1334</v>
      </c>
      <c r="E6329" s="6">
        <v>76001</v>
      </c>
      <c r="F6329" s="6" t="s">
        <v>18</v>
      </c>
      <c r="G6329" s="6" t="s">
        <v>12787</v>
      </c>
      <c r="H6329" s="6" t="s">
        <v>12788</v>
      </c>
      <c r="I6329" s="7">
        <v>3.4255822</v>
      </c>
      <c r="J6329" s="8">
        <v>-76.518740699999995</v>
      </c>
    </row>
    <row r="6330" spans="1:10" x14ac:dyDescent="0.35">
      <c r="A6330" s="5" t="s">
        <v>10</v>
      </c>
      <c r="B6330" s="6">
        <v>240075</v>
      </c>
      <c r="C6330" s="6" t="s">
        <v>117</v>
      </c>
      <c r="D6330" s="6" t="s">
        <v>12789</v>
      </c>
      <c r="E6330" s="6">
        <v>76497</v>
      </c>
      <c r="F6330" s="6" t="s">
        <v>18</v>
      </c>
      <c r="G6330" s="6" t="s">
        <v>12790</v>
      </c>
      <c r="H6330" s="6" t="s">
        <v>12791</v>
      </c>
      <c r="I6330" s="7">
        <v>4.5747695000000004</v>
      </c>
      <c r="J6330" s="8">
        <v>-75.973582300000004</v>
      </c>
    </row>
    <row r="6331" spans="1:10" x14ac:dyDescent="0.35">
      <c r="A6331" s="5" t="s">
        <v>10</v>
      </c>
      <c r="B6331" s="6">
        <v>241100</v>
      </c>
      <c r="C6331" s="6" t="s">
        <v>117</v>
      </c>
      <c r="D6331" s="6" t="s">
        <v>1334</v>
      </c>
      <c r="E6331" s="6">
        <v>76001</v>
      </c>
      <c r="F6331" s="6" t="s">
        <v>18</v>
      </c>
      <c r="G6331" s="6" t="s">
        <v>12792</v>
      </c>
      <c r="H6331" s="6" t="s">
        <v>12793</v>
      </c>
      <c r="I6331" s="7">
        <v>3.4451662000000001</v>
      </c>
      <c r="J6331" s="8">
        <v>-76.510685899999999</v>
      </c>
    </row>
    <row r="6332" spans="1:10" x14ac:dyDescent="0.35">
      <c r="A6332" s="5" t="s">
        <v>10</v>
      </c>
      <c r="B6332" s="6">
        <v>235628</v>
      </c>
      <c r="C6332" s="6" t="s">
        <v>190</v>
      </c>
      <c r="D6332" s="6" t="s">
        <v>191</v>
      </c>
      <c r="E6332" s="6">
        <v>5001</v>
      </c>
      <c r="F6332" s="6" t="s">
        <v>18</v>
      </c>
      <c r="G6332" s="6" t="s">
        <v>1247</v>
      </c>
      <c r="H6332" s="6" t="s">
        <v>12794</v>
      </c>
      <c r="I6332" s="7">
        <v>6.2566927000000003</v>
      </c>
      <c r="J6332" s="8">
        <v>-75.5835905</v>
      </c>
    </row>
    <row r="6333" spans="1:10" x14ac:dyDescent="0.35">
      <c r="A6333" s="5" t="s">
        <v>10</v>
      </c>
      <c r="B6333" s="6">
        <v>233573</v>
      </c>
      <c r="C6333" s="6" t="s">
        <v>68</v>
      </c>
      <c r="D6333" s="6" t="s">
        <v>69</v>
      </c>
      <c r="E6333" s="6">
        <v>11001</v>
      </c>
      <c r="F6333" s="6" t="s">
        <v>18</v>
      </c>
      <c r="G6333" s="6" t="s">
        <v>12795</v>
      </c>
      <c r="H6333" s="6" t="s">
        <v>12796</v>
      </c>
      <c r="I6333" s="7">
        <v>4.5909199999999997</v>
      </c>
      <c r="J6333" s="8">
        <v>-74.160579999999996</v>
      </c>
    </row>
    <row r="6334" spans="1:10" x14ac:dyDescent="0.35">
      <c r="A6334" s="5" t="s">
        <v>10</v>
      </c>
      <c r="B6334" s="6">
        <v>181006</v>
      </c>
      <c r="C6334" s="6" t="s">
        <v>68</v>
      </c>
      <c r="D6334" s="6" t="s">
        <v>69</v>
      </c>
      <c r="E6334" s="6">
        <v>11001</v>
      </c>
      <c r="F6334" s="6" t="s">
        <v>18</v>
      </c>
      <c r="G6334" s="6" t="s">
        <v>12797</v>
      </c>
      <c r="H6334" s="6" t="s">
        <v>12798</v>
      </c>
      <c r="I6334" s="7">
        <v>4.5678076000000001</v>
      </c>
      <c r="J6334" s="8">
        <v>-74.091098099999996</v>
      </c>
    </row>
    <row r="6335" spans="1:10" x14ac:dyDescent="0.35">
      <c r="A6335" s="5" t="s">
        <v>10</v>
      </c>
      <c r="B6335" s="6">
        <v>201790</v>
      </c>
      <c r="C6335" s="6" t="s">
        <v>68</v>
      </c>
      <c r="D6335" s="6" t="s">
        <v>69</v>
      </c>
      <c r="E6335" s="6">
        <v>11001</v>
      </c>
      <c r="F6335" s="6" t="s">
        <v>18</v>
      </c>
      <c r="G6335" s="6" t="s">
        <v>12799</v>
      </c>
      <c r="H6335" s="6" t="s">
        <v>12800</v>
      </c>
      <c r="I6335" s="7">
        <v>4.7339270000000004</v>
      </c>
      <c r="J6335" s="8">
        <v>-74.085875999999999</v>
      </c>
    </row>
    <row r="6336" spans="1:10" x14ac:dyDescent="0.35">
      <c r="A6336" s="5" t="s">
        <v>10</v>
      </c>
      <c r="B6336" s="6">
        <v>210406</v>
      </c>
      <c r="C6336" s="6" t="s">
        <v>68</v>
      </c>
      <c r="D6336" s="6" t="s">
        <v>69</v>
      </c>
      <c r="E6336" s="6">
        <v>11001</v>
      </c>
      <c r="F6336" s="6" t="s">
        <v>18</v>
      </c>
      <c r="G6336" s="6" t="s">
        <v>12801</v>
      </c>
      <c r="H6336" s="6" t="s">
        <v>12802</v>
      </c>
      <c r="I6336" s="7">
        <v>4.6864609000000002</v>
      </c>
      <c r="J6336" s="8">
        <v>-74.100504700000002</v>
      </c>
    </row>
    <row r="6337" spans="1:10" x14ac:dyDescent="0.35">
      <c r="A6337" s="5" t="s">
        <v>10</v>
      </c>
      <c r="B6337" s="6">
        <v>225033</v>
      </c>
      <c r="C6337" s="6" t="s">
        <v>68</v>
      </c>
      <c r="D6337" s="6" t="s">
        <v>69</v>
      </c>
      <c r="E6337" s="6">
        <v>11001</v>
      </c>
      <c r="F6337" s="6" t="s">
        <v>18</v>
      </c>
      <c r="G6337" s="6" t="s">
        <v>12803</v>
      </c>
      <c r="H6337" s="6" t="s">
        <v>12804</v>
      </c>
      <c r="I6337" s="7">
        <v>4.6227489999999998</v>
      </c>
      <c r="J6337" s="8">
        <v>-74.168227000000002</v>
      </c>
    </row>
    <row r="6338" spans="1:10" x14ac:dyDescent="0.35">
      <c r="A6338" s="5" t="s">
        <v>10</v>
      </c>
      <c r="B6338" s="6">
        <v>214124</v>
      </c>
      <c r="C6338" s="6" t="s">
        <v>68</v>
      </c>
      <c r="D6338" s="6" t="s">
        <v>69</v>
      </c>
      <c r="E6338" s="6">
        <v>11001</v>
      </c>
      <c r="F6338" s="6" t="s">
        <v>18</v>
      </c>
      <c r="G6338" s="6" t="s">
        <v>12805</v>
      </c>
      <c r="H6338" s="6" t="s">
        <v>12806</v>
      </c>
      <c r="I6338" s="7">
        <v>4.6056245999999996</v>
      </c>
      <c r="J6338" s="8">
        <v>-74.197844699999905</v>
      </c>
    </row>
    <row r="6339" spans="1:10" x14ac:dyDescent="0.35">
      <c r="A6339" s="5" t="s">
        <v>10</v>
      </c>
      <c r="B6339" s="6">
        <v>242166</v>
      </c>
      <c r="C6339" s="6" t="s">
        <v>68</v>
      </c>
      <c r="D6339" s="6" t="s">
        <v>69</v>
      </c>
      <c r="E6339" s="6">
        <v>11001</v>
      </c>
      <c r="F6339" s="6" t="s">
        <v>18</v>
      </c>
      <c r="G6339" s="6" t="s">
        <v>12807</v>
      </c>
      <c r="H6339" s="6" t="s">
        <v>12808</v>
      </c>
      <c r="I6339" s="7">
        <v>4.7182772000000002</v>
      </c>
      <c r="J6339" s="8">
        <v>-74.069030299999994</v>
      </c>
    </row>
    <row r="6340" spans="1:10" x14ac:dyDescent="0.35">
      <c r="A6340" s="5" t="s">
        <v>10</v>
      </c>
      <c r="B6340" s="6">
        <v>242539</v>
      </c>
      <c r="C6340" s="6" t="s">
        <v>68</v>
      </c>
      <c r="D6340" s="6" t="s">
        <v>69</v>
      </c>
      <c r="E6340" s="6">
        <v>11001</v>
      </c>
      <c r="F6340" s="6" t="s">
        <v>18</v>
      </c>
      <c r="G6340" s="6" t="s">
        <v>12809</v>
      </c>
      <c r="H6340" s="6" t="s">
        <v>12810</v>
      </c>
      <c r="I6340" s="7">
        <v>4.5826852000000002</v>
      </c>
      <c r="J6340" s="8">
        <v>-74.0783141</v>
      </c>
    </row>
    <row r="6341" spans="1:10" x14ac:dyDescent="0.35">
      <c r="A6341" s="5" t="s">
        <v>10</v>
      </c>
      <c r="B6341" s="6">
        <v>212691</v>
      </c>
      <c r="C6341" s="6" t="s">
        <v>2130</v>
      </c>
      <c r="D6341" s="6" t="s">
        <v>2131</v>
      </c>
      <c r="E6341" s="6">
        <v>85001</v>
      </c>
      <c r="F6341" s="6" t="s">
        <v>18</v>
      </c>
      <c r="G6341" s="6" t="s">
        <v>12811</v>
      </c>
      <c r="H6341" s="6" t="s">
        <v>12812</v>
      </c>
      <c r="I6341" s="7">
        <v>5.348903</v>
      </c>
      <c r="J6341" s="8">
        <v>-72.400522999999893</v>
      </c>
    </row>
    <row r="6342" spans="1:10" x14ac:dyDescent="0.35">
      <c r="A6342" s="5" t="s">
        <v>10</v>
      </c>
      <c r="B6342" s="6">
        <v>225059</v>
      </c>
      <c r="C6342" s="6" t="s">
        <v>2130</v>
      </c>
      <c r="D6342" s="6" t="s">
        <v>2131</v>
      </c>
      <c r="E6342" s="6">
        <v>85001</v>
      </c>
      <c r="F6342" s="6" t="s">
        <v>13</v>
      </c>
      <c r="G6342" s="6" t="s">
        <v>12813</v>
      </c>
      <c r="H6342" s="6" t="s">
        <v>12814</v>
      </c>
      <c r="I6342" s="7">
        <v>5.3477999000000001</v>
      </c>
      <c r="J6342" s="8">
        <v>-72.392184299999997</v>
      </c>
    </row>
    <row r="6343" spans="1:10" x14ac:dyDescent="0.35">
      <c r="A6343" s="5" t="s">
        <v>10</v>
      </c>
      <c r="B6343" s="6">
        <v>200941</v>
      </c>
      <c r="C6343" s="6" t="s">
        <v>28</v>
      </c>
      <c r="D6343" s="6" t="s">
        <v>29</v>
      </c>
      <c r="E6343" s="6">
        <v>54001</v>
      </c>
      <c r="F6343" s="6" t="s">
        <v>13</v>
      </c>
      <c r="G6343" s="6" t="s">
        <v>12815</v>
      </c>
      <c r="H6343" s="6" t="s">
        <v>12816</v>
      </c>
      <c r="I6343" s="7">
        <v>7.8842122000000003</v>
      </c>
      <c r="J6343" s="8">
        <v>-72.518523000000002</v>
      </c>
    </row>
    <row r="6344" spans="1:10" x14ac:dyDescent="0.35">
      <c r="A6344" s="5" t="s">
        <v>10</v>
      </c>
      <c r="B6344" s="6">
        <v>121605</v>
      </c>
      <c r="C6344" s="6" t="s">
        <v>109</v>
      </c>
      <c r="D6344" s="6" t="s">
        <v>10849</v>
      </c>
      <c r="E6344" s="6">
        <v>13670</v>
      </c>
      <c r="F6344" s="6" t="s">
        <v>18</v>
      </c>
      <c r="G6344" s="6" t="s">
        <v>12817</v>
      </c>
      <c r="H6344" s="6" t="s">
        <v>12818</v>
      </c>
      <c r="I6344" s="7">
        <v>7.4795612</v>
      </c>
      <c r="J6344" s="8">
        <v>-73.928310300000007</v>
      </c>
    </row>
    <row r="6345" spans="1:10" x14ac:dyDescent="0.35">
      <c r="A6345" s="5" t="s">
        <v>10</v>
      </c>
      <c r="B6345" s="6">
        <v>107127</v>
      </c>
      <c r="C6345" s="6" t="s">
        <v>4364</v>
      </c>
      <c r="D6345" s="6" t="s">
        <v>4365</v>
      </c>
      <c r="E6345" s="6">
        <v>70001</v>
      </c>
      <c r="F6345" s="6" t="s">
        <v>13</v>
      </c>
      <c r="G6345" s="6" t="s">
        <v>11877</v>
      </c>
      <c r="H6345" s="6" t="s">
        <v>12819</v>
      </c>
      <c r="I6345" s="7">
        <v>9.3027558999999993</v>
      </c>
      <c r="J6345" s="8">
        <v>-75.397791599999906</v>
      </c>
    </row>
    <row r="6346" spans="1:10" x14ac:dyDescent="0.35">
      <c r="A6346" s="5" t="s">
        <v>10</v>
      </c>
      <c r="B6346" s="6">
        <v>219846</v>
      </c>
      <c r="C6346" s="6" t="s">
        <v>68</v>
      </c>
      <c r="D6346" s="6" t="s">
        <v>69</v>
      </c>
      <c r="E6346" s="6">
        <v>11001</v>
      </c>
      <c r="F6346" s="6" t="s">
        <v>18</v>
      </c>
      <c r="G6346" s="6" t="s">
        <v>12820</v>
      </c>
      <c r="H6346" s="6" t="s">
        <v>12821</v>
      </c>
      <c r="I6346" s="7">
        <v>4.6120236999999999</v>
      </c>
      <c r="J6346" s="8">
        <v>-74.211111399999993</v>
      </c>
    </row>
    <row r="6347" spans="1:10" x14ac:dyDescent="0.35">
      <c r="A6347" s="5" t="s">
        <v>10</v>
      </c>
      <c r="B6347" s="6">
        <v>242547</v>
      </c>
      <c r="C6347" s="6" t="s">
        <v>68</v>
      </c>
      <c r="D6347" s="6" t="s">
        <v>69</v>
      </c>
      <c r="E6347" s="6">
        <v>11001</v>
      </c>
      <c r="F6347" s="6" t="s">
        <v>18</v>
      </c>
      <c r="G6347" s="6" t="s">
        <v>12822</v>
      </c>
      <c r="H6347" s="6" t="s">
        <v>12823</v>
      </c>
      <c r="I6347" s="7">
        <v>4.6014337999999997</v>
      </c>
      <c r="J6347" s="8">
        <v>-74.112585999999993</v>
      </c>
    </row>
    <row r="6348" spans="1:10" x14ac:dyDescent="0.35">
      <c r="A6348" s="5" t="s">
        <v>10</v>
      </c>
      <c r="B6348" s="6">
        <v>244388</v>
      </c>
      <c r="C6348" s="6" t="s">
        <v>68</v>
      </c>
      <c r="D6348" s="6" t="s">
        <v>69</v>
      </c>
      <c r="E6348" s="6">
        <v>11001</v>
      </c>
      <c r="F6348" s="6" t="s">
        <v>18</v>
      </c>
      <c r="G6348" s="6" t="s">
        <v>12824</v>
      </c>
      <c r="H6348" s="6" t="s">
        <v>12825</v>
      </c>
      <c r="I6348" s="7">
        <v>4.6746930000000004</v>
      </c>
      <c r="J6348" s="8">
        <v>-74.0859624</v>
      </c>
    </row>
    <row r="6349" spans="1:10" x14ac:dyDescent="0.35">
      <c r="A6349" s="5" t="s">
        <v>10</v>
      </c>
      <c r="B6349" s="6">
        <v>214071</v>
      </c>
      <c r="C6349" s="6" t="s">
        <v>68</v>
      </c>
      <c r="D6349" s="6" t="s">
        <v>69</v>
      </c>
      <c r="E6349" s="6">
        <v>11001</v>
      </c>
      <c r="F6349" s="6" t="s">
        <v>18</v>
      </c>
      <c r="G6349" s="6" t="s">
        <v>12826</v>
      </c>
      <c r="H6349" s="6" t="s">
        <v>12827</v>
      </c>
      <c r="I6349" s="7">
        <v>4.6402593999999997</v>
      </c>
      <c r="J6349" s="8">
        <v>-74.195602600000001</v>
      </c>
    </row>
    <row r="6350" spans="1:10" x14ac:dyDescent="0.35">
      <c r="A6350" s="5" t="s">
        <v>10</v>
      </c>
      <c r="B6350" s="6">
        <v>212546</v>
      </c>
      <c r="C6350" s="6" t="s">
        <v>68</v>
      </c>
      <c r="D6350" s="6" t="s">
        <v>69</v>
      </c>
      <c r="E6350" s="6">
        <v>11001</v>
      </c>
      <c r="F6350" s="6" t="s">
        <v>18</v>
      </c>
      <c r="G6350" s="6" t="s">
        <v>12828</v>
      </c>
      <c r="H6350" s="6" t="s">
        <v>12829</v>
      </c>
      <c r="I6350" s="7">
        <v>4.6358978000000004</v>
      </c>
      <c r="J6350" s="8">
        <v>-74.205977699999906</v>
      </c>
    </row>
    <row r="6351" spans="1:10" x14ac:dyDescent="0.35">
      <c r="A6351" s="5" t="s">
        <v>10</v>
      </c>
      <c r="B6351" s="6">
        <v>230894</v>
      </c>
      <c r="C6351" s="6" t="s">
        <v>68</v>
      </c>
      <c r="D6351" s="6" t="s">
        <v>69</v>
      </c>
      <c r="E6351" s="6">
        <v>11001</v>
      </c>
      <c r="F6351" s="6" t="s">
        <v>18</v>
      </c>
      <c r="G6351" s="6" t="s">
        <v>12830</v>
      </c>
      <c r="H6351" s="6" t="s">
        <v>12831</v>
      </c>
      <c r="I6351" s="7">
        <v>4.6205518999999997</v>
      </c>
      <c r="J6351" s="8">
        <v>-74.199371499999998</v>
      </c>
    </row>
    <row r="6352" spans="1:10" x14ac:dyDescent="0.35">
      <c r="A6352" s="5" t="s">
        <v>10</v>
      </c>
      <c r="B6352" s="6">
        <v>231781</v>
      </c>
      <c r="C6352" s="6" t="s">
        <v>68</v>
      </c>
      <c r="D6352" s="6" t="s">
        <v>69</v>
      </c>
      <c r="E6352" s="6">
        <v>11001</v>
      </c>
      <c r="F6352" s="6" t="s">
        <v>18</v>
      </c>
      <c r="G6352" s="6" t="s">
        <v>12832</v>
      </c>
      <c r="H6352" s="6" t="s">
        <v>12833</v>
      </c>
      <c r="I6352" s="7">
        <v>4.6817216999999998</v>
      </c>
      <c r="J6352" s="8">
        <v>-74.090226799999996</v>
      </c>
    </row>
    <row r="6353" spans="1:10" x14ac:dyDescent="0.35">
      <c r="A6353" s="5" t="s">
        <v>10</v>
      </c>
      <c r="B6353" s="6">
        <v>210250</v>
      </c>
      <c r="C6353" s="6" t="s">
        <v>68</v>
      </c>
      <c r="D6353" s="6" t="s">
        <v>69</v>
      </c>
      <c r="E6353" s="6">
        <v>11001</v>
      </c>
      <c r="F6353" s="6" t="s">
        <v>18</v>
      </c>
      <c r="G6353" s="6" t="s">
        <v>12834</v>
      </c>
      <c r="H6353" s="6" t="s">
        <v>12835</v>
      </c>
      <c r="I6353" s="7">
        <v>4.7127613999999998</v>
      </c>
      <c r="J6353" s="8">
        <v>-74.137610299999906</v>
      </c>
    </row>
    <row r="6354" spans="1:10" x14ac:dyDescent="0.35">
      <c r="A6354" s="5" t="s">
        <v>10</v>
      </c>
      <c r="B6354" s="6">
        <v>211248</v>
      </c>
      <c r="C6354" s="6" t="s">
        <v>68</v>
      </c>
      <c r="D6354" s="6" t="s">
        <v>69</v>
      </c>
      <c r="E6354" s="6">
        <v>11001</v>
      </c>
      <c r="F6354" s="6" t="s">
        <v>18</v>
      </c>
      <c r="G6354" s="6" t="s">
        <v>12836</v>
      </c>
      <c r="H6354" s="6" t="s">
        <v>12837</v>
      </c>
      <c r="I6354" s="7">
        <v>4.5042464000000004</v>
      </c>
      <c r="J6354" s="8">
        <v>-74.109034399999999</v>
      </c>
    </row>
    <row r="6355" spans="1:10" x14ac:dyDescent="0.35">
      <c r="A6355" s="5" t="s">
        <v>10</v>
      </c>
      <c r="B6355" s="6">
        <v>215299</v>
      </c>
      <c r="C6355" s="6" t="s">
        <v>68</v>
      </c>
      <c r="D6355" s="6" t="s">
        <v>69</v>
      </c>
      <c r="E6355" s="6">
        <v>11001</v>
      </c>
      <c r="F6355" s="6" t="s">
        <v>18</v>
      </c>
      <c r="G6355" s="6" t="s">
        <v>12838</v>
      </c>
      <c r="H6355" s="6" t="s">
        <v>12839</v>
      </c>
      <c r="I6355" s="7">
        <v>4.5990932000000004</v>
      </c>
      <c r="J6355" s="8">
        <v>-74.147399300000004</v>
      </c>
    </row>
    <row r="6356" spans="1:10" x14ac:dyDescent="0.35">
      <c r="A6356" s="5" t="s">
        <v>10</v>
      </c>
      <c r="B6356" s="6">
        <v>242487</v>
      </c>
      <c r="C6356" s="6" t="s">
        <v>68</v>
      </c>
      <c r="D6356" s="6" t="s">
        <v>69</v>
      </c>
      <c r="E6356" s="6">
        <v>11001</v>
      </c>
      <c r="F6356" s="6" t="s">
        <v>18</v>
      </c>
      <c r="G6356" s="6" t="s">
        <v>12840</v>
      </c>
      <c r="H6356" s="6" t="s">
        <v>12841</v>
      </c>
      <c r="I6356" s="7">
        <v>4.6636443999999999</v>
      </c>
      <c r="J6356" s="8">
        <v>-74.057500599999997</v>
      </c>
    </row>
    <row r="6357" spans="1:10" x14ac:dyDescent="0.35">
      <c r="A6357" s="5" t="s">
        <v>10</v>
      </c>
      <c r="B6357" s="6">
        <v>187677</v>
      </c>
      <c r="C6357" s="6" t="s">
        <v>2130</v>
      </c>
      <c r="D6357" s="6" t="s">
        <v>4241</v>
      </c>
      <c r="E6357" s="6">
        <v>85430</v>
      </c>
      <c r="F6357" s="6" t="s">
        <v>18</v>
      </c>
      <c r="G6357" s="6" t="s">
        <v>12842</v>
      </c>
      <c r="H6357" s="6" t="s">
        <v>12843</v>
      </c>
      <c r="I6357" s="7">
        <v>5.4077975</v>
      </c>
      <c r="J6357" s="8">
        <v>-71.661367200000001</v>
      </c>
    </row>
    <row r="6358" spans="1:10" x14ac:dyDescent="0.35">
      <c r="A6358" s="5" t="s">
        <v>10</v>
      </c>
      <c r="B6358" s="6">
        <v>148705</v>
      </c>
      <c r="C6358" s="6" t="s">
        <v>2130</v>
      </c>
      <c r="D6358" s="6" t="s">
        <v>2131</v>
      </c>
      <c r="E6358" s="6">
        <v>85001</v>
      </c>
      <c r="F6358" s="6" t="s">
        <v>18</v>
      </c>
      <c r="G6358" s="6" t="s">
        <v>12844</v>
      </c>
      <c r="H6358" s="6" t="s">
        <v>12845</v>
      </c>
      <c r="I6358" s="7">
        <v>5.3210967999999896</v>
      </c>
      <c r="J6358" s="8">
        <v>-72.402955300000002</v>
      </c>
    </row>
    <row r="6359" spans="1:10" x14ac:dyDescent="0.35">
      <c r="A6359" s="5" t="s">
        <v>10</v>
      </c>
      <c r="B6359" s="6">
        <v>210945</v>
      </c>
      <c r="C6359" s="6" t="s">
        <v>308</v>
      </c>
      <c r="D6359" s="6" t="s">
        <v>309</v>
      </c>
      <c r="E6359" s="6">
        <v>23001</v>
      </c>
      <c r="F6359" s="6" t="s">
        <v>13</v>
      </c>
      <c r="G6359" s="6" t="s">
        <v>12846</v>
      </c>
      <c r="H6359" s="6" t="s">
        <v>12847</v>
      </c>
      <c r="I6359" s="7">
        <v>8.7509829999999997</v>
      </c>
      <c r="J6359" s="8">
        <v>-75.878534799999997</v>
      </c>
    </row>
    <row r="6360" spans="1:10" x14ac:dyDescent="0.35">
      <c r="A6360" s="5" t="s">
        <v>10</v>
      </c>
      <c r="B6360" s="6">
        <v>198575</v>
      </c>
      <c r="C6360" s="6" t="s">
        <v>24</v>
      </c>
      <c r="D6360" s="6" t="s">
        <v>12848</v>
      </c>
      <c r="E6360" s="6">
        <v>15686</v>
      </c>
      <c r="F6360" s="6" t="s">
        <v>13</v>
      </c>
      <c r="G6360" s="6" t="s">
        <v>12849</v>
      </c>
      <c r="H6360" s="6" t="s">
        <v>12850</v>
      </c>
      <c r="I6360" s="7">
        <v>6.0563216999999998</v>
      </c>
      <c r="J6360" s="8">
        <v>-73.4807244</v>
      </c>
    </row>
    <row r="6361" spans="1:10" x14ac:dyDescent="0.35">
      <c r="A6361" s="5" t="s">
        <v>10</v>
      </c>
      <c r="B6361" s="6">
        <v>245837</v>
      </c>
      <c r="C6361" s="6" t="s">
        <v>117</v>
      </c>
      <c r="D6361" s="6" t="s">
        <v>1334</v>
      </c>
      <c r="E6361" s="6">
        <v>76001</v>
      </c>
      <c r="F6361" s="6" t="s">
        <v>18</v>
      </c>
      <c r="G6361" s="6" t="s">
        <v>12851</v>
      </c>
      <c r="H6361" s="6" t="s">
        <v>12852</v>
      </c>
      <c r="I6361" s="7">
        <v>3.4664206000000002</v>
      </c>
      <c r="J6361" s="8">
        <v>-76.5253041</v>
      </c>
    </row>
    <row r="6362" spans="1:10" x14ac:dyDescent="0.35">
      <c r="A6362" s="5" t="s">
        <v>10</v>
      </c>
      <c r="B6362" s="6">
        <v>240889</v>
      </c>
      <c r="C6362" s="6" t="s">
        <v>190</v>
      </c>
      <c r="D6362" s="6" t="s">
        <v>4063</v>
      </c>
      <c r="E6362" s="6">
        <v>5088</v>
      </c>
      <c r="F6362" s="6" t="s">
        <v>18</v>
      </c>
      <c r="G6362" s="6" t="s">
        <v>12853</v>
      </c>
      <c r="H6362" s="6" t="s">
        <v>12854</v>
      </c>
      <c r="I6362" s="7">
        <v>6.3133936000000004</v>
      </c>
      <c r="J6362" s="8">
        <v>-75.568892599999998</v>
      </c>
    </row>
    <row r="6363" spans="1:10" x14ac:dyDescent="0.35">
      <c r="A6363" s="5" t="s">
        <v>10</v>
      </c>
      <c r="B6363" s="6">
        <v>201281</v>
      </c>
      <c r="C6363" s="6" t="s">
        <v>68</v>
      </c>
      <c r="D6363" s="6" t="s">
        <v>69</v>
      </c>
      <c r="E6363" s="6">
        <v>11001</v>
      </c>
      <c r="F6363" s="6" t="s">
        <v>18</v>
      </c>
      <c r="G6363" s="6" t="s">
        <v>12855</v>
      </c>
      <c r="H6363" s="6" t="s">
        <v>12856</v>
      </c>
      <c r="I6363" s="7">
        <v>4.6190614999999999</v>
      </c>
      <c r="J6363" s="8">
        <v>-74.102390499999998</v>
      </c>
    </row>
    <row r="6364" spans="1:10" x14ac:dyDescent="0.35">
      <c r="A6364" s="5" t="s">
        <v>10</v>
      </c>
      <c r="B6364" s="6">
        <v>207449</v>
      </c>
      <c r="C6364" s="6" t="s">
        <v>68</v>
      </c>
      <c r="D6364" s="6" t="s">
        <v>69</v>
      </c>
      <c r="E6364" s="6">
        <v>11001</v>
      </c>
      <c r="F6364" s="6" t="s">
        <v>18</v>
      </c>
      <c r="G6364" s="6" t="s">
        <v>12857</v>
      </c>
      <c r="H6364" s="6" t="s">
        <v>12858</v>
      </c>
      <c r="I6364" s="7">
        <v>4.6241079999999997</v>
      </c>
      <c r="J6364" s="8">
        <v>-74.177175899999995</v>
      </c>
    </row>
    <row r="6365" spans="1:10" x14ac:dyDescent="0.35">
      <c r="A6365" s="5" t="s">
        <v>10</v>
      </c>
      <c r="B6365" s="6">
        <v>237078</v>
      </c>
      <c r="C6365" s="6" t="s">
        <v>68</v>
      </c>
      <c r="D6365" s="6" t="s">
        <v>69</v>
      </c>
      <c r="E6365" s="6">
        <v>11001</v>
      </c>
      <c r="F6365" s="6" t="s">
        <v>18</v>
      </c>
      <c r="G6365" s="6" t="s">
        <v>12859</v>
      </c>
      <c r="H6365" s="6" t="s">
        <v>12860</v>
      </c>
      <c r="I6365" s="7">
        <v>4.6234196000000001</v>
      </c>
      <c r="J6365" s="8">
        <v>-74.141507700000005</v>
      </c>
    </row>
    <row r="6366" spans="1:10" x14ac:dyDescent="0.35">
      <c r="A6366" s="5" t="s">
        <v>10</v>
      </c>
      <c r="B6366" s="6">
        <v>237114</v>
      </c>
      <c r="C6366" s="6" t="s">
        <v>68</v>
      </c>
      <c r="D6366" s="6" t="s">
        <v>69</v>
      </c>
      <c r="E6366" s="6">
        <v>11001</v>
      </c>
      <c r="F6366" s="6" t="s">
        <v>18</v>
      </c>
      <c r="G6366" s="6" t="s">
        <v>12861</v>
      </c>
      <c r="H6366" s="6" t="s">
        <v>12862</v>
      </c>
      <c r="I6366" s="7">
        <v>4.6038936000000001</v>
      </c>
      <c r="J6366" s="8">
        <v>-74.192014499999999</v>
      </c>
    </row>
    <row r="6367" spans="1:10" x14ac:dyDescent="0.35">
      <c r="A6367" s="5" t="s">
        <v>10</v>
      </c>
      <c r="B6367" s="6">
        <v>213247</v>
      </c>
      <c r="C6367" s="6" t="s">
        <v>68</v>
      </c>
      <c r="D6367" s="6" t="s">
        <v>69</v>
      </c>
      <c r="E6367" s="6">
        <v>11001</v>
      </c>
      <c r="F6367" s="6" t="s">
        <v>18</v>
      </c>
      <c r="G6367" s="6" t="s">
        <v>12863</v>
      </c>
      <c r="H6367" s="6" t="s">
        <v>12864</v>
      </c>
      <c r="I6367" s="7">
        <v>4.6339674000000004</v>
      </c>
      <c r="J6367" s="8">
        <v>-74.163894799999994</v>
      </c>
    </row>
    <row r="6368" spans="1:10" x14ac:dyDescent="0.35">
      <c r="A6368" s="5" t="s">
        <v>10</v>
      </c>
      <c r="B6368" s="6">
        <v>219711</v>
      </c>
      <c r="C6368" s="6" t="s">
        <v>68</v>
      </c>
      <c r="D6368" s="6" t="s">
        <v>69</v>
      </c>
      <c r="E6368" s="6">
        <v>11001</v>
      </c>
      <c r="F6368" s="6" t="s">
        <v>18</v>
      </c>
      <c r="G6368" s="6" t="s">
        <v>12865</v>
      </c>
      <c r="H6368" s="6" t="s">
        <v>12866</v>
      </c>
      <c r="I6368" s="7">
        <v>4.5997434999999998</v>
      </c>
      <c r="J6368" s="8">
        <v>-74.161858600000002</v>
      </c>
    </row>
    <row r="6369" spans="1:10" x14ac:dyDescent="0.35">
      <c r="A6369" s="5" t="s">
        <v>10</v>
      </c>
      <c r="B6369" s="6">
        <v>234799</v>
      </c>
      <c r="C6369" s="6" t="s">
        <v>68</v>
      </c>
      <c r="D6369" s="6" t="s">
        <v>69</v>
      </c>
      <c r="E6369" s="6">
        <v>11001</v>
      </c>
      <c r="F6369" s="6" t="s">
        <v>18</v>
      </c>
      <c r="G6369" s="6" t="s">
        <v>12867</v>
      </c>
      <c r="H6369" s="6" t="s">
        <v>12868</v>
      </c>
      <c r="I6369" s="7">
        <v>4.4885957000000003</v>
      </c>
      <c r="J6369" s="8">
        <v>-74.103531599999997</v>
      </c>
    </row>
    <row r="6370" spans="1:10" x14ac:dyDescent="0.35">
      <c r="A6370" s="5" t="s">
        <v>10</v>
      </c>
      <c r="B6370" s="6">
        <v>242290</v>
      </c>
      <c r="C6370" s="6" t="s">
        <v>68</v>
      </c>
      <c r="D6370" s="6" t="s">
        <v>69</v>
      </c>
      <c r="E6370" s="6">
        <v>11001</v>
      </c>
      <c r="F6370" s="6" t="s">
        <v>18</v>
      </c>
      <c r="G6370" s="6" t="s">
        <v>12869</v>
      </c>
      <c r="H6370" s="6" t="s">
        <v>12870</v>
      </c>
      <c r="I6370" s="7">
        <v>4.6418081000000004</v>
      </c>
      <c r="J6370" s="8">
        <v>-74.170450299999999</v>
      </c>
    </row>
    <row r="6371" spans="1:10" x14ac:dyDescent="0.35">
      <c r="A6371" s="5" t="s">
        <v>10</v>
      </c>
      <c r="B6371" s="6">
        <v>200710</v>
      </c>
      <c r="C6371" s="6" t="s">
        <v>68</v>
      </c>
      <c r="D6371" s="6" t="s">
        <v>69</v>
      </c>
      <c r="E6371" s="6">
        <v>11001</v>
      </c>
      <c r="F6371" s="6" t="s">
        <v>18</v>
      </c>
      <c r="G6371" s="6" t="s">
        <v>12871</v>
      </c>
      <c r="H6371" s="6" t="s">
        <v>12872</v>
      </c>
      <c r="I6371" s="7">
        <v>4.7110447000000004</v>
      </c>
      <c r="J6371" s="8">
        <v>-74.126785099999907</v>
      </c>
    </row>
    <row r="6372" spans="1:10" x14ac:dyDescent="0.35">
      <c r="A6372" s="5" t="s">
        <v>10</v>
      </c>
      <c r="B6372" s="6">
        <v>230393</v>
      </c>
      <c r="C6372" s="6" t="s">
        <v>68</v>
      </c>
      <c r="D6372" s="6" t="s">
        <v>69</v>
      </c>
      <c r="E6372" s="6">
        <v>11001</v>
      </c>
      <c r="F6372" s="6" t="s">
        <v>18</v>
      </c>
      <c r="G6372" s="6" t="s">
        <v>12873</v>
      </c>
      <c r="H6372" s="6" t="s">
        <v>12874</v>
      </c>
      <c r="I6372" s="7">
        <v>4.5662742999999999</v>
      </c>
      <c r="J6372" s="8">
        <v>-74.115052500000004</v>
      </c>
    </row>
    <row r="6373" spans="1:10" x14ac:dyDescent="0.35">
      <c r="A6373" s="5" t="s">
        <v>10</v>
      </c>
      <c r="B6373" s="6">
        <v>244805</v>
      </c>
      <c r="C6373" s="6" t="s">
        <v>68</v>
      </c>
      <c r="D6373" s="6" t="s">
        <v>69</v>
      </c>
      <c r="E6373" s="6">
        <v>11001</v>
      </c>
      <c r="F6373" s="6" t="s">
        <v>18</v>
      </c>
      <c r="G6373" s="6" t="s">
        <v>12875</v>
      </c>
      <c r="H6373" s="6" t="s">
        <v>12876</v>
      </c>
      <c r="I6373" s="7">
        <v>4.7109886000000003</v>
      </c>
      <c r="J6373" s="8">
        <v>-74.072091999999998</v>
      </c>
    </row>
    <row r="6374" spans="1:10" x14ac:dyDescent="0.35">
      <c r="A6374" s="5" t="s">
        <v>10</v>
      </c>
      <c r="B6374" s="6">
        <v>232912</v>
      </c>
      <c r="C6374" s="6" t="s">
        <v>68</v>
      </c>
      <c r="D6374" s="6" t="s">
        <v>69</v>
      </c>
      <c r="E6374" s="6">
        <v>11001</v>
      </c>
      <c r="F6374" s="6" t="s">
        <v>18</v>
      </c>
      <c r="G6374" s="6" t="s">
        <v>12877</v>
      </c>
      <c r="H6374" s="6" t="s">
        <v>12878</v>
      </c>
      <c r="I6374" s="7">
        <v>4.5679299999999996</v>
      </c>
      <c r="J6374" s="8">
        <v>-74.119140000000002</v>
      </c>
    </row>
    <row r="6375" spans="1:10" x14ac:dyDescent="0.35">
      <c r="A6375" s="5" t="s">
        <v>10</v>
      </c>
      <c r="B6375" s="6">
        <v>186222</v>
      </c>
      <c r="C6375" s="6" t="s">
        <v>2130</v>
      </c>
      <c r="D6375" s="6" t="s">
        <v>2131</v>
      </c>
      <c r="E6375" s="6">
        <v>85001</v>
      </c>
      <c r="F6375" s="6" t="s">
        <v>18</v>
      </c>
      <c r="G6375" s="6" t="s">
        <v>12879</v>
      </c>
      <c r="H6375" s="6" t="s">
        <v>12880</v>
      </c>
      <c r="I6375" s="7">
        <v>5.3186527999999997</v>
      </c>
      <c r="J6375" s="8">
        <v>-72.398766999999907</v>
      </c>
    </row>
    <row r="6376" spans="1:10" x14ac:dyDescent="0.35">
      <c r="A6376" s="5" t="s">
        <v>10</v>
      </c>
      <c r="B6376" s="6">
        <v>214530</v>
      </c>
      <c r="C6376" s="6" t="s">
        <v>16</v>
      </c>
      <c r="D6376" s="6" t="s">
        <v>9217</v>
      </c>
      <c r="E6376" s="6">
        <v>68655</v>
      </c>
      <c r="F6376" s="6" t="s">
        <v>13</v>
      </c>
      <c r="G6376" s="6" t="s">
        <v>12881</v>
      </c>
      <c r="H6376" s="6" t="s">
        <v>12882</v>
      </c>
      <c r="I6376" s="7">
        <v>7.3919404000000002</v>
      </c>
      <c r="J6376" s="8">
        <v>-73.499849999999995</v>
      </c>
    </row>
    <row r="6377" spans="1:10" x14ac:dyDescent="0.35">
      <c r="A6377" s="5" t="s">
        <v>10</v>
      </c>
      <c r="B6377" s="6">
        <v>190206</v>
      </c>
      <c r="C6377" s="6" t="s">
        <v>308</v>
      </c>
      <c r="D6377" s="6" t="s">
        <v>309</v>
      </c>
      <c r="E6377" s="6">
        <v>23001</v>
      </c>
      <c r="F6377" s="6" t="s">
        <v>13</v>
      </c>
      <c r="G6377" s="6" t="s">
        <v>12883</v>
      </c>
      <c r="H6377" s="6" t="s">
        <v>12884</v>
      </c>
      <c r="I6377" s="7">
        <v>8.7509829999999997</v>
      </c>
      <c r="J6377" s="8">
        <v>-75.878534799999997</v>
      </c>
    </row>
    <row r="6378" spans="1:10" x14ac:dyDescent="0.35">
      <c r="A6378" s="5" t="s">
        <v>10</v>
      </c>
      <c r="B6378" s="6">
        <v>198611</v>
      </c>
      <c r="C6378" s="6" t="s">
        <v>308</v>
      </c>
      <c r="D6378" s="6" t="s">
        <v>309</v>
      </c>
      <c r="E6378" s="6">
        <v>23001</v>
      </c>
      <c r="F6378" s="6" t="s">
        <v>13</v>
      </c>
      <c r="G6378" s="6" t="s">
        <v>12885</v>
      </c>
      <c r="H6378" s="6" t="s">
        <v>12886</v>
      </c>
      <c r="I6378" s="7">
        <v>8.7593014</v>
      </c>
      <c r="J6378" s="8">
        <v>-75.893701100000001</v>
      </c>
    </row>
    <row r="6379" spans="1:10" x14ac:dyDescent="0.35">
      <c r="A6379" s="5" t="s">
        <v>10</v>
      </c>
      <c r="B6379" s="6">
        <v>210715</v>
      </c>
      <c r="C6379" s="6" t="s">
        <v>366</v>
      </c>
      <c r="D6379" s="6" t="s">
        <v>763</v>
      </c>
      <c r="E6379" s="6">
        <v>44279</v>
      </c>
      <c r="F6379" s="6" t="s">
        <v>13</v>
      </c>
      <c r="G6379" s="6" t="s">
        <v>12887</v>
      </c>
      <c r="H6379" s="6" t="s">
        <v>12888</v>
      </c>
      <c r="I6379" s="7">
        <v>10.886123</v>
      </c>
      <c r="J6379" s="8">
        <v>-72.851515000000006</v>
      </c>
    </row>
    <row r="6380" spans="1:10" x14ac:dyDescent="0.35">
      <c r="A6380" s="5" t="s">
        <v>10</v>
      </c>
      <c r="B6380" s="6">
        <v>211246</v>
      </c>
      <c r="C6380" s="6" t="s">
        <v>551</v>
      </c>
      <c r="D6380" s="6" t="s">
        <v>4403</v>
      </c>
      <c r="E6380" s="6">
        <v>20013</v>
      </c>
      <c r="F6380" s="6" t="s">
        <v>13</v>
      </c>
      <c r="G6380" s="6" t="s">
        <v>12889</v>
      </c>
      <c r="H6380" s="6" t="s">
        <v>12890</v>
      </c>
      <c r="I6380" s="7">
        <v>10.0281707</v>
      </c>
      <c r="J6380" s="8">
        <v>-73.236057400000007</v>
      </c>
    </row>
    <row r="6381" spans="1:10" x14ac:dyDescent="0.35">
      <c r="A6381" s="5" t="s">
        <v>10</v>
      </c>
      <c r="B6381" s="6">
        <v>230597</v>
      </c>
      <c r="C6381" s="6" t="s">
        <v>11</v>
      </c>
      <c r="D6381" s="6" t="s">
        <v>334</v>
      </c>
      <c r="E6381" s="6">
        <v>25754</v>
      </c>
      <c r="F6381" s="6" t="s">
        <v>13</v>
      </c>
      <c r="G6381" s="6" t="s">
        <v>12891</v>
      </c>
      <c r="H6381" s="6" t="s">
        <v>12892</v>
      </c>
      <c r="I6381" s="7">
        <v>4.5928611999999998</v>
      </c>
      <c r="J6381" s="8">
        <v>-74.183767200000005</v>
      </c>
    </row>
    <row r="6382" spans="1:10" x14ac:dyDescent="0.35">
      <c r="A6382" s="5" t="s">
        <v>10</v>
      </c>
      <c r="B6382" s="6">
        <v>188686</v>
      </c>
      <c r="C6382" s="6" t="s">
        <v>28</v>
      </c>
      <c r="D6382" s="6" t="s">
        <v>352</v>
      </c>
      <c r="E6382" s="6">
        <v>54261</v>
      </c>
      <c r="F6382" s="6" t="s">
        <v>13</v>
      </c>
      <c r="G6382" s="6" t="s">
        <v>12893</v>
      </c>
      <c r="H6382" s="6" t="s">
        <v>12894</v>
      </c>
      <c r="I6382" s="7">
        <v>7.9372889999999998</v>
      </c>
      <c r="J6382" s="8">
        <v>-72.604826000000003</v>
      </c>
    </row>
    <row r="6383" spans="1:10" x14ac:dyDescent="0.35">
      <c r="A6383" s="5" t="s">
        <v>10</v>
      </c>
      <c r="B6383" s="6">
        <v>239533</v>
      </c>
      <c r="C6383" s="6" t="s">
        <v>117</v>
      </c>
      <c r="D6383" s="6" t="s">
        <v>1334</v>
      </c>
      <c r="E6383" s="6">
        <v>76001</v>
      </c>
      <c r="F6383" s="6" t="s">
        <v>18</v>
      </c>
      <c r="G6383" s="6" t="s">
        <v>12895</v>
      </c>
      <c r="H6383" s="6" t="s">
        <v>12896</v>
      </c>
      <c r="I6383" s="7">
        <v>3.410466</v>
      </c>
      <c r="J6383" s="8">
        <v>-76.5295591</v>
      </c>
    </row>
    <row r="6384" spans="1:10" x14ac:dyDescent="0.35">
      <c r="A6384" s="5" t="s">
        <v>10</v>
      </c>
      <c r="B6384" s="6">
        <v>238738</v>
      </c>
      <c r="C6384" s="6" t="s">
        <v>117</v>
      </c>
      <c r="D6384" s="6" t="s">
        <v>1334</v>
      </c>
      <c r="E6384" s="6">
        <v>76001</v>
      </c>
      <c r="F6384" s="6" t="s">
        <v>18</v>
      </c>
      <c r="G6384" s="6" t="s">
        <v>12897</v>
      </c>
      <c r="H6384" s="6" t="s">
        <v>12898</v>
      </c>
      <c r="I6384" s="7">
        <v>3.3798094999999999</v>
      </c>
      <c r="J6384" s="8">
        <v>-76.5161497</v>
      </c>
    </row>
    <row r="6385" spans="1:10" x14ac:dyDescent="0.35">
      <c r="A6385" s="5" t="s">
        <v>10</v>
      </c>
      <c r="B6385" s="6">
        <v>238143</v>
      </c>
      <c r="C6385" s="6" t="s">
        <v>190</v>
      </c>
      <c r="D6385" s="6" t="s">
        <v>12565</v>
      </c>
      <c r="E6385" s="6">
        <v>5697</v>
      </c>
      <c r="F6385" s="6" t="s">
        <v>18</v>
      </c>
      <c r="G6385" s="6" t="s">
        <v>12899</v>
      </c>
      <c r="H6385" s="6" t="s">
        <v>12900</v>
      </c>
      <c r="I6385" s="7">
        <v>6.1387457999999997</v>
      </c>
      <c r="J6385" s="8">
        <v>-75.264387200000002</v>
      </c>
    </row>
    <row r="6386" spans="1:10" x14ac:dyDescent="0.35">
      <c r="A6386" s="5" t="s">
        <v>10</v>
      </c>
      <c r="B6386" s="6">
        <v>209452</v>
      </c>
      <c r="C6386" s="6" t="s">
        <v>68</v>
      </c>
      <c r="D6386" s="6" t="s">
        <v>69</v>
      </c>
      <c r="E6386" s="6">
        <v>11001</v>
      </c>
      <c r="F6386" s="6" t="s">
        <v>18</v>
      </c>
      <c r="G6386" s="6" t="s">
        <v>12901</v>
      </c>
      <c r="H6386" s="6" t="s">
        <v>12902</v>
      </c>
      <c r="I6386" s="7">
        <v>4.5705010000000001</v>
      </c>
      <c r="J6386" s="8">
        <v>-74.089243099999905</v>
      </c>
    </row>
    <row r="6387" spans="1:10" x14ac:dyDescent="0.35">
      <c r="A6387" s="5" t="s">
        <v>10</v>
      </c>
      <c r="B6387" s="6">
        <v>219281</v>
      </c>
      <c r="C6387" s="6" t="s">
        <v>68</v>
      </c>
      <c r="D6387" s="6" t="s">
        <v>69</v>
      </c>
      <c r="E6387" s="6">
        <v>11001</v>
      </c>
      <c r="F6387" s="6" t="s">
        <v>18</v>
      </c>
      <c r="G6387" s="6" t="s">
        <v>12903</v>
      </c>
      <c r="H6387" s="6" t="s">
        <v>12904</v>
      </c>
      <c r="I6387" s="7">
        <v>4.5790359999999897</v>
      </c>
      <c r="J6387" s="8">
        <v>-74.178858699999907</v>
      </c>
    </row>
    <row r="6388" spans="1:10" x14ac:dyDescent="0.35">
      <c r="A6388" s="5" t="s">
        <v>10</v>
      </c>
      <c r="B6388" s="6">
        <v>242212</v>
      </c>
      <c r="C6388" s="6" t="s">
        <v>68</v>
      </c>
      <c r="D6388" s="6" t="s">
        <v>69</v>
      </c>
      <c r="E6388" s="6">
        <v>11001</v>
      </c>
      <c r="F6388" s="6" t="s">
        <v>18</v>
      </c>
      <c r="G6388" s="6" t="s">
        <v>12905</v>
      </c>
      <c r="H6388" s="6" t="s">
        <v>12906</v>
      </c>
      <c r="I6388" s="7">
        <v>4.7380629000000001</v>
      </c>
      <c r="J6388" s="8">
        <v>-74.024056000000002</v>
      </c>
    </row>
    <row r="6389" spans="1:10" x14ac:dyDescent="0.35">
      <c r="A6389" s="5" t="s">
        <v>10</v>
      </c>
      <c r="B6389" s="6">
        <v>242700</v>
      </c>
      <c r="C6389" s="6" t="s">
        <v>68</v>
      </c>
      <c r="D6389" s="6" t="s">
        <v>69</v>
      </c>
      <c r="E6389" s="6">
        <v>11001</v>
      </c>
      <c r="F6389" s="6" t="s">
        <v>18</v>
      </c>
      <c r="G6389" s="6" t="s">
        <v>12907</v>
      </c>
      <c r="H6389" s="6" t="s">
        <v>12908</v>
      </c>
      <c r="I6389" s="7">
        <v>4.6198113000000003</v>
      </c>
      <c r="J6389" s="8">
        <v>-74.1234489</v>
      </c>
    </row>
    <row r="6390" spans="1:10" x14ac:dyDescent="0.35">
      <c r="A6390" s="5" t="s">
        <v>10</v>
      </c>
      <c r="B6390" s="6">
        <v>246473</v>
      </c>
      <c r="C6390" s="6" t="s">
        <v>68</v>
      </c>
      <c r="D6390" s="6" t="s">
        <v>69</v>
      </c>
      <c r="E6390" s="6">
        <v>11001</v>
      </c>
      <c r="F6390" s="6" t="s">
        <v>18</v>
      </c>
      <c r="G6390" s="6" t="s">
        <v>12909</v>
      </c>
      <c r="H6390" s="6" t="s">
        <v>12910</v>
      </c>
      <c r="I6390" s="7">
        <v>4.5716340999999998</v>
      </c>
      <c r="J6390" s="8">
        <v>-74.120771599999998</v>
      </c>
    </row>
    <row r="6391" spans="1:10" x14ac:dyDescent="0.35">
      <c r="A6391" s="5" t="s">
        <v>10</v>
      </c>
      <c r="B6391" s="6">
        <v>247955</v>
      </c>
      <c r="C6391" s="6" t="s">
        <v>68</v>
      </c>
      <c r="D6391" s="6" t="s">
        <v>69</v>
      </c>
      <c r="E6391" s="6">
        <v>11001</v>
      </c>
      <c r="F6391" s="6" t="s">
        <v>18</v>
      </c>
      <c r="G6391" s="6" t="s">
        <v>12911</v>
      </c>
      <c r="H6391" s="6" t="s">
        <v>12912</v>
      </c>
      <c r="I6391" s="7">
        <v>4.7457669999999998</v>
      </c>
      <c r="J6391" s="8">
        <v>-74.111248799999998</v>
      </c>
    </row>
    <row r="6392" spans="1:10" x14ac:dyDescent="0.35">
      <c r="A6392" s="5" t="s">
        <v>10</v>
      </c>
      <c r="B6392" s="6">
        <v>214772</v>
      </c>
      <c r="C6392" s="6" t="s">
        <v>68</v>
      </c>
      <c r="D6392" s="6" t="s">
        <v>69</v>
      </c>
      <c r="E6392" s="6">
        <v>11001</v>
      </c>
      <c r="F6392" s="6" t="s">
        <v>18</v>
      </c>
      <c r="G6392" s="6" t="s">
        <v>12913</v>
      </c>
      <c r="H6392" s="6" t="s">
        <v>12914</v>
      </c>
      <c r="I6392" s="7">
        <v>4.6353594999999999</v>
      </c>
      <c r="J6392" s="8">
        <v>-74.197897499999996</v>
      </c>
    </row>
    <row r="6393" spans="1:10" x14ac:dyDescent="0.35">
      <c r="A6393" s="5" t="s">
        <v>10</v>
      </c>
      <c r="B6393" s="6">
        <v>243438</v>
      </c>
      <c r="C6393" s="6" t="s">
        <v>68</v>
      </c>
      <c r="D6393" s="6" t="s">
        <v>69</v>
      </c>
      <c r="E6393" s="6">
        <v>11001</v>
      </c>
      <c r="F6393" s="6" t="s">
        <v>18</v>
      </c>
      <c r="G6393" s="6" t="s">
        <v>12915</v>
      </c>
      <c r="H6393" s="6" t="s">
        <v>12916</v>
      </c>
      <c r="I6393" s="7">
        <v>4.5658474</v>
      </c>
      <c r="J6393" s="8">
        <v>-74.1312535</v>
      </c>
    </row>
    <row r="6394" spans="1:10" x14ac:dyDescent="0.35">
      <c r="A6394" s="5" t="s">
        <v>10</v>
      </c>
      <c r="B6394" s="6">
        <v>245728</v>
      </c>
      <c r="C6394" s="6" t="s">
        <v>68</v>
      </c>
      <c r="D6394" s="6" t="s">
        <v>69</v>
      </c>
      <c r="E6394" s="6">
        <v>11001</v>
      </c>
      <c r="F6394" s="6" t="s">
        <v>18</v>
      </c>
      <c r="G6394" s="6" t="s">
        <v>12917</v>
      </c>
      <c r="H6394" s="6" t="s">
        <v>12918</v>
      </c>
      <c r="I6394" s="7">
        <v>4.7461548999999996</v>
      </c>
      <c r="J6394" s="8">
        <v>-74.111265799999998</v>
      </c>
    </row>
    <row r="6395" spans="1:10" x14ac:dyDescent="0.35">
      <c r="A6395" s="5" t="s">
        <v>10</v>
      </c>
      <c r="B6395" s="6">
        <v>242094</v>
      </c>
      <c r="C6395" s="6" t="s">
        <v>68</v>
      </c>
      <c r="D6395" s="6" t="s">
        <v>69</v>
      </c>
      <c r="E6395" s="6">
        <v>11001</v>
      </c>
      <c r="F6395" s="6" t="s">
        <v>18</v>
      </c>
      <c r="G6395" s="6" t="s">
        <v>12919</v>
      </c>
      <c r="H6395" s="6" t="s">
        <v>12920</v>
      </c>
      <c r="I6395" s="7">
        <v>4.7456836999999998</v>
      </c>
      <c r="J6395" s="8">
        <v>-74.031369100000006</v>
      </c>
    </row>
    <row r="6396" spans="1:10" x14ac:dyDescent="0.35">
      <c r="A6396" s="5" t="s">
        <v>10</v>
      </c>
      <c r="B6396" s="6">
        <v>201835</v>
      </c>
      <c r="C6396" s="6" t="s">
        <v>68</v>
      </c>
      <c r="D6396" s="6" t="s">
        <v>69</v>
      </c>
      <c r="E6396" s="6">
        <v>11001</v>
      </c>
      <c r="F6396" s="6" t="s">
        <v>18</v>
      </c>
      <c r="G6396" s="6" t="s">
        <v>12921</v>
      </c>
      <c r="H6396" s="6" t="s">
        <v>12922</v>
      </c>
      <c r="I6396" s="7">
        <v>4.5568501000000001</v>
      </c>
      <c r="J6396" s="8">
        <v>-74.109881299999998</v>
      </c>
    </row>
    <row r="6397" spans="1:10" x14ac:dyDescent="0.35">
      <c r="A6397" s="5" t="s">
        <v>10</v>
      </c>
      <c r="B6397" s="6">
        <v>242418</v>
      </c>
      <c r="C6397" s="6" t="s">
        <v>68</v>
      </c>
      <c r="D6397" s="6" t="s">
        <v>69</v>
      </c>
      <c r="E6397" s="6">
        <v>11001</v>
      </c>
      <c r="F6397" s="6" t="s">
        <v>18</v>
      </c>
      <c r="G6397" s="6" t="s">
        <v>12923</v>
      </c>
      <c r="H6397" s="6" t="s">
        <v>12924</v>
      </c>
      <c r="I6397" s="7">
        <v>4.7127015999999999</v>
      </c>
      <c r="J6397" s="8">
        <v>-74.1064832</v>
      </c>
    </row>
    <row r="6398" spans="1:10" x14ac:dyDescent="0.35">
      <c r="A6398" s="5" t="s">
        <v>10</v>
      </c>
      <c r="B6398" s="6">
        <v>233383</v>
      </c>
      <c r="C6398" s="6" t="s">
        <v>11</v>
      </c>
      <c r="D6398" s="6" t="s">
        <v>334</v>
      </c>
      <c r="E6398" s="6">
        <v>25754</v>
      </c>
      <c r="F6398" s="6" t="s">
        <v>18</v>
      </c>
      <c r="G6398" s="6" t="s">
        <v>12925</v>
      </c>
      <c r="H6398" s="6" t="s">
        <v>12926</v>
      </c>
      <c r="I6398" s="7">
        <v>4.5945400000000003</v>
      </c>
      <c r="J6398" s="8">
        <v>-74.187610000000006</v>
      </c>
    </row>
    <row r="6399" spans="1:10" x14ac:dyDescent="0.35">
      <c r="A6399" s="5" t="s">
        <v>10</v>
      </c>
      <c r="B6399" s="6">
        <v>214529</v>
      </c>
      <c r="C6399" s="6" t="s">
        <v>68</v>
      </c>
      <c r="D6399" s="6" t="s">
        <v>69</v>
      </c>
      <c r="E6399" s="6">
        <v>11001</v>
      </c>
      <c r="F6399" s="6" t="s">
        <v>18</v>
      </c>
      <c r="G6399" s="6" t="s">
        <v>855</v>
      </c>
      <c r="H6399" s="6" t="s">
        <v>12927</v>
      </c>
      <c r="I6399" s="7">
        <v>4.5559861000000001</v>
      </c>
      <c r="J6399" s="8">
        <v>-74.111440099999996</v>
      </c>
    </row>
    <row r="6400" spans="1:10" x14ac:dyDescent="0.35">
      <c r="A6400" s="5" t="s">
        <v>10</v>
      </c>
      <c r="B6400" s="6">
        <v>117077</v>
      </c>
      <c r="C6400" s="6" t="s">
        <v>2130</v>
      </c>
      <c r="D6400" s="6" t="s">
        <v>4238</v>
      </c>
      <c r="E6400" s="6">
        <v>85410</v>
      </c>
      <c r="F6400" s="6" t="s">
        <v>18</v>
      </c>
      <c r="G6400" s="6" t="s">
        <v>12928</v>
      </c>
      <c r="H6400" s="6" t="s">
        <v>12929</v>
      </c>
      <c r="I6400" s="7">
        <v>5.0106848999999896</v>
      </c>
      <c r="J6400" s="8">
        <v>-72.750495000000001</v>
      </c>
    </row>
    <row r="6401" spans="1:10" x14ac:dyDescent="0.35">
      <c r="A6401" s="5" t="s">
        <v>10</v>
      </c>
      <c r="B6401" s="6">
        <v>206076</v>
      </c>
      <c r="C6401" s="6" t="s">
        <v>308</v>
      </c>
      <c r="D6401" s="6" t="s">
        <v>12930</v>
      </c>
      <c r="E6401" s="6">
        <v>23068</v>
      </c>
      <c r="F6401" s="6" t="s">
        <v>13</v>
      </c>
      <c r="G6401" s="6" t="s">
        <v>12931</v>
      </c>
      <c r="H6401" s="6" t="s">
        <v>12932</v>
      </c>
      <c r="I6401" s="7">
        <v>8.3092848999999998</v>
      </c>
      <c r="J6401" s="8">
        <v>-75.140264000000002</v>
      </c>
    </row>
    <row r="6402" spans="1:10" x14ac:dyDescent="0.35">
      <c r="A6402" s="5" t="s">
        <v>10</v>
      </c>
      <c r="B6402" s="6">
        <v>240233</v>
      </c>
      <c r="C6402" s="6" t="s">
        <v>117</v>
      </c>
      <c r="D6402" s="6" t="s">
        <v>1334</v>
      </c>
      <c r="E6402" s="6">
        <v>76001</v>
      </c>
      <c r="F6402" s="6" t="s">
        <v>18</v>
      </c>
      <c r="G6402" s="6" t="s">
        <v>12933</v>
      </c>
      <c r="H6402" s="6" t="s">
        <v>12934</v>
      </c>
      <c r="I6402" s="7">
        <v>3.4141267000000002</v>
      </c>
      <c r="J6402" s="8">
        <v>-76.546053099999995</v>
      </c>
    </row>
    <row r="6403" spans="1:10" x14ac:dyDescent="0.35">
      <c r="A6403" s="5" t="s">
        <v>10</v>
      </c>
      <c r="B6403" s="6">
        <v>107126</v>
      </c>
      <c r="C6403" s="6" t="s">
        <v>4364</v>
      </c>
      <c r="D6403" s="6" t="s">
        <v>4365</v>
      </c>
      <c r="E6403" s="6">
        <v>70001</v>
      </c>
      <c r="F6403" s="6" t="s">
        <v>13</v>
      </c>
      <c r="G6403" s="6" t="s">
        <v>11877</v>
      </c>
      <c r="H6403" s="6" t="s">
        <v>12935</v>
      </c>
      <c r="I6403" s="7">
        <v>9.3045773000000001</v>
      </c>
      <c r="J6403" s="8">
        <v>-75.390556699999905</v>
      </c>
    </row>
    <row r="6404" spans="1:10" x14ac:dyDescent="0.35">
      <c r="A6404" s="5" t="s">
        <v>10</v>
      </c>
      <c r="B6404" s="6">
        <v>204942</v>
      </c>
      <c r="C6404" s="6" t="s">
        <v>68</v>
      </c>
      <c r="D6404" s="6" t="s">
        <v>69</v>
      </c>
      <c r="E6404" s="6">
        <v>11001</v>
      </c>
      <c r="F6404" s="6" t="s">
        <v>18</v>
      </c>
      <c r="G6404" s="6" t="s">
        <v>12936</v>
      </c>
      <c r="H6404" s="6" t="s">
        <v>12937</v>
      </c>
      <c r="I6404" s="7">
        <v>4.7649904999999997</v>
      </c>
      <c r="J6404" s="8">
        <v>-74.032531199999994</v>
      </c>
    </row>
    <row r="6405" spans="1:10" x14ac:dyDescent="0.35">
      <c r="A6405" s="5" t="s">
        <v>10</v>
      </c>
      <c r="B6405" s="6">
        <v>215172</v>
      </c>
      <c r="C6405" s="6" t="s">
        <v>68</v>
      </c>
      <c r="D6405" s="6" t="s">
        <v>69</v>
      </c>
      <c r="E6405" s="6">
        <v>11001</v>
      </c>
      <c r="F6405" s="6" t="s">
        <v>18</v>
      </c>
      <c r="G6405" s="6" t="s">
        <v>12938</v>
      </c>
      <c r="H6405" s="6" t="s">
        <v>12939</v>
      </c>
      <c r="I6405" s="7">
        <v>4.7405786999999897</v>
      </c>
      <c r="J6405" s="8">
        <v>-74.035497800000002</v>
      </c>
    </row>
    <row r="6406" spans="1:10" x14ac:dyDescent="0.35">
      <c r="A6406" s="5" t="s">
        <v>10</v>
      </c>
      <c r="B6406" s="6">
        <v>242394</v>
      </c>
      <c r="C6406" s="6" t="s">
        <v>68</v>
      </c>
      <c r="D6406" s="6" t="s">
        <v>69</v>
      </c>
      <c r="E6406" s="6">
        <v>11001</v>
      </c>
      <c r="F6406" s="6" t="s">
        <v>18</v>
      </c>
      <c r="G6406" s="6" t="s">
        <v>12940</v>
      </c>
      <c r="H6406" s="6" t="s">
        <v>12941</v>
      </c>
      <c r="I6406" s="7">
        <v>4.6951869000000004</v>
      </c>
      <c r="J6406" s="8">
        <v>-74.096473099999997</v>
      </c>
    </row>
    <row r="6407" spans="1:10" x14ac:dyDescent="0.35">
      <c r="A6407" s="5" t="s">
        <v>10</v>
      </c>
      <c r="B6407" s="6">
        <v>201442</v>
      </c>
      <c r="C6407" s="6" t="s">
        <v>68</v>
      </c>
      <c r="D6407" s="6" t="s">
        <v>69</v>
      </c>
      <c r="E6407" s="6">
        <v>11001</v>
      </c>
      <c r="F6407" s="6" t="s">
        <v>18</v>
      </c>
      <c r="G6407" s="6" t="s">
        <v>12942</v>
      </c>
      <c r="H6407" s="6" t="s">
        <v>12943</v>
      </c>
      <c r="I6407" s="7">
        <v>4.6274116999999997</v>
      </c>
      <c r="J6407" s="8">
        <v>-74.162500800000004</v>
      </c>
    </row>
    <row r="6408" spans="1:10" x14ac:dyDescent="0.35">
      <c r="A6408" s="5" t="s">
        <v>10</v>
      </c>
      <c r="B6408" s="6">
        <v>236939</v>
      </c>
      <c r="C6408" s="6" t="s">
        <v>68</v>
      </c>
      <c r="D6408" s="6" t="s">
        <v>69</v>
      </c>
      <c r="E6408" s="6">
        <v>11001</v>
      </c>
      <c r="F6408" s="6" t="s">
        <v>18</v>
      </c>
      <c r="G6408" s="6" t="s">
        <v>12944</v>
      </c>
      <c r="H6408" s="6" t="s">
        <v>12945</v>
      </c>
      <c r="I6408" s="7">
        <v>4.5607766999999999</v>
      </c>
      <c r="J6408" s="8">
        <v>-74.099944100000002</v>
      </c>
    </row>
    <row r="6409" spans="1:10" x14ac:dyDescent="0.35">
      <c r="A6409" s="5" t="s">
        <v>10</v>
      </c>
      <c r="B6409" s="6">
        <v>205466</v>
      </c>
      <c r="C6409" s="6" t="s">
        <v>68</v>
      </c>
      <c r="D6409" s="6" t="s">
        <v>69</v>
      </c>
      <c r="E6409" s="6">
        <v>11001</v>
      </c>
      <c r="F6409" s="6" t="s">
        <v>18</v>
      </c>
      <c r="G6409" s="6" t="s">
        <v>12946</v>
      </c>
      <c r="H6409" s="6" t="s">
        <v>12947</v>
      </c>
      <c r="I6409" s="7">
        <v>4.7447445999999998</v>
      </c>
      <c r="J6409" s="8">
        <v>-74.115129699999997</v>
      </c>
    </row>
    <row r="6410" spans="1:10" x14ac:dyDescent="0.35">
      <c r="A6410" s="5" t="s">
        <v>10</v>
      </c>
      <c r="B6410" s="6">
        <v>209103</v>
      </c>
      <c r="C6410" s="6" t="s">
        <v>68</v>
      </c>
      <c r="D6410" s="6" t="s">
        <v>69</v>
      </c>
      <c r="E6410" s="6">
        <v>11001</v>
      </c>
      <c r="F6410" s="6" t="s">
        <v>18</v>
      </c>
      <c r="G6410" s="6" t="s">
        <v>12948</v>
      </c>
      <c r="H6410" s="6" t="s">
        <v>12949</v>
      </c>
      <c r="I6410" s="7">
        <v>4.5625536999999996</v>
      </c>
      <c r="J6410" s="8">
        <v>-74.098806299999893</v>
      </c>
    </row>
    <row r="6411" spans="1:10" x14ac:dyDescent="0.35">
      <c r="A6411" s="5" t="s">
        <v>10</v>
      </c>
      <c r="B6411" s="6">
        <v>212966</v>
      </c>
      <c r="C6411" s="6" t="s">
        <v>68</v>
      </c>
      <c r="D6411" s="6" t="s">
        <v>69</v>
      </c>
      <c r="E6411" s="6">
        <v>11001</v>
      </c>
      <c r="F6411" s="6" t="s">
        <v>18</v>
      </c>
      <c r="G6411" s="6" t="s">
        <v>12950</v>
      </c>
      <c r="H6411" s="6" t="s">
        <v>12951</v>
      </c>
      <c r="I6411" s="7">
        <v>4.5797477000000004</v>
      </c>
      <c r="J6411" s="8">
        <v>-74.139504099999996</v>
      </c>
    </row>
    <row r="6412" spans="1:10" x14ac:dyDescent="0.35">
      <c r="A6412" s="5" t="s">
        <v>10</v>
      </c>
      <c r="B6412" s="6">
        <v>234389</v>
      </c>
      <c r="C6412" s="6" t="s">
        <v>68</v>
      </c>
      <c r="D6412" s="6" t="s">
        <v>69</v>
      </c>
      <c r="E6412" s="6">
        <v>11001</v>
      </c>
      <c r="F6412" s="6" t="s">
        <v>18</v>
      </c>
      <c r="G6412" s="6" t="s">
        <v>12952</v>
      </c>
      <c r="H6412" s="6" t="s">
        <v>12953</v>
      </c>
      <c r="I6412" s="7">
        <v>4.717892</v>
      </c>
      <c r="J6412" s="8">
        <v>-74.111396099999993</v>
      </c>
    </row>
    <row r="6413" spans="1:10" x14ac:dyDescent="0.35">
      <c r="A6413" s="5" t="s">
        <v>10</v>
      </c>
      <c r="B6413" s="6">
        <v>242579</v>
      </c>
      <c r="C6413" s="6" t="s">
        <v>68</v>
      </c>
      <c r="D6413" s="6" t="s">
        <v>69</v>
      </c>
      <c r="E6413" s="6">
        <v>11001</v>
      </c>
      <c r="F6413" s="6" t="s">
        <v>18</v>
      </c>
      <c r="G6413" s="6" t="s">
        <v>12954</v>
      </c>
      <c r="H6413" s="6" t="s">
        <v>12955</v>
      </c>
      <c r="I6413" s="7">
        <v>4.6022701000000001</v>
      </c>
      <c r="J6413" s="8">
        <v>-74.131789800000007</v>
      </c>
    </row>
    <row r="6414" spans="1:10" x14ac:dyDescent="0.35">
      <c r="A6414" s="5" t="s">
        <v>10</v>
      </c>
      <c r="B6414" s="6">
        <v>242515</v>
      </c>
      <c r="C6414" s="6" t="s">
        <v>68</v>
      </c>
      <c r="D6414" s="6" t="s">
        <v>69</v>
      </c>
      <c r="E6414" s="6">
        <v>11001</v>
      </c>
      <c r="F6414" s="6" t="s">
        <v>18</v>
      </c>
      <c r="G6414" s="6" t="s">
        <v>12956</v>
      </c>
      <c r="H6414" s="6" t="s">
        <v>12957</v>
      </c>
      <c r="I6414" s="7">
        <v>4.5610865</v>
      </c>
      <c r="J6414" s="8">
        <v>-74.146037500000006</v>
      </c>
    </row>
    <row r="6415" spans="1:10" x14ac:dyDescent="0.35">
      <c r="A6415" s="5" t="s">
        <v>10</v>
      </c>
      <c r="B6415" s="6">
        <v>233248</v>
      </c>
      <c r="C6415" s="6" t="s">
        <v>68</v>
      </c>
      <c r="D6415" s="6" t="s">
        <v>69</v>
      </c>
      <c r="E6415" s="6">
        <v>11001</v>
      </c>
      <c r="F6415" s="6" t="s">
        <v>18</v>
      </c>
      <c r="G6415" s="6" t="s">
        <v>7521</v>
      </c>
      <c r="H6415" s="6" t="s">
        <v>12958</v>
      </c>
      <c r="I6415" s="7">
        <v>4.5107499999999998</v>
      </c>
      <c r="J6415" s="8">
        <v>-74.111919999999998</v>
      </c>
    </row>
    <row r="6416" spans="1:10" x14ac:dyDescent="0.35">
      <c r="A6416" s="5" t="s">
        <v>10</v>
      </c>
      <c r="B6416" s="6">
        <v>204905</v>
      </c>
      <c r="C6416" s="6" t="s">
        <v>2130</v>
      </c>
      <c r="D6416" s="6" t="s">
        <v>2131</v>
      </c>
      <c r="E6416" s="6">
        <v>85001</v>
      </c>
      <c r="F6416" s="6" t="s">
        <v>18</v>
      </c>
      <c r="G6416" s="6" t="s">
        <v>12959</v>
      </c>
      <c r="H6416" s="6" t="s">
        <v>12960</v>
      </c>
      <c r="I6416" s="7">
        <v>5.3365640999999897</v>
      </c>
      <c r="J6416" s="8">
        <v>-72.372759099999996</v>
      </c>
    </row>
    <row r="6417" spans="1:10" x14ac:dyDescent="0.35">
      <c r="A6417" s="5" t="s">
        <v>10</v>
      </c>
      <c r="B6417" s="6">
        <v>144155</v>
      </c>
      <c r="C6417" s="6" t="s">
        <v>2130</v>
      </c>
      <c r="D6417" s="6" t="s">
        <v>4241</v>
      </c>
      <c r="E6417" s="6">
        <v>85430</v>
      </c>
      <c r="F6417" s="6" t="s">
        <v>18</v>
      </c>
      <c r="G6417" s="6" t="s">
        <v>12961</v>
      </c>
      <c r="H6417" s="6" t="s">
        <v>12962</v>
      </c>
      <c r="I6417" s="7">
        <v>2.4402781999999998</v>
      </c>
      <c r="J6417" s="8">
        <v>-76.604498499999906</v>
      </c>
    </row>
    <row r="6418" spans="1:10" x14ac:dyDescent="0.35">
      <c r="A6418" s="5" t="s">
        <v>10</v>
      </c>
      <c r="B6418" s="6">
        <v>211240</v>
      </c>
      <c r="C6418" s="6" t="s">
        <v>7527</v>
      </c>
      <c r="D6418" s="6" t="s">
        <v>7909</v>
      </c>
      <c r="E6418" s="6">
        <v>27361</v>
      </c>
      <c r="F6418" s="6" t="s">
        <v>13</v>
      </c>
      <c r="G6418" s="6" t="s">
        <v>12963</v>
      </c>
      <c r="H6418" s="6" t="s">
        <v>12964</v>
      </c>
      <c r="I6418" s="7">
        <v>5.1574489000000003</v>
      </c>
      <c r="J6418" s="8">
        <v>-76.688089899999994</v>
      </c>
    </row>
    <row r="6419" spans="1:10" x14ac:dyDescent="0.35">
      <c r="A6419" s="5" t="s">
        <v>10</v>
      </c>
      <c r="B6419" s="6">
        <v>216543</v>
      </c>
      <c r="C6419" s="6" t="s">
        <v>16</v>
      </c>
      <c r="D6419" s="6" t="s">
        <v>1266</v>
      </c>
      <c r="E6419" s="6">
        <v>68081</v>
      </c>
      <c r="F6419" s="6" t="s">
        <v>13</v>
      </c>
      <c r="G6419" s="6" t="s">
        <v>12965</v>
      </c>
      <c r="H6419" s="6" t="s">
        <v>12966</v>
      </c>
      <c r="I6419" s="7">
        <v>7.0613694999999996</v>
      </c>
      <c r="J6419" s="8">
        <v>-73.8579984</v>
      </c>
    </row>
    <row r="6420" spans="1:10" x14ac:dyDescent="0.35">
      <c r="A6420" s="5" t="s">
        <v>10</v>
      </c>
      <c r="B6420" s="6">
        <v>188695</v>
      </c>
      <c r="C6420" s="6" t="s">
        <v>28</v>
      </c>
      <c r="D6420" s="6" t="s">
        <v>49</v>
      </c>
      <c r="E6420" s="6">
        <v>54498</v>
      </c>
      <c r="F6420" s="6" t="s">
        <v>13</v>
      </c>
      <c r="G6420" s="6" t="s">
        <v>12967</v>
      </c>
      <c r="H6420" s="6" t="s">
        <v>12968</v>
      </c>
      <c r="I6420" s="7">
        <v>8.2346766999999996</v>
      </c>
      <c r="J6420" s="8">
        <v>-73.352952999999999</v>
      </c>
    </row>
    <row r="6421" spans="1:10" x14ac:dyDescent="0.35">
      <c r="A6421" s="5" t="s">
        <v>10</v>
      </c>
      <c r="B6421" s="6">
        <v>243552</v>
      </c>
      <c r="C6421" s="6" t="s">
        <v>117</v>
      </c>
      <c r="D6421" s="6" t="s">
        <v>7405</v>
      </c>
      <c r="E6421" s="6">
        <v>76890</v>
      </c>
      <c r="F6421" s="6" t="s">
        <v>18</v>
      </c>
      <c r="G6421" s="6" t="s">
        <v>12969</v>
      </c>
      <c r="H6421" s="6" t="s">
        <v>12970</v>
      </c>
      <c r="I6421" s="7">
        <v>3.8580494000000001</v>
      </c>
      <c r="J6421" s="8">
        <v>-76.382329999999996</v>
      </c>
    </row>
    <row r="6422" spans="1:10" x14ac:dyDescent="0.35">
      <c r="A6422" s="5" t="s">
        <v>10</v>
      </c>
      <c r="B6422" s="6">
        <v>226019</v>
      </c>
      <c r="C6422" s="6" t="s">
        <v>190</v>
      </c>
      <c r="D6422" s="6" t="s">
        <v>705</v>
      </c>
      <c r="E6422" s="6">
        <v>5079</v>
      </c>
      <c r="F6422" s="6" t="s">
        <v>18</v>
      </c>
      <c r="G6422" s="6" t="s">
        <v>12971</v>
      </c>
      <c r="H6422" s="6" t="s">
        <v>12972</v>
      </c>
      <c r="I6422" s="7">
        <v>6.0250368999999999</v>
      </c>
      <c r="J6422" s="8">
        <v>-75.429120599999905</v>
      </c>
    </row>
    <row r="6423" spans="1:10" x14ac:dyDescent="0.35">
      <c r="A6423" s="5" t="s">
        <v>10</v>
      </c>
      <c r="B6423" s="6">
        <v>240708</v>
      </c>
      <c r="C6423" s="6" t="s">
        <v>190</v>
      </c>
      <c r="D6423" s="6" t="s">
        <v>191</v>
      </c>
      <c r="E6423" s="6">
        <v>5001</v>
      </c>
      <c r="F6423" s="6" t="s">
        <v>18</v>
      </c>
      <c r="G6423" s="6" t="s">
        <v>12973</v>
      </c>
      <c r="H6423" s="6" t="s">
        <v>12974</v>
      </c>
      <c r="I6423" s="7">
        <v>6.2436363999999998</v>
      </c>
      <c r="J6423" s="8">
        <v>-75.560364000000007</v>
      </c>
    </row>
    <row r="6424" spans="1:10" x14ac:dyDescent="0.35">
      <c r="A6424" s="5" t="s">
        <v>10</v>
      </c>
      <c r="B6424" s="6">
        <v>202635</v>
      </c>
      <c r="C6424" s="6" t="s">
        <v>68</v>
      </c>
      <c r="D6424" s="6" t="s">
        <v>69</v>
      </c>
      <c r="E6424" s="6">
        <v>11001</v>
      </c>
      <c r="F6424" s="6" t="s">
        <v>18</v>
      </c>
      <c r="G6424" s="6" t="s">
        <v>12975</v>
      </c>
      <c r="H6424" s="6" t="s">
        <v>12976</v>
      </c>
      <c r="I6424" s="7">
        <v>4.642347</v>
      </c>
      <c r="J6424" s="8">
        <v>-74.195489899999998</v>
      </c>
    </row>
    <row r="6425" spans="1:10" x14ac:dyDescent="0.35">
      <c r="A6425" s="5" t="s">
        <v>10</v>
      </c>
      <c r="B6425" s="6">
        <v>234291</v>
      </c>
      <c r="C6425" s="6" t="s">
        <v>68</v>
      </c>
      <c r="D6425" s="6" t="s">
        <v>69</v>
      </c>
      <c r="E6425" s="6">
        <v>11001</v>
      </c>
      <c r="F6425" s="6" t="s">
        <v>18</v>
      </c>
      <c r="G6425" s="6" t="s">
        <v>12977</v>
      </c>
      <c r="H6425" s="6" t="s">
        <v>12978</v>
      </c>
      <c r="I6425" s="7">
        <v>4.7233394000000004</v>
      </c>
      <c r="J6425" s="8">
        <v>-74.092123099999995</v>
      </c>
    </row>
    <row r="6426" spans="1:10" x14ac:dyDescent="0.35">
      <c r="A6426" s="5" t="s">
        <v>10</v>
      </c>
      <c r="B6426" s="6">
        <v>234679</v>
      </c>
      <c r="C6426" s="6" t="s">
        <v>68</v>
      </c>
      <c r="D6426" s="6" t="s">
        <v>69</v>
      </c>
      <c r="E6426" s="6">
        <v>11001</v>
      </c>
      <c r="F6426" s="6" t="s">
        <v>18</v>
      </c>
      <c r="G6426" s="6" t="s">
        <v>12979</v>
      </c>
      <c r="H6426" s="6" t="s">
        <v>12980</v>
      </c>
      <c r="I6426" s="7">
        <v>4.7384272000000003</v>
      </c>
      <c r="J6426" s="8">
        <v>-74.093541500000001</v>
      </c>
    </row>
    <row r="6427" spans="1:10" x14ac:dyDescent="0.35">
      <c r="A6427" s="5" t="s">
        <v>10</v>
      </c>
      <c r="B6427" s="6">
        <v>236772</v>
      </c>
      <c r="C6427" s="6" t="s">
        <v>68</v>
      </c>
      <c r="D6427" s="6" t="s">
        <v>69</v>
      </c>
      <c r="E6427" s="6">
        <v>11001</v>
      </c>
      <c r="F6427" s="6" t="s">
        <v>18</v>
      </c>
      <c r="G6427" s="6" t="s">
        <v>12981</v>
      </c>
      <c r="H6427" s="6" t="s">
        <v>12982</v>
      </c>
      <c r="I6427" s="7">
        <v>4.6541550000000003</v>
      </c>
      <c r="J6427" s="8">
        <v>-74.136367199999995</v>
      </c>
    </row>
    <row r="6428" spans="1:10" x14ac:dyDescent="0.35">
      <c r="A6428" s="5" t="s">
        <v>10</v>
      </c>
      <c r="B6428" s="6">
        <v>219211</v>
      </c>
      <c r="C6428" s="6" t="s">
        <v>68</v>
      </c>
      <c r="D6428" s="6" t="s">
        <v>69</v>
      </c>
      <c r="E6428" s="6">
        <v>11001</v>
      </c>
      <c r="F6428" s="6" t="s">
        <v>18</v>
      </c>
      <c r="G6428" s="6" t="s">
        <v>12983</v>
      </c>
      <c r="H6428" s="6" t="s">
        <v>12984</v>
      </c>
      <c r="I6428" s="7">
        <v>4.5576848999999999</v>
      </c>
      <c r="J6428" s="8">
        <v>-74.118889600000003</v>
      </c>
    </row>
    <row r="6429" spans="1:10" x14ac:dyDescent="0.35">
      <c r="A6429" s="5" t="s">
        <v>10</v>
      </c>
      <c r="B6429" s="6">
        <v>239149</v>
      </c>
      <c r="C6429" s="6" t="s">
        <v>68</v>
      </c>
      <c r="D6429" s="6" t="s">
        <v>69</v>
      </c>
      <c r="E6429" s="6">
        <v>11001</v>
      </c>
      <c r="F6429" s="6" t="s">
        <v>18</v>
      </c>
      <c r="G6429" s="6" t="s">
        <v>12985</v>
      </c>
      <c r="H6429" s="6" t="s">
        <v>12986</v>
      </c>
      <c r="I6429" s="7">
        <v>4.5864349999999998</v>
      </c>
      <c r="J6429" s="8">
        <v>-74.089141600000005</v>
      </c>
    </row>
    <row r="6430" spans="1:10" x14ac:dyDescent="0.35">
      <c r="A6430" s="5" t="s">
        <v>10</v>
      </c>
      <c r="B6430" s="6">
        <v>208992</v>
      </c>
      <c r="C6430" s="6" t="s">
        <v>68</v>
      </c>
      <c r="D6430" s="6" t="s">
        <v>69</v>
      </c>
      <c r="E6430" s="6">
        <v>11001</v>
      </c>
      <c r="F6430" s="6" t="s">
        <v>18</v>
      </c>
      <c r="G6430" s="6" t="s">
        <v>12987</v>
      </c>
      <c r="H6430" s="6" t="s">
        <v>12988</v>
      </c>
      <c r="I6430" s="7">
        <v>4.6637769999999996</v>
      </c>
      <c r="J6430" s="8">
        <v>-74.069706199999999</v>
      </c>
    </row>
    <row r="6431" spans="1:10" x14ac:dyDescent="0.35">
      <c r="A6431" s="5" t="s">
        <v>10</v>
      </c>
      <c r="B6431" s="6">
        <v>209566</v>
      </c>
      <c r="C6431" s="6" t="s">
        <v>68</v>
      </c>
      <c r="D6431" s="6" t="s">
        <v>69</v>
      </c>
      <c r="E6431" s="6">
        <v>11001</v>
      </c>
      <c r="F6431" s="6" t="s">
        <v>18</v>
      </c>
      <c r="G6431" s="6" t="s">
        <v>12989</v>
      </c>
      <c r="H6431" s="6" t="s">
        <v>12990</v>
      </c>
      <c r="I6431" s="7">
        <v>4.6286714999999896</v>
      </c>
      <c r="J6431" s="8">
        <v>-74.190579900000003</v>
      </c>
    </row>
    <row r="6432" spans="1:10" x14ac:dyDescent="0.35">
      <c r="A6432" s="5" t="s">
        <v>10</v>
      </c>
      <c r="B6432" s="6">
        <v>221675</v>
      </c>
      <c r="C6432" s="6" t="s">
        <v>68</v>
      </c>
      <c r="D6432" s="6" t="s">
        <v>69</v>
      </c>
      <c r="E6432" s="6">
        <v>11001</v>
      </c>
      <c r="F6432" s="6" t="s">
        <v>18</v>
      </c>
      <c r="G6432" s="6" t="s">
        <v>12867</v>
      </c>
      <c r="H6432" s="6" t="s">
        <v>12991</v>
      </c>
      <c r="I6432" s="7">
        <v>4.6405118999999999</v>
      </c>
      <c r="J6432" s="8">
        <v>-74.199856299999993</v>
      </c>
    </row>
    <row r="6433" spans="1:10" x14ac:dyDescent="0.35">
      <c r="A6433" s="5" t="s">
        <v>10</v>
      </c>
      <c r="B6433" s="6">
        <v>236046</v>
      </c>
      <c r="C6433" s="6" t="s">
        <v>68</v>
      </c>
      <c r="D6433" s="6" t="s">
        <v>69</v>
      </c>
      <c r="E6433" s="6">
        <v>11001</v>
      </c>
      <c r="F6433" s="6" t="s">
        <v>18</v>
      </c>
      <c r="G6433" s="6" t="s">
        <v>12992</v>
      </c>
      <c r="H6433" s="6" t="s">
        <v>12993</v>
      </c>
      <c r="I6433" s="7">
        <v>4.7504220000000004</v>
      </c>
      <c r="J6433" s="8">
        <v>-74.092310400000002</v>
      </c>
    </row>
    <row r="6434" spans="1:10" x14ac:dyDescent="0.35">
      <c r="A6434" s="5" t="s">
        <v>10</v>
      </c>
      <c r="B6434" s="6">
        <v>209866</v>
      </c>
      <c r="C6434" s="6" t="s">
        <v>68</v>
      </c>
      <c r="D6434" s="6" t="s">
        <v>69</v>
      </c>
      <c r="E6434" s="6">
        <v>11001</v>
      </c>
      <c r="F6434" s="6" t="s">
        <v>18</v>
      </c>
      <c r="G6434" s="6" t="s">
        <v>12994</v>
      </c>
      <c r="H6434" s="6" t="s">
        <v>12995</v>
      </c>
      <c r="I6434" s="7">
        <v>4.5536737</v>
      </c>
      <c r="J6434" s="8">
        <v>-74.091958099999999</v>
      </c>
    </row>
    <row r="6435" spans="1:10" x14ac:dyDescent="0.35">
      <c r="A6435" s="5" t="s">
        <v>10</v>
      </c>
      <c r="B6435" s="6">
        <v>232461</v>
      </c>
      <c r="C6435" s="6" t="s">
        <v>68</v>
      </c>
      <c r="D6435" s="6" t="s">
        <v>69</v>
      </c>
      <c r="E6435" s="6">
        <v>11001</v>
      </c>
      <c r="F6435" s="6" t="s">
        <v>18</v>
      </c>
      <c r="G6435" s="6" t="s">
        <v>12996</v>
      </c>
      <c r="H6435" s="6" t="s">
        <v>12997</v>
      </c>
      <c r="I6435" s="7">
        <v>4.5442746999999999</v>
      </c>
      <c r="J6435" s="8">
        <v>-74.143564299999994</v>
      </c>
    </row>
    <row r="6436" spans="1:10" x14ac:dyDescent="0.35">
      <c r="A6436" s="5" t="s">
        <v>10</v>
      </c>
      <c r="B6436" s="6">
        <v>244649</v>
      </c>
      <c r="C6436" s="6" t="s">
        <v>2130</v>
      </c>
      <c r="D6436" s="6" t="s">
        <v>2131</v>
      </c>
      <c r="E6436" s="6">
        <v>85001</v>
      </c>
      <c r="F6436" s="6" t="s">
        <v>18</v>
      </c>
      <c r="G6436" s="6" t="s">
        <v>12998</v>
      </c>
      <c r="H6436" s="6" t="s">
        <v>12999</v>
      </c>
      <c r="I6436" s="7">
        <v>5.3164660000000001</v>
      </c>
      <c r="J6436" s="8">
        <v>-72.401899099999994</v>
      </c>
    </row>
    <row r="6437" spans="1:10" x14ac:dyDescent="0.35">
      <c r="A6437" s="5" t="s">
        <v>10</v>
      </c>
      <c r="B6437" s="6">
        <v>205456</v>
      </c>
      <c r="C6437" s="6" t="s">
        <v>2130</v>
      </c>
      <c r="D6437" s="6" t="s">
        <v>2131</v>
      </c>
      <c r="E6437" s="6">
        <v>85001</v>
      </c>
      <c r="F6437" s="6" t="s">
        <v>18</v>
      </c>
      <c r="G6437" s="6" t="s">
        <v>13000</v>
      </c>
      <c r="H6437" s="6" t="s">
        <v>13001</v>
      </c>
      <c r="I6437" s="7">
        <v>5.3359158999999998</v>
      </c>
      <c r="J6437" s="8">
        <v>-72.383245399999893</v>
      </c>
    </row>
    <row r="6438" spans="1:10" x14ac:dyDescent="0.35">
      <c r="A6438" s="5" t="s">
        <v>10</v>
      </c>
      <c r="B6438" s="6">
        <v>246674</v>
      </c>
      <c r="C6438" s="6" t="s">
        <v>308</v>
      </c>
      <c r="D6438" s="6" t="s">
        <v>8321</v>
      </c>
      <c r="E6438" s="6">
        <v>23162</v>
      </c>
      <c r="F6438" s="6" t="s">
        <v>13</v>
      </c>
      <c r="G6438" s="6" t="s">
        <v>13002</v>
      </c>
      <c r="H6438" s="6" t="s">
        <v>13003</v>
      </c>
      <c r="I6438" s="7">
        <v>8.8889206999999999</v>
      </c>
      <c r="J6438" s="8">
        <v>-75.789587499999996</v>
      </c>
    </row>
    <row r="6439" spans="1:10" x14ac:dyDescent="0.35">
      <c r="A6439" s="5" t="s">
        <v>10</v>
      </c>
      <c r="B6439" s="6">
        <v>215546</v>
      </c>
      <c r="C6439" s="6" t="s">
        <v>117</v>
      </c>
      <c r="D6439" s="6" t="s">
        <v>3492</v>
      </c>
      <c r="E6439" s="6">
        <v>76520</v>
      </c>
      <c r="F6439" s="6" t="s">
        <v>18</v>
      </c>
      <c r="G6439" s="6" t="s">
        <v>13004</v>
      </c>
      <c r="H6439" s="6" t="s">
        <v>13005</v>
      </c>
      <c r="I6439" s="7">
        <v>3.5300756</v>
      </c>
      <c r="J6439" s="8">
        <v>-76.295710499999998</v>
      </c>
    </row>
    <row r="6440" spans="1:10" x14ac:dyDescent="0.35">
      <c r="A6440" s="5" t="s">
        <v>10</v>
      </c>
      <c r="B6440" s="6">
        <v>219360</v>
      </c>
      <c r="C6440" s="6" t="s">
        <v>457</v>
      </c>
      <c r="D6440" s="6" t="s">
        <v>4400</v>
      </c>
      <c r="E6440" s="6">
        <v>52001</v>
      </c>
      <c r="F6440" s="6" t="s">
        <v>18</v>
      </c>
      <c r="G6440" s="6" t="s">
        <v>13006</v>
      </c>
      <c r="H6440" s="6" t="s">
        <v>13007</v>
      </c>
      <c r="I6440" s="7">
        <v>1.2091337</v>
      </c>
      <c r="J6440" s="8">
        <v>-77.260941099999997</v>
      </c>
    </row>
    <row r="6441" spans="1:10" x14ac:dyDescent="0.35">
      <c r="A6441" s="5" t="s">
        <v>10</v>
      </c>
      <c r="B6441" s="6">
        <v>241597</v>
      </c>
      <c r="C6441" s="6" t="s">
        <v>457</v>
      </c>
      <c r="D6441" s="6" t="s">
        <v>7370</v>
      </c>
      <c r="E6441" s="6">
        <v>52835</v>
      </c>
      <c r="F6441" s="6" t="s">
        <v>18</v>
      </c>
      <c r="G6441" s="6" t="s">
        <v>13008</v>
      </c>
      <c r="H6441" s="6" t="s">
        <v>13009</v>
      </c>
      <c r="I6441" s="7">
        <v>1.787434</v>
      </c>
      <c r="J6441" s="8">
        <v>-78.791264999999996</v>
      </c>
    </row>
    <row r="6442" spans="1:10" x14ac:dyDescent="0.35">
      <c r="A6442" s="5" t="s">
        <v>10</v>
      </c>
      <c r="B6442" s="6">
        <v>229443</v>
      </c>
      <c r="C6442" s="6" t="s">
        <v>117</v>
      </c>
      <c r="D6442" s="6" t="s">
        <v>4931</v>
      </c>
      <c r="E6442" s="6">
        <v>76892</v>
      </c>
      <c r="F6442" s="6" t="s">
        <v>18</v>
      </c>
      <c r="G6442" s="6" t="s">
        <v>13010</v>
      </c>
      <c r="H6442" s="6" t="s">
        <v>13011</v>
      </c>
      <c r="I6442" s="7">
        <v>3.5818512</v>
      </c>
      <c r="J6442" s="8">
        <v>-76.494009800000001</v>
      </c>
    </row>
    <row r="6443" spans="1:10" x14ac:dyDescent="0.35">
      <c r="A6443" s="5" t="s">
        <v>10</v>
      </c>
      <c r="B6443" s="6">
        <v>241155</v>
      </c>
      <c r="C6443" s="6" t="s">
        <v>117</v>
      </c>
      <c r="D6443" s="6" t="s">
        <v>1334</v>
      </c>
      <c r="E6443" s="6">
        <v>76001</v>
      </c>
      <c r="F6443" s="6" t="s">
        <v>18</v>
      </c>
      <c r="G6443" s="6" t="s">
        <v>13012</v>
      </c>
      <c r="H6443" s="6" t="s">
        <v>13013</v>
      </c>
      <c r="I6443" s="7">
        <v>3.4017575</v>
      </c>
      <c r="J6443" s="8">
        <v>-76.516114099999996</v>
      </c>
    </row>
    <row r="6444" spans="1:10" x14ac:dyDescent="0.35">
      <c r="A6444" s="5" t="s">
        <v>10</v>
      </c>
      <c r="B6444" s="6">
        <v>240688</v>
      </c>
      <c r="C6444" s="6" t="s">
        <v>190</v>
      </c>
      <c r="D6444" s="6" t="s">
        <v>12276</v>
      </c>
      <c r="E6444" s="6">
        <v>5051</v>
      </c>
      <c r="F6444" s="6" t="s">
        <v>18</v>
      </c>
      <c r="G6444" s="6" t="s">
        <v>13014</v>
      </c>
      <c r="H6444" s="6" t="s">
        <v>13015</v>
      </c>
      <c r="I6444" s="7">
        <v>8.8534790000000001</v>
      </c>
      <c r="J6444" s="8">
        <v>-76.426937699999996</v>
      </c>
    </row>
    <row r="6445" spans="1:10" x14ac:dyDescent="0.35">
      <c r="A6445" s="5" t="s">
        <v>10</v>
      </c>
      <c r="B6445" s="6">
        <v>204696</v>
      </c>
      <c r="C6445" s="6" t="s">
        <v>68</v>
      </c>
      <c r="D6445" s="6" t="s">
        <v>69</v>
      </c>
      <c r="E6445" s="6">
        <v>11001</v>
      </c>
      <c r="F6445" s="6" t="s">
        <v>18</v>
      </c>
      <c r="G6445" s="6" t="s">
        <v>13016</v>
      </c>
      <c r="H6445" s="6" t="s">
        <v>13017</v>
      </c>
      <c r="I6445" s="7">
        <v>4.6237474999999897</v>
      </c>
      <c r="J6445" s="8">
        <v>-74.144987700000001</v>
      </c>
    </row>
    <row r="6446" spans="1:10" x14ac:dyDescent="0.35">
      <c r="A6446" s="5" t="s">
        <v>10</v>
      </c>
      <c r="B6446" s="6">
        <v>213899</v>
      </c>
      <c r="C6446" s="6" t="s">
        <v>68</v>
      </c>
      <c r="D6446" s="6" t="s">
        <v>69</v>
      </c>
      <c r="E6446" s="6">
        <v>11001</v>
      </c>
      <c r="F6446" s="6" t="s">
        <v>18</v>
      </c>
      <c r="G6446" s="6" t="s">
        <v>13018</v>
      </c>
      <c r="H6446" s="6" t="s">
        <v>13019</v>
      </c>
      <c r="I6446" s="7">
        <v>4.6564566999999997</v>
      </c>
      <c r="J6446" s="8">
        <v>-74.155392699999993</v>
      </c>
    </row>
    <row r="6447" spans="1:10" x14ac:dyDescent="0.35">
      <c r="A6447" s="5" t="s">
        <v>10</v>
      </c>
      <c r="B6447" s="6">
        <v>234573</v>
      </c>
      <c r="C6447" s="6" t="s">
        <v>68</v>
      </c>
      <c r="D6447" s="6" t="s">
        <v>69</v>
      </c>
      <c r="E6447" s="6">
        <v>11001</v>
      </c>
      <c r="F6447" s="6" t="s">
        <v>18</v>
      </c>
      <c r="G6447" s="6" t="s">
        <v>13020</v>
      </c>
      <c r="H6447" s="6" t="s">
        <v>13021</v>
      </c>
      <c r="I6447" s="7">
        <v>4.7304015000000001</v>
      </c>
      <c r="J6447" s="8">
        <v>-74.026272800000001</v>
      </c>
    </row>
    <row r="6448" spans="1:10" x14ac:dyDescent="0.35">
      <c r="A6448" s="5" t="s">
        <v>10</v>
      </c>
      <c r="B6448" s="6">
        <v>235765</v>
      </c>
      <c r="C6448" s="6" t="s">
        <v>68</v>
      </c>
      <c r="D6448" s="6" t="s">
        <v>69</v>
      </c>
      <c r="E6448" s="6">
        <v>11001</v>
      </c>
      <c r="F6448" s="6" t="s">
        <v>18</v>
      </c>
      <c r="G6448" s="6" t="s">
        <v>13022</v>
      </c>
      <c r="H6448" s="6" t="s">
        <v>13023</v>
      </c>
      <c r="I6448" s="7">
        <v>4.562792</v>
      </c>
      <c r="J6448" s="8">
        <v>-74.104539000000003</v>
      </c>
    </row>
    <row r="6449" spans="1:10" x14ac:dyDescent="0.35">
      <c r="A6449" s="5" t="s">
        <v>10</v>
      </c>
      <c r="B6449" s="6">
        <v>240058</v>
      </c>
      <c r="C6449" s="6" t="s">
        <v>68</v>
      </c>
      <c r="D6449" s="6" t="s">
        <v>69</v>
      </c>
      <c r="E6449" s="6">
        <v>11001</v>
      </c>
      <c r="F6449" s="6" t="s">
        <v>18</v>
      </c>
      <c r="G6449" s="6" t="s">
        <v>13024</v>
      </c>
      <c r="H6449" s="6" t="s">
        <v>13025</v>
      </c>
      <c r="I6449" s="7">
        <v>4.5464931999999996</v>
      </c>
      <c r="J6449" s="8">
        <v>-74.145856499999994</v>
      </c>
    </row>
    <row r="6450" spans="1:10" x14ac:dyDescent="0.35">
      <c r="A6450" s="5" t="s">
        <v>10</v>
      </c>
      <c r="B6450" s="6">
        <v>210173</v>
      </c>
      <c r="C6450" s="6" t="s">
        <v>68</v>
      </c>
      <c r="D6450" s="6" t="s">
        <v>69</v>
      </c>
      <c r="E6450" s="6">
        <v>11001</v>
      </c>
      <c r="F6450" s="6" t="s">
        <v>18</v>
      </c>
      <c r="G6450" s="6" t="s">
        <v>13026</v>
      </c>
      <c r="H6450" s="6" t="s">
        <v>13027</v>
      </c>
      <c r="I6450" s="7">
        <v>4.6400392999999998</v>
      </c>
      <c r="J6450" s="8">
        <v>-74.172495299999994</v>
      </c>
    </row>
    <row r="6451" spans="1:10" x14ac:dyDescent="0.35">
      <c r="A6451" s="5" t="s">
        <v>10</v>
      </c>
      <c r="B6451" s="6">
        <v>233994</v>
      </c>
      <c r="C6451" s="6" t="s">
        <v>68</v>
      </c>
      <c r="D6451" s="6" t="s">
        <v>69</v>
      </c>
      <c r="E6451" s="6">
        <v>11001</v>
      </c>
      <c r="F6451" s="6" t="s">
        <v>18</v>
      </c>
      <c r="G6451" s="6" t="s">
        <v>13028</v>
      </c>
      <c r="H6451" s="6" t="s">
        <v>13029</v>
      </c>
      <c r="I6451" s="7">
        <v>4.7109886000000003</v>
      </c>
      <c r="J6451" s="8">
        <v>-74.072091999999998</v>
      </c>
    </row>
    <row r="6452" spans="1:10" x14ac:dyDescent="0.35">
      <c r="A6452" s="5" t="s">
        <v>10</v>
      </c>
      <c r="B6452" s="6">
        <v>239867</v>
      </c>
      <c r="C6452" s="6" t="s">
        <v>68</v>
      </c>
      <c r="D6452" s="6" t="s">
        <v>69</v>
      </c>
      <c r="E6452" s="6">
        <v>11001</v>
      </c>
      <c r="F6452" s="6" t="s">
        <v>18</v>
      </c>
      <c r="G6452" s="6" t="s">
        <v>13030</v>
      </c>
      <c r="H6452" s="6" t="s">
        <v>13031</v>
      </c>
      <c r="I6452" s="7">
        <v>4.7238723</v>
      </c>
      <c r="J6452" s="8">
        <v>-74.091441500000002</v>
      </c>
    </row>
    <row r="6453" spans="1:10" x14ac:dyDescent="0.35">
      <c r="A6453" s="5" t="s">
        <v>10</v>
      </c>
      <c r="B6453" s="6">
        <v>218371</v>
      </c>
      <c r="C6453" s="6" t="s">
        <v>68</v>
      </c>
      <c r="D6453" s="6" t="s">
        <v>69</v>
      </c>
      <c r="E6453" s="6">
        <v>11001</v>
      </c>
      <c r="F6453" s="6" t="s">
        <v>18</v>
      </c>
      <c r="G6453" s="6" t="s">
        <v>13032</v>
      </c>
      <c r="H6453" s="6" t="s">
        <v>13033</v>
      </c>
      <c r="I6453" s="7">
        <v>4.6053310999999999</v>
      </c>
      <c r="J6453" s="8">
        <v>-74.152629099999999</v>
      </c>
    </row>
    <row r="6454" spans="1:10" x14ac:dyDescent="0.35">
      <c r="A6454" s="5" t="s">
        <v>10</v>
      </c>
      <c r="B6454" s="6">
        <v>242095</v>
      </c>
      <c r="C6454" s="6" t="s">
        <v>68</v>
      </c>
      <c r="D6454" s="6" t="s">
        <v>69</v>
      </c>
      <c r="E6454" s="6">
        <v>11001</v>
      </c>
      <c r="F6454" s="6" t="s">
        <v>18</v>
      </c>
      <c r="G6454" s="6" t="s">
        <v>13034</v>
      </c>
      <c r="H6454" s="6" t="s">
        <v>13035</v>
      </c>
      <c r="I6454" s="7">
        <v>4.6471875999999996</v>
      </c>
      <c r="J6454" s="8">
        <v>-74.064965900000004</v>
      </c>
    </row>
    <row r="6455" spans="1:10" x14ac:dyDescent="0.35">
      <c r="A6455" s="5" t="s">
        <v>10</v>
      </c>
      <c r="B6455" s="6">
        <v>183866</v>
      </c>
      <c r="C6455" s="6" t="s">
        <v>68</v>
      </c>
      <c r="D6455" s="6" t="s">
        <v>69</v>
      </c>
      <c r="E6455" s="6">
        <v>11001</v>
      </c>
      <c r="F6455" s="6" t="s">
        <v>18</v>
      </c>
      <c r="G6455" s="6" t="s">
        <v>13036</v>
      </c>
      <c r="H6455" s="6" t="s">
        <v>13037</v>
      </c>
      <c r="I6455" s="7">
        <v>4.7109885999999896</v>
      </c>
      <c r="J6455" s="8">
        <v>-74.072091999999998</v>
      </c>
    </row>
    <row r="6456" spans="1:10" x14ac:dyDescent="0.35">
      <c r="A6456" s="5" t="s">
        <v>10</v>
      </c>
      <c r="B6456" s="6">
        <v>188819</v>
      </c>
      <c r="C6456" s="6" t="s">
        <v>11</v>
      </c>
      <c r="D6456" s="6" t="s">
        <v>5209</v>
      </c>
      <c r="E6456" s="6">
        <v>25297</v>
      </c>
      <c r="F6456" s="6" t="s">
        <v>13</v>
      </c>
      <c r="G6456" s="6" t="s">
        <v>13038</v>
      </c>
      <c r="H6456" s="6" t="s">
        <v>13039</v>
      </c>
      <c r="I6456" s="7">
        <v>4.8110358</v>
      </c>
      <c r="J6456" s="8">
        <v>-74.353699300000002</v>
      </c>
    </row>
    <row r="6457" spans="1:10" x14ac:dyDescent="0.35">
      <c r="A6457" s="5" t="s">
        <v>10</v>
      </c>
      <c r="B6457" s="6">
        <v>222027</v>
      </c>
      <c r="C6457" s="6" t="s">
        <v>117</v>
      </c>
      <c r="D6457" s="6" t="s">
        <v>118</v>
      </c>
      <c r="E6457" s="6">
        <v>76400</v>
      </c>
      <c r="F6457" s="6" t="s">
        <v>18</v>
      </c>
      <c r="G6457" s="6" t="s">
        <v>13040</v>
      </c>
      <c r="H6457" s="6" t="s">
        <v>13041</v>
      </c>
      <c r="I6457" s="7">
        <v>4.5499700000000001</v>
      </c>
      <c r="J6457" s="8">
        <v>-76.099999999999994</v>
      </c>
    </row>
    <row r="6458" spans="1:10" x14ac:dyDescent="0.35">
      <c r="A6458" s="5" t="s">
        <v>10</v>
      </c>
      <c r="B6458" s="6">
        <v>241035</v>
      </c>
      <c r="C6458" s="6" t="s">
        <v>117</v>
      </c>
      <c r="D6458" s="6" t="s">
        <v>12447</v>
      </c>
      <c r="E6458" s="6">
        <v>76248</v>
      </c>
      <c r="F6458" s="6" t="s">
        <v>18</v>
      </c>
      <c r="G6458" s="6" t="s">
        <v>13042</v>
      </c>
      <c r="H6458" s="6" t="s">
        <v>13043</v>
      </c>
      <c r="I6458" s="7">
        <v>3.6740661999999999</v>
      </c>
      <c r="J6458" s="8">
        <v>-76.297265400000001</v>
      </c>
    </row>
    <row r="6459" spans="1:10" x14ac:dyDescent="0.35">
      <c r="A6459" s="5" t="s">
        <v>10</v>
      </c>
      <c r="B6459" s="6">
        <v>239020</v>
      </c>
      <c r="C6459" s="6" t="s">
        <v>117</v>
      </c>
      <c r="D6459" s="6" t="s">
        <v>1334</v>
      </c>
      <c r="E6459" s="6">
        <v>76001</v>
      </c>
      <c r="F6459" s="6" t="s">
        <v>18</v>
      </c>
      <c r="G6459" s="6" t="s">
        <v>13044</v>
      </c>
      <c r="H6459" s="6" t="s">
        <v>13045</v>
      </c>
      <c r="I6459" s="7">
        <v>3.3718704000000002</v>
      </c>
      <c r="J6459" s="8">
        <v>-76.539331399999995</v>
      </c>
    </row>
    <row r="6460" spans="1:10" x14ac:dyDescent="0.35">
      <c r="A6460" s="5" t="s">
        <v>10</v>
      </c>
      <c r="B6460" s="6">
        <v>239755</v>
      </c>
      <c r="C6460" s="6" t="s">
        <v>117</v>
      </c>
      <c r="D6460" s="6" t="s">
        <v>3402</v>
      </c>
      <c r="E6460" s="6">
        <v>76364</v>
      </c>
      <c r="F6460" s="6" t="s">
        <v>18</v>
      </c>
      <c r="G6460" s="6" t="s">
        <v>13046</v>
      </c>
      <c r="H6460" s="6" t="s">
        <v>13047</v>
      </c>
      <c r="I6460" s="7">
        <v>3.2535506000000001</v>
      </c>
      <c r="J6460" s="8">
        <v>-76.538975199999996</v>
      </c>
    </row>
    <row r="6461" spans="1:10" x14ac:dyDescent="0.35">
      <c r="A6461" s="5" t="s">
        <v>10</v>
      </c>
      <c r="B6461" s="6">
        <v>247199</v>
      </c>
      <c r="C6461" s="6" t="s">
        <v>190</v>
      </c>
      <c r="D6461" s="6" t="s">
        <v>13048</v>
      </c>
      <c r="E6461" s="6">
        <v>5321</v>
      </c>
      <c r="F6461" s="6" t="s">
        <v>18</v>
      </c>
      <c r="G6461" s="6" t="s">
        <v>13049</v>
      </c>
      <c r="H6461" s="6" t="s">
        <v>13050</v>
      </c>
      <c r="I6461" s="7">
        <v>6.2332576</v>
      </c>
      <c r="J6461" s="8">
        <v>-75.160142399999998</v>
      </c>
    </row>
    <row r="6462" spans="1:10" x14ac:dyDescent="0.35">
      <c r="A6462" s="5" t="s">
        <v>10</v>
      </c>
      <c r="B6462" s="6">
        <v>207563</v>
      </c>
      <c r="C6462" s="6" t="s">
        <v>190</v>
      </c>
      <c r="D6462" s="6" t="s">
        <v>4362</v>
      </c>
      <c r="E6462" s="6">
        <v>5360</v>
      </c>
      <c r="F6462" s="6" t="s">
        <v>18</v>
      </c>
      <c r="G6462" s="6" t="s">
        <v>13051</v>
      </c>
      <c r="H6462" s="6" t="s">
        <v>13052</v>
      </c>
      <c r="I6462" s="7">
        <v>6.1797895999999897</v>
      </c>
      <c r="J6462" s="8">
        <v>-75.598980400000002</v>
      </c>
    </row>
    <row r="6463" spans="1:10" x14ac:dyDescent="0.35">
      <c r="A6463" s="5" t="s">
        <v>10</v>
      </c>
      <c r="B6463" s="6">
        <v>107129</v>
      </c>
      <c r="C6463" s="6" t="s">
        <v>4364</v>
      </c>
      <c r="D6463" s="6" t="s">
        <v>4365</v>
      </c>
      <c r="E6463" s="6">
        <v>70001</v>
      </c>
      <c r="F6463" s="6" t="s">
        <v>13</v>
      </c>
      <c r="G6463" s="6" t="s">
        <v>11877</v>
      </c>
      <c r="H6463" s="6" t="s">
        <v>13053</v>
      </c>
      <c r="I6463" s="7">
        <v>9.30102359999999</v>
      </c>
      <c r="J6463" s="8">
        <v>-75.396212699999893</v>
      </c>
    </row>
    <row r="6464" spans="1:10" x14ac:dyDescent="0.35">
      <c r="A6464" s="5" t="s">
        <v>10</v>
      </c>
      <c r="B6464" s="6">
        <v>210238</v>
      </c>
      <c r="C6464" s="6" t="s">
        <v>68</v>
      </c>
      <c r="D6464" s="6" t="s">
        <v>69</v>
      </c>
      <c r="E6464" s="6">
        <v>11001</v>
      </c>
      <c r="F6464" s="6" t="s">
        <v>18</v>
      </c>
      <c r="G6464" s="6" t="s">
        <v>12901</v>
      </c>
      <c r="H6464" s="6" t="s">
        <v>13054</v>
      </c>
      <c r="I6464" s="7">
        <v>4.5683357999999998</v>
      </c>
      <c r="J6464" s="8">
        <v>-74.097039100000003</v>
      </c>
    </row>
    <row r="6465" spans="1:10" x14ac:dyDescent="0.35">
      <c r="A6465" s="5" t="s">
        <v>10</v>
      </c>
      <c r="B6465" s="6">
        <v>217904</v>
      </c>
      <c r="C6465" s="6" t="s">
        <v>68</v>
      </c>
      <c r="D6465" s="6" t="s">
        <v>69</v>
      </c>
      <c r="E6465" s="6">
        <v>11001</v>
      </c>
      <c r="F6465" s="6" t="s">
        <v>18</v>
      </c>
      <c r="G6465" s="6" t="s">
        <v>13055</v>
      </c>
      <c r="H6465" s="6" t="s">
        <v>13056</v>
      </c>
      <c r="I6465" s="7">
        <v>4.6394665000000002</v>
      </c>
      <c r="J6465" s="8">
        <v>-74.053510599999996</v>
      </c>
    </row>
    <row r="6466" spans="1:10" x14ac:dyDescent="0.35">
      <c r="A6466" s="5" t="s">
        <v>10</v>
      </c>
      <c r="B6466" s="6">
        <v>229589</v>
      </c>
      <c r="C6466" s="6" t="s">
        <v>68</v>
      </c>
      <c r="D6466" s="6" t="s">
        <v>69</v>
      </c>
      <c r="E6466" s="6">
        <v>11001</v>
      </c>
      <c r="F6466" s="6" t="s">
        <v>18</v>
      </c>
      <c r="G6466" s="6" t="s">
        <v>13057</v>
      </c>
      <c r="H6466" s="6" t="s">
        <v>13058</v>
      </c>
      <c r="I6466" s="7">
        <v>4.6151206</v>
      </c>
      <c r="J6466" s="8">
        <v>-74.168883699999995</v>
      </c>
    </row>
    <row r="6467" spans="1:10" x14ac:dyDescent="0.35">
      <c r="A6467" s="5" t="s">
        <v>10</v>
      </c>
      <c r="B6467" s="6">
        <v>242364</v>
      </c>
      <c r="C6467" s="6" t="s">
        <v>68</v>
      </c>
      <c r="D6467" s="6" t="s">
        <v>69</v>
      </c>
      <c r="E6467" s="6">
        <v>11001</v>
      </c>
      <c r="F6467" s="6" t="s">
        <v>18</v>
      </c>
      <c r="G6467" s="6" t="s">
        <v>13059</v>
      </c>
      <c r="H6467" s="6" t="s">
        <v>13060</v>
      </c>
      <c r="I6467" s="7">
        <v>4.6015514</v>
      </c>
      <c r="J6467" s="8">
        <v>-74.188161300000004</v>
      </c>
    </row>
    <row r="6468" spans="1:10" x14ac:dyDescent="0.35">
      <c r="A6468" s="5" t="s">
        <v>10</v>
      </c>
      <c r="B6468" s="6">
        <v>185358</v>
      </c>
      <c r="C6468" s="6" t="s">
        <v>68</v>
      </c>
      <c r="D6468" s="6" t="s">
        <v>69</v>
      </c>
      <c r="E6468" s="6">
        <v>11001</v>
      </c>
      <c r="F6468" s="6" t="s">
        <v>18</v>
      </c>
      <c r="G6468" s="6" t="s">
        <v>13061</v>
      </c>
      <c r="H6468" s="6" t="s">
        <v>13062</v>
      </c>
      <c r="I6468" s="7">
        <v>4.6742471999999999</v>
      </c>
      <c r="J6468" s="8">
        <v>-74.021101399999907</v>
      </c>
    </row>
    <row r="6469" spans="1:10" x14ac:dyDescent="0.35">
      <c r="A6469" s="5" t="s">
        <v>10</v>
      </c>
      <c r="B6469" s="6">
        <v>207457</v>
      </c>
      <c r="C6469" s="6" t="s">
        <v>4364</v>
      </c>
      <c r="D6469" s="6" t="s">
        <v>9953</v>
      </c>
      <c r="E6469" s="6">
        <v>70742</v>
      </c>
      <c r="F6469" s="6" t="s">
        <v>13</v>
      </c>
      <c r="G6469" s="6" t="s">
        <v>13063</v>
      </c>
      <c r="H6469" s="6" t="s">
        <v>13064</v>
      </c>
      <c r="I6469" s="7">
        <v>9.2449920999999993</v>
      </c>
      <c r="J6469" s="8">
        <v>-75.148228799999998</v>
      </c>
    </row>
    <row r="6470" spans="1:10" x14ac:dyDescent="0.35">
      <c r="A6470" s="5" t="s">
        <v>10</v>
      </c>
      <c r="B6470" s="6">
        <v>188695</v>
      </c>
      <c r="C6470" s="6" t="s">
        <v>28</v>
      </c>
      <c r="D6470" s="6" t="s">
        <v>49</v>
      </c>
      <c r="E6470" s="6">
        <v>54498</v>
      </c>
      <c r="F6470" s="6" t="s">
        <v>13</v>
      </c>
      <c r="G6470" s="6" t="s">
        <v>12967</v>
      </c>
      <c r="H6470" s="6" t="s">
        <v>12968</v>
      </c>
      <c r="I6470" s="7">
        <v>8.2346766999999996</v>
      </c>
      <c r="J6470" s="8">
        <v>-73.352952999999999</v>
      </c>
    </row>
    <row r="6471" spans="1:10" x14ac:dyDescent="0.35">
      <c r="A6471" s="5" t="s">
        <v>10</v>
      </c>
      <c r="B6471" s="6">
        <v>247849</v>
      </c>
      <c r="C6471" s="6" t="s">
        <v>117</v>
      </c>
      <c r="D6471" s="6" t="s">
        <v>5485</v>
      </c>
      <c r="E6471" s="6">
        <v>76113</v>
      </c>
      <c r="F6471" s="6" t="s">
        <v>18</v>
      </c>
      <c r="G6471" s="6" t="s">
        <v>13065</v>
      </c>
      <c r="H6471" s="6" t="s">
        <v>13066</v>
      </c>
      <c r="I6471" s="7">
        <v>3.8968853000000001</v>
      </c>
      <c r="J6471" s="8">
        <v>-76.294038</v>
      </c>
    </row>
    <row r="6472" spans="1:10" x14ac:dyDescent="0.35">
      <c r="A6472" s="5" t="s">
        <v>10</v>
      </c>
      <c r="B6472" s="6">
        <v>208480</v>
      </c>
      <c r="C6472" s="6" t="s">
        <v>190</v>
      </c>
      <c r="D6472" s="6" t="s">
        <v>12606</v>
      </c>
      <c r="E6472" s="6">
        <v>5579</v>
      </c>
      <c r="F6472" s="6" t="s">
        <v>18</v>
      </c>
      <c r="G6472" s="6" t="s">
        <v>13067</v>
      </c>
      <c r="H6472" s="6" t="s">
        <v>13068</v>
      </c>
      <c r="I6472" s="7">
        <v>6.4932854000000004</v>
      </c>
      <c r="J6472" s="8">
        <v>-74.405147799999995</v>
      </c>
    </row>
    <row r="6473" spans="1:10" x14ac:dyDescent="0.35">
      <c r="A6473" s="5" t="s">
        <v>10</v>
      </c>
      <c r="B6473" s="6">
        <v>229559</v>
      </c>
      <c r="C6473" s="6" t="s">
        <v>68</v>
      </c>
      <c r="D6473" s="6" t="s">
        <v>69</v>
      </c>
      <c r="E6473" s="6">
        <v>11001</v>
      </c>
      <c r="F6473" s="6" t="s">
        <v>18</v>
      </c>
      <c r="G6473" s="6" t="s">
        <v>13069</v>
      </c>
      <c r="H6473" s="6" t="s">
        <v>13070</v>
      </c>
      <c r="I6473" s="7">
        <v>4.5910830000000002</v>
      </c>
      <c r="J6473" s="8">
        <v>-74.166068600000003</v>
      </c>
    </row>
    <row r="6474" spans="1:10" x14ac:dyDescent="0.35">
      <c r="A6474" s="5" t="s">
        <v>10</v>
      </c>
      <c r="B6474" s="6">
        <v>233922</v>
      </c>
      <c r="C6474" s="6" t="s">
        <v>68</v>
      </c>
      <c r="D6474" s="6" t="s">
        <v>69</v>
      </c>
      <c r="E6474" s="6">
        <v>11001</v>
      </c>
      <c r="F6474" s="6" t="s">
        <v>18</v>
      </c>
      <c r="G6474" s="6" t="s">
        <v>13071</v>
      </c>
      <c r="H6474" s="6" t="s">
        <v>13072</v>
      </c>
      <c r="I6474" s="7">
        <v>4.7334054999999999</v>
      </c>
      <c r="J6474" s="8">
        <v>-74.097954799999997</v>
      </c>
    </row>
    <row r="6475" spans="1:10" x14ac:dyDescent="0.35">
      <c r="A6475" s="5" t="s">
        <v>10</v>
      </c>
      <c r="B6475" s="6">
        <v>242468</v>
      </c>
      <c r="C6475" s="6" t="s">
        <v>68</v>
      </c>
      <c r="D6475" s="6" t="s">
        <v>69</v>
      </c>
      <c r="E6475" s="6">
        <v>11001</v>
      </c>
      <c r="F6475" s="6" t="s">
        <v>18</v>
      </c>
      <c r="G6475" s="6" t="s">
        <v>13073</v>
      </c>
      <c r="H6475" s="6" t="s">
        <v>13074</v>
      </c>
      <c r="I6475" s="7">
        <v>4.7472098000000003</v>
      </c>
      <c r="J6475" s="8">
        <v>-74.101043099999998</v>
      </c>
    </row>
    <row r="6476" spans="1:10" x14ac:dyDescent="0.35">
      <c r="A6476" s="5" t="s">
        <v>10</v>
      </c>
      <c r="B6476" s="6">
        <v>216400</v>
      </c>
      <c r="C6476" s="6" t="s">
        <v>68</v>
      </c>
      <c r="D6476" s="6" t="s">
        <v>69</v>
      </c>
      <c r="E6476" s="6">
        <v>11001</v>
      </c>
      <c r="F6476" s="6" t="s">
        <v>18</v>
      </c>
      <c r="G6476" s="6" t="s">
        <v>13075</v>
      </c>
      <c r="H6476" s="6" t="s">
        <v>13076</v>
      </c>
      <c r="I6476" s="7">
        <v>4.6866705999999896</v>
      </c>
      <c r="J6476" s="8">
        <v>-74.110294400000001</v>
      </c>
    </row>
    <row r="6477" spans="1:10" x14ac:dyDescent="0.35">
      <c r="A6477" s="5" t="s">
        <v>10</v>
      </c>
      <c r="B6477" s="6">
        <v>220923</v>
      </c>
      <c r="C6477" s="6" t="s">
        <v>68</v>
      </c>
      <c r="D6477" s="6" t="s">
        <v>69</v>
      </c>
      <c r="E6477" s="6">
        <v>11001</v>
      </c>
      <c r="F6477" s="6" t="s">
        <v>18</v>
      </c>
      <c r="G6477" s="6" t="s">
        <v>13077</v>
      </c>
      <c r="H6477" s="6" t="s">
        <v>13078</v>
      </c>
      <c r="I6477" s="7">
        <v>4.4999991000000001</v>
      </c>
      <c r="J6477" s="8">
        <v>-74.109126799999999</v>
      </c>
    </row>
    <row r="6478" spans="1:10" x14ac:dyDescent="0.35">
      <c r="A6478" s="5" t="s">
        <v>10</v>
      </c>
      <c r="B6478" s="6">
        <v>242601</v>
      </c>
      <c r="C6478" s="6" t="s">
        <v>68</v>
      </c>
      <c r="D6478" s="6" t="s">
        <v>69</v>
      </c>
      <c r="E6478" s="6">
        <v>11001</v>
      </c>
      <c r="F6478" s="6" t="s">
        <v>18</v>
      </c>
      <c r="G6478" s="6" t="s">
        <v>13079</v>
      </c>
      <c r="H6478" s="6" t="s">
        <v>13080</v>
      </c>
      <c r="I6478" s="7">
        <v>4.6240208000000003</v>
      </c>
      <c r="J6478" s="8">
        <v>-74.119024300000007</v>
      </c>
    </row>
    <row r="6479" spans="1:10" x14ac:dyDescent="0.35">
      <c r="A6479" s="5" t="s">
        <v>10</v>
      </c>
      <c r="B6479" s="6">
        <v>192403</v>
      </c>
      <c r="C6479" s="6" t="s">
        <v>68</v>
      </c>
      <c r="D6479" s="6" t="s">
        <v>69</v>
      </c>
      <c r="E6479" s="6">
        <v>11001</v>
      </c>
      <c r="F6479" s="6" t="s">
        <v>18</v>
      </c>
      <c r="G6479" s="6" t="s">
        <v>13081</v>
      </c>
      <c r="H6479" s="6" t="s">
        <v>13082</v>
      </c>
      <c r="I6479" s="7">
        <v>4.6198657999999897</v>
      </c>
      <c r="J6479" s="8">
        <v>-74.156453200000001</v>
      </c>
    </row>
    <row r="6480" spans="1:10" x14ac:dyDescent="0.35">
      <c r="A6480" s="5" t="s">
        <v>10</v>
      </c>
      <c r="B6480" s="6">
        <v>205285</v>
      </c>
      <c r="C6480" s="6" t="s">
        <v>68</v>
      </c>
      <c r="D6480" s="6" t="s">
        <v>69</v>
      </c>
      <c r="E6480" s="6">
        <v>11001</v>
      </c>
      <c r="F6480" s="6" t="s">
        <v>18</v>
      </c>
      <c r="G6480" s="6" t="s">
        <v>13083</v>
      </c>
      <c r="H6480" s="6" t="s">
        <v>13084</v>
      </c>
      <c r="I6480" s="7">
        <v>4.6323447999999896</v>
      </c>
      <c r="J6480" s="8">
        <v>-74.204656799999995</v>
      </c>
    </row>
    <row r="6481" spans="1:10" x14ac:dyDescent="0.35">
      <c r="A6481" s="5" t="s">
        <v>10</v>
      </c>
      <c r="B6481" s="6">
        <v>239005</v>
      </c>
      <c r="C6481" s="6" t="s">
        <v>68</v>
      </c>
      <c r="D6481" s="6" t="s">
        <v>69</v>
      </c>
      <c r="E6481" s="6">
        <v>11001</v>
      </c>
      <c r="F6481" s="6" t="s">
        <v>18</v>
      </c>
      <c r="G6481" s="6" t="s">
        <v>13085</v>
      </c>
      <c r="H6481" s="6" t="s">
        <v>13086</v>
      </c>
      <c r="I6481" s="7">
        <v>4.6358870999999997</v>
      </c>
      <c r="J6481" s="8">
        <v>-74.138675199999994</v>
      </c>
    </row>
    <row r="6482" spans="1:10" x14ac:dyDescent="0.35">
      <c r="A6482" s="5" t="s">
        <v>10</v>
      </c>
      <c r="B6482" s="6">
        <v>243577</v>
      </c>
      <c r="C6482" s="6" t="s">
        <v>68</v>
      </c>
      <c r="D6482" s="6" t="s">
        <v>69</v>
      </c>
      <c r="E6482" s="6">
        <v>11001</v>
      </c>
      <c r="F6482" s="6" t="s">
        <v>18</v>
      </c>
      <c r="G6482" s="6" t="s">
        <v>13087</v>
      </c>
      <c r="H6482" s="6" t="s">
        <v>13088</v>
      </c>
      <c r="I6482" s="7">
        <v>4.7317134000000003</v>
      </c>
      <c r="J6482" s="8">
        <v>-74.089136100000005</v>
      </c>
    </row>
    <row r="6483" spans="1:10" x14ac:dyDescent="0.35">
      <c r="A6483" s="5" t="s">
        <v>10</v>
      </c>
      <c r="B6483" s="6">
        <v>236404</v>
      </c>
      <c r="C6483" s="6" t="s">
        <v>68</v>
      </c>
      <c r="D6483" s="6" t="s">
        <v>69</v>
      </c>
      <c r="E6483" s="6">
        <v>11001</v>
      </c>
      <c r="F6483" s="6" t="s">
        <v>18</v>
      </c>
      <c r="G6483" s="6" t="s">
        <v>13089</v>
      </c>
      <c r="H6483" s="6" t="s">
        <v>13090</v>
      </c>
      <c r="I6483" s="7">
        <v>4.5947089999999999</v>
      </c>
      <c r="J6483" s="8">
        <v>-74.075626299999996</v>
      </c>
    </row>
    <row r="6484" spans="1:10" x14ac:dyDescent="0.35">
      <c r="A6484" s="5" t="s">
        <v>10</v>
      </c>
      <c r="B6484" s="6">
        <v>202873</v>
      </c>
      <c r="C6484" s="6" t="s">
        <v>2130</v>
      </c>
      <c r="D6484" s="6" t="s">
        <v>13091</v>
      </c>
      <c r="E6484" s="6">
        <v>85325</v>
      </c>
      <c r="F6484" s="6" t="s">
        <v>18</v>
      </c>
      <c r="G6484" s="6" t="s">
        <v>13092</v>
      </c>
      <c r="H6484" s="6" t="s">
        <v>13093</v>
      </c>
      <c r="I6484" s="7">
        <v>5.4202819999999896</v>
      </c>
      <c r="J6484" s="8">
        <v>-71.730860999999905</v>
      </c>
    </row>
    <row r="6485" spans="1:10" x14ac:dyDescent="0.35">
      <c r="A6485" s="5" t="s">
        <v>10</v>
      </c>
      <c r="B6485" s="6">
        <v>184852</v>
      </c>
      <c r="C6485" s="6" t="s">
        <v>551</v>
      </c>
      <c r="D6485" s="6" t="s">
        <v>3868</v>
      </c>
      <c r="E6485" s="6">
        <v>20001</v>
      </c>
      <c r="F6485" s="6" t="s">
        <v>13</v>
      </c>
      <c r="G6485" s="6" t="s">
        <v>13094</v>
      </c>
      <c r="H6485" s="6" t="s">
        <v>13095</v>
      </c>
      <c r="I6485" s="7">
        <v>10.4810821</v>
      </c>
      <c r="J6485" s="8">
        <v>-73.269584800000004</v>
      </c>
    </row>
    <row r="6486" spans="1:10" x14ac:dyDescent="0.35">
      <c r="A6486" s="5" t="s">
        <v>10</v>
      </c>
      <c r="B6486" s="6">
        <v>212722</v>
      </c>
      <c r="C6486" s="6" t="s">
        <v>11</v>
      </c>
      <c r="D6486" s="6" t="s">
        <v>4030</v>
      </c>
      <c r="E6486" s="6">
        <v>25183</v>
      </c>
      <c r="F6486" s="6" t="s">
        <v>13</v>
      </c>
      <c r="G6486" s="6" t="s">
        <v>13096</v>
      </c>
      <c r="H6486" s="6" t="s">
        <v>13097</v>
      </c>
      <c r="I6486" s="7">
        <v>5.1448260000000001</v>
      </c>
      <c r="J6486" s="8">
        <v>-73.685714700000005</v>
      </c>
    </row>
    <row r="6487" spans="1:10" x14ac:dyDescent="0.35">
      <c r="A6487" s="5" t="s">
        <v>10</v>
      </c>
      <c r="B6487" s="6">
        <v>101751</v>
      </c>
      <c r="C6487" s="6" t="s">
        <v>109</v>
      </c>
      <c r="D6487" s="6" t="s">
        <v>2830</v>
      </c>
      <c r="E6487" s="6">
        <v>13430</v>
      </c>
      <c r="F6487" s="6" t="s">
        <v>18</v>
      </c>
      <c r="G6487" s="6" t="s">
        <v>13098</v>
      </c>
      <c r="H6487" s="6" t="s">
        <v>13099</v>
      </c>
      <c r="I6487" s="7">
        <v>9.2414155999999998</v>
      </c>
      <c r="J6487" s="8">
        <v>-74.752758700000001</v>
      </c>
    </row>
    <row r="6488" spans="1:10" x14ac:dyDescent="0.35">
      <c r="A6488" s="5" t="s">
        <v>10</v>
      </c>
      <c r="B6488" s="6">
        <v>230905</v>
      </c>
      <c r="C6488" s="6" t="s">
        <v>117</v>
      </c>
      <c r="D6488" s="6" t="s">
        <v>1334</v>
      </c>
      <c r="E6488" s="6">
        <v>76001</v>
      </c>
      <c r="F6488" s="6" t="s">
        <v>18</v>
      </c>
      <c r="G6488" s="6" t="s">
        <v>13100</v>
      </c>
      <c r="H6488" s="6" t="s">
        <v>13101</v>
      </c>
      <c r="I6488" s="7">
        <v>3.3838471000000001</v>
      </c>
      <c r="J6488" s="8">
        <v>-76.520923400000001</v>
      </c>
    </row>
    <row r="6489" spans="1:10" x14ac:dyDescent="0.35">
      <c r="A6489" s="5" t="s">
        <v>10</v>
      </c>
      <c r="B6489" s="6">
        <v>237093</v>
      </c>
      <c r="C6489" s="6" t="s">
        <v>117</v>
      </c>
      <c r="D6489" s="6" t="s">
        <v>992</v>
      </c>
      <c r="E6489" s="6">
        <v>76736</v>
      </c>
      <c r="F6489" s="6" t="s">
        <v>18</v>
      </c>
      <c r="G6489" s="6" t="s">
        <v>13102</v>
      </c>
      <c r="H6489" s="6" t="s">
        <v>13103</v>
      </c>
      <c r="I6489" s="7">
        <v>4.2665997999999998</v>
      </c>
      <c r="J6489" s="8">
        <v>-75.932255999999995</v>
      </c>
    </row>
    <row r="6490" spans="1:10" x14ac:dyDescent="0.35">
      <c r="A6490" s="5" t="s">
        <v>10</v>
      </c>
      <c r="B6490" s="6">
        <v>227766</v>
      </c>
      <c r="C6490" s="6" t="s">
        <v>117</v>
      </c>
      <c r="D6490" s="6" t="s">
        <v>1334</v>
      </c>
      <c r="E6490" s="6">
        <v>76001</v>
      </c>
      <c r="F6490" s="6" t="s">
        <v>18</v>
      </c>
      <c r="G6490" s="6" t="s">
        <v>13104</v>
      </c>
      <c r="H6490" s="6" t="s">
        <v>13105</v>
      </c>
      <c r="I6490" s="7">
        <v>3.4481290000000002</v>
      </c>
      <c r="J6490" s="8">
        <v>-76.499183700000003</v>
      </c>
    </row>
    <row r="6491" spans="1:10" x14ac:dyDescent="0.35">
      <c r="A6491" s="5" t="s">
        <v>10</v>
      </c>
      <c r="B6491" s="6">
        <v>229533</v>
      </c>
      <c r="C6491" s="6" t="s">
        <v>117</v>
      </c>
      <c r="D6491" s="6" t="s">
        <v>1334</v>
      </c>
      <c r="E6491" s="6">
        <v>76001</v>
      </c>
      <c r="F6491" s="6" t="s">
        <v>18</v>
      </c>
      <c r="G6491" s="6" t="s">
        <v>13106</v>
      </c>
      <c r="H6491" s="6" t="s">
        <v>13107</v>
      </c>
      <c r="I6491" s="7">
        <v>3.4442838</v>
      </c>
      <c r="J6491" s="8">
        <v>-76.517012300000005</v>
      </c>
    </row>
    <row r="6492" spans="1:10" x14ac:dyDescent="0.35">
      <c r="A6492" s="5" t="s">
        <v>10</v>
      </c>
      <c r="B6492" s="6">
        <v>206560</v>
      </c>
      <c r="C6492" s="6" t="s">
        <v>117</v>
      </c>
      <c r="D6492" s="6" t="s">
        <v>1334</v>
      </c>
      <c r="E6492" s="6">
        <v>76001</v>
      </c>
      <c r="F6492" s="6" t="s">
        <v>18</v>
      </c>
      <c r="G6492" s="6" t="s">
        <v>113</v>
      </c>
      <c r="H6492" s="6" t="s">
        <v>13108</v>
      </c>
      <c r="I6492" s="7">
        <v>3.4188624000000001</v>
      </c>
      <c r="J6492" s="8">
        <v>-76.554078199999907</v>
      </c>
    </row>
    <row r="6493" spans="1:10" x14ac:dyDescent="0.35">
      <c r="A6493" s="5" t="s">
        <v>10</v>
      </c>
      <c r="B6493" s="6">
        <v>227332</v>
      </c>
      <c r="C6493" s="6" t="s">
        <v>190</v>
      </c>
      <c r="D6493" s="6" t="s">
        <v>191</v>
      </c>
      <c r="E6493" s="6">
        <v>5001</v>
      </c>
      <c r="F6493" s="6" t="s">
        <v>18</v>
      </c>
      <c r="G6493" s="6" t="s">
        <v>855</v>
      </c>
      <c r="H6493" s="6" t="s">
        <v>13109</v>
      </c>
      <c r="I6493" s="7">
        <v>6.2570258999999897</v>
      </c>
      <c r="J6493" s="8">
        <v>-75.620500399999997</v>
      </c>
    </row>
    <row r="6494" spans="1:10" x14ac:dyDescent="0.35">
      <c r="A6494" s="5" t="s">
        <v>10</v>
      </c>
      <c r="B6494" s="6">
        <v>240698</v>
      </c>
      <c r="C6494" s="6" t="s">
        <v>190</v>
      </c>
      <c r="D6494" s="6" t="s">
        <v>191</v>
      </c>
      <c r="E6494" s="6">
        <v>5001</v>
      </c>
      <c r="F6494" s="6" t="s">
        <v>18</v>
      </c>
      <c r="G6494" s="6" t="s">
        <v>13110</v>
      </c>
      <c r="H6494" s="6" t="s">
        <v>13111</v>
      </c>
      <c r="I6494" s="7">
        <v>6.2379315000000002</v>
      </c>
      <c r="J6494" s="8">
        <v>-75.558078399999999</v>
      </c>
    </row>
    <row r="6495" spans="1:10" x14ac:dyDescent="0.35">
      <c r="A6495" s="5" t="s">
        <v>10</v>
      </c>
      <c r="B6495" s="6">
        <v>162079</v>
      </c>
      <c r="C6495" s="6" t="s">
        <v>68</v>
      </c>
      <c r="D6495" s="6" t="s">
        <v>69</v>
      </c>
      <c r="E6495" s="6">
        <v>11001</v>
      </c>
      <c r="F6495" s="6" t="s">
        <v>18</v>
      </c>
      <c r="G6495" s="6" t="s">
        <v>44</v>
      </c>
      <c r="H6495" s="6" t="s">
        <v>13112</v>
      </c>
      <c r="I6495" s="7">
        <v>4.7230258999999997</v>
      </c>
      <c r="J6495" s="8">
        <v>-74.092279399999995</v>
      </c>
    </row>
    <row r="6496" spans="1:10" x14ac:dyDescent="0.35">
      <c r="A6496" s="5" t="s">
        <v>10</v>
      </c>
      <c r="B6496" s="6">
        <v>239660</v>
      </c>
      <c r="C6496" s="6" t="s">
        <v>68</v>
      </c>
      <c r="D6496" s="6" t="s">
        <v>69</v>
      </c>
      <c r="E6496" s="6">
        <v>11001</v>
      </c>
      <c r="F6496" s="6" t="s">
        <v>18</v>
      </c>
      <c r="G6496" s="6" t="s">
        <v>13113</v>
      </c>
      <c r="H6496" s="6" t="s">
        <v>13114</v>
      </c>
      <c r="I6496" s="7">
        <v>4.7379907000000001</v>
      </c>
      <c r="J6496" s="8">
        <v>-74.022425200000001</v>
      </c>
    </row>
    <row r="6497" spans="1:10" x14ac:dyDescent="0.35">
      <c r="A6497" s="5" t="s">
        <v>10</v>
      </c>
      <c r="B6497" s="6">
        <v>225601</v>
      </c>
      <c r="C6497" s="6" t="s">
        <v>68</v>
      </c>
      <c r="D6497" s="6" t="s">
        <v>69</v>
      </c>
      <c r="E6497" s="6">
        <v>11001</v>
      </c>
      <c r="F6497" s="6" t="s">
        <v>18</v>
      </c>
      <c r="G6497" s="6" t="s">
        <v>13115</v>
      </c>
      <c r="H6497" s="6" t="s">
        <v>13116</v>
      </c>
      <c r="I6497" s="7">
        <v>4.6917724999999999</v>
      </c>
      <c r="J6497" s="8">
        <v>-74.148973599999906</v>
      </c>
    </row>
    <row r="6498" spans="1:10" x14ac:dyDescent="0.35">
      <c r="A6498" s="5" t="s">
        <v>10</v>
      </c>
      <c r="B6498" s="6">
        <v>207613</v>
      </c>
      <c r="C6498" s="6" t="s">
        <v>68</v>
      </c>
      <c r="D6498" s="6" t="s">
        <v>69</v>
      </c>
      <c r="E6498" s="6">
        <v>11001</v>
      </c>
      <c r="F6498" s="6" t="s">
        <v>18</v>
      </c>
      <c r="G6498" s="6" t="s">
        <v>13117</v>
      </c>
      <c r="H6498" s="6" t="s">
        <v>13118</v>
      </c>
      <c r="I6498" s="7">
        <v>4.7553407999999999</v>
      </c>
      <c r="J6498" s="8">
        <v>-74.115873299999905</v>
      </c>
    </row>
    <row r="6499" spans="1:10" x14ac:dyDescent="0.35">
      <c r="A6499" s="5" t="s">
        <v>10</v>
      </c>
      <c r="B6499" s="6">
        <v>239529</v>
      </c>
      <c r="C6499" s="6" t="s">
        <v>68</v>
      </c>
      <c r="D6499" s="6" t="s">
        <v>69</v>
      </c>
      <c r="E6499" s="6">
        <v>11001</v>
      </c>
      <c r="F6499" s="6" t="s">
        <v>18</v>
      </c>
      <c r="G6499" s="6" t="s">
        <v>13119</v>
      </c>
      <c r="H6499" s="6" t="s">
        <v>13120</v>
      </c>
      <c r="I6499" s="7">
        <v>4.7198799999999999</v>
      </c>
      <c r="J6499" s="8">
        <v>-74.071178799999998</v>
      </c>
    </row>
    <row r="6500" spans="1:10" x14ac:dyDescent="0.35">
      <c r="A6500" s="5" t="s">
        <v>10</v>
      </c>
      <c r="B6500" s="6">
        <v>94829</v>
      </c>
      <c r="C6500" s="6" t="s">
        <v>4364</v>
      </c>
      <c r="D6500" s="6" t="s">
        <v>13121</v>
      </c>
      <c r="E6500" s="6">
        <v>70124</v>
      </c>
      <c r="F6500" s="6" t="s">
        <v>18</v>
      </c>
      <c r="G6500" s="6" t="s">
        <v>13122</v>
      </c>
      <c r="H6500" s="6" t="s">
        <v>13123</v>
      </c>
      <c r="I6500" s="7">
        <v>8.79066879999999</v>
      </c>
      <c r="J6500" s="8">
        <v>-75.117151800000002</v>
      </c>
    </row>
    <row r="6501" spans="1:10" x14ac:dyDescent="0.35">
      <c r="A6501" s="5" t="s">
        <v>10</v>
      </c>
      <c r="B6501" s="6">
        <v>235246</v>
      </c>
      <c r="C6501" s="6" t="s">
        <v>117</v>
      </c>
      <c r="D6501" s="6" t="s">
        <v>1334</v>
      </c>
      <c r="E6501" s="6">
        <v>76001</v>
      </c>
      <c r="F6501" s="6" t="s">
        <v>13</v>
      </c>
      <c r="G6501" s="6" t="s">
        <v>13124</v>
      </c>
      <c r="H6501" s="6" t="s">
        <v>13125</v>
      </c>
      <c r="I6501" s="7">
        <v>3.3563372</v>
      </c>
      <c r="J6501" s="8">
        <v>-76.521085299999996</v>
      </c>
    </row>
    <row r="6502" spans="1:10" x14ac:dyDescent="0.35">
      <c r="A6502" s="5" t="s">
        <v>10</v>
      </c>
      <c r="B6502" s="6">
        <v>247334</v>
      </c>
      <c r="C6502" s="6" t="s">
        <v>11</v>
      </c>
      <c r="D6502" s="6" t="s">
        <v>513</v>
      </c>
      <c r="E6502" s="6">
        <v>25286</v>
      </c>
      <c r="F6502" s="6" t="s">
        <v>13</v>
      </c>
      <c r="G6502" s="6" t="s">
        <v>13126</v>
      </c>
      <c r="H6502" s="6" t="s">
        <v>13127</v>
      </c>
      <c r="I6502" s="7">
        <v>4.7159319000000002</v>
      </c>
      <c r="J6502" s="8">
        <v>-74.211444999999998</v>
      </c>
    </row>
    <row r="6503" spans="1:10" x14ac:dyDescent="0.35">
      <c r="A6503" s="5" t="s">
        <v>10</v>
      </c>
      <c r="B6503" s="6">
        <v>240871</v>
      </c>
      <c r="C6503" s="6" t="s">
        <v>190</v>
      </c>
      <c r="D6503" s="6" t="s">
        <v>11793</v>
      </c>
      <c r="E6503" s="6">
        <v>5679</v>
      </c>
      <c r="F6503" s="6" t="s">
        <v>18</v>
      </c>
      <c r="G6503" s="6" t="s">
        <v>13128</v>
      </c>
      <c r="H6503" s="6" t="s">
        <v>13129</v>
      </c>
      <c r="I6503" s="7">
        <v>4.6908354000000001</v>
      </c>
      <c r="J6503" s="8">
        <v>-74.037032300000007</v>
      </c>
    </row>
    <row r="6504" spans="1:10" x14ac:dyDescent="0.35">
      <c r="A6504" s="5" t="s">
        <v>10</v>
      </c>
      <c r="B6504" s="6">
        <v>210992</v>
      </c>
      <c r="C6504" s="6" t="s">
        <v>68</v>
      </c>
      <c r="D6504" s="6" t="s">
        <v>69</v>
      </c>
      <c r="E6504" s="6">
        <v>11001</v>
      </c>
      <c r="F6504" s="6" t="s">
        <v>18</v>
      </c>
      <c r="G6504" s="6" t="s">
        <v>13130</v>
      </c>
      <c r="H6504" s="6" t="s">
        <v>13131</v>
      </c>
      <c r="I6504" s="7">
        <v>4.6420553</v>
      </c>
      <c r="J6504" s="8">
        <v>-74.162189699999999</v>
      </c>
    </row>
    <row r="6505" spans="1:10" x14ac:dyDescent="0.35">
      <c r="A6505" s="5" t="s">
        <v>10</v>
      </c>
      <c r="B6505" s="6">
        <v>211121</v>
      </c>
      <c r="C6505" s="6" t="s">
        <v>68</v>
      </c>
      <c r="D6505" s="6" t="s">
        <v>69</v>
      </c>
      <c r="E6505" s="6">
        <v>11001</v>
      </c>
      <c r="F6505" s="6" t="s">
        <v>18</v>
      </c>
      <c r="G6505" s="6" t="s">
        <v>13132</v>
      </c>
      <c r="H6505" s="6" t="s">
        <v>13133</v>
      </c>
      <c r="I6505" s="7">
        <v>4.6723992000000001</v>
      </c>
      <c r="J6505" s="8">
        <v>-74.143757299999905</v>
      </c>
    </row>
    <row r="6506" spans="1:10" x14ac:dyDescent="0.35">
      <c r="A6506" s="5" t="s">
        <v>10</v>
      </c>
      <c r="B6506" s="6">
        <v>242602</v>
      </c>
      <c r="C6506" s="6" t="s">
        <v>68</v>
      </c>
      <c r="D6506" s="6" t="s">
        <v>69</v>
      </c>
      <c r="E6506" s="6">
        <v>11001</v>
      </c>
      <c r="F6506" s="6" t="s">
        <v>18</v>
      </c>
      <c r="G6506" s="6" t="s">
        <v>13134</v>
      </c>
      <c r="H6506" s="6" t="s">
        <v>13135</v>
      </c>
      <c r="I6506" s="7">
        <v>4.7464456999999998</v>
      </c>
      <c r="J6506" s="8">
        <v>-74.062696900000006</v>
      </c>
    </row>
    <row r="6507" spans="1:10" x14ac:dyDescent="0.35">
      <c r="A6507" s="5" t="s">
        <v>10</v>
      </c>
      <c r="B6507" s="6">
        <v>248194</v>
      </c>
      <c r="C6507" s="6" t="s">
        <v>68</v>
      </c>
      <c r="D6507" s="6" t="s">
        <v>69</v>
      </c>
      <c r="E6507" s="6">
        <v>11001</v>
      </c>
      <c r="F6507" s="6" t="s">
        <v>18</v>
      </c>
      <c r="G6507" s="6" t="s">
        <v>13136</v>
      </c>
      <c r="H6507" s="6" t="s">
        <v>13137</v>
      </c>
      <c r="I6507" s="7">
        <v>4.7304516999999997</v>
      </c>
      <c r="J6507" s="8">
        <v>-74.026697999999996</v>
      </c>
    </row>
    <row r="6508" spans="1:10" x14ac:dyDescent="0.35">
      <c r="A6508" s="5" t="s">
        <v>10</v>
      </c>
      <c r="B6508" s="6">
        <v>210487</v>
      </c>
      <c r="C6508" s="6" t="s">
        <v>68</v>
      </c>
      <c r="D6508" s="6" t="s">
        <v>69</v>
      </c>
      <c r="E6508" s="6">
        <v>11001</v>
      </c>
      <c r="F6508" s="6" t="s">
        <v>18</v>
      </c>
      <c r="G6508" s="6" t="s">
        <v>13138</v>
      </c>
      <c r="H6508" s="6" t="s">
        <v>13139</v>
      </c>
      <c r="I6508" s="7">
        <v>4.5117756999999896</v>
      </c>
      <c r="J6508" s="8">
        <v>-74.116184699999906</v>
      </c>
    </row>
    <row r="6509" spans="1:10" x14ac:dyDescent="0.35">
      <c r="A6509" s="5" t="s">
        <v>10</v>
      </c>
      <c r="B6509" s="6">
        <v>216090</v>
      </c>
      <c r="C6509" s="6" t="s">
        <v>68</v>
      </c>
      <c r="D6509" s="6" t="s">
        <v>69</v>
      </c>
      <c r="E6509" s="6">
        <v>11001</v>
      </c>
      <c r="F6509" s="6" t="s">
        <v>18</v>
      </c>
      <c r="G6509" s="6" t="s">
        <v>13140</v>
      </c>
      <c r="H6509" s="6" t="s">
        <v>13141</v>
      </c>
      <c r="I6509" s="7">
        <v>4.7344366000000004</v>
      </c>
      <c r="J6509" s="8">
        <v>-74.102167100000003</v>
      </c>
    </row>
    <row r="6510" spans="1:10" x14ac:dyDescent="0.35">
      <c r="A6510" s="5" t="s">
        <v>10</v>
      </c>
      <c r="B6510" s="6">
        <v>222344</v>
      </c>
      <c r="C6510" s="6" t="s">
        <v>68</v>
      </c>
      <c r="D6510" s="6" t="s">
        <v>69</v>
      </c>
      <c r="E6510" s="6">
        <v>11001</v>
      </c>
      <c r="F6510" s="6" t="s">
        <v>18</v>
      </c>
      <c r="G6510" s="6" t="s">
        <v>13142</v>
      </c>
      <c r="H6510" s="6" t="s">
        <v>13143</v>
      </c>
      <c r="I6510" s="7">
        <v>4.7525428999999999</v>
      </c>
      <c r="J6510" s="8">
        <v>-74.117547000000002</v>
      </c>
    </row>
    <row r="6511" spans="1:10" x14ac:dyDescent="0.35">
      <c r="A6511" s="5" t="s">
        <v>10</v>
      </c>
      <c r="B6511" s="6">
        <v>230040</v>
      </c>
      <c r="C6511" s="6" t="s">
        <v>68</v>
      </c>
      <c r="D6511" s="6" t="s">
        <v>69</v>
      </c>
      <c r="E6511" s="6">
        <v>11001</v>
      </c>
      <c r="F6511" s="6" t="s">
        <v>18</v>
      </c>
      <c r="G6511" s="6" t="s">
        <v>13144</v>
      </c>
      <c r="H6511" s="6" t="s">
        <v>13145</v>
      </c>
      <c r="I6511" s="7">
        <v>4.5344952999999997</v>
      </c>
      <c r="J6511" s="8">
        <v>-74.149636599999994</v>
      </c>
    </row>
    <row r="6512" spans="1:10" x14ac:dyDescent="0.35">
      <c r="A6512" s="5" t="s">
        <v>10</v>
      </c>
      <c r="B6512" s="6">
        <v>239535</v>
      </c>
      <c r="C6512" s="6" t="s">
        <v>68</v>
      </c>
      <c r="D6512" s="6" t="s">
        <v>69</v>
      </c>
      <c r="E6512" s="6">
        <v>11001</v>
      </c>
      <c r="F6512" s="6" t="s">
        <v>18</v>
      </c>
      <c r="G6512" s="6" t="s">
        <v>13146</v>
      </c>
      <c r="H6512" s="6" t="s">
        <v>13147</v>
      </c>
      <c r="I6512" s="7">
        <v>4.6682372000000001</v>
      </c>
      <c r="J6512" s="8">
        <v>-74.142282600000001</v>
      </c>
    </row>
    <row r="6513" spans="1:10" x14ac:dyDescent="0.35">
      <c r="A6513" s="5" t="s">
        <v>10</v>
      </c>
      <c r="B6513" s="6">
        <v>244806</v>
      </c>
      <c r="C6513" s="6" t="s">
        <v>68</v>
      </c>
      <c r="D6513" s="6" t="s">
        <v>69</v>
      </c>
      <c r="E6513" s="6">
        <v>11001</v>
      </c>
      <c r="F6513" s="6" t="s">
        <v>18</v>
      </c>
      <c r="G6513" s="6" t="s">
        <v>13148</v>
      </c>
      <c r="H6513" s="6" t="s">
        <v>13149</v>
      </c>
      <c r="I6513" s="7">
        <v>4.5765963999999997</v>
      </c>
      <c r="J6513" s="8">
        <v>-74.167354700000004</v>
      </c>
    </row>
    <row r="6514" spans="1:10" x14ac:dyDescent="0.35">
      <c r="A6514" s="5" t="s">
        <v>10</v>
      </c>
      <c r="B6514" s="6">
        <v>238043</v>
      </c>
      <c r="C6514" s="6" t="s">
        <v>68</v>
      </c>
      <c r="D6514" s="6" t="s">
        <v>69</v>
      </c>
      <c r="E6514" s="6">
        <v>11001</v>
      </c>
      <c r="F6514" s="6" t="s">
        <v>18</v>
      </c>
      <c r="G6514" s="6" t="s">
        <v>13150</v>
      </c>
      <c r="H6514" s="6" t="s">
        <v>13151</v>
      </c>
      <c r="I6514" s="7">
        <v>4.6261555000000003</v>
      </c>
      <c r="J6514" s="8">
        <v>-74.170625999999999</v>
      </c>
    </row>
    <row r="6515" spans="1:10" x14ac:dyDescent="0.35">
      <c r="A6515" s="5" t="s">
        <v>10</v>
      </c>
      <c r="B6515" s="6">
        <v>239275</v>
      </c>
      <c r="C6515" s="6" t="s">
        <v>68</v>
      </c>
      <c r="D6515" s="6" t="s">
        <v>69</v>
      </c>
      <c r="E6515" s="6">
        <v>11001</v>
      </c>
      <c r="F6515" s="6" t="s">
        <v>18</v>
      </c>
      <c r="G6515" s="6" t="s">
        <v>13152</v>
      </c>
      <c r="H6515" s="6" t="s">
        <v>13153</v>
      </c>
      <c r="I6515" s="7">
        <v>4.6027773999999999</v>
      </c>
      <c r="J6515" s="8">
        <v>-74.192711099999997</v>
      </c>
    </row>
    <row r="6516" spans="1:10" x14ac:dyDescent="0.35">
      <c r="A6516" s="5" t="s">
        <v>10</v>
      </c>
      <c r="B6516" s="6">
        <v>242528</v>
      </c>
      <c r="C6516" s="6" t="s">
        <v>68</v>
      </c>
      <c r="D6516" s="6" t="s">
        <v>69</v>
      </c>
      <c r="E6516" s="6">
        <v>11001</v>
      </c>
      <c r="F6516" s="6" t="s">
        <v>18</v>
      </c>
      <c r="G6516" s="6" t="s">
        <v>13154</v>
      </c>
      <c r="H6516" s="6" t="s">
        <v>13155</v>
      </c>
      <c r="I6516" s="7">
        <v>4.5886693000000003</v>
      </c>
      <c r="J6516" s="8">
        <v>-74.100086899999994</v>
      </c>
    </row>
    <row r="6517" spans="1:10" x14ac:dyDescent="0.35">
      <c r="A6517" s="5" t="s">
        <v>10</v>
      </c>
      <c r="B6517" s="6">
        <v>225396</v>
      </c>
      <c r="C6517" s="6" t="s">
        <v>117</v>
      </c>
      <c r="D6517" s="6" t="s">
        <v>12447</v>
      </c>
      <c r="E6517" s="6">
        <v>76248</v>
      </c>
      <c r="F6517" s="6" t="s">
        <v>18</v>
      </c>
      <c r="G6517" s="6" t="s">
        <v>113</v>
      </c>
      <c r="H6517" s="6" t="s">
        <v>13156</v>
      </c>
      <c r="I6517" s="7">
        <v>3.6820647000000002</v>
      </c>
      <c r="J6517" s="8">
        <v>-76.309276799999907</v>
      </c>
    </row>
    <row r="6518" spans="1:10" x14ac:dyDescent="0.35">
      <c r="A6518" s="5" t="s">
        <v>10</v>
      </c>
      <c r="B6518" s="6">
        <v>245904</v>
      </c>
      <c r="C6518" s="6" t="s">
        <v>117</v>
      </c>
      <c r="D6518" s="6" t="s">
        <v>1334</v>
      </c>
      <c r="E6518" s="6">
        <v>76001</v>
      </c>
      <c r="F6518" s="6" t="s">
        <v>18</v>
      </c>
      <c r="G6518" s="6" t="s">
        <v>113</v>
      </c>
      <c r="H6518" s="6" t="s">
        <v>13157</v>
      </c>
      <c r="I6518" s="7">
        <v>3.5786210000000001</v>
      </c>
      <c r="J6518" s="8">
        <v>-76.491815399999993</v>
      </c>
    </row>
    <row r="6519" spans="1:10" x14ac:dyDescent="0.35">
      <c r="A6519" s="5" t="s">
        <v>10</v>
      </c>
      <c r="B6519" s="6">
        <v>241609</v>
      </c>
      <c r="C6519" s="6" t="s">
        <v>457</v>
      </c>
      <c r="D6519" s="6" t="s">
        <v>4060</v>
      </c>
      <c r="E6519" s="6">
        <v>52838</v>
      </c>
      <c r="F6519" s="6" t="s">
        <v>18</v>
      </c>
      <c r="G6519" s="6" t="s">
        <v>13158</v>
      </c>
      <c r="H6519" s="6" t="s">
        <v>13159</v>
      </c>
      <c r="I6519" s="7">
        <v>1.0884529999999999</v>
      </c>
      <c r="J6519" s="8">
        <v>-77.6212333</v>
      </c>
    </row>
    <row r="6520" spans="1:10" x14ac:dyDescent="0.35">
      <c r="A6520" s="5" t="s">
        <v>10</v>
      </c>
      <c r="B6520" s="6">
        <v>211563</v>
      </c>
      <c r="C6520" s="6" t="s">
        <v>68</v>
      </c>
      <c r="D6520" s="6" t="s">
        <v>69</v>
      </c>
      <c r="E6520" s="6">
        <v>11001</v>
      </c>
      <c r="F6520" s="6" t="s">
        <v>18</v>
      </c>
      <c r="G6520" s="6" t="s">
        <v>13160</v>
      </c>
      <c r="H6520" s="6" t="s">
        <v>13161</v>
      </c>
      <c r="I6520" s="7">
        <v>4.6512050999999897</v>
      </c>
      <c r="J6520" s="8">
        <v>-74.059305299999906</v>
      </c>
    </row>
    <row r="6521" spans="1:10" x14ac:dyDescent="0.35">
      <c r="A6521" s="5" t="s">
        <v>10</v>
      </c>
      <c r="B6521" s="6">
        <v>212660</v>
      </c>
      <c r="C6521" s="6" t="s">
        <v>68</v>
      </c>
      <c r="D6521" s="6" t="s">
        <v>69</v>
      </c>
      <c r="E6521" s="6">
        <v>11001</v>
      </c>
      <c r="F6521" s="6" t="s">
        <v>18</v>
      </c>
      <c r="G6521" s="6" t="s">
        <v>13162</v>
      </c>
      <c r="H6521" s="6" t="s">
        <v>13163</v>
      </c>
      <c r="I6521" s="7">
        <v>4.5702199999999999</v>
      </c>
      <c r="J6521" s="8">
        <v>-74.0946335</v>
      </c>
    </row>
    <row r="6522" spans="1:10" x14ac:dyDescent="0.35">
      <c r="A6522" s="5" t="s">
        <v>10</v>
      </c>
      <c r="B6522" s="6">
        <v>234551</v>
      </c>
      <c r="C6522" s="6" t="s">
        <v>68</v>
      </c>
      <c r="D6522" s="6" t="s">
        <v>69</v>
      </c>
      <c r="E6522" s="6">
        <v>11001</v>
      </c>
      <c r="F6522" s="6" t="s">
        <v>18</v>
      </c>
      <c r="G6522" s="6" t="s">
        <v>1940</v>
      </c>
      <c r="H6522" s="6" t="s">
        <v>13164</v>
      </c>
      <c r="I6522" s="7">
        <v>4.7023771999999999</v>
      </c>
      <c r="J6522" s="8">
        <v>-74.133577200000005</v>
      </c>
    </row>
    <row r="6523" spans="1:10" x14ac:dyDescent="0.35">
      <c r="A6523" s="5" t="s">
        <v>10</v>
      </c>
      <c r="B6523" s="6">
        <v>238438</v>
      </c>
      <c r="C6523" s="6" t="s">
        <v>68</v>
      </c>
      <c r="D6523" s="6" t="s">
        <v>69</v>
      </c>
      <c r="E6523" s="6">
        <v>11001</v>
      </c>
      <c r="F6523" s="6" t="s">
        <v>18</v>
      </c>
      <c r="G6523" s="6" t="s">
        <v>13165</v>
      </c>
      <c r="H6523" s="6" t="s">
        <v>13166</v>
      </c>
      <c r="I6523" s="7">
        <v>4.6099566999999997</v>
      </c>
      <c r="J6523" s="8">
        <v>-74.177164099999999</v>
      </c>
    </row>
    <row r="6524" spans="1:10" x14ac:dyDescent="0.35">
      <c r="A6524" s="5" t="s">
        <v>10</v>
      </c>
      <c r="B6524" s="6">
        <v>242208</v>
      </c>
      <c r="C6524" s="6" t="s">
        <v>68</v>
      </c>
      <c r="D6524" s="6" t="s">
        <v>69</v>
      </c>
      <c r="E6524" s="6">
        <v>11001</v>
      </c>
      <c r="F6524" s="6" t="s">
        <v>18</v>
      </c>
      <c r="G6524" s="6" t="s">
        <v>13167</v>
      </c>
      <c r="H6524" s="6" t="s">
        <v>13168</v>
      </c>
      <c r="I6524" s="7">
        <v>4.7377799999999999</v>
      </c>
      <c r="J6524" s="8">
        <v>-74.027434900000003</v>
      </c>
    </row>
    <row r="6525" spans="1:10" x14ac:dyDescent="0.35">
      <c r="A6525" s="5" t="s">
        <v>10</v>
      </c>
      <c r="B6525" s="6">
        <v>201023</v>
      </c>
      <c r="C6525" s="6" t="s">
        <v>68</v>
      </c>
      <c r="D6525" s="6" t="s">
        <v>69</v>
      </c>
      <c r="E6525" s="6">
        <v>11001</v>
      </c>
      <c r="F6525" s="6" t="s">
        <v>18</v>
      </c>
      <c r="G6525" s="6" t="s">
        <v>13169</v>
      </c>
      <c r="H6525" s="6" t="s">
        <v>13170</v>
      </c>
      <c r="I6525" s="7">
        <v>4.6825915999999896</v>
      </c>
      <c r="J6525" s="8">
        <v>-74.139977399999907</v>
      </c>
    </row>
    <row r="6526" spans="1:10" x14ac:dyDescent="0.35">
      <c r="A6526" s="5" t="s">
        <v>10</v>
      </c>
      <c r="B6526" s="6">
        <v>242534</v>
      </c>
      <c r="C6526" s="6" t="s">
        <v>68</v>
      </c>
      <c r="D6526" s="6" t="s">
        <v>69</v>
      </c>
      <c r="E6526" s="6">
        <v>11001</v>
      </c>
      <c r="F6526" s="6" t="s">
        <v>18</v>
      </c>
      <c r="G6526" s="6" t="s">
        <v>13171</v>
      </c>
      <c r="H6526" s="6" t="s">
        <v>13172</v>
      </c>
      <c r="I6526" s="7">
        <v>4.6022426999999997</v>
      </c>
      <c r="J6526" s="8">
        <v>-74.097147100000001</v>
      </c>
    </row>
    <row r="6527" spans="1:10" x14ac:dyDescent="0.35">
      <c r="A6527" s="5" t="s">
        <v>10</v>
      </c>
      <c r="B6527" s="6">
        <v>242636</v>
      </c>
      <c r="C6527" s="6" t="s">
        <v>68</v>
      </c>
      <c r="D6527" s="6" t="s">
        <v>69</v>
      </c>
      <c r="E6527" s="6">
        <v>11001</v>
      </c>
      <c r="F6527" s="6" t="s">
        <v>18</v>
      </c>
      <c r="G6527" s="6" t="s">
        <v>13173</v>
      </c>
      <c r="H6527" s="6" t="s">
        <v>13174</v>
      </c>
      <c r="I6527" s="7">
        <v>4.6289382999999997</v>
      </c>
      <c r="J6527" s="8">
        <v>-74.133101300000007</v>
      </c>
    </row>
    <row r="6528" spans="1:10" x14ac:dyDescent="0.35">
      <c r="A6528" s="5" t="s">
        <v>10</v>
      </c>
      <c r="B6528" s="6">
        <v>233578</v>
      </c>
      <c r="C6528" s="6" t="s">
        <v>68</v>
      </c>
      <c r="D6528" s="6" t="s">
        <v>69</v>
      </c>
      <c r="E6528" s="6">
        <v>11001</v>
      </c>
      <c r="F6528" s="6" t="s">
        <v>18</v>
      </c>
      <c r="G6528" s="6" t="s">
        <v>13175</v>
      </c>
      <c r="H6528" s="6" t="s">
        <v>13176</v>
      </c>
      <c r="I6528" s="7">
        <v>4.6483999999999996</v>
      </c>
      <c r="J6528" s="8">
        <v>-74.062700000000007</v>
      </c>
    </row>
    <row r="6529" spans="1:10" x14ac:dyDescent="0.35">
      <c r="A6529" s="5" t="s">
        <v>10</v>
      </c>
      <c r="B6529" s="6">
        <v>188687</v>
      </c>
      <c r="C6529" s="6" t="s">
        <v>28</v>
      </c>
      <c r="D6529" s="6" t="s">
        <v>153</v>
      </c>
      <c r="E6529" s="6">
        <v>54518</v>
      </c>
      <c r="F6529" s="6" t="s">
        <v>13</v>
      </c>
      <c r="G6529" s="6" t="s">
        <v>13177</v>
      </c>
      <c r="H6529" s="6" t="s">
        <v>13178</v>
      </c>
      <c r="I6529" s="7">
        <v>7.3739733000000003</v>
      </c>
      <c r="J6529" s="8">
        <v>-72.647211799999994</v>
      </c>
    </row>
    <row r="6530" spans="1:10" x14ac:dyDescent="0.35">
      <c r="A6530" s="5" t="s">
        <v>10</v>
      </c>
      <c r="B6530" s="6">
        <v>241017</v>
      </c>
      <c r="C6530" s="6" t="s">
        <v>117</v>
      </c>
      <c r="D6530" s="6" t="s">
        <v>1334</v>
      </c>
      <c r="E6530" s="6">
        <v>76001</v>
      </c>
      <c r="F6530" s="6" t="s">
        <v>18</v>
      </c>
      <c r="G6530" s="6" t="s">
        <v>13179</v>
      </c>
      <c r="H6530" s="6" t="s">
        <v>13180</v>
      </c>
      <c r="I6530" s="7">
        <v>3.4505891000000002</v>
      </c>
      <c r="J6530" s="8">
        <v>-76.531794399999995</v>
      </c>
    </row>
    <row r="6531" spans="1:10" x14ac:dyDescent="0.35">
      <c r="A6531" s="5" t="s">
        <v>10</v>
      </c>
      <c r="B6531" s="6">
        <v>236085</v>
      </c>
      <c r="C6531" s="6" t="s">
        <v>117</v>
      </c>
      <c r="D6531" s="6" t="s">
        <v>12738</v>
      </c>
      <c r="E6531" s="6">
        <v>76895</v>
      </c>
      <c r="F6531" s="6" t="s">
        <v>18</v>
      </c>
      <c r="G6531" s="6" t="s">
        <v>13181</v>
      </c>
      <c r="H6531" s="6" t="s">
        <v>13182</v>
      </c>
      <c r="I6531" s="7">
        <v>4.3980967999999896</v>
      </c>
      <c r="J6531" s="8">
        <v>-76.069027399999996</v>
      </c>
    </row>
    <row r="6532" spans="1:10" x14ac:dyDescent="0.35">
      <c r="A6532" s="5" t="s">
        <v>10</v>
      </c>
      <c r="B6532" s="6">
        <v>240938</v>
      </c>
      <c r="C6532" s="6" t="s">
        <v>117</v>
      </c>
      <c r="D6532" s="6" t="s">
        <v>4637</v>
      </c>
      <c r="E6532" s="6">
        <v>76275</v>
      </c>
      <c r="F6532" s="6" t="s">
        <v>18</v>
      </c>
      <c r="G6532" s="6" t="s">
        <v>13183</v>
      </c>
      <c r="H6532" s="6" t="s">
        <v>13184</v>
      </c>
      <c r="I6532" s="7">
        <v>3.3204712000000001</v>
      </c>
      <c r="J6532" s="8">
        <v>-76.226130499999996</v>
      </c>
    </row>
    <row r="6533" spans="1:10" x14ac:dyDescent="0.35">
      <c r="A6533" s="5" t="s">
        <v>10</v>
      </c>
      <c r="B6533" s="6">
        <v>209594</v>
      </c>
      <c r="C6533" s="6" t="s">
        <v>68</v>
      </c>
      <c r="D6533" s="6" t="s">
        <v>69</v>
      </c>
      <c r="E6533" s="6">
        <v>11001</v>
      </c>
      <c r="F6533" s="6" t="s">
        <v>18</v>
      </c>
      <c r="G6533" s="6" t="s">
        <v>13185</v>
      </c>
      <c r="H6533" s="6" t="s">
        <v>13186</v>
      </c>
      <c r="I6533" s="7">
        <v>4.7447735</v>
      </c>
      <c r="J6533" s="8">
        <v>-74.101538300000001</v>
      </c>
    </row>
    <row r="6534" spans="1:10" x14ac:dyDescent="0.35">
      <c r="A6534" s="5" t="s">
        <v>10</v>
      </c>
      <c r="B6534" s="6">
        <v>213461</v>
      </c>
      <c r="C6534" s="6" t="s">
        <v>68</v>
      </c>
      <c r="D6534" s="6" t="s">
        <v>69</v>
      </c>
      <c r="E6534" s="6">
        <v>11001</v>
      </c>
      <c r="F6534" s="6" t="s">
        <v>18</v>
      </c>
      <c r="G6534" s="6" t="s">
        <v>13187</v>
      </c>
      <c r="H6534" s="6" t="s">
        <v>13188</v>
      </c>
      <c r="I6534" s="7">
        <v>4.6353727999999998</v>
      </c>
      <c r="J6534" s="8">
        <v>-74.198782899999998</v>
      </c>
    </row>
    <row r="6535" spans="1:10" x14ac:dyDescent="0.35">
      <c r="A6535" s="5" t="s">
        <v>10</v>
      </c>
      <c r="B6535" s="6">
        <v>215968</v>
      </c>
      <c r="C6535" s="6" t="s">
        <v>68</v>
      </c>
      <c r="D6535" s="6" t="s">
        <v>69</v>
      </c>
      <c r="E6535" s="6">
        <v>11001</v>
      </c>
      <c r="F6535" s="6" t="s">
        <v>18</v>
      </c>
      <c r="G6535" s="6" t="s">
        <v>13189</v>
      </c>
      <c r="H6535" s="6" t="s">
        <v>13190</v>
      </c>
      <c r="I6535" s="7">
        <v>4.7487059999999897</v>
      </c>
      <c r="J6535" s="8">
        <v>-74.045092999999994</v>
      </c>
    </row>
    <row r="6536" spans="1:10" x14ac:dyDescent="0.35">
      <c r="A6536" s="5" t="s">
        <v>10</v>
      </c>
      <c r="B6536" s="6">
        <v>242635</v>
      </c>
      <c r="C6536" s="6" t="s">
        <v>68</v>
      </c>
      <c r="D6536" s="6" t="s">
        <v>69</v>
      </c>
      <c r="E6536" s="6">
        <v>11001</v>
      </c>
      <c r="F6536" s="6" t="s">
        <v>18</v>
      </c>
      <c r="G6536" s="6" t="s">
        <v>13191</v>
      </c>
      <c r="H6536" s="6" t="s">
        <v>13192</v>
      </c>
      <c r="I6536" s="7">
        <v>4.6286189000000002</v>
      </c>
      <c r="J6536" s="8">
        <v>-74.135569399999994</v>
      </c>
    </row>
    <row r="6537" spans="1:10" x14ac:dyDescent="0.35">
      <c r="A6537" s="5" t="s">
        <v>10</v>
      </c>
      <c r="B6537" s="6">
        <v>231362</v>
      </c>
      <c r="C6537" s="6" t="s">
        <v>68</v>
      </c>
      <c r="D6537" s="6" t="s">
        <v>69</v>
      </c>
      <c r="E6537" s="6">
        <v>11001</v>
      </c>
      <c r="F6537" s="6" t="s">
        <v>18</v>
      </c>
      <c r="G6537" s="6" t="s">
        <v>13193</v>
      </c>
      <c r="H6537" s="6" t="s">
        <v>13194</v>
      </c>
      <c r="I6537" s="7">
        <v>4.5698201000000003</v>
      </c>
      <c r="J6537" s="8">
        <v>-74.111417299999999</v>
      </c>
    </row>
    <row r="6538" spans="1:10" x14ac:dyDescent="0.35">
      <c r="A6538" s="5" t="s">
        <v>10</v>
      </c>
      <c r="B6538" s="6">
        <v>243471</v>
      </c>
      <c r="C6538" s="6" t="s">
        <v>68</v>
      </c>
      <c r="D6538" s="6" t="s">
        <v>69</v>
      </c>
      <c r="E6538" s="6">
        <v>11001</v>
      </c>
      <c r="F6538" s="6" t="s">
        <v>18</v>
      </c>
      <c r="G6538" s="6" t="s">
        <v>13195</v>
      </c>
      <c r="H6538" s="6" t="s">
        <v>13196</v>
      </c>
      <c r="I6538" s="7">
        <v>4.5521381999999999</v>
      </c>
      <c r="J6538" s="8">
        <v>-74.139900699999998</v>
      </c>
    </row>
    <row r="6539" spans="1:10" x14ac:dyDescent="0.35">
      <c r="A6539" s="5" t="s">
        <v>10</v>
      </c>
      <c r="B6539" s="6">
        <v>249090</v>
      </c>
      <c r="C6539" s="6" t="s">
        <v>68</v>
      </c>
      <c r="D6539" s="6" t="s">
        <v>69</v>
      </c>
      <c r="E6539" s="6">
        <v>11001</v>
      </c>
      <c r="F6539" s="6" t="s">
        <v>18</v>
      </c>
      <c r="G6539" s="6" t="s">
        <v>13197</v>
      </c>
      <c r="H6539" s="6" t="s">
        <v>13198</v>
      </c>
      <c r="I6539" s="7">
        <v>4.7420673999999998</v>
      </c>
      <c r="J6539" s="8">
        <v>-74.113707300000002</v>
      </c>
    </row>
    <row r="6540" spans="1:10" x14ac:dyDescent="0.35">
      <c r="A6540" s="5" t="s">
        <v>10</v>
      </c>
      <c r="B6540" s="6">
        <v>248202</v>
      </c>
      <c r="C6540" s="6" t="s">
        <v>308</v>
      </c>
      <c r="D6540" s="6" t="s">
        <v>13199</v>
      </c>
      <c r="E6540" s="6">
        <v>23672</v>
      </c>
      <c r="F6540" s="6" t="s">
        <v>13</v>
      </c>
      <c r="G6540" s="6" t="s">
        <v>13200</v>
      </c>
      <c r="H6540" s="6" t="s">
        <v>13201</v>
      </c>
      <c r="I6540" s="7">
        <v>9.3729765999999994</v>
      </c>
      <c r="J6540" s="8">
        <v>-75.762351699999996</v>
      </c>
    </row>
    <row r="6541" spans="1:10" x14ac:dyDescent="0.35">
      <c r="A6541" s="5" t="s">
        <v>10</v>
      </c>
      <c r="B6541" s="6">
        <v>227893</v>
      </c>
      <c r="C6541" s="6" t="s">
        <v>308</v>
      </c>
      <c r="D6541" s="6" t="s">
        <v>309</v>
      </c>
      <c r="E6541" s="6">
        <v>23001</v>
      </c>
      <c r="F6541" s="6" t="s">
        <v>13</v>
      </c>
      <c r="G6541" s="6" t="s">
        <v>13202</v>
      </c>
      <c r="H6541" s="6" t="s">
        <v>13203</v>
      </c>
      <c r="I6541" s="7">
        <v>8.7346758999999992</v>
      </c>
      <c r="J6541" s="8">
        <v>-75.897111899999999</v>
      </c>
    </row>
    <row r="6542" spans="1:10" x14ac:dyDescent="0.35">
      <c r="A6542" s="5" t="s">
        <v>10</v>
      </c>
      <c r="B6542" s="6">
        <v>207748</v>
      </c>
      <c r="C6542" s="6" t="s">
        <v>117</v>
      </c>
      <c r="D6542" s="6" t="s">
        <v>3492</v>
      </c>
      <c r="E6542" s="6">
        <v>76520</v>
      </c>
      <c r="F6542" s="6" t="s">
        <v>18</v>
      </c>
      <c r="G6542" s="6" t="s">
        <v>13204</v>
      </c>
      <c r="H6542" s="6" t="s">
        <v>13205</v>
      </c>
      <c r="I6542" s="7">
        <v>3.515072</v>
      </c>
      <c r="J6542" s="8">
        <v>-76.292782200000005</v>
      </c>
    </row>
    <row r="6543" spans="1:10" x14ac:dyDescent="0.35">
      <c r="A6543" s="5" t="s">
        <v>10</v>
      </c>
      <c r="B6543" s="6">
        <v>234485</v>
      </c>
      <c r="C6543" s="6" t="s">
        <v>190</v>
      </c>
      <c r="D6543" s="6" t="s">
        <v>13206</v>
      </c>
      <c r="E6543" s="6">
        <v>5631</v>
      </c>
      <c r="F6543" s="6" t="s">
        <v>18</v>
      </c>
      <c r="G6543" s="6" t="s">
        <v>13207</v>
      </c>
      <c r="H6543" s="6" t="s">
        <v>13208</v>
      </c>
      <c r="I6543" s="7">
        <v>6.1509422000000002</v>
      </c>
      <c r="J6543" s="8">
        <v>-75.615253100000004</v>
      </c>
    </row>
    <row r="6544" spans="1:10" x14ac:dyDescent="0.35">
      <c r="A6544" s="5" t="s">
        <v>10</v>
      </c>
      <c r="B6544" s="6">
        <v>236222</v>
      </c>
      <c r="C6544" s="6" t="s">
        <v>68</v>
      </c>
      <c r="D6544" s="6" t="s">
        <v>69</v>
      </c>
      <c r="E6544" s="6">
        <v>11001</v>
      </c>
      <c r="F6544" s="6" t="s">
        <v>18</v>
      </c>
      <c r="G6544" s="6" t="s">
        <v>13209</v>
      </c>
      <c r="H6544" s="6" t="s">
        <v>13210</v>
      </c>
      <c r="I6544" s="7">
        <v>4.5931556000000002</v>
      </c>
      <c r="J6544" s="8">
        <v>-74.096456900000007</v>
      </c>
    </row>
    <row r="6545" spans="1:10" x14ac:dyDescent="0.35">
      <c r="A6545" s="5" t="s">
        <v>10</v>
      </c>
      <c r="B6545" s="6">
        <v>239392</v>
      </c>
      <c r="C6545" s="6" t="s">
        <v>68</v>
      </c>
      <c r="D6545" s="6" t="s">
        <v>69</v>
      </c>
      <c r="E6545" s="6">
        <v>11001</v>
      </c>
      <c r="F6545" s="6" t="s">
        <v>18</v>
      </c>
      <c r="G6545" s="6" t="s">
        <v>13211</v>
      </c>
      <c r="H6545" s="6" t="s">
        <v>13212</v>
      </c>
      <c r="I6545" s="7">
        <v>4.7228373000000001</v>
      </c>
      <c r="J6545" s="8">
        <v>-74.036589199999995</v>
      </c>
    </row>
    <row r="6546" spans="1:10" x14ac:dyDescent="0.35">
      <c r="A6546" s="5" t="s">
        <v>10</v>
      </c>
      <c r="B6546" s="6">
        <v>230800</v>
      </c>
      <c r="C6546" s="6" t="s">
        <v>68</v>
      </c>
      <c r="D6546" s="6" t="s">
        <v>69</v>
      </c>
      <c r="E6546" s="6">
        <v>11001</v>
      </c>
      <c r="F6546" s="6" t="s">
        <v>18</v>
      </c>
      <c r="G6546" s="6" t="s">
        <v>113</v>
      </c>
      <c r="H6546" s="6" t="s">
        <v>13213</v>
      </c>
      <c r="I6546" s="7">
        <v>4.6214027</v>
      </c>
      <c r="J6546" s="8">
        <v>-74.088562800000005</v>
      </c>
    </row>
    <row r="6547" spans="1:10" x14ac:dyDescent="0.35">
      <c r="A6547" s="5" t="s">
        <v>10</v>
      </c>
      <c r="B6547" s="6">
        <v>239496</v>
      </c>
      <c r="C6547" s="6" t="s">
        <v>68</v>
      </c>
      <c r="D6547" s="6" t="s">
        <v>69</v>
      </c>
      <c r="E6547" s="6">
        <v>11001</v>
      </c>
      <c r="F6547" s="6" t="s">
        <v>18</v>
      </c>
      <c r="G6547" s="6" t="s">
        <v>13214</v>
      </c>
      <c r="H6547" s="6" t="s">
        <v>13215</v>
      </c>
      <c r="I6547" s="7">
        <v>4.7093679000000002</v>
      </c>
      <c r="J6547" s="8">
        <v>-74.118977200000003</v>
      </c>
    </row>
    <row r="6548" spans="1:10" x14ac:dyDescent="0.35">
      <c r="A6548" s="5" t="s">
        <v>10</v>
      </c>
      <c r="B6548" s="6">
        <v>242526</v>
      </c>
      <c r="C6548" s="6" t="s">
        <v>68</v>
      </c>
      <c r="D6548" s="6" t="s">
        <v>69</v>
      </c>
      <c r="E6548" s="6">
        <v>11001</v>
      </c>
      <c r="F6548" s="6" t="s">
        <v>18</v>
      </c>
      <c r="G6548" s="6" t="s">
        <v>13216</v>
      </c>
      <c r="H6548" s="6" t="s">
        <v>13217</v>
      </c>
      <c r="I6548" s="7">
        <v>4.5963710999999998</v>
      </c>
      <c r="J6548" s="8">
        <v>-74.095938899999993</v>
      </c>
    </row>
    <row r="6549" spans="1:10" x14ac:dyDescent="0.35">
      <c r="A6549" s="5" t="s">
        <v>10</v>
      </c>
      <c r="B6549" s="6">
        <v>246375</v>
      </c>
      <c r="C6549" s="6" t="s">
        <v>68</v>
      </c>
      <c r="D6549" s="6" t="s">
        <v>69</v>
      </c>
      <c r="E6549" s="6">
        <v>11001</v>
      </c>
      <c r="F6549" s="6" t="s">
        <v>18</v>
      </c>
      <c r="G6549" s="6" t="s">
        <v>13218</v>
      </c>
      <c r="H6549" s="6" t="s">
        <v>13219</v>
      </c>
      <c r="I6549" s="7">
        <v>4.5241534000000003</v>
      </c>
      <c r="J6549" s="8">
        <v>-74.119568599999994</v>
      </c>
    </row>
    <row r="6550" spans="1:10" x14ac:dyDescent="0.35">
      <c r="A6550" s="5" t="s">
        <v>10</v>
      </c>
      <c r="B6550" s="6">
        <v>246816</v>
      </c>
      <c r="C6550" s="6" t="s">
        <v>68</v>
      </c>
      <c r="D6550" s="6" t="s">
        <v>69</v>
      </c>
      <c r="E6550" s="6">
        <v>11001</v>
      </c>
      <c r="F6550" s="6" t="s">
        <v>18</v>
      </c>
      <c r="G6550" s="6" t="s">
        <v>13220</v>
      </c>
      <c r="H6550" s="6" t="s">
        <v>13221</v>
      </c>
      <c r="I6550" s="7">
        <v>4.5587992000000002</v>
      </c>
      <c r="J6550" s="8">
        <v>-74.110737299999997</v>
      </c>
    </row>
    <row r="6551" spans="1:10" x14ac:dyDescent="0.35">
      <c r="A6551" s="5" t="s">
        <v>10</v>
      </c>
      <c r="B6551" s="6">
        <v>202655</v>
      </c>
      <c r="C6551" s="6" t="s">
        <v>68</v>
      </c>
      <c r="D6551" s="6" t="s">
        <v>69</v>
      </c>
      <c r="E6551" s="6">
        <v>11001</v>
      </c>
      <c r="F6551" s="6" t="s">
        <v>18</v>
      </c>
      <c r="G6551" s="6" t="s">
        <v>13222</v>
      </c>
      <c r="H6551" s="6" t="s">
        <v>13223</v>
      </c>
      <c r="I6551" s="7">
        <v>4.6281930999999998</v>
      </c>
      <c r="J6551" s="8">
        <v>-74.120819400000002</v>
      </c>
    </row>
    <row r="6552" spans="1:10" x14ac:dyDescent="0.35">
      <c r="A6552" s="5" t="s">
        <v>10</v>
      </c>
      <c r="B6552" s="6">
        <v>242370</v>
      </c>
      <c r="C6552" s="6" t="s">
        <v>68</v>
      </c>
      <c r="D6552" s="6" t="s">
        <v>69</v>
      </c>
      <c r="E6552" s="6">
        <v>11001</v>
      </c>
      <c r="F6552" s="6" t="s">
        <v>18</v>
      </c>
      <c r="G6552" s="6" t="s">
        <v>13224</v>
      </c>
      <c r="H6552" s="6" t="s">
        <v>13225</v>
      </c>
      <c r="I6552" s="7">
        <v>4.6336652000000003</v>
      </c>
      <c r="J6552" s="8">
        <v>-74.148228500000002</v>
      </c>
    </row>
    <row r="6553" spans="1:10" x14ac:dyDescent="0.35">
      <c r="A6553" s="5" t="s">
        <v>10</v>
      </c>
      <c r="B6553" s="6">
        <v>202103</v>
      </c>
      <c r="C6553" s="6" t="s">
        <v>68</v>
      </c>
      <c r="D6553" s="6" t="s">
        <v>69</v>
      </c>
      <c r="E6553" s="6">
        <v>11001</v>
      </c>
      <c r="F6553" s="6" t="s">
        <v>18</v>
      </c>
      <c r="G6553" s="6" t="s">
        <v>13226</v>
      </c>
      <c r="H6553" s="6" t="s">
        <v>13227</v>
      </c>
      <c r="I6553" s="7">
        <v>4.7361548000000004</v>
      </c>
      <c r="J6553" s="8">
        <v>-74.097284199999905</v>
      </c>
    </row>
    <row r="6554" spans="1:10" x14ac:dyDescent="0.35">
      <c r="A6554" s="5" t="s">
        <v>10</v>
      </c>
      <c r="B6554" s="6">
        <v>236397</v>
      </c>
      <c r="C6554" s="6" t="s">
        <v>68</v>
      </c>
      <c r="D6554" s="6" t="s">
        <v>69</v>
      </c>
      <c r="E6554" s="6">
        <v>11001</v>
      </c>
      <c r="F6554" s="6" t="s">
        <v>18</v>
      </c>
      <c r="G6554" s="6" t="s">
        <v>13228</v>
      </c>
      <c r="H6554" s="6" t="s">
        <v>13229</v>
      </c>
      <c r="I6554" s="7">
        <v>4.6190384</v>
      </c>
      <c r="J6554" s="8">
        <v>-74.203316700000002</v>
      </c>
    </row>
    <row r="6555" spans="1:10" x14ac:dyDescent="0.35">
      <c r="A6555" s="5" t="s">
        <v>10</v>
      </c>
      <c r="B6555" s="6">
        <v>242321</v>
      </c>
      <c r="C6555" s="6" t="s">
        <v>68</v>
      </c>
      <c r="D6555" s="6" t="s">
        <v>69</v>
      </c>
      <c r="E6555" s="6">
        <v>11001</v>
      </c>
      <c r="F6555" s="6" t="s">
        <v>18</v>
      </c>
      <c r="G6555" s="6" t="s">
        <v>13230</v>
      </c>
      <c r="H6555" s="6" t="s">
        <v>13231</v>
      </c>
      <c r="I6555" s="7">
        <v>4.6514759999999997</v>
      </c>
      <c r="J6555" s="8">
        <v>-74.088964000000004</v>
      </c>
    </row>
    <row r="6556" spans="1:10" x14ac:dyDescent="0.35">
      <c r="A6556" s="5" t="s">
        <v>10</v>
      </c>
      <c r="B6556" s="6">
        <v>248860</v>
      </c>
      <c r="C6556" s="6" t="s">
        <v>68</v>
      </c>
      <c r="D6556" s="6" t="s">
        <v>69</v>
      </c>
      <c r="E6556" s="6">
        <v>11001</v>
      </c>
      <c r="F6556" s="6" t="s">
        <v>18</v>
      </c>
      <c r="G6556" s="6" t="s">
        <v>10930</v>
      </c>
      <c r="H6556" s="6" t="s">
        <v>13232</v>
      </c>
      <c r="I6556" s="7">
        <v>4.6063577000000002</v>
      </c>
      <c r="J6556" s="8">
        <v>-74.1802201</v>
      </c>
    </row>
    <row r="6557" spans="1:10" x14ac:dyDescent="0.35">
      <c r="A6557" s="5" t="s">
        <v>10</v>
      </c>
      <c r="B6557" s="6">
        <v>226464</v>
      </c>
      <c r="C6557" s="6" t="s">
        <v>308</v>
      </c>
      <c r="D6557" s="6" t="s">
        <v>8845</v>
      </c>
      <c r="E6557" s="6">
        <v>23660</v>
      </c>
      <c r="F6557" s="6" t="s">
        <v>13</v>
      </c>
      <c r="G6557" s="6" t="s">
        <v>13233</v>
      </c>
      <c r="H6557" s="6" t="s">
        <v>13234</v>
      </c>
      <c r="I6557" s="7">
        <v>8.9569431999999995</v>
      </c>
      <c r="J6557" s="8">
        <v>-75.452641900000003</v>
      </c>
    </row>
    <row r="6558" spans="1:10" x14ac:dyDescent="0.35">
      <c r="A6558" s="5" t="s">
        <v>10</v>
      </c>
      <c r="B6558" s="6">
        <v>189765</v>
      </c>
      <c r="C6558" s="6" t="s">
        <v>308</v>
      </c>
      <c r="D6558" s="6" t="s">
        <v>8102</v>
      </c>
      <c r="E6558" s="6">
        <v>23417</v>
      </c>
      <c r="F6558" s="6" t="s">
        <v>13</v>
      </c>
      <c r="G6558" s="6" t="s">
        <v>13235</v>
      </c>
      <c r="H6558" s="6" t="s">
        <v>13236</v>
      </c>
      <c r="I6558" s="7">
        <v>9.2465585000000008</v>
      </c>
      <c r="J6558" s="8">
        <v>-75.810350200000002</v>
      </c>
    </row>
    <row r="6559" spans="1:10" x14ac:dyDescent="0.35">
      <c r="A6559" s="5" t="s">
        <v>10</v>
      </c>
      <c r="B6559" s="6">
        <v>225596</v>
      </c>
      <c r="C6559" s="6" t="s">
        <v>366</v>
      </c>
      <c r="D6559" s="6" t="s">
        <v>8296</v>
      </c>
      <c r="E6559" s="6">
        <v>44001</v>
      </c>
      <c r="F6559" s="6" t="s">
        <v>13</v>
      </c>
      <c r="G6559" s="6" t="s">
        <v>3392</v>
      </c>
      <c r="H6559" s="6" t="s">
        <v>13237</v>
      </c>
      <c r="I6559" s="7">
        <v>11.5384151</v>
      </c>
      <c r="J6559" s="8">
        <v>-72.916783800000005</v>
      </c>
    </row>
    <row r="6560" spans="1:10" x14ac:dyDescent="0.35">
      <c r="A6560" s="5" t="s">
        <v>10</v>
      </c>
      <c r="B6560" s="6">
        <v>237315</v>
      </c>
      <c r="C6560" s="6" t="s">
        <v>117</v>
      </c>
      <c r="D6560" s="6" t="s">
        <v>3402</v>
      </c>
      <c r="E6560" s="6">
        <v>76364</v>
      </c>
      <c r="F6560" s="6" t="s">
        <v>18</v>
      </c>
      <c r="G6560" s="6" t="s">
        <v>13238</v>
      </c>
      <c r="H6560" s="6" t="s">
        <v>13239</v>
      </c>
      <c r="I6560" s="7">
        <v>3.2520929999999999</v>
      </c>
      <c r="J6560" s="8">
        <v>-76.539166499999993</v>
      </c>
    </row>
    <row r="6561" spans="1:10" x14ac:dyDescent="0.35">
      <c r="A6561" s="5" t="s">
        <v>10</v>
      </c>
      <c r="B6561" s="6">
        <v>241146</v>
      </c>
      <c r="C6561" s="6" t="s">
        <v>117</v>
      </c>
      <c r="D6561" s="6" t="s">
        <v>1334</v>
      </c>
      <c r="E6561" s="6">
        <v>76001</v>
      </c>
      <c r="F6561" s="6" t="s">
        <v>18</v>
      </c>
      <c r="G6561" s="6" t="s">
        <v>13240</v>
      </c>
      <c r="H6561" s="6" t="s">
        <v>13241</v>
      </c>
      <c r="I6561" s="7">
        <v>3.4177917999999998</v>
      </c>
      <c r="J6561" s="8">
        <v>-76.516780299999994</v>
      </c>
    </row>
    <row r="6562" spans="1:10" x14ac:dyDescent="0.35">
      <c r="A6562" s="5" t="s">
        <v>10</v>
      </c>
      <c r="B6562" s="6">
        <v>192874</v>
      </c>
      <c r="C6562" s="6" t="s">
        <v>190</v>
      </c>
      <c r="D6562" s="6" t="s">
        <v>11740</v>
      </c>
      <c r="E6562" s="6">
        <v>5376</v>
      </c>
      <c r="F6562" s="6" t="s">
        <v>18</v>
      </c>
      <c r="G6562" s="6" t="s">
        <v>13242</v>
      </c>
      <c r="H6562" s="6" t="s">
        <v>13243</v>
      </c>
      <c r="I6562" s="7">
        <v>6.0319025000000002</v>
      </c>
      <c r="J6562" s="8">
        <v>-75.434141400000001</v>
      </c>
    </row>
    <row r="6563" spans="1:10" x14ac:dyDescent="0.35">
      <c r="A6563" s="5" t="s">
        <v>10</v>
      </c>
      <c r="B6563" s="6">
        <v>240645</v>
      </c>
      <c r="C6563" s="6" t="s">
        <v>190</v>
      </c>
      <c r="D6563" s="6" t="s">
        <v>191</v>
      </c>
      <c r="E6563" s="6">
        <v>5001</v>
      </c>
      <c r="F6563" s="6" t="s">
        <v>18</v>
      </c>
      <c r="G6563" s="6" t="s">
        <v>13244</v>
      </c>
      <c r="H6563" s="6" t="s">
        <v>13245</v>
      </c>
      <c r="I6563" s="7">
        <v>6.2918959000000001</v>
      </c>
      <c r="J6563" s="8">
        <v>-75.560201399999997</v>
      </c>
    </row>
    <row r="6564" spans="1:10" x14ac:dyDescent="0.35">
      <c r="A6564" s="5" t="s">
        <v>10</v>
      </c>
      <c r="B6564" s="6">
        <v>201897</v>
      </c>
      <c r="C6564" s="6" t="s">
        <v>68</v>
      </c>
      <c r="D6564" s="6" t="s">
        <v>69</v>
      </c>
      <c r="E6564" s="6">
        <v>11001</v>
      </c>
      <c r="F6564" s="6" t="s">
        <v>18</v>
      </c>
      <c r="G6564" s="6" t="s">
        <v>13246</v>
      </c>
      <c r="H6564" s="6" t="s">
        <v>13247</v>
      </c>
      <c r="I6564" s="7">
        <v>4.6320861999999998</v>
      </c>
      <c r="J6564" s="8">
        <v>-74.170236299999999</v>
      </c>
    </row>
    <row r="6565" spans="1:10" x14ac:dyDescent="0.35">
      <c r="A6565" s="5" t="s">
        <v>10</v>
      </c>
      <c r="B6565" s="6">
        <v>227847</v>
      </c>
      <c r="C6565" s="6" t="s">
        <v>68</v>
      </c>
      <c r="D6565" s="6" t="s">
        <v>69</v>
      </c>
      <c r="E6565" s="6">
        <v>11001</v>
      </c>
      <c r="F6565" s="6" t="s">
        <v>18</v>
      </c>
      <c r="G6565" s="6" t="s">
        <v>13248</v>
      </c>
      <c r="H6565" s="6" t="s">
        <v>13249</v>
      </c>
      <c r="I6565" s="7">
        <v>4.6060300999999999</v>
      </c>
      <c r="J6565" s="8">
        <v>-74.144166400000003</v>
      </c>
    </row>
    <row r="6566" spans="1:10" x14ac:dyDescent="0.35">
      <c r="A6566" s="5" t="s">
        <v>10</v>
      </c>
      <c r="B6566" s="6">
        <v>233415</v>
      </c>
      <c r="C6566" s="6" t="s">
        <v>68</v>
      </c>
      <c r="D6566" s="6" t="s">
        <v>69</v>
      </c>
      <c r="E6566" s="6">
        <v>11001</v>
      </c>
      <c r="F6566" s="6" t="s">
        <v>18</v>
      </c>
      <c r="G6566" s="6" t="s">
        <v>13250</v>
      </c>
      <c r="H6566" s="6" t="s">
        <v>13251</v>
      </c>
      <c r="I6566" s="7">
        <v>4.5813199999999998</v>
      </c>
      <c r="J6566" s="8">
        <v>-74.096080000000001</v>
      </c>
    </row>
    <row r="6567" spans="1:10" x14ac:dyDescent="0.35">
      <c r="A6567" s="5" t="s">
        <v>10</v>
      </c>
      <c r="B6567" s="6">
        <v>214064</v>
      </c>
      <c r="C6567" s="6" t="s">
        <v>68</v>
      </c>
      <c r="D6567" s="6" t="s">
        <v>69</v>
      </c>
      <c r="E6567" s="6">
        <v>11001</v>
      </c>
      <c r="F6567" s="6" t="s">
        <v>18</v>
      </c>
      <c r="G6567" s="6" t="s">
        <v>13252</v>
      </c>
      <c r="H6567" s="6" t="s">
        <v>13253</v>
      </c>
      <c r="I6567" s="7">
        <v>4.7401543999999998</v>
      </c>
      <c r="J6567" s="8">
        <v>-74.105950699999994</v>
      </c>
    </row>
    <row r="6568" spans="1:10" x14ac:dyDescent="0.35">
      <c r="A6568" s="5" t="s">
        <v>10</v>
      </c>
      <c r="B6568" s="6">
        <v>242732</v>
      </c>
      <c r="C6568" s="6" t="s">
        <v>13254</v>
      </c>
      <c r="D6568" s="6" t="s">
        <v>13255</v>
      </c>
      <c r="E6568" s="6">
        <v>97001</v>
      </c>
      <c r="F6568" s="6" t="s">
        <v>18</v>
      </c>
      <c r="G6568" s="6" t="s">
        <v>13256</v>
      </c>
      <c r="H6568" s="6" t="s">
        <v>13257</v>
      </c>
      <c r="I6568" s="7">
        <v>1.2521739000000001</v>
      </c>
      <c r="J6568" s="8">
        <v>-70.233618000000007</v>
      </c>
    </row>
    <row r="6569" spans="1:10" x14ac:dyDescent="0.35">
      <c r="A6569" s="5" t="s">
        <v>10</v>
      </c>
      <c r="B6569" s="6">
        <v>182208</v>
      </c>
      <c r="C6569" s="6" t="s">
        <v>68</v>
      </c>
      <c r="D6569" s="6" t="s">
        <v>69</v>
      </c>
      <c r="E6569" s="6">
        <v>11001</v>
      </c>
      <c r="F6569" s="6" t="s">
        <v>18</v>
      </c>
      <c r="G6569" s="6" t="s">
        <v>13258</v>
      </c>
      <c r="H6569" s="6" t="s">
        <v>13259</v>
      </c>
      <c r="I6569" s="7">
        <v>4.5447137999999896</v>
      </c>
      <c r="J6569" s="8">
        <v>-74.162713600000004</v>
      </c>
    </row>
    <row r="6570" spans="1:10" x14ac:dyDescent="0.35">
      <c r="A6570" s="5" t="s">
        <v>10</v>
      </c>
      <c r="B6570" s="6">
        <v>228487</v>
      </c>
      <c r="C6570" s="6" t="s">
        <v>68</v>
      </c>
      <c r="D6570" s="6" t="s">
        <v>69</v>
      </c>
      <c r="E6570" s="6">
        <v>11001</v>
      </c>
      <c r="F6570" s="6" t="s">
        <v>18</v>
      </c>
      <c r="G6570" s="6" t="s">
        <v>13260</v>
      </c>
      <c r="H6570" s="6" t="s">
        <v>13261</v>
      </c>
      <c r="I6570" s="7">
        <v>4.600517</v>
      </c>
      <c r="J6570" s="8">
        <v>-74.181525399999998</v>
      </c>
    </row>
    <row r="6571" spans="1:10" x14ac:dyDescent="0.35">
      <c r="A6571" s="5" t="s">
        <v>10</v>
      </c>
      <c r="B6571" s="6">
        <v>242236</v>
      </c>
      <c r="C6571" s="6" t="s">
        <v>68</v>
      </c>
      <c r="D6571" s="6" t="s">
        <v>69</v>
      </c>
      <c r="E6571" s="6">
        <v>11001</v>
      </c>
      <c r="F6571" s="6" t="s">
        <v>18</v>
      </c>
      <c r="G6571" s="6" t="s">
        <v>13262</v>
      </c>
      <c r="H6571" s="6" t="s">
        <v>13263</v>
      </c>
      <c r="I6571" s="7">
        <v>4.7547481999999999</v>
      </c>
      <c r="J6571" s="8">
        <v>-74.047052600000001</v>
      </c>
    </row>
    <row r="6572" spans="1:10" x14ac:dyDescent="0.35">
      <c r="A6572" s="5" t="s">
        <v>10</v>
      </c>
      <c r="B6572" s="6">
        <v>236384</v>
      </c>
      <c r="C6572" s="6" t="s">
        <v>11</v>
      </c>
      <c r="D6572" s="6" t="s">
        <v>12</v>
      </c>
      <c r="E6572" s="6">
        <v>25899</v>
      </c>
      <c r="F6572" s="6" t="s">
        <v>18</v>
      </c>
      <c r="G6572" s="6" t="s">
        <v>13264</v>
      </c>
      <c r="H6572" s="6" t="s">
        <v>13265</v>
      </c>
      <c r="I6572" s="7">
        <v>5.0221942000000004</v>
      </c>
      <c r="J6572" s="8">
        <v>-74.002439100000004</v>
      </c>
    </row>
    <row r="6573" spans="1:10" x14ac:dyDescent="0.35">
      <c r="A6573" s="5" t="s">
        <v>10</v>
      </c>
      <c r="B6573" s="6">
        <v>237224</v>
      </c>
      <c r="C6573" s="6" t="s">
        <v>190</v>
      </c>
      <c r="D6573" s="6" t="s">
        <v>13266</v>
      </c>
      <c r="E6573" s="6">
        <v>5034</v>
      </c>
      <c r="F6573" s="6" t="s">
        <v>18</v>
      </c>
      <c r="G6573" s="6" t="s">
        <v>13267</v>
      </c>
      <c r="H6573" s="6" t="s">
        <v>13268</v>
      </c>
      <c r="I6573" s="7">
        <v>5.6565098999999996</v>
      </c>
      <c r="J6573" s="8">
        <v>-75.878273300000004</v>
      </c>
    </row>
    <row r="6574" spans="1:10" x14ac:dyDescent="0.35">
      <c r="A6574" s="5" t="s">
        <v>10</v>
      </c>
      <c r="B6574" s="6">
        <v>190059</v>
      </c>
      <c r="C6574" s="6" t="s">
        <v>55</v>
      </c>
      <c r="D6574" s="6" t="s">
        <v>5655</v>
      </c>
      <c r="E6574" s="6">
        <v>73168</v>
      </c>
      <c r="F6574" s="6" t="s">
        <v>13</v>
      </c>
      <c r="G6574" s="6" t="s">
        <v>12374</v>
      </c>
      <c r="H6574" s="6" t="s">
        <v>13269</v>
      </c>
      <c r="I6574" s="7">
        <v>3.7243719999999998</v>
      </c>
      <c r="J6574" s="8">
        <v>-75.484738100000001</v>
      </c>
    </row>
    <row r="6575" spans="1:10" x14ac:dyDescent="0.35">
      <c r="A6575" s="5" t="s">
        <v>10</v>
      </c>
      <c r="B6575" s="6">
        <v>206170</v>
      </c>
      <c r="C6575" s="6" t="s">
        <v>11</v>
      </c>
      <c r="D6575" s="6" t="s">
        <v>334</v>
      </c>
      <c r="E6575" s="6">
        <v>25754</v>
      </c>
      <c r="F6575" s="6" t="s">
        <v>13</v>
      </c>
      <c r="G6575" s="6" t="s">
        <v>13270</v>
      </c>
      <c r="H6575" s="6" t="s">
        <v>13271</v>
      </c>
      <c r="I6575" s="7">
        <v>4.5780462999999996</v>
      </c>
      <c r="J6575" s="8">
        <v>-74.2008486</v>
      </c>
    </row>
    <row r="6576" spans="1:10" x14ac:dyDescent="0.35">
      <c r="A6576" s="5" t="s">
        <v>10</v>
      </c>
      <c r="B6576" s="6">
        <v>181057</v>
      </c>
      <c r="C6576" s="6" t="s">
        <v>109</v>
      </c>
      <c r="D6576" s="6" t="s">
        <v>658</v>
      </c>
      <c r="E6576" s="6">
        <v>13836</v>
      </c>
      <c r="F6576" s="6" t="s">
        <v>18</v>
      </c>
      <c r="G6576" s="6" t="s">
        <v>13272</v>
      </c>
      <c r="H6576" s="6" t="s">
        <v>13273</v>
      </c>
      <c r="I6576" s="7">
        <v>10.334638</v>
      </c>
      <c r="J6576" s="8">
        <v>-75.412672000000001</v>
      </c>
    </row>
    <row r="6577" spans="1:10" x14ac:dyDescent="0.35">
      <c r="A6577" s="5" t="s">
        <v>10</v>
      </c>
      <c r="B6577" s="6">
        <v>241172</v>
      </c>
      <c r="C6577" s="6" t="s">
        <v>117</v>
      </c>
      <c r="D6577" s="6" t="s">
        <v>1334</v>
      </c>
      <c r="E6577" s="6">
        <v>76001</v>
      </c>
      <c r="F6577" s="6" t="s">
        <v>18</v>
      </c>
      <c r="G6577" s="6" t="s">
        <v>13274</v>
      </c>
      <c r="H6577" s="6" t="s">
        <v>13275</v>
      </c>
      <c r="I6577" s="7">
        <v>3.3983208999999999</v>
      </c>
      <c r="J6577" s="8">
        <v>-76.548146099999997</v>
      </c>
    </row>
    <row r="6578" spans="1:10" x14ac:dyDescent="0.35">
      <c r="A6578" s="5" t="s">
        <v>10</v>
      </c>
      <c r="B6578" s="6">
        <v>226612</v>
      </c>
      <c r="C6578" s="6" t="s">
        <v>117</v>
      </c>
      <c r="D6578" s="6" t="s">
        <v>12447</v>
      </c>
      <c r="E6578" s="6">
        <v>76248</v>
      </c>
      <c r="F6578" s="6" t="s">
        <v>18</v>
      </c>
      <c r="G6578" s="6" t="s">
        <v>13276</v>
      </c>
      <c r="H6578" s="6" t="s">
        <v>13277</v>
      </c>
      <c r="I6578" s="7">
        <v>3.6840839999999999</v>
      </c>
      <c r="J6578" s="8">
        <v>-76.312995999999998</v>
      </c>
    </row>
    <row r="6579" spans="1:10" x14ac:dyDescent="0.35">
      <c r="A6579" s="5" t="s">
        <v>10</v>
      </c>
      <c r="B6579" s="6">
        <v>241010</v>
      </c>
      <c r="C6579" s="6" t="s">
        <v>117</v>
      </c>
      <c r="D6579" s="6" t="s">
        <v>1334</v>
      </c>
      <c r="E6579" s="6">
        <v>76001</v>
      </c>
      <c r="F6579" s="6" t="s">
        <v>18</v>
      </c>
      <c r="G6579" s="6" t="s">
        <v>13278</v>
      </c>
      <c r="H6579" s="6" t="s">
        <v>13279</v>
      </c>
      <c r="I6579" s="7">
        <v>3.4750326999999999</v>
      </c>
      <c r="J6579" s="8">
        <v>-76.5172314</v>
      </c>
    </row>
    <row r="6580" spans="1:10" x14ac:dyDescent="0.35">
      <c r="A6580" s="5" t="s">
        <v>10</v>
      </c>
      <c r="B6580" s="6">
        <v>118015</v>
      </c>
      <c r="C6580" s="6" t="s">
        <v>190</v>
      </c>
      <c r="D6580" s="6" t="s">
        <v>13266</v>
      </c>
      <c r="E6580" s="6">
        <v>5034</v>
      </c>
      <c r="F6580" s="6" t="s">
        <v>18</v>
      </c>
      <c r="G6580" s="6" t="s">
        <v>13280</v>
      </c>
      <c r="H6580" s="6" t="s">
        <v>13281</v>
      </c>
      <c r="I6580" s="7">
        <v>5.6559914999999998</v>
      </c>
      <c r="J6580" s="8">
        <v>-75.878035800000006</v>
      </c>
    </row>
    <row r="6581" spans="1:10" x14ac:dyDescent="0.35">
      <c r="A6581" s="5" t="s">
        <v>10</v>
      </c>
      <c r="B6581" s="6">
        <v>232999</v>
      </c>
      <c r="C6581" s="6" t="s">
        <v>190</v>
      </c>
      <c r="D6581" s="6" t="s">
        <v>4063</v>
      </c>
      <c r="E6581" s="6">
        <v>5088</v>
      </c>
      <c r="F6581" s="6" t="s">
        <v>18</v>
      </c>
      <c r="G6581" s="6" t="s">
        <v>13282</v>
      </c>
      <c r="H6581" s="6" t="s">
        <v>13283</v>
      </c>
      <c r="I6581" s="7">
        <v>6.3286419</v>
      </c>
      <c r="J6581" s="8">
        <v>-75.563626999999997</v>
      </c>
    </row>
    <row r="6582" spans="1:10" x14ac:dyDescent="0.35">
      <c r="A6582" s="5" t="s">
        <v>10</v>
      </c>
      <c r="B6582" s="6">
        <v>163853</v>
      </c>
      <c r="C6582" s="6" t="s">
        <v>68</v>
      </c>
      <c r="D6582" s="6" t="s">
        <v>69</v>
      </c>
      <c r="E6582" s="6">
        <v>11001</v>
      </c>
      <c r="F6582" s="6" t="s">
        <v>18</v>
      </c>
      <c r="G6582" s="6" t="s">
        <v>13284</v>
      </c>
      <c r="H6582" s="6" t="s">
        <v>13285</v>
      </c>
      <c r="I6582" s="7">
        <v>4.5925381999999999</v>
      </c>
      <c r="J6582" s="8">
        <v>-74.095120100000003</v>
      </c>
    </row>
    <row r="6583" spans="1:10" x14ac:dyDescent="0.35">
      <c r="A6583" s="5" t="s">
        <v>10</v>
      </c>
      <c r="B6583" s="6">
        <v>225461</v>
      </c>
      <c r="C6583" s="6" t="s">
        <v>68</v>
      </c>
      <c r="D6583" s="6" t="s">
        <v>69</v>
      </c>
      <c r="E6583" s="6">
        <v>11001</v>
      </c>
      <c r="F6583" s="6" t="s">
        <v>18</v>
      </c>
      <c r="G6583" s="6" t="s">
        <v>13286</v>
      </c>
      <c r="H6583" s="6" t="s">
        <v>13287</v>
      </c>
      <c r="I6583" s="7">
        <v>4.5850549999999997</v>
      </c>
      <c r="J6583" s="8">
        <v>-74.102395099999995</v>
      </c>
    </row>
    <row r="6584" spans="1:10" x14ac:dyDescent="0.35">
      <c r="A6584" s="5" t="s">
        <v>10</v>
      </c>
      <c r="B6584" s="6">
        <v>227702</v>
      </c>
      <c r="C6584" s="6" t="s">
        <v>68</v>
      </c>
      <c r="D6584" s="6" t="s">
        <v>69</v>
      </c>
      <c r="E6584" s="6">
        <v>11001</v>
      </c>
      <c r="F6584" s="6" t="s">
        <v>18</v>
      </c>
      <c r="G6584" s="6" t="s">
        <v>13288</v>
      </c>
      <c r="H6584" s="6" t="s">
        <v>13289</v>
      </c>
      <c r="I6584" s="7">
        <v>4.7092480999999999</v>
      </c>
      <c r="J6584" s="8">
        <v>-74.094553899999994</v>
      </c>
    </row>
    <row r="6585" spans="1:10" x14ac:dyDescent="0.35">
      <c r="A6585" s="5" t="s">
        <v>10</v>
      </c>
      <c r="B6585" s="6">
        <v>238852</v>
      </c>
      <c r="C6585" s="6" t="s">
        <v>68</v>
      </c>
      <c r="D6585" s="6" t="s">
        <v>69</v>
      </c>
      <c r="E6585" s="6">
        <v>11001</v>
      </c>
      <c r="F6585" s="6" t="s">
        <v>18</v>
      </c>
      <c r="G6585" s="6" t="s">
        <v>13290</v>
      </c>
      <c r="H6585" s="6" t="s">
        <v>13291</v>
      </c>
      <c r="I6585" s="7">
        <v>4.7586803</v>
      </c>
      <c r="J6585" s="8">
        <v>-74.0502781</v>
      </c>
    </row>
    <row r="6586" spans="1:10" x14ac:dyDescent="0.35">
      <c r="A6586" s="5" t="s">
        <v>10</v>
      </c>
      <c r="B6586" s="6">
        <v>248681</v>
      </c>
      <c r="C6586" s="6" t="s">
        <v>68</v>
      </c>
      <c r="D6586" s="6" t="s">
        <v>69</v>
      </c>
      <c r="E6586" s="6">
        <v>11001</v>
      </c>
      <c r="F6586" s="6" t="s">
        <v>18</v>
      </c>
      <c r="G6586" s="6" t="s">
        <v>13292</v>
      </c>
      <c r="H6586" s="6" t="s">
        <v>13293</v>
      </c>
      <c r="I6586" s="7">
        <v>4.7024248000000002</v>
      </c>
      <c r="J6586" s="8">
        <v>-74.092157599999993</v>
      </c>
    </row>
    <row r="6587" spans="1:10" x14ac:dyDescent="0.35">
      <c r="A6587" s="5" t="s">
        <v>10</v>
      </c>
      <c r="B6587" s="6">
        <v>207106</v>
      </c>
      <c r="C6587" s="6" t="s">
        <v>68</v>
      </c>
      <c r="D6587" s="6" t="s">
        <v>69</v>
      </c>
      <c r="E6587" s="6">
        <v>11001</v>
      </c>
      <c r="F6587" s="6" t="s">
        <v>18</v>
      </c>
      <c r="G6587" s="6" t="s">
        <v>13294</v>
      </c>
      <c r="H6587" s="6" t="s">
        <v>13295</v>
      </c>
      <c r="I6587" s="7">
        <v>4.7518037999999896</v>
      </c>
      <c r="J6587" s="8">
        <v>-74.102695400000002</v>
      </c>
    </row>
    <row r="6588" spans="1:10" x14ac:dyDescent="0.35">
      <c r="A6588" s="5" t="s">
        <v>10</v>
      </c>
      <c r="B6588" s="6">
        <v>225739</v>
      </c>
      <c r="C6588" s="6" t="s">
        <v>68</v>
      </c>
      <c r="D6588" s="6" t="s">
        <v>69</v>
      </c>
      <c r="E6588" s="6">
        <v>11001</v>
      </c>
      <c r="F6588" s="6" t="s">
        <v>18</v>
      </c>
      <c r="G6588" s="6" t="s">
        <v>13296</v>
      </c>
      <c r="H6588" s="6" t="s">
        <v>13297</v>
      </c>
      <c r="I6588" s="7">
        <v>4.7162832999999997</v>
      </c>
      <c r="J6588" s="8">
        <v>-74.088023399999997</v>
      </c>
    </row>
    <row r="6589" spans="1:10" x14ac:dyDescent="0.35">
      <c r="A6589" s="5" t="s">
        <v>10</v>
      </c>
      <c r="B6589" s="6">
        <v>231309</v>
      </c>
      <c r="C6589" s="6" t="s">
        <v>68</v>
      </c>
      <c r="D6589" s="6" t="s">
        <v>69</v>
      </c>
      <c r="E6589" s="6">
        <v>11001</v>
      </c>
      <c r="F6589" s="6" t="s">
        <v>18</v>
      </c>
      <c r="G6589" s="6" t="s">
        <v>13298</v>
      </c>
      <c r="H6589" s="6" t="s">
        <v>13299</v>
      </c>
      <c r="I6589" s="7">
        <v>4.7122918</v>
      </c>
      <c r="J6589" s="8">
        <v>-74.144228799999993</v>
      </c>
    </row>
    <row r="6590" spans="1:10" x14ac:dyDescent="0.35">
      <c r="A6590" s="5" t="s">
        <v>10</v>
      </c>
      <c r="B6590" s="6">
        <v>242713</v>
      </c>
      <c r="C6590" s="6" t="s">
        <v>68</v>
      </c>
      <c r="D6590" s="6" t="s">
        <v>69</v>
      </c>
      <c r="E6590" s="6">
        <v>11001</v>
      </c>
      <c r="F6590" s="6" t="s">
        <v>18</v>
      </c>
      <c r="G6590" s="6" t="s">
        <v>13300</v>
      </c>
      <c r="H6590" s="6" t="s">
        <v>13301</v>
      </c>
      <c r="I6590" s="7">
        <v>4.5446866000000004</v>
      </c>
      <c r="J6590" s="8">
        <v>-74.162676700000006</v>
      </c>
    </row>
    <row r="6591" spans="1:10" x14ac:dyDescent="0.35">
      <c r="A6591" s="5" t="s">
        <v>10</v>
      </c>
      <c r="B6591" s="6">
        <v>207949</v>
      </c>
      <c r="C6591" s="6" t="s">
        <v>68</v>
      </c>
      <c r="D6591" s="6" t="s">
        <v>69</v>
      </c>
      <c r="E6591" s="6">
        <v>11001</v>
      </c>
      <c r="F6591" s="6" t="s">
        <v>18</v>
      </c>
      <c r="G6591" s="6" t="s">
        <v>13302</v>
      </c>
      <c r="H6591" s="6" t="s">
        <v>13303</v>
      </c>
      <c r="I6591" s="7">
        <v>4.6101424999999896</v>
      </c>
      <c r="J6591" s="8">
        <v>-74.203901099999996</v>
      </c>
    </row>
    <row r="6592" spans="1:10" x14ac:dyDescent="0.35">
      <c r="A6592" s="5" t="s">
        <v>10</v>
      </c>
      <c r="B6592" s="6">
        <v>245651</v>
      </c>
      <c r="C6592" s="6" t="s">
        <v>68</v>
      </c>
      <c r="D6592" s="6" t="s">
        <v>69</v>
      </c>
      <c r="E6592" s="6">
        <v>11001</v>
      </c>
      <c r="F6592" s="6" t="s">
        <v>18</v>
      </c>
      <c r="G6592" s="6" t="s">
        <v>13304</v>
      </c>
      <c r="H6592" s="6" t="s">
        <v>13305</v>
      </c>
      <c r="I6592" s="7">
        <v>4.4975063999999998</v>
      </c>
      <c r="J6592" s="8">
        <v>-74.111586599999995</v>
      </c>
    </row>
    <row r="6593" spans="1:10" x14ac:dyDescent="0.35">
      <c r="A6593" s="5" t="s">
        <v>10</v>
      </c>
      <c r="B6593" s="6">
        <v>214123</v>
      </c>
      <c r="C6593" s="6" t="s">
        <v>68</v>
      </c>
      <c r="D6593" s="6" t="s">
        <v>69</v>
      </c>
      <c r="E6593" s="6">
        <v>11001</v>
      </c>
      <c r="F6593" s="6" t="s">
        <v>18</v>
      </c>
      <c r="G6593" s="6" t="s">
        <v>13306</v>
      </c>
      <c r="H6593" s="6" t="s">
        <v>13307</v>
      </c>
      <c r="I6593" s="7">
        <v>4.6225506999999997</v>
      </c>
      <c r="J6593" s="8">
        <v>-74.200171400000002</v>
      </c>
    </row>
    <row r="6594" spans="1:10" x14ac:dyDescent="0.35">
      <c r="A6594" s="5" t="s">
        <v>10</v>
      </c>
      <c r="B6594" s="6">
        <v>210468</v>
      </c>
      <c r="C6594" s="6" t="s">
        <v>28</v>
      </c>
      <c r="D6594" s="6" t="s">
        <v>29</v>
      </c>
      <c r="E6594" s="6">
        <v>54001</v>
      </c>
      <c r="F6594" s="6" t="s">
        <v>13</v>
      </c>
      <c r="G6594" s="6" t="s">
        <v>13308</v>
      </c>
      <c r="H6594" s="6" t="s">
        <v>13309</v>
      </c>
      <c r="I6594" s="7">
        <v>7.9006618</v>
      </c>
      <c r="J6594" s="8">
        <v>-72.507477699999995</v>
      </c>
    </row>
    <row r="6595" spans="1:10" x14ac:dyDescent="0.35">
      <c r="A6595" s="5" t="s">
        <v>10</v>
      </c>
      <c r="B6595" s="6">
        <v>234305</v>
      </c>
      <c r="C6595" s="6" t="s">
        <v>308</v>
      </c>
      <c r="D6595" s="6" t="s">
        <v>12930</v>
      </c>
      <c r="E6595" s="6">
        <v>23068</v>
      </c>
      <c r="F6595" s="6" t="s">
        <v>13</v>
      </c>
      <c r="G6595" s="6" t="s">
        <v>13310</v>
      </c>
      <c r="H6595" s="6" t="s">
        <v>13311</v>
      </c>
      <c r="I6595" s="7">
        <v>8.7545213000000004</v>
      </c>
      <c r="J6595" s="8">
        <v>-75.881252799999999</v>
      </c>
    </row>
    <row r="6596" spans="1:10" x14ac:dyDescent="0.35">
      <c r="A6596" s="5" t="s">
        <v>10</v>
      </c>
      <c r="B6596" s="6">
        <v>213413</v>
      </c>
      <c r="C6596" s="6" t="s">
        <v>68</v>
      </c>
      <c r="D6596" s="6" t="s">
        <v>69</v>
      </c>
      <c r="E6596" s="6">
        <v>11001</v>
      </c>
      <c r="F6596" s="6" t="s">
        <v>13</v>
      </c>
      <c r="G6596" s="6" t="s">
        <v>13312</v>
      </c>
      <c r="H6596" s="6" t="s">
        <v>13313</v>
      </c>
      <c r="I6596" s="7">
        <v>4.6038516999999999</v>
      </c>
      <c r="J6596" s="8">
        <v>-74.151690500000001</v>
      </c>
    </row>
    <row r="6597" spans="1:10" x14ac:dyDescent="0.35">
      <c r="A6597" s="5" t="s">
        <v>10</v>
      </c>
      <c r="B6597" s="6">
        <v>232375</v>
      </c>
      <c r="C6597" s="6" t="s">
        <v>308</v>
      </c>
      <c r="D6597" s="6" t="s">
        <v>309</v>
      </c>
      <c r="E6597" s="6">
        <v>23001</v>
      </c>
      <c r="F6597" s="6" t="s">
        <v>13</v>
      </c>
      <c r="G6597" s="6" t="s">
        <v>13314</v>
      </c>
      <c r="H6597" s="6" t="s">
        <v>13315</v>
      </c>
      <c r="I6597" s="7">
        <v>8.7590743</v>
      </c>
      <c r="J6597" s="8">
        <v>-75.883072999999996</v>
      </c>
    </row>
    <row r="6598" spans="1:10" x14ac:dyDescent="0.35">
      <c r="A6598" s="5" t="s">
        <v>10</v>
      </c>
      <c r="B6598" s="6">
        <v>236841</v>
      </c>
      <c r="C6598" s="6" t="s">
        <v>68</v>
      </c>
      <c r="D6598" s="6" t="s">
        <v>69</v>
      </c>
      <c r="E6598" s="6">
        <v>11001</v>
      </c>
      <c r="F6598" s="6" t="s">
        <v>13</v>
      </c>
      <c r="G6598" s="6" t="s">
        <v>12374</v>
      </c>
      <c r="H6598" s="6" t="s">
        <v>13316</v>
      </c>
      <c r="I6598" s="7">
        <v>4.6472280000000001</v>
      </c>
      <c r="J6598" s="8">
        <v>-74.128680099999997</v>
      </c>
    </row>
    <row r="6599" spans="1:10" x14ac:dyDescent="0.35">
      <c r="A6599" s="5" t="s">
        <v>10</v>
      </c>
      <c r="B6599" s="6">
        <v>241067</v>
      </c>
      <c r="C6599" s="6" t="s">
        <v>117</v>
      </c>
      <c r="D6599" s="6" t="s">
        <v>1334</v>
      </c>
      <c r="E6599" s="6">
        <v>76001</v>
      </c>
      <c r="F6599" s="6" t="s">
        <v>18</v>
      </c>
      <c r="G6599" s="6" t="s">
        <v>13317</v>
      </c>
      <c r="H6599" s="6" t="s">
        <v>13318</v>
      </c>
      <c r="I6599" s="7">
        <v>3.4516467</v>
      </c>
      <c r="J6599" s="8">
        <v>-76.531985399999996</v>
      </c>
    </row>
    <row r="6600" spans="1:10" x14ac:dyDescent="0.35">
      <c r="A6600" s="5" t="s">
        <v>10</v>
      </c>
      <c r="B6600" s="6">
        <v>229517</v>
      </c>
      <c r="C6600" s="6" t="s">
        <v>117</v>
      </c>
      <c r="D6600" s="6" t="s">
        <v>1334</v>
      </c>
      <c r="E6600" s="6">
        <v>76001</v>
      </c>
      <c r="F6600" s="6" t="s">
        <v>18</v>
      </c>
      <c r="G6600" s="6" t="s">
        <v>13319</v>
      </c>
      <c r="H6600" s="6" t="s">
        <v>13320</v>
      </c>
      <c r="I6600" s="7">
        <v>3.4453642000000002</v>
      </c>
      <c r="J6600" s="8">
        <v>-76.514572599999994</v>
      </c>
    </row>
    <row r="6601" spans="1:10" x14ac:dyDescent="0.35">
      <c r="A6601" s="5" t="s">
        <v>10</v>
      </c>
      <c r="B6601" s="6">
        <v>239994</v>
      </c>
      <c r="C6601" s="6" t="s">
        <v>68</v>
      </c>
      <c r="D6601" s="6" t="s">
        <v>69</v>
      </c>
      <c r="E6601" s="6">
        <v>11001</v>
      </c>
      <c r="F6601" s="6" t="s">
        <v>18</v>
      </c>
      <c r="G6601" s="6" t="s">
        <v>13321</v>
      </c>
      <c r="H6601" s="6" t="s">
        <v>13322</v>
      </c>
      <c r="I6601" s="7">
        <v>4.7250581</v>
      </c>
      <c r="J6601" s="8">
        <v>-74.032170800000003</v>
      </c>
    </row>
    <row r="6602" spans="1:10" x14ac:dyDescent="0.35">
      <c r="A6602" s="5" t="s">
        <v>10</v>
      </c>
      <c r="B6602" s="6">
        <v>242629</v>
      </c>
      <c r="C6602" s="6" t="s">
        <v>68</v>
      </c>
      <c r="D6602" s="6" t="s">
        <v>69</v>
      </c>
      <c r="E6602" s="6">
        <v>11001</v>
      </c>
      <c r="F6602" s="6" t="s">
        <v>18</v>
      </c>
      <c r="G6602" s="6" t="s">
        <v>13323</v>
      </c>
      <c r="H6602" s="6" t="s">
        <v>13324</v>
      </c>
      <c r="I6602" s="7">
        <v>4.7028930000000004</v>
      </c>
      <c r="J6602" s="8">
        <v>-74.029618999999997</v>
      </c>
    </row>
    <row r="6603" spans="1:10" x14ac:dyDescent="0.35">
      <c r="A6603" s="5" t="s">
        <v>10</v>
      </c>
      <c r="B6603" s="6">
        <v>226588</v>
      </c>
      <c r="C6603" s="6" t="s">
        <v>68</v>
      </c>
      <c r="D6603" s="6" t="s">
        <v>69</v>
      </c>
      <c r="E6603" s="6">
        <v>11001</v>
      </c>
      <c r="F6603" s="6" t="s">
        <v>18</v>
      </c>
      <c r="G6603" s="6" t="s">
        <v>13325</v>
      </c>
      <c r="H6603" s="6" t="s">
        <v>13326</v>
      </c>
      <c r="I6603" s="7">
        <v>4.6746553999999998</v>
      </c>
      <c r="J6603" s="8">
        <v>-74.151201</v>
      </c>
    </row>
    <row r="6604" spans="1:10" x14ac:dyDescent="0.35">
      <c r="A6604" s="5" t="s">
        <v>10</v>
      </c>
      <c r="B6604" s="6">
        <v>208527</v>
      </c>
      <c r="C6604" s="6" t="s">
        <v>68</v>
      </c>
      <c r="D6604" s="6" t="s">
        <v>69</v>
      </c>
      <c r="E6604" s="6">
        <v>11001</v>
      </c>
      <c r="F6604" s="6" t="s">
        <v>18</v>
      </c>
      <c r="G6604" s="6" t="s">
        <v>13327</v>
      </c>
      <c r="H6604" s="6" t="s">
        <v>13328</v>
      </c>
      <c r="I6604" s="7">
        <v>4.6782142999999996</v>
      </c>
      <c r="J6604" s="8">
        <v>-74.093866199999994</v>
      </c>
    </row>
    <row r="6605" spans="1:10" x14ac:dyDescent="0.35">
      <c r="A6605" s="5" t="s">
        <v>10</v>
      </c>
      <c r="B6605" s="6">
        <v>226015</v>
      </c>
      <c r="C6605" s="6" t="s">
        <v>68</v>
      </c>
      <c r="D6605" s="6" t="s">
        <v>69</v>
      </c>
      <c r="E6605" s="6">
        <v>11001</v>
      </c>
      <c r="F6605" s="6" t="s">
        <v>18</v>
      </c>
      <c r="G6605" s="6" t="s">
        <v>13329</v>
      </c>
      <c r="H6605" s="6" t="s">
        <v>13330</v>
      </c>
      <c r="I6605" s="7">
        <v>4.6077313000000002</v>
      </c>
      <c r="J6605" s="8">
        <v>-74.074673599999997</v>
      </c>
    </row>
    <row r="6606" spans="1:10" x14ac:dyDescent="0.35">
      <c r="A6606" s="5" t="s">
        <v>10</v>
      </c>
      <c r="B6606" s="6">
        <v>239821</v>
      </c>
      <c r="C6606" s="6" t="s">
        <v>68</v>
      </c>
      <c r="D6606" s="6" t="s">
        <v>69</v>
      </c>
      <c r="E6606" s="6">
        <v>11001</v>
      </c>
      <c r="F6606" s="6" t="s">
        <v>18</v>
      </c>
      <c r="G6606" s="6" t="s">
        <v>13331</v>
      </c>
      <c r="H6606" s="6" t="s">
        <v>13332</v>
      </c>
      <c r="I6606" s="7">
        <v>4.7206858</v>
      </c>
      <c r="J6606" s="8">
        <v>-74.121898999999999</v>
      </c>
    </row>
    <row r="6607" spans="1:10" x14ac:dyDescent="0.35">
      <c r="A6607" s="5" t="s">
        <v>10</v>
      </c>
      <c r="B6607" s="6">
        <v>242229</v>
      </c>
      <c r="C6607" s="6" t="s">
        <v>68</v>
      </c>
      <c r="D6607" s="6" t="s">
        <v>69</v>
      </c>
      <c r="E6607" s="6">
        <v>11001</v>
      </c>
      <c r="F6607" s="6" t="s">
        <v>18</v>
      </c>
      <c r="G6607" s="6" t="s">
        <v>13333</v>
      </c>
      <c r="H6607" s="6" t="s">
        <v>13334</v>
      </c>
      <c r="I6607" s="7">
        <v>4.7454818000000003</v>
      </c>
      <c r="J6607" s="8">
        <v>-74.0261335</v>
      </c>
    </row>
    <row r="6608" spans="1:10" x14ac:dyDescent="0.35">
      <c r="A6608" s="5" t="s">
        <v>10</v>
      </c>
      <c r="B6608" s="6">
        <v>200639</v>
      </c>
      <c r="C6608" s="6" t="s">
        <v>68</v>
      </c>
      <c r="D6608" s="6" t="s">
        <v>69</v>
      </c>
      <c r="E6608" s="6">
        <v>11001</v>
      </c>
      <c r="F6608" s="6" t="s">
        <v>13</v>
      </c>
      <c r="G6608" s="6" t="s">
        <v>13335</v>
      </c>
      <c r="H6608" s="6" t="s">
        <v>13336</v>
      </c>
      <c r="I6608" s="7">
        <v>4.6164880999999998</v>
      </c>
      <c r="J6608" s="8">
        <v>-74.094580199999996</v>
      </c>
    </row>
    <row r="6609" spans="1:10" x14ac:dyDescent="0.35">
      <c r="A6609" s="5" t="s">
        <v>10</v>
      </c>
      <c r="B6609" s="6">
        <v>233418</v>
      </c>
      <c r="C6609" s="6" t="s">
        <v>117</v>
      </c>
      <c r="D6609" s="6" t="s">
        <v>1334</v>
      </c>
      <c r="E6609" s="6">
        <v>76001</v>
      </c>
      <c r="F6609" s="6" t="s">
        <v>18</v>
      </c>
      <c r="G6609" s="6" t="s">
        <v>13337</v>
      </c>
      <c r="H6609" s="6" t="s">
        <v>13338</v>
      </c>
      <c r="I6609" s="7">
        <v>3.4389799999999999</v>
      </c>
      <c r="J6609" s="8">
        <v>-76.498469999999998</v>
      </c>
    </row>
    <row r="6610" spans="1:10" x14ac:dyDescent="0.35">
      <c r="A6610" s="5" t="s">
        <v>10</v>
      </c>
      <c r="B6610" s="6">
        <v>217363</v>
      </c>
      <c r="C6610" s="6" t="s">
        <v>190</v>
      </c>
      <c r="D6610" s="6" t="s">
        <v>191</v>
      </c>
      <c r="E6610" s="6">
        <v>5001</v>
      </c>
      <c r="F6610" s="6" t="s">
        <v>18</v>
      </c>
      <c r="G6610" s="6" t="s">
        <v>13339</v>
      </c>
      <c r="H6610" s="6" t="s">
        <v>13340</v>
      </c>
      <c r="I6610" s="7">
        <v>6.3039439000000002</v>
      </c>
      <c r="J6610" s="8">
        <v>-75.553132099999999</v>
      </c>
    </row>
    <row r="6611" spans="1:10" x14ac:dyDescent="0.35">
      <c r="A6611" s="5" t="s">
        <v>10</v>
      </c>
      <c r="B6611" s="6">
        <v>237411</v>
      </c>
      <c r="C6611" s="6" t="s">
        <v>190</v>
      </c>
      <c r="D6611" s="6" t="s">
        <v>191</v>
      </c>
      <c r="E6611" s="6">
        <v>5001</v>
      </c>
      <c r="F6611" s="6" t="s">
        <v>18</v>
      </c>
      <c r="G6611" s="6" t="s">
        <v>13341</v>
      </c>
      <c r="H6611" s="6" t="s">
        <v>13342</v>
      </c>
      <c r="I6611" s="7">
        <v>6.2866868</v>
      </c>
      <c r="J6611" s="8">
        <v>-75.540640400000001</v>
      </c>
    </row>
    <row r="6612" spans="1:10" x14ac:dyDescent="0.35">
      <c r="A6612" s="5" t="s">
        <v>10</v>
      </c>
      <c r="B6612" s="6">
        <v>242449</v>
      </c>
      <c r="C6612" s="6" t="s">
        <v>68</v>
      </c>
      <c r="D6612" s="6" t="s">
        <v>69</v>
      </c>
      <c r="E6612" s="6">
        <v>11001</v>
      </c>
      <c r="F6612" s="6" t="s">
        <v>18</v>
      </c>
      <c r="G6612" s="6" t="s">
        <v>13343</v>
      </c>
      <c r="H6612" s="6" t="s">
        <v>13344</v>
      </c>
      <c r="I6612" s="7">
        <v>4.7511447999999996</v>
      </c>
      <c r="J6612" s="8">
        <v>-74.092169200000001</v>
      </c>
    </row>
    <row r="6613" spans="1:10" x14ac:dyDescent="0.35">
      <c r="A6613" s="5" t="s">
        <v>10</v>
      </c>
      <c r="B6613" s="6">
        <v>206903</v>
      </c>
      <c r="C6613" s="6" t="s">
        <v>68</v>
      </c>
      <c r="D6613" s="6" t="s">
        <v>69</v>
      </c>
      <c r="E6613" s="6">
        <v>11001</v>
      </c>
      <c r="F6613" s="6" t="s">
        <v>18</v>
      </c>
      <c r="G6613" s="6" t="s">
        <v>13345</v>
      </c>
      <c r="H6613" s="6" t="s">
        <v>13346</v>
      </c>
      <c r="I6613" s="7">
        <v>4.7335693000000001</v>
      </c>
      <c r="J6613" s="8">
        <v>-74.098382299999997</v>
      </c>
    </row>
    <row r="6614" spans="1:10" x14ac:dyDescent="0.35">
      <c r="A6614" s="5" t="s">
        <v>10</v>
      </c>
      <c r="B6614" s="6">
        <v>209078</v>
      </c>
      <c r="C6614" s="6" t="s">
        <v>68</v>
      </c>
      <c r="D6614" s="6" t="s">
        <v>69</v>
      </c>
      <c r="E6614" s="6">
        <v>11001</v>
      </c>
      <c r="F6614" s="6" t="s">
        <v>18</v>
      </c>
      <c r="G6614" s="6" t="s">
        <v>13347</v>
      </c>
      <c r="H6614" s="6" t="s">
        <v>13348</v>
      </c>
      <c r="I6614" s="7">
        <v>4.7265891</v>
      </c>
      <c r="J6614" s="8">
        <v>-74.035304799999906</v>
      </c>
    </row>
    <row r="6615" spans="1:10" x14ac:dyDescent="0.35">
      <c r="A6615" s="5" t="s">
        <v>10</v>
      </c>
      <c r="B6615" s="6">
        <v>209573</v>
      </c>
      <c r="C6615" s="6" t="s">
        <v>68</v>
      </c>
      <c r="D6615" s="6" t="s">
        <v>69</v>
      </c>
      <c r="E6615" s="6">
        <v>11001</v>
      </c>
      <c r="F6615" s="6" t="s">
        <v>18</v>
      </c>
      <c r="G6615" s="6" t="s">
        <v>13349</v>
      </c>
      <c r="H6615" s="6" t="s">
        <v>13350</v>
      </c>
      <c r="I6615" s="7">
        <v>4.7003211</v>
      </c>
      <c r="J6615" s="8">
        <v>-74.124986199999995</v>
      </c>
    </row>
    <row r="6616" spans="1:10" x14ac:dyDescent="0.35">
      <c r="A6616" s="5" t="s">
        <v>10</v>
      </c>
      <c r="B6616" s="6">
        <v>229527</v>
      </c>
      <c r="C6616" s="6" t="s">
        <v>68</v>
      </c>
      <c r="D6616" s="6" t="s">
        <v>69</v>
      </c>
      <c r="E6616" s="6">
        <v>11001</v>
      </c>
      <c r="F6616" s="6" t="s">
        <v>18</v>
      </c>
      <c r="G6616" s="6" t="s">
        <v>13351</v>
      </c>
      <c r="H6616" s="6" t="s">
        <v>13352</v>
      </c>
      <c r="I6616" s="7">
        <v>4.6004877000000004</v>
      </c>
      <c r="J6616" s="8">
        <v>-74.0800208</v>
      </c>
    </row>
    <row r="6617" spans="1:10" x14ac:dyDescent="0.35">
      <c r="A6617" s="5" t="s">
        <v>10</v>
      </c>
      <c r="B6617" s="6">
        <v>242307</v>
      </c>
      <c r="C6617" s="6" t="s">
        <v>68</v>
      </c>
      <c r="D6617" s="6" t="s">
        <v>69</v>
      </c>
      <c r="E6617" s="6">
        <v>11001</v>
      </c>
      <c r="F6617" s="6" t="s">
        <v>18</v>
      </c>
      <c r="G6617" s="6" t="s">
        <v>13353</v>
      </c>
      <c r="H6617" s="6" t="s">
        <v>13354</v>
      </c>
      <c r="I6617" s="7">
        <v>4.6350332999999999</v>
      </c>
      <c r="J6617" s="8">
        <v>-74.183281100000002</v>
      </c>
    </row>
    <row r="6618" spans="1:10" x14ac:dyDescent="0.35">
      <c r="A6618" s="5" t="s">
        <v>10</v>
      </c>
      <c r="B6618" s="6">
        <v>208776</v>
      </c>
      <c r="C6618" s="6" t="s">
        <v>68</v>
      </c>
      <c r="D6618" s="6" t="s">
        <v>69</v>
      </c>
      <c r="E6618" s="6">
        <v>11001</v>
      </c>
      <c r="F6618" s="6" t="s">
        <v>18</v>
      </c>
      <c r="G6618" s="6" t="s">
        <v>13355</v>
      </c>
      <c r="H6618" s="6" t="s">
        <v>13356</v>
      </c>
      <c r="I6618" s="7">
        <v>4.5049193999999897</v>
      </c>
      <c r="J6618" s="8">
        <v>-74.108580000000003</v>
      </c>
    </row>
    <row r="6619" spans="1:10" x14ac:dyDescent="0.35">
      <c r="A6619" s="5" t="s">
        <v>10</v>
      </c>
      <c r="B6619" s="6">
        <v>235791</v>
      </c>
      <c r="C6619" s="6" t="s">
        <v>68</v>
      </c>
      <c r="D6619" s="6" t="s">
        <v>69</v>
      </c>
      <c r="E6619" s="6">
        <v>11001</v>
      </c>
      <c r="F6619" s="6" t="s">
        <v>18</v>
      </c>
      <c r="G6619" s="6" t="s">
        <v>13357</v>
      </c>
      <c r="H6619" s="6" t="s">
        <v>13358</v>
      </c>
      <c r="I6619" s="7">
        <v>4.4996416000000004</v>
      </c>
      <c r="J6619" s="8">
        <v>-74.102425199999999</v>
      </c>
    </row>
    <row r="6620" spans="1:10" x14ac:dyDescent="0.35">
      <c r="A6620" s="5" t="s">
        <v>10</v>
      </c>
      <c r="B6620" s="6">
        <v>239157</v>
      </c>
      <c r="C6620" s="6" t="s">
        <v>68</v>
      </c>
      <c r="D6620" s="6" t="s">
        <v>69</v>
      </c>
      <c r="E6620" s="6">
        <v>11001</v>
      </c>
      <c r="F6620" s="6" t="s">
        <v>18</v>
      </c>
      <c r="G6620" s="6" t="s">
        <v>13359</v>
      </c>
      <c r="H6620" s="6" t="s">
        <v>13360</v>
      </c>
      <c r="I6620" s="7">
        <v>4.5324584000000003</v>
      </c>
      <c r="J6620" s="8">
        <v>-74.086877799999996</v>
      </c>
    </row>
    <row r="6621" spans="1:10" x14ac:dyDescent="0.35">
      <c r="A6621" s="5" t="s">
        <v>10</v>
      </c>
      <c r="B6621" s="6">
        <v>239817</v>
      </c>
      <c r="C6621" s="6" t="s">
        <v>2130</v>
      </c>
      <c r="D6621" s="6" t="s">
        <v>2131</v>
      </c>
      <c r="E6621" s="6">
        <v>85001</v>
      </c>
      <c r="F6621" s="6" t="s">
        <v>18</v>
      </c>
      <c r="G6621" s="6" t="s">
        <v>13361</v>
      </c>
      <c r="H6621" s="6" t="s">
        <v>13362</v>
      </c>
      <c r="I6621" s="7">
        <v>5.3003385999999999</v>
      </c>
      <c r="J6621" s="8">
        <v>-72.410758799999996</v>
      </c>
    </row>
    <row r="6622" spans="1:10" x14ac:dyDescent="0.35">
      <c r="A6622" s="5" t="s">
        <v>10</v>
      </c>
      <c r="B6622" s="6">
        <v>149520</v>
      </c>
      <c r="C6622" s="6" t="s">
        <v>190</v>
      </c>
      <c r="D6622" s="6" t="s">
        <v>13363</v>
      </c>
      <c r="E6622" s="6">
        <v>5890</v>
      </c>
      <c r="F6622" s="6" t="s">
        <v>18</v>
      </c>
      <c r="G6622" s="6" t="s">
        <v>13364</v>
      </c>
      <c r="H6622" s="6" t="s">
        <v>13365</v>
      </c>
      <c r="I6622" s="7">
        <v>6.5984425999999896</v>
      </c>
      <c r="J6622" s="8">
        <v>-75.011181499999907</v>
      </c>
    </row>
    <row r="6623" spans="1:10" x14ac:dyDescent="0.35">
      <c r="A6623" s="5" t="s">
        <v>10</v>
      </c>
      <c r="B6623" s="6">
        <v>188661</v>
      </c>
      <c r="C6623" s="6" t="s">
        <v>28</v>
      </c>
      <c r="D6623" s="6" t="s">
        <v>29</v>
      </c>
      <c r="E6623" s="6">
        <v>54001</v>
      </c>
      <c r="F6623" s="6" t="s">
        <v>13</v>
      </c>
      <c r="G6623" s="6" t="s">
        <v>13366</v>
      </c>
      <c r="H6623" s="6" t="s">
        <v>13367</v>
      </c>
      <c r="I6623" s="7">
        <v>7.8849932999999996</v>
      </c>
      <c r="J6623" s="8">
        <v>-72.505005100000005</v>
      </c>
    </row>
    <row r="6624" spans="1:10" x14ac:dyDescent="0.35">
      <c r="A6624" s="5" t="s">
        <v>10</v>
      </c>
      <c r="B6624" s="6">
        <v>240952</v>
      </c>
      <c r="C6624" s="6" t="s">
        <v>117</v>
      </c>
      <c r="D6624" s="6" t="s">
        <v>1334</v>
      </c>
      <c r="E6624" s="6">
        <v>76001</v>
      </c>
      <c r="F6624" s="6" t="s">
        <v>18</v>
      </c>
      <c r="G6624" s="6" t="s">
        <v>13368</v>
      </c>
      <c r="H6624" s="6" t="s">
        <v>13369</v>
      </c>
      <c r="I6624" s="7">
        <v>3.4480412999999999</v>
      </c>
      <c r="J6624" s="8">
        <v>-76.531187399999993</v>
      </c>
    </row>
    <row r="6625" spans="1:10" x14ac:dyDescent="0.35">
      <c r="A6625" s="5" t="s">
        <v>10</v>
      </c>
      <c r="B6625" s="6">
        <v>229564</v>
      </c>
      <c r="C6625" s="6" t="s">
        <v>117</v>
      </c>
      <c r="D6625" s="6" t="s">
        <v>12206</v>
      </c>
      <c r="E6625" s="6">
        <v>76845</v>
      </c>
      <c r="F6625" s="6" t="s">
        <v>18</v>
      </c>
      <c r="G6625" s="6" t="s">
        <v>13370</v>
      </c>
      <c r="H6625" s="6" t="s">
        <v>13371</v>
      </c>
      <c r="I6625" s="7">
        <v>4.7516901999999996</v>
      </c>
      <c r="J6625" s="8">
        <v>-75.907015999999999</v>
      </c>
    </row>
    <row r="6626" spans="1:10" x14ac:dyDescent="0.35">
      <c r="A6626" s="5" t="s">
        <v>10</v>
      </c>
      <c r="B6626" s="6">
        <v>235938</v>
      </c>
      <c r="C6626" s="6" t="s">
        <v>190</v>
      </c>
      <c r="D6626" s="6" t="s">
        <v>12675</v>
      </c>
      <c r="E6626" s="6">
        <v>5686</v>
      </c>
      <c r="F6626" s="6" t="s">
        <v>18</v>
      </c>
      <c r="G6626" s="6" t="s">
        <v>12676</v>
      </c>
      <c r="H6626" s="6" t="s">
        <v>12677</v>
      </c>
      <c r="I6626" s="7">
        <v>6.6484617000000004</v>
      </c>
      <c r="J6626" s="8">
        <v>-75.459379999999996</v>
      </c>
    </row>
    <row r="6627" spans="1:10" x14ac:dyDescent="0.35">
      <c r="A6627" s="5" t="s">
        <v>10</v>
      </c>
      <c r="B6627" s="6">
        <v>232610</v>
      </c>
      <c r="C6627" s="6" t="s">
        <v>190</v>
      </c>
      <c r="D6627" s="6" t="s">
        <v>11740</v>
      </c>
      <c r="E6627" s="6">
        <v>5376</v>
      </c>
      <c r="F6627" s="6" t="s">
        <v>18</v>
      </c>
      <c r="G6627" s="6" t="s">
        <v>13372</v>
      </c>
      <c r="H6627" s="6" t="s">
        <v>13373</v>
      </c>
      <c r="I6627" s="7">
        <v>6.0224466999999997</v>
      </c>
      <c r="J6627" s="8">
        <v>-75.435637</v>
      </c>
    </row>
    <row r="6628" spans="1:10" x14ac:dyDescent="0.35">
      <c r="A6628" s="5" t="s">
        <v>10</v>
      </c>
      <c r="B6628" s="6">
        <v>201866</v>
      </c>
      <c r="C6628" s="6" t="s">
        <v>68</v>
      </c>
      <c r="D6628" s="6" t="s">
        <v>69</v>
      </c>
      <c r="E6628" s="6">
        <v>11001</v>
      </c>
      <c r="F6628" s="6" t="s">
        <v>18</v>
      </c>
      <c r="G6628" s="6" t="s">
        <v>13374</v>
      </c>
      <c r="H6628" s="6" t="s">
        <v>13375</v>
      </c>
      <c r="I6628" s="7">
        <v>4.6283268</v>
      </c>
      <c r="J6628" s="8">
        <v>-74.163631299999906</v>
      </c>
    </row>
    <row r="6629" spans="1:10" x14ac:dyDescent="0.35">
      <c r="A6629" s="5" t="s">
        <v>10</v>
      </c>
      <c r="B6629" s="6">
        <v>215240</v>
      </c>
      <c r="C6629" s="6" t="s">
        <v>68</v>
      </c>
      <c r="D6629" s="6" t="s">
        <v>69</v>
      </c>
      <c r="E6629" s="6">
        <v>11001</v>
      </c>
      <c r="F6629" s="6" t="s">
        <v>18</v>
      </c>
      <c r="G6629" s="6" t="s">
        <v>13376</v>
      </c>
      <c r="H6629" s="6" t="s">
        <v>13377</v>
      </c>
      <c r="I6629" s="7">
        <v>4.5485945999999897</v>
      </c>
      <c r="J6629" s="8">
        <v>-74.109881999999999</v>
      </c>
    </row>
    <row r="6630" spans="1:10" x14ac:dyDescent="0.35">
      <c r="A6630" s="5" t="s">
        <v>10</v>
      </c>
      <c r="B6630" s="6">
        <v>247466</v>
      </c>
      <c r="C6630" s="6" t="s">
        <v>68</v>
      </c>
      <c r="D6630" s="6" t="s">
        <v>69</v>
      </c>
      <c r="E6630" s="6">
        <v>11001</v>
      </c>
      <c r="F6630" s="6" t="s">
        <v>18</v>
      </c>
      <c r="G6630" s="6" t="s">
        <v>10104</v>
      </c>
      <c r="H6630" s="6" t="s">
        <v>13378</v>
      </c>
      <c r="I6630" s="7">
        <v>4.6097920999999999</v>
      </c>
      <c r="J6630" s="8">
        <v>-74.207928800000005</v>
      </c>
    </row>
    <row r="6631" spans="1:10" x14ac:dyDescent="0.35">
      <c r="A6631" s="5" t="s">
        <v>10</v>
      </c>
      <c r="B6631" s="6">
        <v>210906</v>
      </c>
      <c r="C6631" s="6" t="s">
        <v>68</v>
      </c>
      <c r="D6631" s="6" t="s">
        <v>69</v>
      </c>
      <c r="E6631" s="6">
        <v>11001</v>
      </c>
      <c r="F6631" s="6" t="s">
        <v>18</v>
      </c>
      <c r="G6631" s="6" t="s">
        <v>13379</v>
      </c>
      <c r="H6631" s="6" t="s">
        <v>13380</v>
      </c>
      <c r="I6631" s="7">
        <v>4.6261406999999997</v>
      </c>
      <c r="J6631" s="8">
        <v>-74.071759200000002</v>
      </c>
    </row>
    <row r="6632" spans="1:10" x14ac:dyDescent="0.35">
      <c r="A6632" s="5" t="s">
        <v>10</v>
      </c>
      <c r="B6632" s="6">
        <v>248666</v>
      </c>
      <c r="C6632" s="6" t="s">
        <v>68</v>
      </c>
      <c r="D6632" s="6" t="s">
        <v>69</v>
      </c>
      <c r="E6632" s="6">
        <v>11001</v>
      </c>
      <c r="F6632" s="6" t="s">
        <v>18</v>
      </c>
      <c r="G6632" s="6" t="s">
        <v>13381</v>
      </c>
      <c r="H6632" s="6" t="s">
        <v>13382</v>
      </c>
      <c r="I6632" s="7">
        <v>4.6391285</v>
      </c>
      <c r="J6632" s="8">
        <v>-74.169307500000002</v>
      </c>
    </row>
    <row r="6633" spans="1:10" x14ac:dyDescent="0.35">
      <c r="A6633" s="5" t="s">
        <v>10</v>
      </c>
      <c r="B6633" s="6">
        <v>205394</v>
      </c>
      <c r="C6633" s="6" t="s">
        <v>68</v>
      </c>
      <c r="D6633" s="6" t="s">
        <v>69</v>
      </c>
      <c r="E6633" s="6">
        <v>11001</v>
      </c>
      <c r="F6633" s="6" t="s">
        <v>18</v>
      </c>
      <c r="G6633" s="6" t="s">
        <v>13383</v>
      </c>
      <c r="H6633" s="6" t="s">
        <v>13384</v>
      </c>
      <c r="I6633" s="7">
        <v>4.5625486999999998</v>
      </c>
      <c r="J6633" s="8">
        <v>-74.112560299999998</v>
      </c>
    </row>
    <row r="6634" spans="1:10" x14ac:dyDescent="0.35">
      <c r="A6634" s="5" t="s">
        <v>10</v>
      </c>
      <c r="B6634" s="6">
        <v>215928</v>
      </c>
      <c r="C6634" s="6" t="s">
        <v>68</v>
      </c>
      <c r="D6634" s="6" t="s">
        <v>69</v>
      </c>
      <c r="E6634" s="6">
        <v>11001</v>
      </c>
      <c r="F6634" s="6" t="s">
        <v>18</v>
      </c>
      <c r="G6634" s="6" t="s">
        <v>13385</v>
      </c>
      <c r="H6634" s="6" t="s">
        <v>13386</v>
      </c>
      <c r="I6634" s="7">
        <v>4.7415314999999998</v>
      </c>
      <c r="J6634" s="8">
        <v>-74.098085699999999</v>
      </c>
    </row>
    <row r="6635" spans="1:10" x14ac:dyDescent="0.35">
      <c r="A6635" s="5" t="s">
        <v>10</v>
      </c>
      <c r="B6635" s="6">
        <v>209473</v>
      </c>
      <c r="C6635" s="6" t="s">
        <v>68</v>
      </c>
      <c r="D6635" s="6" t="s">
        <v>69</v>
      </c>
      <c r="E6635" s="6">
        <v>11001</v>
      </c>
      <c r="F6635" s="6" t="s">
        <v>18</v>
      </c>
      <c r="G6635" s="6" t="s">
        <v>13387</v>
      </c>
      <c r="H6635" s="6" t="s">
        <v>13388</v>
      </c>
      <c r="I6635" s="7">
        <v>4.5763048</v>
      </c>
      <c r="J6635" s="8">
        <v>-74.076194400000006</v>
      </c>
    </row>
    <row r="6636" spans="1:10" x14ac:dyDescent="0.35">
      <c r="A6636" s="5" t="s">
        <v>10</v>
      </c>
      <c r="B6636" s="6">
        <v>236500</v>
      </c>
      <c r="C6636" s="6" t="s">
        <v>68</v>
      </c>
      <c r="D6636" s="6" t="s">
        <v>69</v>
      </c>
      <c r="E6636" s="6">
        <v>11001</v>
      </c>
      <c r="F6636" s="6" t="s">
        <v>18</v>
      </c>
      <c r="G6636" s="6" t="s">
        <v>13389</v>
      </c>
      <c r="H6636" s="6" t="s">
        <v>13390</v>
      </c>
      <c r="I6636" s="7">
        <v>4.6432342999999996</v>
      </c>
      <c r="J6636" s="8">
        <v>-74.062647100000007</v>
      </c>
    </row>
    <row r="6637" spans="1:10" x14ac:dyDescent="0.35">
      <c r="A6637" s="5" t="s">
        <v>10</v>
      </c>
      <c r="B6637" s="6">
        <v>232914</v>
      </c>
      <c r="C6637" s="6" t="s">
        <v>68</v>
      </c>
      <c r="D6637" s="6" t="s">
        <v>69</v>
      </c>
      <c r="E6637" s="6">
        <v>11001</v>
      </c>
      <c r="F6637" s="6" t="s">
        <v>18</v>
      </c>
      <c r="G6637" s="6" t="s">
        <v>13391</v>
      </c>
      <c r="H6637" s="6" t="s">
        <v>13392</v>
      </c>
      <c r="I6637" s="7">
        <v>4.5153699999999999</v>
      </c>
      <c r="J6637" s="8">
        <v>-74.117099999999994</v>
      </c>
    </row>
    <row r="6638" spans="1:10" x14ac:dyDescent="0.35">
      <c r="A6638" s="5" t="s">
        <v>10</v>
      </c>
      <c r="B6638" s="6">
        <v>190092</v>
      </c>
      <c r="C6638" s="6" t="s">
        <v>11</v>
      </c>
      <c r="D6638" s="6" t="s">
        <v>156</v>
      </c>
      <c r="E6638" s="6">
        <v>25815</v>
      </c>
      <c r="F6638" s="6" t="s">
        <v>13</v>
      </c>
      <c r="G6638" s="6" t="s">
        <v>12374</v>
      </c>
      <c r="H6638" s="6" t="s">
        <v>13393</v>
      </c>
      <c r="I6638" s="7">
        <v>4.4603729999999997</v>
      </c>
      <c r="J6638" s="8">
        <v>-74.663464000000005</v>
      </c>
    </row>
    <row r="6639" spans="1:10" x14ac:dyDescent="0.35">
      <c r="A6639" s="5" t="s">
        <v>10</v>
      </c>
      <c r="B6639" s="6">
        <v>191382</v>
      </c>
      <c r="C6639" s="6" t="s">
        <v>68</v>
      </c>
      <c r="D6639" s="6" t="s">
        <v>69</v>
      </c>
      <c r="E6639" s="6">
        <v>11001</v>
      </c>
      <c r="F6639" s="6" t="s">
        <v>13</v>
      </c>
      <c r="G6639" s="6" t="s">
        <v>13394</v>
      </c>
      <c r="H6639" s="6" t="s">
        <v>13395</v>
      </c>
      <c r="I6639" s="7">
        <v>4.6574049000000004</v>
      </c>
      <c r="J6639" s="8">
        <v>-74.060200699999996</v>
      </c>
    </row>
    <row r="6640" spans="1:10" x14ac:dyDescent="0.35">
      <c r="A6640" s="5" t="s">
        <v>10</v>
      </c>
      <c r="B6640" s="6">
        <v>234298</v>
      </c>
      <c r="C6640" s="6" t="s">
        <v>117</v>
      </c>
      <c r="D6640" s="6" t="s">
        <v>1334</v>
      </c>
      <c r="E6640" s="6">
        <v>76001</v>
      </c>
      <c r="F6640" s="6" t="s">
        <v>18</v>
      </c>
      <c r="G6640" s="6" t="s">
        <v>13396</v>
      </c>
      <c r="H6640" s="6" t="s">
        <v>13397</v>
      </c>
      <c r="I6640" s="7">
        <v>3.4307376000000001</v>
      </c>
      <c r="J6640" s="8">
        <v>-76.500693200000001</v>
      </c>
    </row>
    <row r="6641" spans="1:10" x14ac:dyDescent="0.35">
      <c r="A6641" s="5" t="s">
        <v>10</v>
      </c>
      <c r="B6641" s="6">
        <v>241034</v>
      </c>
      <c r="C6641" s="6" t="s">
        <v>117</v>
      </c>
      <c r="D6641" s="6" t="s">
        <v>1334</v>
      </c>
      <c r="E6641" s="6">
        <v>76001</v>
      </c>
      <c r="F6641" s="6" t="s">
        <v>18</v>
      </c>
      <c r="G6641" s="6" t="s">
        <v>13398</v>
      </c>
      <c r="H6641" s="6" t="s">
        <v>13399</v>
      </c>
      <c r="I6641" s="7">
        <v>3.4760179999999998</v>
      </c>
      <c r="J6641" s="8">
        <v>-76.497562099999996</v>
      </c>
    </row>
    <row r="6642" spans="1:10" x14ac:dyDescent="0.35">
      <c r="A6642" s="5" t="s">
        <v>10</v>
      </c>
      <c r="B6642" s="6">
        <v>241594</v>
      </c>
      <c r="C6642" s="6" t="s">
        <v>457</v>
      </c>
      <c r="D6642" s="6" t="s">
        <v>7370</v>
      </c>
      <c r="E6642" s="6">
        <v>52835</v>
      </c>
      <c r="F6642" s="6" t="s">
        <v>18</v>
      </c>
      <c r="G6642" s="6" t="s">
        <v>13400</v>
      </c>
      <c r="H6642" s="6" t="s">
        <v>13401</v>
      </c>
      <c r="I6642" s="7">
        <v>1.8049443000000001</v>
      </c>
      <c r="J6642" s="8">
        <v>-78.765423699999999</v>
      </c>
    </row>
    <row r="6643" spans="1:10" x14ac:dyDescent="0.35">
      <c r="A6643" s="5" t="s">
        <v>10</v>
      </c>
      <c r="B6643" s="6">
        <v>246864</v>
      </c>
      <c r="C6643" s="6" t="s">
        <v>117</v>
      </c>
      <c r="D6643" s="6" t="s">
        <v>1334</v>
      </c>
      <c r="E6643" s="6">
        <v>76001</v>
      </c>
      <c r="F6643" s="6" t="s">
        <v>18</v>
      </c>
      <c r="G6643" s="6" t="s">
        <v>13402</v>
      </c>
      <c r="H6643" s="6" t="s">
        <v>13403</v>
      </c>
      <c r="I6643" s="7">
        <v>3.4864011000000001</v>
      </c>
      <c r="J6643" s="8">
        <v>-76.524482500000005</v>
      </c>
    </row>
    <row r="6644" spans="1:10" x14ac:dyDescent="0.35">
      <c r="A6644" s="5" t="s">
        <v>10</v>
      </c>
      <c r="B6644" s="6">
        <v>209660</v>
      </c>
      <c r="C6644" s="6" t="s">
        <v>457</v>
      </c>
      <c r="D6644" s="6" t="s">
        <v>13404</v>
      </c>
      <c r="E6644" s="6">
        <v>52317</v>
      </c>
      <c r="F6644" s="6" t="s">
        <v>18</v>
      </c>
      <c r="G6644" s="6" t="s">
        <v>13405</v>
      </c>
      <c r="H6644" s="6" t="s">
        <v>13406</v>
      </c>
      <c r="I6644" s="7">
        <v>0.97001439999999906</v>
      </c>
      <c r="J6644" s="8">
        <v>-77.731192999999905</v>
      </c>
    </row>
    <row r="6645" spans="1:10" x14ac:dyDescent="0.35">
      <c r="A6645" s="5" t="s">
        <v>10</v>
      </c>
      <c r="B6645" s="6">
        <v>240430</v>
      </c>
      <c r="C6645" s="6" t="s">
        <v>190</v>
      </c>
      <c r="D6645" s="6" t="s">
        <v>191</v>
      </c>
      <c r="E6645" s="6">
        <v>5001</v>
      </c>
      <c r="F6645" s="6" t="s">
        <v>18</v>
      </c>
      <c r="G6645" s="6" t="s">
        <v>13407</v>
      </c>
      <c r="H6645" s="6" t="s">
        <v>13408</v>
      </c>
      <c r="I6645" s="7">
        <v>6.3056200999999996</v>
      </c>
      <c r="J6645" s="8">
        <v>-75.5590586</v>
      </c>
    </row>
    <row r="6646" spans="1:10" x14ac:dyDescent="0.35">
      <c r="A6646" s="5" t="s">
        <v>10</v>
      </c>
      <c r="B6646" s="6">
        <v>226694</v>
      </c>
      <c r="C6646" s="6" t="s">
        <v>190</v>
      </c>
      <c r="D6646" s="6" t="s">
        <v>2954</v>
      </c>
      <c r="E6646" s="6">
        <v>5368</v>
      </c>
      <c r="F6646" s="6" t="s">
        <v>18</v>
      </c>
      <c r="G6646" s="6" t="s">
        <v>13409</v>
      </c>
      <c r="H6646" s="6" t="s">
        <v>13410</v>
      </c>
      <c r="I6646" s="7">
        <v>5.7914344</v>
      </c>
      <c r="J6646" s="8">
        <v>-75.784725799999904</v>
      </c>
    </row>
    <row r="6647" spans="1:10" x14ac:dyDescent="0.35">
      <c r="A6647" s="5" t="s">
        <v>10</v>
      </c>
      <c r="B6647" s="6">
        <v>245720</v>
      </c>
      <c r="C6647" s="6" t="s">
        <v>190</v>
      </c>
      <c r="D6647" s="6" t="s">
        <v>6084</v>
      </c>
      <c r="E6647" s="6">
        <v>5154</v>
      </c>
      <c r="F6647" s="6" t="s">
        <v>18</v>
      </c>
      <c r="G6647" s="6" t="s">
        <v>13411</v>
      </c>
      <c r="H6647" s="6" t="s">
        <v>13412</v>
      </c>
      <c r="I6647" s="7">
        <v>7.9856159</v>
      </c>
      <c r="J6647" s="8">
        <v>-75.200106500000004</v>
      </c>
    </row>
    <row r="6648" spans="1:10" x14ac:dyDescent="0.35">
      <c r="A6648" s="5" t="s">
        <v>10</v>
      </c>
      <c r="B6648" s="6">
        <v>217557</v>
      </c>
      <c r="C6648" s="6" t="s">
        <v>68</v>
      </c>
      <c r="D6648" s="6" t="s">
        <v>69</v>
      </c>
      <c r="E6648" s="6">
        <v>11001</v>
      </c>
      <c r="F6648" s="6" t="s">
        <v>18</v>
      </c>
      <c r="G6648" s="6" t="s">
        <v>13413</v>
      </c>
      <c r="H6648" s="6" t="s">
        <v>13414</v>
      </c>
      <c r="I6648" s="7">
        <v>4.5661870000000002</v>
      </c>
      <c r="J6648" s="8">
        <v>-74.127616000000003</v>
      </c>
    </row>
    <row r="6649" spans="1:10" x14ac:dyDescent="0.35">
      <c r="A6649" s="5" t="s">
        <v>10</v>
      </c>
      <c r="B6649" s="6">
        <v>237675</v>
      </c>
      <c r="C6649" s="6" t="s">
        <v>68</v>
      </c>
      <c r="D6649" s="6" t="s">
        <v>69</v>
      </c>
      <c r="E6649" s="6">
        <v>11001</v>
      </c>
      <c r="F6649" s="6" t="s">
        <v>18</v>
      </c>
      <c r="G6649" s="6" t="s">
        <v>13415</v>
      </c>
      <c r="H6649" s="6" t="s">
        <v>13416</v>
      </c>
      <c r="I6649" s="7">
        <v>4.6384118000000001</v>
      </c>
      <c r="J6649" s="8">
        <v>-74.155457499999997</v>
      </c>
    </row>
    <row r="6650" spans="1:10" x14ac:dyDescent="0.35">
      <c r="A6650" s="5" t="s">
        <v>10</v>
      </c>
      <c r="B6650" s="6">
        <v>242519</v>
      </c>
      <c r="C6650" s="6" t="s">
        <v>68</v>
      </c>
      <c r="D6650" s="6" t="s">
        <v>69</v>
      </c>
      <c r="E6650" s="6">
        <v>11001</v>
      </c>
      <c r="F6650" s="6" t="s">
        <v>18</v>
      </c>
      <c r="G6650" s="6" t="s">
        <v>13417</v>
      </c>
      <c r="H6650" s="6" t="s">
        <v>13418</v>
      </c>
      <c r="I6650" s="7">
        <v>4.6026099</v>
      </c>
      <c r="J6650" s="8">
        <v>-74.091587000000004</v>
      </c>
    </row>
    <row r="6651" spans="1:10" x14ac:dyDescent="0.35">
      <c r="A6651" s="5" t="s">
        <v>10</v>
      </c>
      <c r="B6651" s="6">
        <v>246781</v>
      </c>
      <c r="C6651" s="6" t="s">
        <v>68</v>
      </c>
      <c r="D6651" s="6" t="s">
        <v>69</v>
      </c>
      <c r="E6651" s="6">
        <v>11001</v>
      </c>
      <c r="F6651" s="6" t="s">
        <v>18</v>
      </c>
      <c r="G6651" s="6" t="s">
        <v>13419</v>
      </c>
      <c r="H6651" s="6" t="s">
        <v>13420</v>
      </c>
      <c r="I6651" s="7">
        <v>4.6512764161223403</v>
      </c>
      <c r="J6651" s="8">
        <v>-74.110939188021902</v>
      </c>
    </row>
    <row r="6652" spans="1:10" x14ac:dyDescent="0.35">
      <c r="A6652" s="5" t="s">
        <v>10</v>
      </c>
      <c r="B6652" s="6">
        <v>233320</v>
      </c>
      <c r="C6652" s="6" t="s">
        <v>68</v>
      </c>
      <c r="D6652" s="6" t="s">
        <v>69</v>
      </c>
      <c r="E6652" s="6">
        <v>11001</v>
      </c>
      <c r="F6652" s="6" t="s">
        <v>18</v>
      </c>
      <c r="G6652" s="6" t="s">
        <v>13421</v>
      </c>
      <c r="H6652" s="6" t="s">
        <v>13422</v>
      </c>
      <c r="I6652" s="7">
        <v>4.5093500000000004</v>
      </c>
      <c r="J6652" s="8">
        <v>-74.109499999999997</v>
      </c>
    </row>
    <row r="6653" spans="1:10" x14ac:dyDescent="0.35">
      <c r="A6653" s="5" t="s">
        <v>10</v>
      </c>
      <c r="B6653" s="6">
        <v>246658</v>
      </c>
      <c r="C6653" s="6" t="s">
        <v>308</v>
      </c>
      <c r="D6653" s="6" t="s">
        <v>309</v>
      </c>
      <c r="E6653" s="6">
        <v>23001</v>
      </c>
      <c r="F6653" s="6" t="s">
        <v>13</v>
      </c>
      <c r="G6653" s="6" t="s">
        <v>13423</v>
      </c>
      <c r="H6653" s="6" t="s">
        <v>13424</v>
      </c>
      <c r="I6653" s="7">
        <v>8.7368735999999991</v>
      </c>
      <c r="J6653" s="8">
        <v>-75.897180599999999</v>
      </c>
    </row>
    <row r="6654" spans="1:10" x14ac:dyDescent="0.35">
      <c r="A6654" s="5" t="s">
        <v>10</v>
      </c>
      <c r="B6654" s="6">
        <v>143407</v>
      </c>
      <c r="C6654" s="6" t="s">
        <v>11</v>
      </c>
      <c r="D6654" s="6" t="s">
        <v>513</v>
      </c>
      <c r="E6654" s="6">
        <v>25286</v>
      </c>
      <c r="F6654" s="6" t="s">
        <v>18</v>
      </c>
      <c r="G6654" s="6" t="s">
        <v>13425</v>
      </c>
      <c r="H6654" s="6" t="s">
        <v>13426</v>
      </c>
      <c r="I6654" s="7">
        <v>4.7176676999999998</v>
      </c>
      <c r="J6654" s="8">
        <v>-74.211874100000003</v>
      </c>
    </row>
    <row r="6655" spans="1:10" x14ac:dyDescent="0.35">
      <c r="A6655" s="5" t="s">
        <v>10</v>
      </c>
      <c r="B6655" s="6">
        <v>207578</v>
      </c>
      <c r="C6655" s="6" t="s">
        <v>117</v>
      </c>
      <c r="D6655" s="6" t="s">
        <v>6780</v>
      </c>
      <c r="E6655" s="6">
        <v>76318</v>
      </c>
      <c r="F6655" s="6" t="s">
        <v>18</v>
      </c>
      <c r="G6655" s="6" t="s">
        <v>113</v>
      </c>
      <c r="H6655" s="6" t="s">
        <v>13427</v>
      </c>
      <c r="I6655" s="7">
        <v>3.7629809999999901</v>
      </c>
      <c r="J6655" s="8">
        <v>-76.332470999999998</v>
      </c>
    </row>
    <row r="6656" spans="1:10" x14ac:dyDescent="0.35">
      <c r="A6656" s="5" t="s">
        <v>10</v>
      </c>
      <c r="B6656" s="6">
        <v>230881</v>
      </c>
      <c r="C6656" s="6" t="s">
        <v>190</v>
      </c>
      <c r="D6656" s="6" t="s">
        <v>191</v>
      </c>
      <c r="E6656" s="6">
        <v>5001</v>
      </c>
      <c r="F6656" s="6" t="s">
        <v>18</v>
      </c>
      <c r="G6656" s="6" t="s">
        <v>13428</v>
      </c>
      <c r="H6656" s="6" t="s">
        <v>13429</v>
      </c>
      <c r="I6656" s="7">
        <v>6.2916499000000004</v>
      </c>
      <c r="J6656" s="8">
        <v>-75.543898999999996</v>
      </c>
    </row>
    <row r="6657" spans="1:10" x14ac:dyDescent="0.35">
      <c r="A6657" s="5" t="s">
        <v>10</v>
      </c>
      <c r="B6657" s="6">
        <v>239060</v>
      </c>
      <c r="C6657" s="6" t="s">
        <v>190</v>
      </c>
      <c r="D6657" s="6" t="s">
        <v>12675</v>
      </c>
      <c r="E6657" s="6">
        <v>5686</v>
      </c>
      <c r="F6657" s="6" t="s">
        <v>18</v>
      </c>
      <c r="G6657" s="6" t="s">
        <v>13430</v>
      </c>
      <c r="H6657" s="6" t="s">
        <v>13431</v>
      </c>
      <c r="I6657" s="7">
        <v>6.6573966000000002</v>
      </c>
      <c r="J6657" s="8">
        <v>-75.458279700000006</v>
      </c>
    </row>
    <row r="6658" spans="1:10" x14ac:dyDescent="0.35">
      <c r="A6658" s="5" t="s">
        <v>10</v>
      </c>
      <c r="B6658" s="6">
        <v>208800</v>
      </c>
      <c r="C6658" s="6" t="s">
        <v>68</v>
      </c>
      <c r="D6658" s="6" t="s">
        <v>69</v>
      </c>
      <c r="E6658" s="6">
        <v>11001</v>
      </c>
      <c r="F6658" s="6" t="s">
        <v>18</v>
      </c>
      <c r="G6658" s="6" t="s">
        <v>13432</v>
      </c>
      <c r="H6658" s="6" t="s">
        <v>13433</v>
      </c>
      <c r="I6658" s="7">
        <v>4.6784951000000001</v>
      </c>
      <c r="J6658" s="8">
        <v>-74.1337142</v>
      </c>
    </row>
    <row r="6659" spans="1:10" x14ac:dyDescent="0.35">
      <c r="A6659" s="5" t="s">
        <v>10</v>
      </c>
      <c r="B6659" s="6">
        <v>231495</v>
      </c>
      <c r="C6659" s="6" t="s">
        <v>68</v>
      </c>
      <c r="D6659" s="6" t="s">
        <v>69</v>
      </c>
      <c r="E6659" s="6">
        <v>11001</v>
      </c>
      <c r="F6659" s="6" t="s">
        <v>18</v>
      </c>
      <c r="G6659" s="6" t="s">
        <v>13434</v>
      </c>
      <c r="H6659" s="6" t="s">
        <v>13435</v>
      </c>
      <c r="I6659" s="7">
        <v>4.5690410000000004</v>
      </c>
      <c r="J6659" s="8">
        <v>-74.094496000000007</v>
      </c>
    </row>
    <row r="6660" spans="1:10" x14ac:dyDescent="0.35">
      <c r="A6660" s="5" t="s">
        <v>10</v>
      </c>
      <c r="B6660" s="6">
        <v>237510</v>
      </c>
      <c r="C6660" s="6" t="s">
        <v>68</v>
      </c>
      <c r="D6660" s="6" t="s">
        <v>69</v>
      </c>
      <c r="E6660" s="6">
        <v>11001</v>
      </c>
      <c r="F6660" s="6" t="s">
        <v>18</v>
      </c>
      <c r="G6660" s="6" t="s">
        <v>13436</v>
      </c>
      <c r="H6660" s="6" t="s">
        <v>13437</v>
      </c>
      <c r="I6660" s="7">
        <v>4.5798702000000002</v>
      </c>
      <c r="J6660" s="8">
        <v>-74.151564800000003</v>
      </c>
    </row>
    <row r="6661" spans="1:10" x14ac:dyDescent="0.35">
      <c r="A6661" s="5" t="s">
        <v>10</v>
      </c>
      <c r="B6661" s="6">
        <v>235579</v>
      </c>
      <c r="C6661" s="6" t="s">
        <v>68</v>
      </c>
      <c r="D6661" s="6" t="s">
        <v>69</v>
      </c>
      <c r="E6661" s="6">
        <v>11001</v>
      </c>
      <c r="F6661" s="6" t="s">
        <v>18</v>
      </c>
      <c r="G6661" s="6" t="s">
        <v>13438</v>
      </c>
      <c r="H6661" s="6" t="s">
        <v>13439</v>
      </c>
      <c r="I6661" s="7">
        <v>4.5375947999999999</v>
      </c>
      <c r="J6661" s="8">
        <v>-74.0890287</v>
      </c>
    </row>
    <row r="6662" spans="1:10" x14ac:dyDescent="0.35">
      <c r="A6662" s="5" t="s">
        <v>10</v>
      </c>
      <c r="B6662" s="6">
        <v>236829</v>
      </c>
      <c r="C6662" s="6" t="s">
        <v>68</v>
      </c>
      <c r="D6662" s="6" t="s">
        <v>69</v>
      </c>
      <c r="E6662" s="6">
        <v>11001</v>
      </c>
      <c r="F6662" s="6" t="s">
        <v>18</v>
      </c>
      <c r="G6662" s="6" t="s">
        <v>13440</v>
      </c>
      <c r="H6662" s="6" t="s">
        <v>13441</v>
      </c>
      <c r="I6662" s="7">
        <v>4.5722582000000003</v>
      </c>
      <c r="J6662" s="8">
        <v>-74.1697688</v>
      </c>
    </row>
    <row r="6663" spans="1:10" x14ac:dyDescent="0.35">
      <c r="A6663" s="5" t="s">
        <v>10</v>
      </c>
      <c r="B6663" s="6">
        <v>235633</v>
      </c>
      <c r="C6663" s="6" t="s">
        <v>68</v>
      </c>
      <c r="D6663" s="6" t="s">
        <v>69</v>
      </c>
      <c r="E6663" s="6">
        <v>11001</v>
      </c>
      <c r="F6663" s="6" t="s">
        <v>18</v>
      </c>
      <c r="G6663" s="6" t="s">
        <v>13442</v>
      </c>
      <c r="H6663" s="6" t="s">
        <v>13443</v>
      </c>
      <c r="I6663" s="7">
        <v>4.5989502</v>
      </c>
      <c r="J6663" s="8">
        <v>-74.084281200000007</v>
      </c>
    </row>
    <row r="6664" spans="1:10" x14ac:dyDescent="0.35">
      <c r="A6664" s="5" t="s">
        <v>10</v>
      </c>
      <c r="B6664" s="6">
        <v>242080</v>
      </c>
      <c r="C6664" s="6" t="s">
        <v>68</v>
      </c>
      <c r="D6664" s="6" t="s">
        <v>69</v>
      </c>
      <c r="E6664" s="6">
        <v>11001</v>
      </c>
      <c r="F6664" s="6" t="s">
        <v>18</v>
      </c>
      <c r="G6664" s="6" t="s">
        <v>13444</v>
      </c>
      <c r="H6664" s="6" t="s">
        <v>13445</v>
      </c>
      <c r="I6664" s="7">
        <v>4.6370255</v>
      </c>
      <c r="J6664" s="8">
        <v>-74.152636799999996</v>
      </c>
    </row>
    <row r="6665" spans="1:10" x14ac:dyDescent="0.35">
      <c r="A6665" s="5" t="s">
        <v>10</v>
      </c>
      <c r="B6665" s="6">
        <v>242730</v>
      </c>
      <c r="C6665" s="6" t="s">
        <v>68</v>
      </c>
      <c r="D6665" s="6" t="s">
        <v>69</v>
      </c>
      <c r="E6665" s="6">
        <v>11001</v>
      </c>
      <c r="F6665" s="6" t="s">
        <v>18</v>
      </c>
      <c r="G6665" s="6" t="s">
        <v>13446</v>
      </c>
      <c r="H6665" s="6" t="s">
        <v>13447</v>
      </c>
      <c r="I6665" s="7">
        <v>4.6138716000000004</v>
      </c>
      <c r="J6665" s="8">
        <v>-74.120197899999994</v>
      </c>
    </row>
    <row r="6666" spans="1:10" x14ac:dyDescent="0.35">
      <c r="A6666" s="5" t="s">
        <v>10</v>
      </c>
      <c r="B6666" s="6">
        <v>229769</v>
      </c>
      <c r="C6666" s="6" t="s">
        <v>2130</v>
      </c>
      <c r="D6666" s="6" t="s">
        <v>2131</v>
      </c>
      <c r="E6666" s="6">
        <v>85001</v>
      </c>
      <c r="F6666" s="6" t="s">
        <v>18</v>
      </c>
      <c r="G6666" s="6" t="s">
        <v>13448</v>
      </c>
      <c r="H6666" s="6" t="s">
        <v>13449</v>
      </c>
      <c r="I6666" s="7">
        <v>5.3426412000000001</v>
      </c>
      <c r="J6666" s="8">
        <v>-72.396403300000003</v>
      </c>
    </row>
    <row r="6667" spans="1:10" x14ac:dyDescent="0.35">
      <c r="A6667" s="5" t="s">
        <v>10</v>
      </c>
      <c r="B6667" s="6">
        <v>236938</v>
      </c>
      <c r="C6667" s="6" t="s">
        <v>68</v>
      </c>
      <c r="D6667" s="6" t="s">
        <v>69</v>
      </c>
      <c r="E6667" s="6">
        <v>11001</v>
      </c>
      <c r="F6667" s="6" t="s">
        <v>13</v>
      </c>
      <c r="G6667" s="6" t="s">
        <v>12374</v>
      </c>
      <c r="H6667" s="6" t="s">
        <v>13450</v>
      </c>
      <c r="I6667" s="7">
        <v>4.6736098000000004</v>
      </c>
      <c r="J6667" s="8">
        <v>-74.074719299999998</v>
      </c>
    </row>
    <row r="6668" spans="1:10" x14ac:dyDescent="0.35">
      <c r="A6668" s="5" t="s">
        <v>10</v>
      </c>
      <c r="B6668" s="6">
        <v>146905</v>
      </c>
      <c r="C6668" s="6" t="s">
        <v>11</v>
      </c>
      <c r="D6668" s="6" t="s">
        <v>12</v>
      </c>
      <c r="E6668" s="6">
        <v>25899</v>
      </c>
      <c r="F6668" s="6" t="s">
        <v>18</v>
      </c>
      <c r="G6668" s="6" t="s">
        <v>13451</v>
      </c>
      <c r="H6668" s="6" t="s">
        <v>13452</v>
      </c>
      <c r="I6668" s="7">
        <v>5.0359299000000002</v>
      </c>
      <c r="J6668" s="8">
        <v>-73.995686199999994</v>
      </c>
    </row>
    <row r="6669" spans="1:10" x14ac:dyDescent="0.35">
      <c r="A6669" s="5" t="s">
        <v>10</v>
      </c>
      <c r="B6669" s="6">
        <v>241628</v>
      </c>
      <c r="C6669" s="6" t="s">
        <v>457</v>
      </c>
      <c r="D6669" s="6" t="s">
        <v>13453</v>
      </c>
      <c r="E6669" s="6">
        <v>52585</v>
      </c>
      <c r="F6669" s="6" t="s">
        <v>18</v>
      </c>
      <c r="G6669" s="6" t="s">
        <v>13454</v>
      </c>
      <c r="H6669" s="6" t="s">
        <v>13455</v>
      </c>
      <c r="I6669" s="7">
        <v>0.87097789999999997</v>
      </c>
      <c r="J6669" s="8">
        <v>-77.640370500000003</v>
      </c>
    </row>
    <row r="6670" spans="1:10" x14ac:dyDescent="0.35">
      <c r="A6670" s="5" t="s">
        <v>10</v>
      </c>
      <c r="B6670" s="6">
        <v>235474</v>
      </c>
      <c r="C6670" s="6" t="s">
        <v>190</v>
      </c>
      <c r="D6670" s="6" t="s">
        <v>191</v>
      </c>
      <c r="E6670" s="6">
        <v>5001</v>
      </c>
      <c r="F6670" s="6" t="s">
        <v>18</v>
      </c>
      <c r="G6670" s="6" t="s">
        <v>13456</v>
      </c>
      <c r="H6670" s="6" t="s">
        <v>13457</v>
      </c>
      <c r="I6670" s="7">
        <v>6.2701539999999998</v>
      </c>
      <c r="J6670" s="8">
        <v>-75.553709999999995</v>
      </c>
    </row>
    <row r="6671" spans="1:10" x14ac:dyDescent="0.35">
      <c r="A6671" s="5" t="s">
        <v>10</v>
      </c>
      <c r="B6671" s="6">
        <v>245771</v>
      </c>
      <c r="C6671" s="6" t="s">
        <v>68</v>
      </c>
      <c r="D6671" s="6" t="s">
        <v>69</v>
      </c>
      <c r="E6671" s="6">
        <v>11001</v>
      </c>
      <c r="F6671" s="6" t="s">
        <v>18</v>
      </c>
      <c r="G6671" s="6" t="s">
        <v>13458</v>
      </c>
      <c r="H6671" s="6" t="s">
        <v>13459</v>
      </c>
      <c r="I6671" s="7">
        <v>4.6081051000000004</v>
      </c>
      <c r="J6671" s="8">
        <v>-74.144348899999997</v>
      </c>
    </row>
    <row r="6672" spans="1:10" x14ac:dyDescent="0.35">
      <c r="A6672" s="5" t="s">
        <v>10</v>
      </c>
      <c r="B6672" s="6">
        <v>211763</v>
      </c>
      <c r="C6672" s="6" t="s">
        <v>68</v>
      </c>
      <c r="D6672" s="6" t="s">
        <v>69</v>
      </c>
      <c r="E6672" s="6">
        <v>11001</v>
      </c>
      <c r="F6672" s="6" t="s">
        <v>18</v>
      </c>
      <c r="G6672" s="6" t="s">
        <v>13460</v>
      </c>
      <c r="H6672" s="6" t="s">
        <v>13461</v>
      </c>
      <c r="I6672" s="7">
        <v>4.6320861999999998</v>
      </c>
      <c r="J6672" s="8">
        <v>-74.170236299999999</v>
      </c>
    </row>
    <row r="6673" spans="1:10" x14ac:dyDescent="0.35">
      <c r="A6673" s="5" t="s">
        <v>10</v>
      </c>
      <c r="B6673" s="6">
        <v>227900</v>
      </c>
      <c r="C6673" s="6" t="s">
        <v>68</v>
      </c>
      <c r="D6673" s="6" t="s">
        <v>69</v>
      </c>
      <c r="E6673" s="6">
        <v>11001</v>
      </c>
      <c r="F6673" s="6" t="s">
        <v>18</v>
      </c>
      <c r="G6673" s="6" t="s">
        <v>13462</v>
      </c>
      <c r="H6673" s="6" t="s">
        <v>13463</v>
      </c>
      <c r="I6673" s="7">
        <v>4.7002797000000003</v>
      </c>
      <c r="J6673" s="8">
        <v>-74.043300399999893</v>
      </c>
    </row>
    <row r="6674" spans="1:10" x14ac:dyDescent="0.35">
      <c r="A6674" s="5" t="s">
        <v>10</v>
      </c>
      <c r="B6674" s="6">
        <v>207676</v>
      </c>
      <c r="C6674" s="6" t="s">
        <v>68</v>
      </c>
      <c r="D6674" s="6" t="s">
        <v>69</v>
      </c>
      <c r="E6674" s="6">
        <v>11001</v>
      </c>
      <c r="F6674" s="6" t="s">
        <v>18</v>
      </c>
      <c r="G6674" s="6" t="s">
        <v>13464</v>
      </c>
      <c r="H6674" s="6" t="s">
        <v>13465</v>
      </c>
      <c r="I6674" s="7">
        <v>4.7095538000000001</v>
      </c>
      <c r="J6674" s="8">
        <v>-74.129489899999996</v>
      </c>
    </row>
    <row r="6675" spans="1:10" x14ac:dyDescent="0.35">
      <c r="A6675" s="5" t="s">
        <v>10</v>
      </c>
      <c r="B6675" s="6">
        <v>229211</v>
      </c>
      <c r="C6675" s="6" t="s">
        <v>68</v>
      </c>
      <c r="D6675" s="6" t="s">
        <v>69</v>
      </c>
      <c r="E6675" s="6">
        <v>11001</v>
      </c>
      <c r="F6675" s="6" t="s">
        <v>18</v>
      </c>
      <c r="G6675" s="6" t="s">
        <v>13466</v>
      </c>
      <c r="H6675" s="6" t="s">
        <v>13467</v>
      </c>
      <c r="I6675" s="7">
        <v>4.7375382999999998</v>
      </c>
      <c r="J6675" s="8">
        <v>-74.101725999999999</v>
      </c>
    </row>
    <row r="6676" spans="1:10" x14ac:dyDescent="0.35">
      <c r="A6676" s="5" t="s">
        <v>10</v>
      </c>
      <c r="B6676" s="6">
        <v>230058</v>
      </c>
      <c r="C6676" s="6" t="s">
        <v>117</v>
      </c>
      <c r="D6676" s="6" t="s">
        <v>1334</v>
      </c>
      <c r="E6676" s="6">
        <v>76001</v>
      </c>
      <c r="F6676" s="6" t="s">
        <v>18</v>
      </c>
      <c r="G6676" s="6" t="s">
        <v>13468</v>
      </c>
      <c r="H6676" s="6" t="s">
        <v>13469</v>
      </c>
      <c r="I6676" s="7">
        <v>3.4753451000000002</v>
      </c>
      <c r="J6676" s="8">
        <v>-76.481720100000004</v>
      </c>
    </row>
    <row r="6677" spans="1:10" x14ac:dyDescent="0.35">
      <c r="A6677" s="5" t="s">
        <v>10</v>
      </c>
      <c r="B6677" s="6">
        <v>214985</v>
      </c>
      <c r="C6677" s="6" t="s">
        <v>68</v>
      </c>
      <c r="D6677" s="6" t="s">
        <v>69</v>
      </c>
      <c r="E6677" s="6">
        <v>11001</v>
      </c>
      <c r="F6677" s="6" t="s">
        <v>18</v>
      </c>
      <c r="G6677" s="6" t="s">
        <v>13470</v>
      </c>
      <c r="H6677" s="6" t="s">
        <v>13471</v>
      </c>
      <c r="I6677" s="7">
        <v>4.6222402999999996</v>
      </c>
      <c r="J6677" s="8">
        <v>-74.204841399999907</v>
      </c>
    </row>
    <row r="6678" spans="1:10" x14ac:dyDescent="0.35">
      <c r="A6678" s="5" t="s">
        <v>10</v>
      </c>
      <c r="B6678" s="6">
        <v>228551</v>
      </c>
      <c r="C6678" s="6" t="s">
        <v>68</v>
      </c>
      <c r="D6678" s="6" t="s">
        <v>69</v>
      </c>
      <c r="E6678" s="6">
        <v>11001</v>
      </c>
      <c r="F6678" s="6" t="s">
        <v>18</v>
      </c>
      <c r="G6678" s="6" t="s">
        <v>13472</v>
      </c>
      <c r="H6678" s="6" t="s">
        <v>13473</v>
      </c>
      <c r="I6678" s="7">
        <v>4.5721110999999999</v>
      </c>
      <c r="J6678" s="8">
        <v>-74.153927799999906</v>
      </c>
    </row>
    <row r="6679" spans="1:10" x14ac:dyDescent="0.35">
      <c r="A6679" s="5" t="s">
        <v>10</v>
      </c>
      <c r="B6679" s="6">
        <v>233789</v>
      </c>
      <c r="C6679" s="6" t="s">
        <v>68</v>
      </c>
      <c r="D6679" s="6" t="s">
        <v>69</v>
      </c>
      <c r="E6679" s="6">
        <v>11001</v>
      </c>
      <c r="F6679" s="6" t="s">
        <v>18</v>
      </c>
      <c r="G6679" s="6" t="s">
        <v>10892</v>
      </c>
      <c r="H6679" s="6" t="s">
        <v>13474</v>
      </c>
      <c r="I6679" s="7">
        <v>4.5977817999999999</v>
      </c>
      <c r="J6679" s="8">
        <v>-74.095531199999996</v>
      </c>
    </row>
    <row r="6680" spans="1:10" x14ac:dyDescent="0.35">
      <c r="A6680" s="5" t="s">
        <v>10</v>
      </c>
      <c r="B6680" s="6">
        <v>210851</v>
      </c>
      <c r="C6680" s="6" t="s">
        <v>68</v>
      </c>
      <c r="D6680" s="6" t="s">
        <v>69</v>
      </c>
      <c r="E6680" s="6">
        <v>11001</v>
      </c>
      <c r="F6680" s="6" t="s">
        <v>18</v>
      </c>
      <c r="G6680" s="6" t="s">
        <v>13475</v>
      </c>
      <c r="H6680" s="6" t="s">
        <v>13476</v>
      </c>
      <c r="I6680" s="7">
        <v>4.7154490999999998</v>
      </c>
      <c r="J6680" s="8">
        <v>-74.142069300000003</v>
      </c>
    </row>
    <row r="6681" spans="1:10" x14ac:dyDescent="0.35">
      <c r="A6681" s="5" t="s">
        <v>10</v>
      </c>
      <c r="B6681" s="6">
        <v>242122</v>
      </c>
      <c r="C6681" s="6" t="s">
        <v>68</v>
      </c>
      <c r="D6681" s="6" t="s">
        <v>69</v>
      </c>
      <c r="E6681" s="6">
        <v>11001</v>
      </c>
      <c r="F6681" s="6" t="s">
        <v>18</v>
      </c>
      <c r="G6681" s="6" t="s">
        <v>13477</v>
      </c>
      <c r="H6681" s="6" t="s">
        <v>13478</v>
      </c>
      <c r="I6681" s="7">
        <v>4.6755845000000003</v>
      </c>
      <c r="J6681" s="8">
        <v>-74.119334199999997</v>
      </c>
    </row>
    <row r="6682" spans="1:10" x14ac:dyDescent="0.35">
      <c r="A6682" s="5" t="s">
        <v>10</v>
      </c>
      <c r="B6682" s="6">
        <v>228397</v>
      </c>
      <c r="C6682" s="6" t="s">
        <v>68</v>
      </c>
      <c r="D6682" s="6" t="s">
        <v>69</v>
      </c>
      <c r="E6682" s="6">
        <v>11001</v>
      </c>
      <c r="F6682" s="6" t="s">
        <v>18</v>
      </c>
      <c r="G6682" s="6" t="s">
        <v>13479</v>
      </c>
      <c r="H6682" s="6" t="s">
        <v>13480</v>
      </c>
      <c r="I6682" s="7">
        <v>4.7162050000000004</v>
      </c>
      <c r="J6682" s="8">
        <v>-74.043377899999996</v>
      </c>
    </row>
    <row r="6683" spans="1:10" x14ac:dyDescent="0.35">
      <c r="A6683" s="5" t="s">
        <v>10</v>
      </c>
      <c r="B6683" s="6">
        <v>234929</v>
      </c>
      <c r="C6683" s="6" t="s">
        <v>68</v>
      </c>
      <c r="D6683" s="6" t="s">
        <v>69</v>
      </c>
      <c r="E6683" s="6">
        <v>11001</v>
      </c>
      <c r="F6683" s="6" t="s">
        <v>18</v>
      </c>
      <c r="G6683" s="6" t="s">
        <v>13481</v>
      </c>
      <c r="H6683" s="6" t="s">
        <v>13482</v>
      </c>
      <c r="I6683" s="7">
        <v>4.6221651000000001</v>
      </c>
      <c r="J6683" s="8">
        <v>-74.162701499999997</v>
      </c>
    </row>
    <row r="6684" spans="1:10" x14ac:dyDescent="0.35">
      <c r="A6684" s="5" t="s">
        <v>10</v>
      </c>
      <c r="B6684" s="6">
        <v>241141</v>
      </c>
      <c r="C6684" s="6" t="s">
        <v>117</v>
      </c>
      <c r="D6684" s="6" t="s">
        <v>1334</v>
      </c>
      <c r="E6684" s="6">
        <v>76001</v>
      </c>
      <c r="F6684" s="6" t="s">
        <v>18</v>
      </c>
      <c r="G6684" s="6" t="s">
        <v>13483</v>
      </c>
      <c r="H6684" s="6" t="s">
        <v>13484</v>
      </c>
      <c r="I6684" s="7">
        <v>3.415225</v>
      </c>
      <c r="J6684" s="8">
        <v>-76.503774800000002</v>
      </c>
    </row>
    <row r="6685" spans="1:10" x14ac:dyDescent="0.35">
      <c r="A6685" s="5" t="s">
        <v>10</v>
      </c>
      <c r="B6685" s="6">
        <v>219674</v>
      </c>
      <c r="C6685" s="6" t="s">
        <v>190</v>
      </c>
      <c r="D6685" s="6" t="s">
        <v>191</v>
      </c>
      <c r="E6685" s="6">
        <v>5001</v>
      </c>
      <c r="F6685" s="6" t="s">
        <v>18</v>
      </c>
      <c r="G6685" s="6" t="s">
        <v>13485</v>
      </c>
      <c r="H6685" s="6" t="s">
        <v>13486</v>
      </c>
      <c r="I6685" s="7">
        <v>6.2599412999999897</v>
      </c>
      <c r="J6685" s="8">
        <v>-75.568594399999995</v>
      </c>
    </row>
    <row r="6686" spans="1:10" x14ac:dyDescent="0.35">
      <c r="A6686" s="5" t="s">
        <v>10</v>
      </c>
      <c r="B6686" s="6">
        <v>218814</v>
      </c>
      <c r="C6686" s="6" t="s">
        <v>68</v>
      </c>
      <c r="D6686" s="6" t="s">
        <v>69</v>
      </c>
      <c r="E6686" s="6">
        <v>11001</v>
      </c>
      <c r="F6686" s="6" t="s">
        <v>18</v>
      </c>
      <c r="G6686" s="6" t="s">
        <v>13487</v>
      </c>
      <c r="H6686" s="6" t="s">
        <v>13488</v>
      </c>
      <c r="I6686" s="7">
        <v>4.5844312999999897</v>
      </c>
      <c r="J6686" s="8">
        <v>-74.138948999999997</v>
      </c>
    </row>
    <row r="6687" spans="1:10" x14ac:dyDescent="0.35">
      <c r="A6687" s="5" t="s">
        <v>10</v>
      </c>
      <c r="B6687" s="6">
        <v>208574</v>
      </c>
      <c r="C6687" s="6" t="s">
        <v>68</v>
      </c>
      <c r="D6687" s="6" t="s">
        <v>69</v>
      </c>
      <c r="E6687" s="6">
        <v>11001</v>
      </c>
      <c r="F6687" s="6" t="s">
        <v>18</v>
      </c>
      <c r="G6687" s="6" t="s">
        <v>13489</v>
      </c>
      <c r="H6687" s="6" t="s">
        <v>13490</v>
      </c>
      <c r="I6687" s="7">
        <v>4.6478808999999996</v>
      </c>
      <c r="J6687" s="8">
        <v>-74.156236300000003</v>
      </c>
    </row>
    <row r="6688" spans="1:10" x14ac:dyDescent="0.35">
      <c r="A6688" s="5" t="s">
        <v>10</v>
      </c>
      <c r="B6688" s="6">
        <v>247494</v>
      </c>
      <c r="C6688" s="6" t="s">
        <v>68</v>
      </c>
      <c r="D6688" s="6" t="s">
        <v>69</v>
      </c>
      <c r="E6688" s="6">
        <v>11001</v>
      </c>
      <c r="F6688" s="6" t="s">
        <v>18</v>
      </c>
      <c r="G6688" s="6" t="s">
        <v>113</v>
      </c>
      <c r="H6688" s="6" t="s">
        <v>13491</v>
      </c>
      <c r="I6688" s="7">
        <v>4.7525123000000002</v>
      </c>
      <c r="J6688" s="8">
        <v>-74.119231999999997</v>
      </c>
    </row>
    <row r="6689" spans="1:10" x14ac:dyDescent="0.35">
      <c r="A6689" s="5" t="s">
        <v>10</v>
      </c>
      <c r="B6689" s="6">
        <v>178003</v>
      </c>
      <c r="C6689" s="6" t="s">
        <v>68</v>
      </c>
      <c r="D6689" s="6" t="s">
        <v>69</v>
      </c>
      <c r="E6689" s="6">
        <v>11001</v>
      </c>
      <c r="F6689" s="6" t="s">
        <v>18</v>
      </c>
      <c r="G6689" s="6" t="s">
        <v>13492</v>
      </c>
      <c r="H6689" s="6" t="s">
        <v>13493</v>
      </c>
      <c r="I6689" s="7">
        <v>4.5943692999999897</v>
      </c>
      <c r="J6689" s="8">
        <v>-74.156054400000002</v>
      </c>
    </row>
    <row r="6690" spans="1:10" x14ac:dyDescent="0.35">
      <c r="A6690" s="5" t="s">
        <v>10</v>
      </c>
      <c r="B6690" s="6">
        <v>221441</v>
      </c>
      <c r="C6690" s="6" t="s">
        <v>68</v>
      </c>
      <c r="D6690" s="6" t="s">
        <v>69</v>
      </c>
      <c r="E6690" s="6">
        <v>11001</v>
      </c>
      <c r="F6690" s="6" t="s">
        <v>18</v>
      </c>
      <c r="G6690" s="6" t="s">
        <v>13494</v>
      </c>
      <c r="H6690" s="6" t="s">
        <v>13495</v>
      </c>
      <c r="I6690" s="7">
        <v>4.6417902999999896</v>
      </c>
      <c r="J6690" s="8">
        <v>-74.164377199999905</v>
      </c>
    </row>
    <row r="6691" spans="1:10" x14ac:dyDescent="0.35">
      <c r="A6691" s="5" t="s">
        <v>10</v>
      </c>
      <c r="B6691" s="6">
        <v>190082</v>
      </c>
      <c r="C6691" s="6" t="s">
        <v>55</v>
      </c>
      <c r="D6691" s="6" t="s">
        <v>1151</v>
      </c>
      <c r="E6691" s="6">
        <v>73349</v>
      </c>
      <c r="F6691" s="6" t="s">
        <v>13</v>
      </c>
      <c r="G6691" s="6" t="s">
        <v>12374</v>
      </c>
      <c r="H6691" s="6" t="s">
        <v>13496</v>
      </c>
      <c r="I6691" s="7">
        <v>5.2052649999999998</v>
      </c>
      <c r="J6691" s="8">
        <v>-74.738068600000005</v>
      </c>
    </row>
    <row r="6692" spans="1:10" x14ac:dyDescent="0.35">
      <c r="A6692" s="5" t="s">
        <v>10</v>
      </c>
      <c r="B6692" s="6">
        <v>190093</v>
      </c>
      <c r="C6692" s="6" t="s">
        <v>11</v>
      </c>
      <c r="D6692" s="6" t="s">
        <v>1547</v>
      </c>
      <c r="E6692" s="6">
        <v>25817</v>
      </c>
      <c r="F6692" s="6" t="s">
        <v>13</v>
      </c>
      <c r="G6692" s="6" t="s">
        <v>12374</v>
      </c>
      <c r="H6692" s="6" t="s">
        <v>13497</v>
      </c>
      <c r="I6692" s="7">
        <v>4.5946771000000002</v>
      </c>
      <c r="J6692" s="8">
        <v>-74.077569199999999</v>
      </c>
    </row>
    <row r="6693" spans="1:10" x14ac:dyDescent="0.35">
      <c r="A6693" s="5" t="s">
        <v>10</v>
      </c>
      <c r="B6693" s="6">
        <v>190050</v>
      </c>
      <c r="C6693" s="6" t="s">
        <v>68</v>
      </c>
      <c r="D6693" s="6" t="s">
        <v>69</v>
      </c>
      <c r="E6693" s="6">
        <v>11001</v>
      </c>
      <c r="F6693" s="6" t="s">
        <v>13</v>
      </c>
      <c r="G6693" s="6" t="s">
        <v>12374</v>
      </c>
      <c r="H6693" s="6" t="s">
        <v>13498</v>
      </c>
      <c r="I6693" s="7">
        <v>4.6321567999999997</v>
      </c>
      <c r="J6693" s="8">
        <v>-74.115623799999995</v>
      </c>
    </row>
    <row r="6694" spans="1:10" x14ac:dyDescent="0.35">
      <c r="A6694" s="5" t="s">
        <v>10</v>
      </c>
      <c r="B6694" s="6">
        <v>218183</v>
      </c>
      <c r="C6694" s="6" t="s">
        <v>190</v>
      </c>
      <c r="D6694" s="6" t="s">
        <v>12131</v>
      </c>
      <c r="E6694" s="6">
        <v>5837</v>
      </c>
      <c r="F6694" s="6" t="s">
        <v>13</v>
      </c>
      <c r="G6694" s="6" t="s">
        <v>13499</v>
      </c>
      <c r="H6694" s="6" t="s">
        <v>13500</v>
      </c>
      <c r="I6694" s="7">
        <v>8.0934244</v>
      </c>
      <c r="J6694" s="8">
        <v>-76.7264792</v>
      </c>
    </row>
    <row r="6695" spans="1:10" x14ac:dyDescent="0.35">
      <c r="A6695" s="5" t="s">
        <v>10</v>
      </c>
      <c r="B6695" s="6">
        <v>206420</v>
      </c>
      <c r="C6695" s="6" t="s">
        <v>117</v>
      </c>
      <c r="D6695" s="6" t="s">
        <v>4096</v>
      </c>
      <c r="E6695" s="6">
        <v>76233</v>
      </c>
      <c r="F6695" s="6" t="s">
        <v>18</v>
      </c>
      <c r="G6695" s="6" t="s">
        <v>13501</v>
      </c>
      <c r="H6695" s="6" t="s">
        <v>13502</v>
      </c>
      <c r="I6695" s="7">
        <v>3.4451553000000001</v>
      </c>
      <c r="J6695" s="8">
        <v>-76.532458699999907</v>
      </c>
    </row>
    <row r="6696" spans="1:10" x14ac:dyDescent="0.35">
      <c r="A6696" s="5" t="s">
        <v>10</v>
      </c>
      <c r="B6696" s="6">
        <v>229718</v>
      </c>
      <c r="C6696" s="6" t="s">
        <v>457</v>
      </c>
      <c r="D6696" s="6" t="s">
        <v>13503</v>
      </c>
      <c r="E6696" s="6">
        <v>52411</v>
      </c>
      <c r="F6696" s="6" t="s">
        <v>18</v>
      </c>
      <c r="G6696" s="6" t="s">
        <v>13504</v>
      </c>
      <c r="H6696" s="6" t="s">
        <v>13505</v>
      </c>
      <c r="I6696" s="7">
        <v>1.3509329999999999</v>
      </c>
      <c r="J6696" s="8">
        <v>-77.523870000000002</v>
      </c>
    </row>
    <row r="6697" spans="1:10" x14ac:dyDescent="0.35">
      <c r="A6697" s="5" t="s">
        <v>10</v>
      </c>
      <c r="B6697" s="6">
        <v>216198</v>
      </c>
      <c r="C6697" s="6" t="s">
        <v>190</v>
      </c>
      <c r="D6697" s="6" t="s">
        <v>4063</v>
      </c>
      <c r="E6697" s="6">
        <v>5088</v>
      </c>
      <c r="F6697" s="6" t="s">
        <v>18</v>
      </c>
      <c r="G6697" s="6" t="s">
        <v>13506</v>
      </c>
      <c r="H6697" s="6" t="s">
        <v>13507</v>
      </c>
      <c r="I6697" s="7">
        <v>6.3060945999999998</v>
      </c>
      <c r="J6697" s="8">
        <v>-75.552841099999995</v>
      </c>
    </row>
    <row r="6698" spans="1:10" x14ac:dyDescent="0.35">
      <c r="A6698" s="5" t="s">
        <v>10</v>
      </c>
      <c r="B6698" s="6">
        <v>215014</v>
      </c>
      <c r="C6698" s="6" t="s">
        <v>190</v>
      </c>
      <c r="D6698" s="6" t="s">
        <v>4063</v>
      </c>
      <c r="E6698" s="6">
        <v>5088</v>
      </c>
      <c r="F6698" s="6" t="s">
        <v>18</v>
      </c>
      <c r="G6698" s="6" t="s">
        <v>13508</v>
      </c>
      <c r="H6698" s="6" t="s">
        <v>13509</v>
      </c>
      <c r="I6698" s="7">
        <v>6.3112241999999998</v>
      </c>
      <c r="J6698" s="8">
        <v>-75.578591299999999</v>
      </c>
    </row>
    <row r="6699" spans="1:10" x14ac:dyDescent="0.35">
      <c r="A6699" s="5" t="s">
        <v>10</v>
      </c>
      <c r="B6699" s="6">
        <v>181379</v>
      </c>
      <c r="C6699" s="6" t="s">
        <v>68</v>
      </c>
      <c r="D6699" s="6" t="s">
        <v>69</v>
      </c>
      <c r="E6699" s="6">
        <v>11001</v>
      </c>
      <c r="F6699" s="6" t="s">
        <v>18</v>
      </c>
      <c r="G6699" s="6" t="s">
        <v>13510</v>
      </c>
      <c r="H6699" s="6" t="s">
        <v>13511</v>
      </c>
      <c r="I6699" s="7">
        <v>4.6452232000000002</v>
      </c>
      <c r="J6699" s="8">
        <v>-74.178657200000004</v>
      </c>
    </row>
    <row r="6700" spans="1:10" x14ac:dyDescent="0.35">
      <c r="A6700" s="5" t="s">
        <v>10</v>
      </c>
      <c r="B6700" s="6">
        <v>202637</v>
      </c>
      <c r="C6700" s="6" t="s">
        <v>68</v>
      </c>
      <c r="D6700" s="6" t="s">
        <v>69</v>
      </c>
      <c r="E6700" s="6">
        <v>11001</v>
      </c>
      <c r="F6700" s="6" t="s">
        <v>18</v>
      </c>
      <c r="G6700" s="6" t="s">
        <v>13512</v>
      </c>
      <c r="H6700" s="6" t="s">
        <v>13513</v>
      </c>
      <c r="I6700" s="7">
        <v>4.5580138999999997</v>
      </c>
      <c r="J6700" s="8">
        <v>-74.1219392</v>
      </c>
    </row>
    <row r="6701" spans="1:10" x14ac:dyDescent="0.35">
      <c r="A6701" s="5" t="s">
        <v>10</v>
      </c>
      <c r="B6701" s="6">
        <v>230527</v>
      </c>
      <c r="C6701" s="6" t="s">
        <v>68</v>
      </c>
      <c r="D6701" s="6" t="s">
        <v>69</v>
      </c>
      <c r="E6701" s="6">
        <v>11001</v>
      </c>
      <c r="F6701" s="6" t="s">
        <v>18</v>
      </c>
      <c r="G6701" s="6" t="s">
        <v>13514</v>
      </c>
      <c r="H6701" s="6" t="s">
        <v>13515</v>
      </c>
      <c r="I6701" s="7">
        <v>4.6929993999999997</v>
      </c>
      <c r="J6701" s="8">
        <v>-74.055509000000001</v>
      </c>
    </row>
    <row r="6702" spans="1:10" x14ac:dyDescent="0.35">
      <c r="A6702" s="5" t="s">
        <v>10</v>
      </c>
      <c r="B6702" s="6">
        <v>229344</v>
      </c>
      <c r="C6702" s="6" t="s">
        <v>68</v>
      </c>
      <c r="D6702" s="6" t="s">
        <v>69</v>
      </c>
      <c r="E6702" s="6">
        <v>11001</v>
      </c>
      <c r="F6702" s="6" t="s">
        <v>18</v>
      </c>
      <c r="G6702" s="6" t="s">
        <v>13516</v>
      </c>
      <c r="H6702" s="6" t="s">
        <v>13517</v>
      </c>
      <c r="I6702" s="7">
        <v>4.6530712999999997</v>
      </c>
      <c r="J6702" s="8">
        <v>-74.061404100000004</v>
      </c>
    </row>
    <row r="6703" spans="1:10" x14ac:dyDescent="0.35">
      <c r="A6703" s="5" t="s">
        <v>10</v>
      </c>
      <c r="B6703" s="6">
        <v>242268</v>
      </c>
      <c r="C6703" s="6" t="s">
        <v>68</v>
      </c>
      <c r="D6703" s="6" t="s">
        <v>69</v>
      </c>
      <c r="E6703" s="6">
        <v>11001</v>
      </c>
      <c r="F6703" s="6" t="s">
        <v>18</v>
      </c>
      <c r="G6703" s="6" t="s">
        <v>13518</v>
      </c>
      <c r="H6703" s="6" t="s">
        <v>13519</v>
      </c>
      <c r="I6703" s="7">
        <v>4.6744098999999997</v>
      </c>
      <c r="J6703" s="8">
        <v>-74.120018900000005</v>
      </c>
    </row>
    <row r="6704" spans="1:10" x14ac:dyDescent="0.35">
      <c r="A6704" s="5" t="s">
        <v>10</v>
      </c>
      <c r="B6704" s="6">
        <v>242668</v>
      </c>
      <c r="C6704" s="6" t="s">
        <v>68</v>
      </c>
      <c r="D6704" s="6" t="s">
        <v>69</v>
      </c>
      <c r="E6704" s="6">
        <v>11001</v>
      </c>
      <c r="F6704" s="6" t="s">
        <v>18</v>
      </c>
      <c r="G6704" s="6" t="s">
        <v>13520</v>
      </c>
      <c r="H6704" s="6" t="s">
        <v>13521</v>
      </c>
      <c r="I6704" s="7">
        <v>4.6914749999999996</v>
      </c>
      <c r="J6704" s="8">
        <v>-74.102521800000005</v>
      </c>
    </row>
    <row r="6705" spans="1:10" x14ac:dyDescent="0.35">
      <c r="A6705" s="5" t="s">
        <v>10</v>
      </c>
      <c r="B6705" s="6">
        <v>239989</v>
      </c>
      <c r="C6705" s="6" t="s">
        <v>551</v>
      </c>
      <c r="D6705" s="6" t="s">
        <v>4203</v>
      </c>
      <c r="E6705" s="6">
        <v>20228</v>
      </c>
      <c r="F6705" s="6" t="s">
        <v>13</v>
      </c>
      <c r="G6705" s="6" t="s">
        <v>13522</v>
      </c>
      <c r="H6705" s="6" t="s">
        <v>13523</v>
      </c>
      <c r="I6705" s="7">
        <v>9.1972401999999995</v>
      </c>
      <c r="J6705" s="8">
        <v>-73.5347553</v>
      </c>
    </row>
    <row r="6706" spans="1:10" x14ac:dyDescent="0.35">
      <c r="A6706" s="5" t="s">
        <v>10</v>
      </c>
      <c r="B6706" s="6">
        <v>225803</v>
      </c>
      <c r="C6706" s="6" t="s">
        <v>302</v>
      </c>
      <c r="D6706" s="6" t="s">
        <v>10762</v>
      </c>
      <c r="E6706" s="6">
        <v>8520</v>
      </c>
      <c r="F6706" s="6" t="s">
        <v>13</v>
      </c>
      <c r="G6706" s="6" t="s">
        <v>13524</v>
      </c>
      <c r="H6706" s="6" t="s">
        <v>13525</v>
      </c>
      <c r="I6706" s="7">
        <v>10.743420800000001</v>
      </c>
      <c r="J6706" s="8">
        <v>-74.749852899999993</v>
      </c>
    </row>
    <row r="6707" spans="1:10" x14ac:dyDescent="0.35">
      <c r="A6707" s="5" t="s">
        <v>10</v>
      </c>
      <c r="B6707" s="6">
        <v>223380</v>
      </c>
      <c r="C6707" s="6" t="s">
        <v>117</v>
      </c>
      <c r="D6707" s="6" t="s">
        <v>1334</v>
      </c>
      <c r="E6707" s="6">
        <v>76001</v>
      </c>
      <c r="F6707" s="6" t="s">
        <v>13</v>
      </c>
      <c r="G6707" s="6" t="s">
        <v>13526</v>
      </c>
      <c r="H6707" s="6" t="s">
        <v>13527</v>
      </c>
      <c r="I6707" s="7">
        <v>3.4944237999999999</v>
      </c>
      <c r="J6707" s="8">
        <v>-76.494462799999994</v>
      </c>
    </row>
    <row r="6708" spans="1:10" x14ac:dyDescent="0.35">
      <c r="A6708" s="5" t="s">
        <v>10</v>
      </c>
      <c r="B6708" s="6">
        <v>140410</v>
      </c>
      <c r="C6708" s="6" t="s">
        <v>109</v>
      </c>
      <c r="D6708" s="6" t="s">
        <v>2830</v>
      </c>
      <c r="E6708" s="6">
        <v>13430</v>
      </c>
      <c r="F6708" s="6" t="s">
        <v>18</v>
      </c>
      <c r="G6708" s="6" t="s">
        <v>13528</v>
      </c>
      <c r="H6708" s="6" t="s">
        <v>13529</v>
      </c>
      <c r="I6708" s="7">
        <v>9.2414155999999998</v>
      </c>
      <c r="J6708" s="8">
        <v>-74.752758700000001</v>
      </c>
    </row>
    <row r="6709" spans="1:10" x14ac:dyDescent="0.35">
      <c r="A6709" s="5" t="s">
        <v>10</v>
      </c>
      <c r="B6709" s="6">
        <v>113161</v>
      </c>
      <c r="C6709" s="6" t="s">
        <v>109</v>
      </c>
      <c r="D6709" s="6" t="s">
        <v>2830</v>
      </c>
      <c r="E6709" s="6">
        <v>13430</v>
      </c>
      <c r="F6709" s="6" t="s">
        <v>18</v>
      </c>
      <c r="G6709" s="6" t="s">
        <v>13530</v>
      </c>
      <c r="H6709" s="6" t="s">
        <v>13531</v>
      </c>
      <c r="I6709" s="7">
        <v>9.2513764999999992</v>
      </c>
      <c r="J6709" s="8">
        <v>-74.762771400000005</v>
      </c>
    </row>
    <row r="6710" spans="1:10" x14ac:dyDescent="0.35">
      <c r="A6710" s="5" t="s">
        <v>10</v>
      </c>
      <c r="B6710" s="6">
        <v>240589</v>
      </c>
      <c r="C6710" s="6" t="s">
        <v>190</v>
      </c>
      <c r="D6710" s="6" t="s">
        <v>4063</v>
      </c>
      <c r="E6710" s="6">
        <v>5088</v>
      </c>
      <c r="F6710" s="6" t="s">
        <v>18</v>
      </c>
      <c r="G6710" s="6" t="s">
        <v>13532</v>
      </c>
      <c r="H6710" s="6" t="s">
        <v>13533</v>
      </c>
      <c r="I6710" s="7">
        <v>6.3384976999999996</v>
      </c>
      <c r="J6710" s="8">
        <v>-75.563656199999997</v>
      </c>
    </row>
    <row r="6711" spans="1:10" x14ac:dyDescent="0.35">
      <c r="A6711" s="5" t="s">
        <v>10</v>
      </c>
      <c r="B6711" s="6">
        <v>240477</v>
      </c>
      <c r="C6711" s="6" t="s">
        <v>190</v>
      </c>
      <c r="D6711" s="6" t="s">
        <v>191</v>
      </c>
      <c r="E6711" s="6">
        <v>5001</v>
      </c>
      <c r="F6711" s="6" t="s">
        <v>18</v>
      </c>
      <c r="G6711" s="6" t="s">
        <v>13534</v>
      </c>
      <c r="H6711" s="6" t="s">
        <v>13535</v>
      </c>
      <c r="I6711" s="7">
        <v>6.3062721000000002</v>
      </c>
      <c r="J6711" s="8">
        <v>-75.552109799999997</v>
      </c>
    </row>
    <row r="6712" spans="1:10" x14ac:dyDescent="0.35">
      <c r="A6712" s="5" t="s">
        <v>10</v>
      </c>
      <c r="B6712" s="6">
        <v>232980</v>
      </c>
      <c r="C6712" s="6" t="s">
        <v>190</v>
      </c>
      <c r="D6712" s="6" t="s">
        <v>191</v>
      </c>
      <c r="E6712" s="6">
        <v>5001</v>
      </c>
      <c r="F6712" s="6" t="s">
        <v>18</v>
      </c>
      <c r="G6712" s="6" t="s">
        <v>13536</v>
      </c>
      <c r="H6712" s="6" t="s">
        <v>13537</v>
      </c>
      <c r="I6712" s="7">
        <v>6.2354754000000003</v>
      </c>
      <c r="J6712" s="8">
        <v>-75.591560900000005</v>
      </c>
    </row>
    <row r="6713" spans="1:10" x14ac:dyDescent="0.35">
      <c r="A6713" s="5" t="s">
        <v>10</v>
      </c>
      <c r="B6713" s="6">
        <v>199535</v>
      </c>
      <c r="C6713" s="6" t="s">
        <v>68</v>
      </c>
      <c r="D6713" s="6" t="s">
        <v>69</v>
      </c>
      <c r="E6713" s="6">
        <v>11001</v>
      </c>
      <c r="F6713" s="6" t="s">
        <v>18</v>
      </c>
      <c r="G6713" s="6" t="s">
        <v>13538</v>
      </c>
      <c r="H6713" s="6" t="s">
        <v>13539</v>
      </c>
      <c r="I6713" s="7">
        <v>4.6787228000000001</v>
      </c>
      <c r="J6713" s="8">
        <v>-74.152994100000001</v>
      </c>
    </row>
    <row r="6714" spans="1:10" x14ac:dyDescent="0.35">
      <c r="A6714" s="5" t="s">
        <v>10</v>
      </c>
      <c r="B6714" s="6">
        <v>239772</v>
      </c>
      <c r="C6714" s="6" t="s">
        <v>68</v>
      </c>
      <c r="D6714" s="6" t="s">
        <v>69</v>
      </c>
      <c r="E6714" s="6">
        <v>11001</v>
      </c>
      <c r="F6714" s="6" t="s">
        <v>18</v>
      </c>
      <c r="G6714" s="6" t="s">
        <v>13540</v>
      </c>
      <c r="H6714" s="6" t="s">
        <v>13541</v>
      </c>
      <c r="I6714" s="7">
        <v>4.6781860000000002</v>
      </c>
      <c r="J6714" s="8">
        <v>-74.134811099999993</v>
      </c>
    </row>
    <row r="6715" spans="1:10" x14ac:dyDescent="0.35">
      <c r="A6715" s="5" t="s">
        <v>10</v>
      </c>
      <c r="B6715" s="6">
        <v>242545</v>
      </c>
      <c r="C6715" s="6" t="s">
        <v>68</v>
      </c>
      <c r="D6715" s="6" t="s">
        <v>69</v>
      </c>
      <c r="E6715" s="6">
        <v>11001</v>
      </c>
      <c r="F6715" s="6" t="s">
        <v>18</v>
      </c>
      <c r="G6715" s="6" t="s">
        <v>13542</v>
      </c>
      <c r="H6715" s="6" t="s">
        <v>13543</v>
      </c>
      <c r="I6715" s="7">
        <v>4.5760814999999999</v>
      </c>
      <c r="J6715" s="8">
        <v>-74.117471399999999</v>
      </c>
    </row>
    <row r="6716" spans="1:10" x14ac:dyDescent="0.35">
      <c r="A6716" s="5" t="s">
        <v>10</v>
      </c>
      <c r="B6716" s="6">
        <v>239167</v>
      </c>
      <c r="C6716" s="6" t="s">
        <v>68</v>
      </c>
      <c r="D6716" s="6" t="s">
        <v>69</v>
      </c>
      <c r="E6716" s="6">
        <v>11001</v>
      </c>
      <c r="F6716" s="6" t="s">
        <v>18</v>
      </c>
      <c r="G6716" s="6" t="s">
        <v>13544</v>
      </c>
      <c r="H6716" s="6" t="s">
        <v>13545</v>
      </c>
      <c r="I6716" s="7">
        <v>4.6438737999999997</v>
      </c>
      <c r="J6716" s="8">
        <v>-74.165062899999995</v>
      </c>
    </row>
    <row r="6717" spans="1:10" x14ac:dyDescent="0.35">
      <c r="A6717" s="5" t="s">
        <v>10</v>
      </c>
      <c r="B6717" s="6">
        <v>242175</v>
      </c>
      <c r="C6717" s="6" t="s">
        <v>68</v>
      </c>
      <c r="D6717" s="6" t="s">
        <v>69</v>
      </c>
      <c r="E6717" s="6">
        <v>11001</v>
      </c>
      <c r="F6717" s="6" t="s">
        <v>18</v>
      </c>
      <c r="G6717" s="6" t="s">
        <v>13546</v>
      </c>
      <c r="H6717" s="6" t="s">
        <v>13547</v>
      </c>
      <c r="I6717" s="7">
        <v>4.7429550000000003</v>
      </c>
      <c r="J6717" s="8">
        <v>-74.113299999999995</v>
      </c>
    </row>
    <row r="6718" spans="1:10" x14ac:dyDescent="0.35">
      <c r="A6718" s="5" t="s">
        <v>10</v>
      </c>
      <c r="B6718" s="6">
        <v>209824</v>
      </c>
      <c r="C6718" s="6" t="s">
        <v>68</v>
      </c>
      <c r="D6718" s="6" t="s">
        <v>69</v>
      </c>
      <c r="E6718" s="6">
        <v>11001</v>
      </c>
      <c r="F6718" s="6" t="s">
        <v>18</v>
      </c>
      <c r="G6718" s="6" t="s">
        <v>13548</v>
      </c>
      <c r="H6718" s="6" t="s">
        <v>13549</v>
      </c>
      <c r="I6718" s="7">
        <v>4.5469681</v>
      </c>
      <c r="J6718" s="8">
        <v>-74.092116899999994</v>
      </c>
    </row>
    <row r="6719" spans="1:10" x14ac:dyDescent="0.35">
      <c r="A6719" s="5" t="s">
        <v>10</v>
      </c>
      <c r="B6719" s="6">
        <v>207123</v>
      </c>
      <c r="C6719" s="6" t="s">
        <v>68</v>
      </c>
      <c r="D6719" s="6" t="s">
        <v>69</v>
      </c>
      <c r="E6719" s="6">
        <v>11001</v>
      </c>
      <c r="F6719" s="6" t="s">
        <v>18</v>
      </c>
      <c r="G6719" s="6" t="s">
        <v>13550</v>
      </c>
      <c r="H6719" s="6" t="s">
        <v>13551</v>
      </c>
      <c r="I6719" s="7">
        <v>4.7351257999999996</v>
      </c>
      <c r="J6719" s="8">
        <v>-74.087616699999998</v>
      </c>
    </row>
    <row r="6720" spans="1:10" x14ac:dyDescent="0.35">
      <c r="A6720" s="5" t="s">
        <v>10</v>
      </c>
      <c r="B6720" s="6">
        <v>242723</v>
      </c>
      <c r="C6720" s="6" t="s">
        <v>68</v>
      </c>
      <c r="D6720" s="6" t="s">
        <v>69</v>
      </c>
      <c r="E6720" s="6">
        <v>11001</v>
      </c>
      <c r="F6720" s="6" t="s">
        <v>18</v>
      </c>
      <c r="G6720" s="6" t="s">
        <v>13552</v>
      </c>
      <c r="H6720" s="6" t="s">
        <v>13553</v>
      </c>
      <c r="I6720" s="7">
        <v>4.7244897999999997</v>
      </c>
      <c r="J6720" s="8">
        <v>-74.091650599999994</v>
      </c>
    </row>
    <row r="6721" spans="1:10" x14ac:dyDescent="0.35">
      <c r="A6721" s="5" t="s">
        <v>10</v>
      </c>
      <c r="B6721" s="6">
        <v>186531</v>
      </c>
      <c r="C6721" s="6" t="s">
        <v>68</v>
      </c>
      <c r="D6721" s="6" t="s">
        <v>69</v>
      </c>
      <c r="E6721" s="6">
        <v>11001</v>
      </c>
      <c r="F6721" s="6" t="s">
        <v>18</v>
      </c>
      <c r="G6721" s="6" t="s">
        <v>13554</v>
      </c>
      <c r="H6721" s="6" t="s">
        <v>13555</v>
      </c>
      <c r="I6721" s="7">
        <v>4.7392893999999997</v>
      </c>
      <c r="J6721" s="8">
        <v>-74.094730599999906</v>
      </c>
    </row>
    <row r="6722" spans="1:10" x14ac:dyDescent="0.35">
      <c r="A6722" s="5" t="s">
        <v>10</v>
      </c>
      <c r="B6722" s="6">
        <v>222338</v>
      </c>
      <c r="C6722" s="6" t="s">
        <v>68</v>
      </c>
      <c r="D6722" s="6" t="s">
        <v>69</v>
      </c>
      <c r="E6722" s="6">
        <v>11001</v>
      </c>
      <c r="F6722" s="6" t="s">
        <v>13</v>
      </c>
      <c r="G6722" s="6" t="s">
        <v>13556</v>
      </c>
      <c r="H6722" s="6" t="s">
        <v>13557</v>
      </c>
      <c r="I6722" s="7">
        <v>4.5988455999999998</v>
      </c>
      <c r="J6722" s="8">
        <v>-74.190610399999997</v>
      </c>
    </row>
    <row r="6723" spans="1:10" x14ac:dyDescent="0.35">
      <c r="A6723" s="5" t="s">
        <v>10</v>
      </c>
      <c r="B6723" s="6">
        <v>216318</v>
      </c>
      <c r="C6723" s="6" t="s">
        <v>28</v>
      </c>
      <c r="D6723" s="6" t="s">
        <v>29</v>
      </c>
      <c r="E6723" s="6">
        <v>54001</v>
      </c>
      <c r="F6723" s="6" t="s">
        <v>13</v>
      </c>
      <c r="G6723" s="6" t="s">
        <v>13558</v>
      </c>
      <c r="H6723" s="6" t="s">
        <v>13559</v>
      </c>
      <c r="I6723" s="7">
        <v>7.8922110999999999</v>
      </c>
      <c r="J6723" s="8">
        <v>-72.511205899999993</v>
      </c>
    </row>
    <row r="6724" spans="1:10" x14ac:dyDescent="0.35">
      <c r="A6724" s="5" t="s">
        <v>10</v>
      </c>
      <c r="B6724" s="6">
        <v>205396</v>
      </c>
      <c r="C6724" s="6" t="s">
        <v>457</v>
      </c>
      <c r="D6724" s="6" t="s">
        <v>10849</v>
      </c>
      <c r="E6724" s="6">
        <v>52693</v>
      </c>
      <c r="F6724" s="6" t="s">
        <v>18</v>
      </c>
      <c r="G6724" s="6" t="s">
        <v>13560</v>
      </c>
      <c r="H6724" s="6" t="s">
        <v>13561</v>
      </c>
      <c r="I6724" s="7">
        <v>1.6690825</v>
      </c>
      <c r="J6724" s="8">
        <v>-77.011999599999996</v>
      </c>
    </row>
    <row r="6725" spans="1:10" x14ac:dyDescent="0.35">
      <c r="A6725" s="5" t="s">
        <v>10</v>
      </c>
      <c r="B6725" s="6">
        <v>241561</v>
      </c>
      <c r="C6725" s="6" t="s">
        <v>457</v>
      </c>
      <c r="D6725" s="6" t="s">
        <v>13562</v>
      </c>
      <c r="E6725" s="6">
        <v>52233</v>
      </c>
      <c r="F6725" s="6" t="s">
        <v>18</v>
      </c>
      <c r="G6725" s="6" t="s">
        <v>13563</v>
      </c>
      <c r="H6725" s="6" t="s">
        <v>13564</v>
      </c>
      <c r="I6725" s="7">
        <v>1.6479737000000001</v>
      </c>
      <c r="J6725" s="8">
        <v>-77.578505500000006</v>
      </c>
    </row>
    <row r="6726" spans="1:10" x14ac:dyDescent="0.35">
      <c r="A6726" s="5" t="s">
        <v>10</v>
      </c>
      <c r="B6726" s="6">
        <v>229453</v>
      </c>
      <c r="C6726" s="6" t="s">
        <v>117</v>
      </c>
      <c r="D6726" s="6" t="s">
        <v>1334</v>
      </c>
      <c r="E6726" s="6">
        <v>76001</v>
      </c>
      <c r="F6726" s="6" t="s">
        <v>18</v>
      </c>
      <c r="G6726" s="6" t="s">
        <v>13565</v>
      </c>
      <c r="H6726" s="6" t="s">
        <v>13566</v>
      </c>
      <c r="I6726" s="7">
        <v>3.4511115000000001</v>
      </c>
      <c r="J6726" s="8">
        <v>-76.487468100000001</v>
      </c>
    </row>
    <row r="6727" spans="1:10" x14ac:dyDescent="0.35">
      <c r="A6727" s="5" t="s">
        <v>10</v>
      </c>
      <c r="B6727" s="6">
        <v>241618</v>
      </c>
      <c r="C6727" s="6" t="s">
        <v>457</v>
      </c>
      <c r="D6727" s="6" t="s">
        <v>13567</v>
      </c>
      <c r="E6727" s="6">
        <v>52678</v>
      </c>
      <c r="F6727" s="6" t="s">
        <v>18</v>
      </c>
      <c r="G6727" s="6" t="s">
        <v>13568</v>
      </c>
      <c r="H6727" s="6" t="s">
        <v>13569</v>
      </c>
      <c r="I6727" s="7">
        <v>1.332614</v>
      </c>
      <c r="J6727" s="8">
        <v>-77.586155000000005</v>
      </c>
    </row>
    <row r="6728" spans="1:10" x14ac:dyDescent="0.35">
      <c r="A6728" s="5" t="s">
        <v>10</v>
      </c>
      <c r="B6728" s="6">
        <v>229560</v>
      </c>
      <c r="C6728" s="6" t="s">
        <v>457</v>
      </c>
      <c r="D6728" s="6" t="s">
        <v>13570</v>
      </c>
      <c r="E6728" s="6">
        <v>52490</v>
      </c>
      <c r="F6728" s="6" t="s">
        <v>18</v>
      </c>
      <c r="G6728" s="6" t="s">
        <v>13571</v>
      </c>
      <c r="H6728" s="6" t="s">
        <v>13572</v>
      </c>
      <c r="I6728" s="7">
        <v>2.2740961999999998</v>
      </c>
      <c r="J6728" s="8">
        <v>-78.315941100000003</v>
      </c>
    </row>
    <row r="6729" spans="1:10" x14ac:dyDescent="0.35">
      <c r="A6729" s="5" t="s">
        <v>10</v>
      </c>
      <c r="B6729" s="6">
        <v>229758</v>
      </c>
      <c r="C6729" s="6" t="s">
        <v>117</v>
      </c>
      <c r="D6729" s="6" t="s">
        <v>3402</v>
      </c>
      <c r="E6729" s="6">
        <v>76364</v>
      </c>
      <c r="F6729" s="6" t="s">
        <v>18</v>
      </c>
      <c r="G6729" s="6" t="s">
        <v>13573</v>
      </c>
      <c r="H6729" s="6" t="s">
        <v>13574</v>
      </c>
      <c r="I6729" s="7">
        <v>3.2632789</v>
      </c>
      <c r="J6729" s="8">
        <v>-76.538517600000006</v>
      </c>
    </row>
    <row r="6730" spans="1:10" x14ac:dyDescent="0.35">
      <c r="A6730" s="5" t="s">
        <v>10</v>
      </c>
      <c r="B6730" s="6">
        <v>240891</v>
      </c>
      <c r="C6730" s="6" t="s">
        <v>190</v>
      </c>
      <c r="D6730" s="6" t="s">
        <v>4063</v>
      </c>
      <c r="E6730" s="6">
        <v>5088</v>
      </c>
      <c r="F6730" s="6" t="s">
        <v>18</v>
      </c>
      <c r="G6730" s="6" t="s">
        <v>13575</v>
      </c>
      <c r="H6730" s="6" t="s">
        <v>13576</v>
      </c>
      <c r="I6730" s="7">
        <v>6.34666</v>
      </c>
      <c r="J6730" s="8">
        <v>-75.554954499999994</v>
      </c>
    </row>
    <row r="6731" spans="1:10" x14ac:dyDescent="0.35">
      <c r="A6731" s="5" t="s">
        <v>10</v>
      </c>
      <c r="B6731" s="6">
        <v>217004</v>
      </c>
      <c r="C6731" s="6" t="s">
        <v>68</v>
      </c>
      <c r="D6731" s="6" t="s">
        <v>69</v>
      </c>
      <c r="E6731" s="6">
        <v>11001</v>
      </c>
      <c r="F6731" s="6" t="s">
        <v>18</v>
      </c>
      <c r="G6731" s="6" t="s">
        <v>1940</v>
      </c>
      <c r="H6731" s="6" t="s">
        <v>13577</v>
      </c>
      <c r="I6731" s="7">
        <v>4.5141545000000001</v>
      </c>
      <c r="J6731" s="8">
        <v>-74.116101999999998</v>
      </c>
    </row>
    <row r="6732" spans="1:10" x14ac:dyDescent="0.35">
      <c r="A6732" s="5" t="s">
        <v>10</v>
      </c>
      <c r="B6732" s="6">
        <v>204190</v>
      </c>
      <c r="C6732" s="6" t="s">
        <v>68</v>
      </c>
      <c r="D6732" s="6" t="s">
        <v>69</v>
      </c>
      <c r="E6732" s="6">
        <v>11001</v>
      </c>
      <c r="F6732" s="6" t="s">
        <v>18</v>
      </c>
      <c r="G6732" s="6" t="s">
        <v>13578</v>
      </c>
      <c r="H6732" s="6" t="s">
        <v>13579</v>
      </c>
      <c r="I6732" s="7">
        <v>4.6830810999999999</v>
      </c>
      <c r="J6732" s="8">
        <v>-74.0897097</v>
      </c>
    </row>
    <row r="6733" spans="1:10" x14ac:dyDescent="0.35">
      <c r="A6733" s="5" t="s">
        <v>10</v>
      </c>
      <c r="B6733" s="6">
        <v>209992</v>
      </c>
      <c r="C6733" s="6" t="s">
        <v>68</v>
      </c>
      <c r="D6733" s="6" t="s">
        <v>69</v>
      </c>
      <c r="E6733" s="6">
        <v>11001</v>
      </c>
      <c r="F6733" s="6" t="s">
        <v>18</v>
      </c>
      <c r="G6733" s="6" t="s">
        <v>13580</v>
      </c>
      <c r="H6733" s="6" t="s">
        <v>13581</v>
      </c>
      <c r="I6733" s="7">
        <v>4.5607746999999996</v>
      </c>
      <c r="J6733" s="8">
        <v>-74.102188599999906</v>
      </c>
    </row>
    <row r="6734" spans="1:10" x14ac:dyDescent="0.35">
      <c r="A6734" s="5" t="s">
        <v>10</v>
      </c>
      <c r="B6734" s="6">
        <v>237721</v>
      </c>
      <c r="C6734" s="6" t="s">
        <v>68</v>
      </c>
      <c r="D6734" s="6" t="s">
        <v>69</v>
      </c>
      <c r="E6734" s="6">
        <v>11001</v>
      </c>
      <c r="F6734" s="6" t="s">
        <v>18</v>
      </c>
      <c r="G6734" s="6" t="s">
        <v>13582</v>
      </c>
      <c r="H6734" s="6" t="s">
        <v>13583</v>
      </c>
      <c r="I6734" s="7">
        <v>4.6306624000000003</v>
      </c>
      <c r="J6734" s="8">
        <v>-74.171052700000004</v>
      </c>
    </row>
    <row r="6735" spans="1:10" x14ac:dyDescent="0.35">
      <c r="A6735" s="5" t="s">
        <v>10</v>
      </c>
      <c r="B6735" s="6">
        <v>239138</v>
      </c>
      <c r="C6735" s="6" t="s">
        <v>68</v>
      </c>
      <c r="D6735" s="6" t="s">
        <v>69</v>
      </c>
      <c r="E6735" s="6">
        <v>11001</v>
      </c>
      <c r="F6735" s="6" t="s">
        <v>18</v>
      </c>
      <c r="G6735" s="6" t="s">
        <v>13584</v>
      </c>
      <c r="H6735" s="6" t="s">
        <v>13585</v>
      </c>
      <c r="I6735" s="7">
        <v>4.60046</v>
      </c>
      <c r="J6735" s="8">
        <v>-74.084603799999996</v>
      </c>
    </row>
    <row r="6736" spans="1:10" x14ac:dyDescent="0.35">
      <c r="A6736" s="5" t="s">
        <v>10</v>
      </c>
      <c r="B6736" s="6">
        <v>225920</v>
      </c>
      <c r="C6736" s="6" t="s">
        <v>68</v>
      </c>
      <c r="D6736" s="6" t="s">
        <v>69</v>
      </c>
      <c r="E6736" s="6">
        <v>11001</v>
      </c>
      <c r="F6736" s="6" t="s">
        <v>18</v>
      </c>
      <c r="G6736" s="6" t="s">
        <v>13586</v>
      </c>
      <c r="H6736" s="6" t="s">
        <v>13587</v>
      </c>
      <c r="I6736" s="7">
        <v>4.5985971999999897</v>
      </c>
      <c r="J6736" s="8">
        <v>-74.185532799999905</v>
      </c>
    </row>
    <row r="6737" spans="1:10" x14ac:dyDescent="0.35">
      <c r="A6737" s="5" t="s">
        <v>10</v>
      </c>
      <c r="B6737" s="6">
        <v>228431</v>
      </c>
      <c r="C6737" s="6" t="s">
        <v>68</v>
      </c>
      <c r="D6737" s="6" t="s">
        <v>69</v>
      </c>
      <c r="E6737" s="6">
        <v>11001</v>
      </c>
      <c r="F6737" s="6" t="s">
        <v>18</v>
      </c>
      <c r="G6737" s="6" t="s">
        <v>13588</v>
      </c>
      <c r="H6737" s="6" t="s">
        <v>13589</v>
      </c>
      <c r="I6737" s="7">
        <v>4.6154272999999897</v>
      </c>
      <c r="J6737" s="8">
        <v>-74.084781800000002</v>
      </c>
    </row>
    <row r="6738" spans="1:10" x14ac:dyDescent="0.35">
      <c r="A6738" s="5" t="s">
        <v>10</v>
      </c>
      <c r="B6738" s="6">
        <v>232398</v>
      </c>
      <c r="C6738" s="6" t="s">
        <v>68</v>
      </c>
      <c r="D6738" s="6" t="s">
        <v>69</v>
      </c>
      <c r="E6738" s="6">
        <v>11001</v>
      </c>
      <c r="F6738" s="6" t="s">
        <v>18</v>
      </c>
      <c r="G6738" s="6" t="s">
        <v>13590</v>
      </c>
      <c r="H6738" s="6" t="s">
        <v>13591</v>
      </c>
      <c r="I6738" s="7">
        <v>4.6079526</v>
      </c>
      <c r="J6738" s="8">
        <v>-74.190819500000003</v>
      </c>
    </row>
    <row r="6739" spans="1:10" x14ac:dyDescent="0.35">
      <c r="A6739" s="5" t="s">
        <v>10</v>
      </c>
      <c r="B6739" s="6">
        <v>242410</v>
      </c>
      <c r="C6739" s="6" t="s">
        <v>68</v>
      </c>
      <c r="D6739" s="6" t="s">
        <v>69</v>
      </c>
      <c r="E6739" s="6">
        <v>11001</v>
      </c>
      <c r="F6739" s="6" t="s">
        <v>18</v>
      </c>
      <c r="G6739" s="6" t="s">
        <v>13592</v>
      </c>
      <c r="H6739" s="6" t="s">
        <v>13593</v>
      </c>
      <c r="I6739" s="7">
        <v>4.6292388000000004</v>
      </c>
      <c r="J6739" s="8">
        <v>-74.066796800000006</v>
      </c>
    </row>
    <row r="6740" spans="1:10" x14ac:dyDescent="0.35">
      <c r="A6740" s="5" t="s">
        <v>10</v>
      </c>
      <c r="B6740" s="6">
        <v>208695</v>
      </c>
      <c r="C6740" s="6" t="s">
        <v>68</v>
      </c>
      <c r="D6740" s="6" t="s">
        <v>69</v>
      </c>
      <c r="E6740" s="6">
        <v>11001</v>
      </c>
      <c r="F6740" s="6" t="s">
        <v>18</v>
      </c>
      <c r="G6740" s="6" t="s">
        <v>13594</v>
      </c>
      <c r="H6740" s="6" t="s">
        <v>13595</v>
      </c>
      <c r="I6740" s="7">
        <v>4.5947075000000002</v>
      </c>
      <c r="J6740" s="8">
        <v>-74.175525299999904</v>
      </c>
    </row>
    <row r="6741" spans="1:10" x14ac:dyDescent="0.35">
      <c r="A6741" s="5" t="s">
        <v>10</v>
      </c>
      <c r="B6741" s="6">
        <v>215259</v>
      </c>
      <c r="C6741" s="6" t="s">
        <v>68</v>
      </c>
      <c r="D6741" s="6" t="s">
        <v>69</v>
      </c>
      <c r="E6741" s="6">
        <v>11001</v>
      </c>
      <c r="F6741" s="6" t="s">
        <v>18</v>
      </c>
      <c r="G6741" s="6" t="s">
        <v>13596</v>
      </c>
      <c r="H6741" s="6" t="s">
        <v>13597</v>
      </c>
      <c r="I6741" s="7">
        <v>4.6098832999999999</v>
      </c>
      <c r="J6741" s="8">
        <v>-74.069870199999997</v>
      </c>
    </row>
    <row r="6742" spans="1:10" x14ac:dyDescent="0.35">
      <c r="A6742" s="5" t="s">
        <v>10</v>
      </c>
      <c r="B6742" s="6">
        <v>221413</v>
      </c>
      <c r="C6742" s="6" t="s">
        <v>68</v>
      </c>
      <c r="D6742" s="6" t="s">
        <v>69</v>
      </c>
      <c r="E6742" s="6">
        <v>11001</v>
      </c>
      <c r="F6742" s="6" t="s">
        <v>18</v>
      </c>
      <c r="G6742" s="6" t="s">
        <v>13598</v>
      </c>
      <c r="H6742" s="6" t="s">
        <v>13599</v>
      </c>
      <c r="I6742" s="7">
        <v>4.7154851999999998</v>
      </c>
      <c r="J6742" s="8">
        <v>-74.097476299999997</v>
      </c>
    </row>
    <row r="6743" spans="1:10" x14ac:dyDescent="0.35">
      <c r="A6743" s="5" t="s">
        <v>10</v>
      </c>
      <c r="B6743" s="6">
        <v>229828</v>
      </c>
      <c r="C6743" s="6" t="s">
        <v>68</v>
      </c>
      <c r="D6743" s="6" t="s">
        <v>69</v>
      </c>
      <c r="E6743" s="6">
        <v>11001</v>
      </c>
      <c r="F6743" s="6" t="s">
        <v>18</v>
      </c>
      <c r="G6743" s="6" t="s">
        <v>13600</v>
      </c>
      <c r="H6743" s="6" t="s">
        <v>13601</v>
      </c>
      <c r="I6743" s="7">
        <v>4.6559815999999996</v>
      </c>
      <c r="J6743" s="8">
        <v>-74.071363899999994</v>
      </c>
    </row>
    <row r="6744" spans="1:10" x14ac:dyDescent="0.35">
      <c r="A6744" s="5" t="s">
        <v>10</v>
      </c>
      <c r="B6744" s="6">
        <v>242130</v>
      </c>
      <c r="C6744" s="6" t="s">
        <v>68</v>
      </c>
      <c r="D6744" s="6" t="s">
        <v>69</v>
      </c>
      <c r="E6744" s="6">
        <v>11001</v>
      </c>
      <c r="F6744" s="6" t="s">
        <v>18</v>
      </c>
      <c r="G6744" s="6" t="s">
        <v>13602</v>
      </c>
      <c r="H6744" s="6" t="s">
        <v>13603</v>
      </c>
      <c r="I6744" s="7">
        <v>4.5969860999999996</v>
      </c>
      <c r="J6744" s="8">
        <v>-74.130509500000002</v>
      </c>
    </row>
    <row r="6745" spans="1:10" x14ac:dyDescent="0.35">
      <c r="A6745" s="5" t="s">
        <v>10</v>
      </c>
      <c r="B6745" s="6">
        <v>190887</v>
      </c>
      <c r="C6745" s="6" t="s">
        <v>68</v>
      </c>
      <c r="D6745" s="6" t="s">
        <v>69</v>
      </c>
      <c r="E6745" s="6">
        <v>11001</v>
      </c>
      <c r="F6745" s="6" t="s">
        <v>18</v>
      </c>
      <c r="G6745" s="6" t="s">
        <v>13604</v>
      </c>
      <c r="H6745" s="6" t="s">
        <v>13605</v>
      </c>
      <c r="I6745" s="7">
        <v>4.6452238000000001</v>
      </c>
      <c r="J6745" s="8">
        <v>-74.073577</v>
      </c>
    </row>
    <row r="6746" spans="1:10" x14ac:dyDescent="0.35">
      <c r="A6746" s="5" t="s">
        <v>10</v>
      </c>
      <c r="B6746" s="6">
        <v>248522</v>
      </c>
      <c r="C6746" s="6" t="s">
        <v>11</v>
      </c>
      <c r="D6746" s="6" t="s">
        <v>334</v>
      </c>
      <c r="E6746" s="6">
        <v>25754</v>
      </c>
      <c r="F6746" s="6" t="s">
        <v>18</v>
      </c>
      <c r="G6746" s="6" t="s">
        <v>13606</v>
      </c>
      <c r="H6746" s="6" t="s">
        <v>13607</v>
      </c>
      <c r="I6746" s="7">
        <v>4.5926079</v>
      </c>
      <c r="J6746" s="8">
        <v>-74.194629199999994</v>
      </c>
    </row>
    <row r="6747" spans="1:10" x14ac:dyDescent="0.35">
      <c r="A6747" s="5" t="s">
        <v>10</v>
      </c>
      <c r="B6747" s="6">
        <v>230572</v>
      </c>
      <c r="C6747" s="6" t="s">
        <v>2130</v>
      </c>
      <c r="D6747" s="6" t="s">
        <v>2131</v>
      </c>
      <c r="E6747" s="6">
        <v>85001</v>
      </c>
      <c r="F6747" s="6" t="s">
        <v>18</v>
      </c>
      <c r="G6747" s="6" t="s">
        <v>13608</v>
      </c>
      <c r="H6747" s="6" t="s">
        <v>13609</v>
      </c>
      <c r="I6747" s="7">
        <v>5.3245576999999997</v>
      </c>
      <c r="J6747" s="8">
        <v>-72.4027928</v>
      </c>
    </row>
    <row r="6748" spans="1:10" x14ac:dyDescent="0.35">
      <c r="A6748" s="5" t="s">
        <v>10</v>
      </c>
      <c r="B6748" s="6">
        <v>188666</v>
      </c>
      <c r="C6748" s="6" t="s">
        <v>28</v>
      </c>
      <c r="D6748" s="6" t="s">
        <v>29</v>
      </c>
      <c r="E6748" s="6">
        <v>54001</v>
      </c>
      <c r="F6748" s="6" t="s">
        <v>13</v>
      </c>
      <c r="G6748" s="6" t="s">
        <v>12272</v>
      </c>
      <c r="H6748" s="6" t="s">
        <v>12273</v>
      </c>
      <c r="I6748" s="7">
        <v>7.9020918</v>
      </c>
      <c r="J6748" s="8">
        <v>-72.530552599999993</v>
      </c>
    </row>
    <row r="6749" spans="1:10" x14ac:dyDescent="0.35">
      <c r="A6749" s="5" t="s">
        <v>10</v>
      </c>
      <c r="B6749" s="6">
        <v>212797</v>
      </c>
      <c r="C6749" s="6" t="s">
        <v>551</v>
      </c>
      <c r="D6749" s="6" t="s">
        <v>3868</v>
      </c>
      <c r="E6749" s="6">
        <v>20001</v>
      </c>
      <c r="F6749" s="6" t="s">
        <v>13</v>
      </c>
      <c r="G6749" s="6" t="s">
        <v>13610</v>
      </c>
      <c r="H6749" s="6" t="s">
        <v>13611</v>
      </c>
      <c r="I6749" s="7">
        <v>10.4742449</v>
      </c>
      <c r="J6749" s="8">
        <v>-73.243633500000001</v>
      </c>
    </row>
    <row r="6750" spans="1:10" x14ac:dyDescent="0.35">
      <c r="A6750" s="5" t="s">
        <v>10</v>
      </c>
      <c r="B6750" s="6">
        <v>238367</v>
      </c>
      <c r="C6750" s="6" t="s">
        <v>11</v>
      </c>
      <c r="D6750" s="6" t="s">
        <v>513</v>
      </c>
      <c r="E6750" s="6">
        <v>25286</v>
      </c>
      <c r="F6750" s="6" t="s">
        <v>18</v>
      </c>
      <c r="G6750" s="6" t="s">
        <v>13612</v>
      </c>
      <c r="H6750" s="6" t="s">
        <v>13613</v>
      </c>
      <c r="I6750" s="7">
        <v>4.7068291000000002</v>
      </c>
      <c r="J6750" s="8">
        <v>-74.200850500000001</v>
      </c>
    </row>
    <row r="6751" spans="1:10" x14ac:dyDescent="0.35">
      <c r="A6751" s="5" t="s">
        <v>10</v>
      </c>
      <c r="B6751" s="6">
        <v>244460</v>
      </c>
      <c r="C6751" s="6" t="s">
        <v>190</v>
      </c>
      <c r="D6751" s="6" t="s">
        <v>13614</v>
      </c>
      <c r="E6751" s="6">
        <v>5212</v>
      </c>
      <c r="F6751" s="6" t="s">
        <v>18</v>
      </c>
      <c r="G6751" s="6" t="s">
        <v>13615</v>
      </c>
      <c r="H6751" s="6" t="s">
        <v>13616</v>
      </c>
      <c r="I6751" s="7">
        <v>6.3548505999999998</v>
      </c>
      <c r="J6751" s="8">
        <v>-75.496982299999999</v>
      </c>
    </row>
    <row r="6752" spans="1:10" x14ac:dyDescent="0.35">
      <c r="A6752" s="5" t="s">
        <v>10</v>
      </c>
      <c r="B6752" s="6">
        <v>234539</v>
      </c>
      <c r="C6752" s="6" t="s">
        <v>190</v>
      </c>
      <c r="D6752" s="6" t="s">
        <v>191</v>
      </c>
      <c r="E6752" s="6">
        <v>5001</v>
      </c>
      <c r="F6752" s="6" t="s">
        <v>18</v>
      </c>
      <c r="G6752" s="6" t="s">
        <v>13617</v>
      </c>
      <c r="H6752" s="6" t="s">
        <v>13618</v>
      </c>
      <c r="I6752" s="7">
        <v>6.2110257999999998</v>
      </c>
      <c r="J6752" s="8">
        <v>-75.5698285</v>
      </c>
    </row>
    <row r="6753" spans="1:10" x14ac:dyDescent="0.35">
      <c r="A6753" s="5" t="s">
        <v>10</v>
      </c>
      <c r="B6753" s="6">
        <v>235723</v>
      </c>
      <c r="C6753" s="6" t="s">
        <v>68</v>
      </c>
      <c r="D6753" s="6" t="s">
        <v>69</v>
      </c>
      <c r="E6753" s="6">
        <v>11001</v>
      </c>
      <c r="F6753" s="6" t="s">
        <v>18</v>
      </c>
      <c r="G6753" s="6" t="s">
        <v>13619</v>
      </c>
      <c r="H6753" s="6" t="s">
        <v>13620</v>
      </c>
      <c r="I6753" s="7">
        <v>4.6402042000000003</v>
      </c>
      <c r="J6753" s="8">
        <v>-74.197088500000007</v>
      </c>
    </row>
    <row r="6754" spans="1:10" x14ac:dyDescent="0.35">
      <c r="A6754" s="5" t="s">
        <v>10</v>
      </c>
      <c r="B6754" s="6">
        <v>216876</v>
      </c>
      <c r="C6754" s="6" t="s">
        <v>68</v>
      </c>
      <c r="D6754" s="6" t="s">
        <v>69</v>
      </c>
      <c r="E6754" s="6">
        <v>11001</v>
      </c>
      <c r="F6754" s="6" t="s">
        <v>18</v>
      </c>
      <c r="G6754" s="6" t="s">
        <v>13621</v>
      </c>
      <c r="H6754" s="6" t="s">
        <v>13622</v>
      </c>
      <c r="I6754" s="7">
        <v>4.6308349999999896</v>
      </c>
      <c r="J6754" s="8">
        <v>-74.144006199999893</v>
      </c>
    </row>
    <row r="6755" spans="1:10" x14ac:dyDescent="0.35">
      <c r="A6755" s="5" t="s">
        <v>10</v>
      </c>
      <c r="B6755" s="6">
        <v>239731</v>
      </c>
      <c r="C6755" s="6" t="s">
        <v>68</v>
      </c>
      <c r="D6755" s="6" t="s">
        <v>69</v>
      </c>
      <c r="E6755" s="6">
        <v>11001</v>
      </c>
      <c r="F6755" s="6" t="s">
        <v>18</v>
      </c>
      <c r="G6755" s="6" t="s">
        <v>13623</v>
      </c>
      <c r="H6755" s="6" t="s">
        <v>13624</v>
      </c>
      <c r="I6755" s="7">
        <v>4.5077810999999999</v>
      </c>
      <c r="J6755" s="8">
        <v>-74.147160799999995</v>
      </c>
    </row>
    <row r="6756" spans="1:10" x14ac:dyDescent="0.35">
      <c r="A6756" s="5" t="s">
        <v>10</v>
      </c>
      <c r="B6756" s="6">
        <v>242362</v>
      </c>
      <c r="C6756" s="6" t="s">
        <v>68</v>
      </c>
      <c r="D6756" s="6" t="s">
        <v>69</v>
      </c>
      <c r="E6756" s="6">
        <v>11001</v>
      </c>
      <c r="F6756" s="6" t="s">
        <v>18</v>
      </c>
      <c r="G6756" s="6" t="s">
        <v>13625</v>
      </c>
      <c r="H6756" s="6" t="s">
        <v>13626</v>
      </c>
      <c r="I6756" s="7">
        <v>4.6728591000000002</v>
      </c>
      <c r="J6756" s="8">
        <v>-74.086216199999996</v>
      </c>
    </row>
    <row r="6757" spans="1:10" x14ac:dyDescent="0.35">
      <c r="A6757" s="5" t="s">
        <v>10</v>
      </c>
      <c r="B6757" s="6">
        <v>206749</v>
      </c>
      <c r="C6757" s="6" t="s">
        <v>68</v>
      </c>
      <c r="D6757" s="6" t="s">
        <v>69</v>
      </c>
      <c r="E6757" s="6">
        <v>11001</v>
      </c>
      <c r="F6757" s="6" t="s">
        <v>18</v>
      </c>
      <c r="G6757" s="6" t="s">
        <v>13627</v>
      </c>
      <c r="H6757" s="6" t="s">
        <v>13628</v>
      </c>
      <c r="I6757" s="7">
        <v>4.7301850999999999</v>
      </c>
      <c r="J6757" s="8">
        <v>-74.099243399999907</v>
      </c>
    </row>
    <row r="6758" spans="1:10" x14ac:dyDescent="0.35">
      <c r="A6758" s="5" t="s">
        <v>10</v>
      </c>
      <c r="B6758" s="6">
        <v>207900</v>
      </c>
      <c r="C6758" s="6" t="s">
        <v>68</v>
      </c>
      <c r="D6758" s="6" t="s">
        <v>69</v>
      </c>
      <c r="E6758" s="6">
        <v>11001</v>
      </c>
      <c r="F6758" s="6" t="s">
        <v>18</v>
      </c>
      <c r="G6758" s="6" t="s">
        <v>13629</v>
      </c>
      <c r="H6758" s="6" t="s">
        <v>13630</v>
      </c>
      <c r="I6758" s="7">
        <v>4.7219663999999897</v>
      </c>
      <c r="J6758" s="8">
        <v>-74.092813699999994</v>
      </c>
    </row>
    <row r="6759" spans="1:10" x14ac:dyDescent="0.35">
      <c r="A6759" s="5" t="s">
        <v>10</v>
      </c>
      <c r="B6759" s="6">
        <v>216449</v>
      </c>
      <c r="C6759" s="6" t="s">
        <v>68</v>
      </c>
      <c r="D6759" s="6" t="s">
        <v>69</v>
      </c>
      <c r="E6759" s="6">
        <v>11001</v>
      </c>
      <c r="F6759" s="6" t="s">
        <v>18</v>
      </c>
      <c r="G6759" s="6" t="s">
        <v>13631</v>
      </c>
      <c r="H6759" s="6" t="s">
        <v>13632</v>
      </c>
      <c r="I6759" s="7">
        <v>4.5545456</v>
      </c>
      <c r="J6759" s="8">
        <v>-74.146762100000004</v>
      </c>
    </row>
    <row r="6760" spans="1:10" x14ac:dyDescent="0.35">
      <c r="A6760" s="5" t="s">
        <v>10</v>
      </c>
      <c r="B6760" s="6">
        <v>239154</v>
      </c>
      <c r="C6760" s="6" t="s">
        <v>68</v>
      </c>
      <c r="D6760" s="6" t="s">
        <v>69</v>
      </c>
      <c r="E6760" s="6">
        <v>11001</v>
      </c>
      <c r="F6760" s="6" t="s">
        <v>18</v>
      </c>
      <c r="G6760" s="6" t="s">
        <v>13633</v>
      </c>
      <c r="H6760" s="6" t="s">
        <v>13634</v>
      </c>
      <c r="I6760" s="7">
        <v>4.7587777000000004</v>
      </c>
      <c r="J6760" s="8">
        <v>-74.028965200000002</v>
      </c>
    </row>
    <row r="6761" spans="1:10" x14ac:dyDescent="0.35">
      <c r="A6761" s="5" t="s">
        <v>10</v>
      </c>
      <c r="B6761" s="6">
        <v>242704</v>
      </c>
      <c r="C6761" s="6" t="s">
        <v>68</v>
      </c>
      <c r="D6761" s="6" t="s">
        <v>69</v>
      </c>
      <c r="E6761" s="6">
        <v>11001</v>
      </c>
      <c r="F6761" s="6" t="s">
        <v>18</v>
      </c>
      <c r="G6761" s="6" t="s">
        <v>13635</v>
      </c>
      <c r="H6761" s="6" t="s">
        <v>13636</v>
      </c>
      <c r="I6761" s="7">
        <v>4.5919407999999997</v>
      </c>
      <c r="J6761" s="8">
        <v>-74.201298899999998</v>
      </c>
    </row>
    <row r="6762" spans="1:10" x14ac:dyDescent="0.35">
      <c r="A6762" s="5" t="s">
        <v>10</v>
      </c>
      <c r="B6762" s="6">
        <v>232964</v>
      </c>
      <c r="C6762" s="6" t="s">
        <v>68</v>
      </c>
      <c r="D6762" s="6" t="s">
        <v>69</v>
      </c>
      <c r="E6762" s="6">
        <v>11001</v>
      </c>
      <c r="F6762" s="6" t="s">
        <v>13</v>
      </c>
      <c r="G6762" s="6" t="s">
        <v>13637</v>
      </c>
      <c r="H6762" s="6" t="s">
        <v>13638</v>
      </c>
      <c r="I6762" s="7">
        <v>4.6068737999999998</v>
      </c>
      <c r="J6762" s="8">
        <v>-74.1685777</v>
      </c>
    </row>
    <row r="6763" spans="1:10" x14ac:dyDescent="0.35">
      <c r="A6763" s="5" t="s">
        <v>10</v>
      </c>
      <c r="B6763" s="6">
        <v>190700</v>
      </c>
      <c r="C6763" s="6" t="s">
        <v>3325</v>
      </c>
      <c r="D6763" s="6" t="s">
        <v>3238</v>
      </c>
      <c r="E6763" s="6">
        <v>95015</v>
      </c>
      <c r="F6763" s="6" t="s">
        <v>13</v>
      </c>
      <c r="G6763" s="6" t="s">
        <v>13639</v>
      </c>
      <c r="H6763" s="6" t="s">
        <v>13640</v>
      </c>
      <c r="I6763" s="7">
        <v>1.9605128000000001</v>
      </c>
      <c r="J6763" s="8">
        <v>-72.653321800000001</v>
      </c>
    </row>
    <row r="6764" spans="1:10" x14ac:dyDescent="0.35">
      <c r="A6764" s="5" t="s">
        <v>10</v>
      </c>
      <c r="B6764" s="6">
        <v>205727</v>
      </c>
      <c r="C6764" s="6" t="s">
        <v>302</v>
      </c>
      <c r="D6764" s="6" t="s">
        <v>303</v>
      </c>
      <c r="E6764" s="6">
        <v>8638</v>
      </c>
      <c r="F6764" s="6" t="s">
        <v>13</v>
      </c>
      <c r="G6764" s="6" t="s">
        <v>13641</v>
      </c>
      <c r="H6764" s="6" t="s">
        <v>13642</v>
      </c>
      <c r="I6764" s="7">
        <v>10.961400599999999</v>
      </c>
      <c r="J6764" s="8">
        <v>-74.781494100000003</v>
      </c>
    </row>
    <row r="6765" spans="1:10" x14ac:dyDescent="0.35">
      <c r="A6765" s="5" t="s">
        <v>10</v>
      </c>
      <c r="B6765" s="6">
        <v>201257</v>
      </c>
      <c r="C6765" s="6" t="s">
        <v>117</v>
      </c>
      <c r="D6765" s="6" t="s">
        <v>3860</v>
      </c>
      <c r="E6765" s="6">
        <v>76130</v>
      </c>
      <c r="F6765" s="6" t="s">
        <v>18</v>
      </c>
      <c r="G6765" s="6" t="s">
        <v>13643</v>
      </c>
      <c r="H6765" s="6" t="s">
        <v>13644</v>
      </c>
      <c r="I6765" s="7">
        <v>3.4426239000000001</v>
      </c>
      <c r="J6765" s="8">
        <v>-76.541543699999906</v>
      </c>
    </row>
    <row r="6766" spans="1:10" x14ac:dyDescent="0.35">
      <c r="A6766" s="5" t="s">
        <v>10</v>
      </c>
      <c r="B6766" s="6">
        <v>241620</v>
      </c>
      <c r="C6766" s="6" t="s">
        <v>457</v>
      </c>
      <c r="D6766" s="6" t="s">
        <v>13453</v>
      </c>
      <c r="E6766" s="6">
        <v>52585</v>
      </c>
      <c r="F6766" s="6" t="s">
        <v>18</v>
      </c>
      <c r="G6766" s="6" t="s">
        <v>13645</v>
      </c>
      <c r="H6766" s="6" t="s">
        <v>13646</v>
      </c>
      <c r="I6766" s="7">
        <v>0.82441260000000005</v>
      </c>
      <c r="J6766" s="8">
        <v>-77.633499099999995</v>
      </c>
    </row>
    <row r="6767" spans="1:10" x14ac:dyDescent="0.35">
      <c r="A6767" s="5" t="s">
        <v>10</v>
      </c>
      <c r="B6767" s="6">
        <v>219954</v>
      </c>
      <c r="C6767" s="6" t="s">
        <v>117</v>
      </c>
      <c r="D6767" s="6" t="s">
        <v>3492</v>
      </c>
      <c r="E6767" s="6">
        <v>76520</v>
      </c>
      <c r="F6767" s="6" t="s">
        <v>18</v>
      </c>
      <c r="G6767" s="6" t="s">
        <v>13647</v>
      </c>
      <c r="H6767" s="6" t="s">
        <v>13648</v>
      </c>
      <c r="I6767" s="7">
        <v>3.5112885999999999</v>
      </c>
      <c r="J6767" s="8">
        <v>-76.299671599999996</v>
      </c>
    </row>
    <row r="6768" spans="1:10" x14ac:dyDescent="0.35">
      <c r="A6768" s="5" t="s">
        <v>10</v>
      </c>
      <c r="B6768" s="6">
        <v>203930</v>
      </c>
      <c r="C6768" s="6" t="s">
        <v>190</v>
      </c>
      <c r="D6768" s="6" t="s">
        <v>13649</v>
      </c>
      <c r="E6768" s="6">
        <v>5138</v>
      </c>
      <c r="F6768" s="6" t="s">
        <v>18</v>
      </c>
      <c r="G6768" s="6" t="s">
        <v>13650</v>
      </c>
      <c r="H6768" s="6" t="s">
        <v>13651</v>
      </c>
      <c r="I6768" s="7">
        <v>6.3112892999999897</v>
      </c>
      <c r="J6768" s="8">
        <v>-75.559979099999893</v>
      </c>
    </row>
    <row r="6769" spans="1:10" x14ac:dyDescent="0.35">
      <c r="A6769" s="5" t="s">
        <v>10</v>
      </c>
      <c r="B6769" s="6">
        <v>237946</v>
      </c>
      <c r="C6769" s="6" t="s">
        <v>68</v>
      </c>
      <c r="D6769" s="6" t="s">
        <v>69</v>
      </c>
      <c r="E6769" s="6">
        <v>11001</v>
      </c>
      <c r="F6769" s="6" t="s">
        <v>18</v>
      </c>
      <c r="G6769" s="6" t="s">
        <v>13652</v>
      </c>
      <c r="H6769" s="6" t="s">
        <v>13653</v>
      </c>
      <c r="I6769" s="7">
        <v>4.7311705000000002</v>
      </c>
      <c r="J6769" s="8">
        <v>-74.025610499999999</v>
      </c>
    </row>
    <row r="6770" spans="1:10" x14ac:dyDescent="0.35">
      <c r="A6770" s="5" t="s">
        <v>10</v>
      </c>
      <c r="B6770" s="6">
        <v>245232</v>
      </c>
      <c r="C6770" s="6" t="s">
        <v>68</v>
      </c>
      <c r="D6770" s="6" t="s">
        <v>69</v>
      </c>
      <c r="E6770" s="6">
        <v>11001</v>
      </c>
      <c r="F6770" s="6" t="s">
        <v>18</v>
      </c>
      <c r="G6770" s="6" t="s">
        <v>13654</v>
      </c>
      <c r="H6770" s="6" t="s">
        <v>13655</v>
      </c>
      <c r="I6770" s="7">
        <v>4.6261299999999999</v>
      </c>
      <c r="J6770" s="8">
        <v>-74.164439999999999</v>
      </c>
    </row>
    <row r="6771" spans="1:10" x14ac:dyDescent="0.35">
      <c r="A6771" s="5" t="s">
        <v>10</v>
      </c>
      <c r="B6771" s="6">
        <v>236587</v>
      </c>
      <c r="C6771" s="6" t="s">
        <v>68</v>
      </c>
      <c r="D6771" s="6" t="s">
        <v>69</v>
      </c>
      <c r="E6771" s="6">
        <v>11001</v>
      </c>
      <c r="F6771" s="6" t="s">
        <v>18</v>
      </c>
      <c r="G6771" s="6" t="s">
        <v>13656</v>
      </c>
      <c r="H6771" s="6" t="s">
        <v>13657</v>
      </c>
      <c r="I6771" s="7">
        <v>4.6221401999999996</v>
      </c>
      <c r="J6771" s="8">
        <v>-74.113446100000004</v>
      </c>
    </row>
    <row r="6772" spans="1:10" x14ac:dyDescent="0.35">
      <c r="A6772" s="5" t="s">
        <v>10</v>
      </c>
      <c r="B6772" s="6">
        <v>244457</v>
      </c>
      <c r="C6772" s="6" t="s">
        <v>68</v>
      </c>
      <c r="D6772" s="6" t="s">
        <v>69</v>
      </c>
      <c r="E6772" s="6">
        <v>11001</v>
      </c>
      <c r="F6772" s="6" t="s">
        <v>18</v>
      </c>
      <c r="G6772" s="6" t="s">
        <v>13658</v>
      </c>
      <c r="H6772" s="6" t="s">
        <v>13659</v>
      </c>
      <c r="I6772" s="7">
        <v>4.5085027000000002</v>
      </c>
      <c r="J6772" s="8">
        <v>-74.100147899999996</v>
      </c>
    </row>
    <row r="6773" spans="1:10" x14ac:dyDescent="0.35">
      <c r="A6773" s="5" t="s">
        <v>10</v>
      </c>
      <c r="B6773" s="6">
        <v>223840</v>
      </c>
      <c r="C6773" s="6" t="s">
        <v>68</v>
      </c>
      <c r="D6773" s="6" t="s">
        <v>69</v>
      </c>
      <c r="E6773" s="6">
        <v>11001</v>
      </c>
      <c r="F6773" s="6" t="s">
        <v>18</v>
      </c>
      <c r="G6773" s="6" t="s">
        <v>13660</v>
      </c>
      <c r="H6773" s="6" t="s">
        <v>13661</v>
      </c>
      <c r="I6773" s="7">
        <v>4.6385139999999998</v>
      </c>
      <c r="J6773" s="8">
        <v>-74.162007399999993</v>
      </c>
    </row>
    <row r="6774" spans="1:10" x14ac:dyDescent="0.35">
      <c r="A6774" s="5" t="s">
        <v>10</v>
      </c>
      <c r="B6774" s="6">
        <v>230051</v>
      </c>
      <c r="C6774" s="6" t="s">
        <v>68</v>
      </c>
      <c r="D6774" s="6" t="s">
        <v>69</v>
      </c>
      <c r="E6774" s="6">
        <v>11001</v>
      </c>
      <c r="F6774" s="6" t="s">
        <v>18</v>
      </c>
      <c r="G6774" s="6" t="s">
        <v>13662</v>
      </c>
      <c r="H6774" s="6" t="s">
        <v>13663</v>
      </c>
      <c r="I6774" s="7">
        <v>4.6486396000000001</v>
      </c>
      <c r="J6774" s="8">
        <v>-74.137644800000004</v>
      </c>
    </row>
    <row r="6775" spans="1:10" x14ac:dyDescent="0.35">
      <c r="A6775" s="5" t="s">
        <v>10</v>
      </c>
      <c r="B6775" s="6">
        <v>232288</v>
      </c>
      <c r="C6775" s="6" t="s">
        <v>68</v>
      </c>
      <c r="D6775" s="6" t="s">
        <v>69</v>
      </c>
      <c r="E6775" s="6">
        <v>11001</v>
      </c>
      <c r="F6775" s="6" t="s">
        <v>18</v>
      </c>
      <c r="G6775" s="6" t="s">
        <v>13664</v>
      </c>
      <c r="H6775" s="6" t="s">
        <v>13665</v>
      </c>
      <c r="I6775" s="7">
        <v>4.6115510999999998</v>
      </c>
      <c r="J6775" s="8">
        <v>-74.098191099999994</v>
      </c>
    </row>
    <row r="6776" spans="1:10" x14ac:dyDescent="0.35">
      <c r="A6776" s="5" t="s">
        <v>10</v>
      </c>
      <c r="B6776" s="6">
        <v>242622</v>
      </c>
      <c r="C6776" s="6" t="s">
        <v>68</v>
      </c>
      <c r="D6776" s="6" t="s">
        <v>69</v>
      </c>
      <c r="E6776" s="6">
        <v>11001</v>
      </c>
      <c r="F6776" s="6" t="s">
        <v>18</v>
      </c>
      <c r="G6776" s="6" t="s">
        <v>13666</v>
      </c>
      <c r="H6776" s="6" t="s">
        <v>13667</v>
      </c>
      <c r="I6776" s="7">
        <v>4.5918796999999998</v>
      </c>
      <c r="J6776" s="8">
        <v>-74.078864400000001</v>
      </c>
    </row>
    <row r="6777" spans="1:10" x14ac:dyDescent="0.35">
      <c r="A6777" s="5" t="s">
        <v>10</v>
      </c>
      <c r="B6777" s="6">
        <v>171812</v>
      </c>
      <c r="C6777" s="6" t="s">
        <v>11</v>
      </c>
      <c r="D6777" s="6" t="s">
        <v>12</v>
      </c>
      <c r="E6777" s="6">
        <v>25899</v>
      </c>
      <c r="F6777" s="6" t="s">
        <v>18</v>
      </c>
      <c r="G6777" s="6" t="s">
        <v>8739</v>
      </c>
      <c r="H6777" s="6" t="s">
        <v>12307</v>
      </c>
      <c r="I6777" s="7">
        <v>5.0349361999999998</v>
      </c>
      <c r="J6777" s="8">
        <v>-73.993553899999995</v>
      </c>
    </row>
    <row r="6778" spans="1:10" x14ac:dyDescent="0.35">
      <c r="A6778" s="5" t="s">
        <v>10</v>
      </c>
      <c r="B6778" s="6">
        <v>241106</v>
      </c>
      <c r="C6778" s="6" t="s">
        <v>117</v>
      </c>
      <c r="D6778" s="6" t="s">
        <v>13668</v>
      </c>
      <c r="E6778" s="6">
        <v>76828</v>
      </c>
      <c r="F6778" s="6" t="s">
        <v>18</v>
      </c>
      <c r="G6778" s="6" t="s">
        <v>13669</v>
      </c>
      <c r="H6778" s="6" t="s">
        <v>13670</v>
      </c>
      <c r="I6778" s="7">
        <v>4.215058</v>
      </c>
      <c r="J6778" s="8">
        <v>-76.317518699999994</v>
      </c>
    </row>
    <row r="6779" spans="1:10" x14ac:dyDescent="0.35">
      <c r="A6779" s="5" t="s">
        <v>10</v>
      </c>
      <c r="B6779" s="6">
        <v>241165</v>
      </c>
      <c r="C6779" s="6" t="s">
        <v>117</v>
      </c>
      <c r="D6779" s="6" t="s">
        <v>4397</v>
      </c>
      <c r="E6779" s="6">
        <v>76147</v>
      </c>
      <c r="F6779" s="6" t="s">
        <v>18</v>
      </c>
      <c r="G6779" s="6" t="s">
        <v>13671</v>
      </c>
      <c r="H6779" s="6" t="s">
        <v>13672</v>
      </c>
      <c r="I6779" s="7">
        <v>4.7472212000000003</v>
      </c>
      <c r="J6779" s="8">
        <v>-75.911628899999997</v>
      </c>
    </row>
    <row r="6780" spans="1:10" x14ac:dyDescent="0.35">
      <c r="A6780" s="5" t="s">
        <v>10</v>
      </c>
      <c r="B6780" s="6">
        <v>107072</v>
      </c>
      <c r="C6780" s="6" t="s">
        <v>308</v>
      </c>
      <c r="D6780" s="6" t="s">
        <v>8321</v>
      </c>
      <c r="E6780" s="6">
        <v>23162</v>
      </c>
      <c r="F6780" s="6" t="s">
        <v>13</v>
      </c>
      <c r="G6780" s="6" t="s">
        <v>11877</v>
      </c>
      <c r="H6780" s="6" t="s">
        <v>13673</v>
      </c>
      <c r="I6780" s="7">
        <v>8.8815200000000001</v>
      </c>
      <c r="J6780" s="8">
        <v>-75.790852999999998</v>
      </c>
    </row>
    <row r="6781" spans="1:10" x14ac:dyDescent="0.35">
      <c r="A6781" s="5" t="s">
        <v>10</v>
      </c>
      <c r="B6781" s="6">
        <v>210080</v>
      </c>
      <c r="C6781" s="6" t="s">
        <v>68</v>
      </c>
      <c r="D6781" s="6" t="s">
        <v>69</v>
      </c>
      <c r="E6781" s="6">
        <v>11001</v>
      </c>
      <c r="F6781" s="6" t="s">
        <v>18</v>
      </c>
      <c r="G6781" s="6" t="s">
        <v>13674</v>
      </c>
      <c r="H6781" s="6" t="s">
        <v>13675</v>
      </c>
      <c r="I6781" s="7">
        <v>4.5878155999999999</v>
      </c>
      <c r="J6781" s="8">
        <v>-74.106584099999907</v>
      </c>
    </row>
    <row r="6782" spans="1:10" x14ac:dyDescent="0.35">
      <c r="A6782" s="5" t="s">
        <v>10</v>
      </c>
      <c r="B6782" s="6">
        <v>242665</v>
      </c>
      <c r="C6782" s="6" t="s">
        <v>68</v>
      </c>
      <c r="D6782" s="6" t="s">
        <v>69</v>
      </c>
      <c r="E6782" s="6">
        <v>11001</v>
      </c>
      <c r="F6782" s="6" t="s">
        <v>18</v>
      </c>
      <c r="G6782" s="6" t="s">
        <v>13676</v>
      </c>
      <c r="H6782" s="6" t="s">
        <v>13677</v>
      </c>
      <c r="I6782" s="7">
        <v>4.5841349999999998</v>
      </c>
      <c r="J6782" s="8">
        <v>-74.0867614</v>
      </c>
    </row>
    <row r="6783" spans="1:10" x14ac:dyDescent="0.35">
      <c r="A6783" s="5" t="s">
        <v>10</v>
      </c>
      <c r="B6783" s="6">
        <v>203854</v>
      </c>
      <c r="C6783" s="6" t="s">
        <v>68</v>
      </c>
      <c r="D6783" s="6" t="s">
        <v>69</v>
      </c>
      <c r="E6783" s="6">
        <v>11001</v>
      </c>
      <c r="F6783" s="6" t="s">
        <v>18</v>
      </c>
      <c r="G6783" s="6" t="s">
        <v>13678</v>
      </c>
      <c r="H6783" s="6" t="s">
        <v>13679</v>
      </c>
      <c r="I6783" s="7">
        <v>4.563345</v>
      </c>
      <c r="J6783" s="8">
        <v>-74.067103000000003</v>
      </c>
    </row>
    <row r="6784" spans="1:10" x14ac:dyDescent="0.35">
      <c r="A6784" s="5" t="s">
        <v>10</v>
      </c>
      <c r="B6784" s="6">
        <v>227061</v>
      </c>
      <c r="C6784" s="6" t="s">
        <v>68</v>
      </c>
      <c r="D6784" s="6" t="s">
        <v>69</v>
      </c>
      <c r="E6784" s="6">
        <v>11001</v>
      </c>
      <c r="F6784" s="6" t="s">
        <v>18</v>
      </c>
      <c r="G6784" s="6" t="s">
        <v>13680</v>
      </c>
      <c r="H6784" s="6" t="s">
        <v>13681</v>
      </c>
      <c r="I6784" s="7">
        <v>4.6170955999999999</v>
      </c>
      <c r="J6784" s="8">
        <v>-74.174918000000005</v>
      </c>
    </row>
    <row r="6785" spans="1:10" x14ac:dyDescent="0.35">
      <c r="A6785" s="5" t="s">
        <v>10</v>
      </c>
      <c r="B6785" s="6">
        <v>205521</v>
      </c>
      <c r="C6785" s="6" t="s">
        <v>68</v>
      </c>
      <c r="D6785" s="6" t="s">
        <v>69</v>
      </c>
      <c r="E6785" s="6">
        <v>11001</v>
      </c>
      <c r="F6785" s="6" t="s">
        <v>18</v>
      </c>
      <c r="G6785" s="6" t="s">
        <v>13682</v>
      </c>
      <c r="H6785" s="6" t="s">
        <v>13683</v>
      </c>
      <c r="I6785" s="7">
        <v>4.5943027999999897</v>
      </c>
      <c r="J6785" s="8">
        <v>-74.085752200000002</v>
      </c>
    </row>
    <row r="6786" spans="1:10" x14ac:dyDescent="0.35">
      <c r="A6786" s="5" t="s">
        <v>10</v>
      </c>
      <c r="B6786" s="6">
        <v>237031</v>
      </c>
      <c r="C6786" s="6" t="s">
        <v>68</v>
      </c>
      <c r="D6786" s="6" t="s">
        <v>69</v>
      </c>
      <c r="E6786" s="6">
        <v>11001</v>
      </c>
      <c r="F6786" s="6" t="s">
        <v>18</v>
      </c>
      <c r="G6786" s="6" t="s">
        <v>13684</v>
      </c>
      <c r="H6786" s="6" t="s">
        <v>13685</v>
      </c>
      <c r="I6786" s="7">
        <v>4.7332514999999997</v>
      </c>
      <c r="J6786" s="8">
        <v>-74.098080300000007</v>
      </c>
    </row>
    <row r="6787" spans="1:10" x14ac:dyDescent="0.35">
      <c r="A6787" s="5" t="s">
        <v>10</v>
      </c>
      <c r="B6787" s="6">
        <v>205083</v>
      </c>
      <c r="C6787" s="6" t="s">
        <v>11</v>
      </c>
      <c r="D6787" s="6" t="s">
        <v>334</v>
      </c>
      <c r="E6787" s="6">
        <v>25754</v>
      </c>
      <c r="F6787" s="6" t="s">
        <v>18</v>
      </c>
      <c r="G6787" s="6" t="s">
        <v>13686</v>
      </c>
      <c r="H6787" s="6" t="s">
        <v>13687</v>
      </c>
      <c r="I6787" s="7">
        <v>4.6065383999999998</v>
      </c>
      <c r="J6787" s="8">
        <v>-74.217164199999999</v>
      </c>
    </row>
    <row r="6788" spans="1:10" x14ac:dyDescent="0.35">
      <c r="A6788" s="5" t="s">
        <v>10</v>
      </c>
      <c r="B6788" s="6">
        <v>78797</v>
      </c>
      <c r="C6788" s="6" t="s">
        <v>4364</v>
      </c>
      <c r="D6788" s="6" t="s">
        <v>13688</v>
      </c>
      <c r="E6788" s="6">
        <v>70820</v>
      </c>
      <c r="F6788" s="6" t="s">
        <v>18</v>
      </c>
      <c r="G6788" s="6" t="s">
        <v>13689</v>
      </c>
      <c r="H6788" s="6" t="s">
        <v>13690</v>
      </c>
      <c r="I6788" s="7">
        <v>9.5274769999999993</v>
      </c>
      <c r="J6788" s="8">
        <v>-75.581221499999998</v>
      </c>
    </row>
    <row r="6789" spans="1:10" x14ac:dyDescent="0.35">
      <c r="A6789" s="5" t="s">
        <v>10</v>
      </c>
      <c r="B6789" s="6">
        <v>68401</v>
      </c>
      <c r="C6789" s="6" t="s">
        <v>2130</v>
      </c>
      <c r="D6789" s="6" t="s">
        <v>2131</v>
      </c>
      <c r="E6789" s="6">
        <v>85001</v>
      </c>
      <c r="F6789" s="6" t="s">
        <v>18</v>
      </c>
      <c r="G6789" s="6" t="s">
        <v>13691</v>
      </c>
      <c r="H6789" s="6" t="s">
        <v>13692</v>
      </c>
      <c r="I6789" s="7">
        <v>5.348903</v>
      </c>
      <c r="J6789" s="8">
        <v>-72.400522999999893</v>
      </c>
    </row>
    <row r="6790" spans="1:10" x14ac:dyDescent="0.35">
      <c r="A6790" s="5" t="s">
        <v>10</v>
      </c>
      <c r="B6790" s="6">
        <v>190048</v>
      </c>
      <c r="C6790" s="6" t="s">
        <v>68</v>
      </c>
      <c r="D6790" s="6" t="s">
        <v>69</v>
      </c>
      <c r="E6790" s="6">
        <v>11001</v>
      </c>
      <c r="F6790" s="6" t="s">
        <v>13</v>
      </c>
      <c r="G6790" s="6" t="s">
        <v>12374</v>
      </c>
      <c r="H6790" s="6" t="s">
        <v>13693</v>
      </c>
      <c r="I6790" s="7">
        <v>4.6180560000000002</v>
      </c>
      <c r="J6790" s="8">
        <v>-74.135029599999996</v>
      </c>
    </row>
    <row r="6791" spans="1:10" x14ac:dyDescent="0.35">
      <c r="A6791" s="5" t="s">
        <v>10</v>
      </c>
      <c r="B6791" s="6">
        <v>239038</v>
      </c>
      <c r="C6791" s="6" t="s">
        <v>278</v>
      </c>
      <c r="D6791" s="6" t="s">
        <v>3873</v>
      </c>
      <c r="E6791" s="6">
        <v>50568</v>
      </c>
      <c r="F6791" s="6" t="s">
        <v>13</v>
      </c>
      <c r="G6791" s="6" t="s">
        <v>13694</v>
      </c>
      <c r="H6791" s="6" t="s">
        <v>13695</v>
      </c>
      <c r="I6791" s="7">
        <v>4.3123762000000001</v>
      </c>
      <c r="J6791" s="8">
        <v>-72.082682199999994</v>
      </c>
    </row>
    <row r="6792" spans="1:10" x14ac:dyDescent="0.35">
      <c r="A6792" s="5" t="s">
        <v>10</v>
      </c>
      <c r="B6792" s="6">
        <v>237261</v>
      </c>
      <c r="C6792" s="6" t="s">
        <v>117</v>
      </c>
      <c r="D6792" s="6" t="s">
        <v>3402</v>
      </c>
      <c r="E6792" s="6">
        <v>76364</v>
      </c>
      <c r="F6792" s="6" t="s">
        <v>18</v>
      </c>
      <c r="G6792" s="6" t="s">
        <v>13696</v>
      </c>
      <c r="H6792" s="6" t="s">
        <v>13697</v>
      </c>
      <c r="I6792" s="7">
        <v>3.2666534999999999</v>
      </c>
      <c r="J6792" s="8">
        <v>-76.544565500000004</v>
      </c>
    </row>
    <row r="6793" spans="1:10" x14ac:dyDescent="0.35">
      <c r="A6793" s="5" t="s">
        <v>10</v>
      </c>
      <c r="B6793" s="6">
        <v>234869</v>
      </c>
      <c r="C6793" s="6" t="s">
        <v>190</v>
      </c>
      <c r="D6793" s="6" t="s">
        <v>191</v>
      </c>
      <c r="E6793" s="6">
        <v>5001</v>
      </c>
      <c r="F6793" s="6" t="s">
        <v>18</v>
      </c>
      <c r="G6793" s="6" t="s">
        <v>13698</v>
      </c>
      <c r="H6793" s="6" t="s">
        <v>13699</v>
      </c>
      <c r="I6793" s="7">
        <v>6.3019617999999999</v>
      </c>
      <c r="J6793" s="8">
        <v>-75.578272600000005</v>
      </c>
    </row>
    <row r="6794" spans="1:10" x14ac:dyDescent="0.35">
      <c r="A6794" s="5" t="s">
        <v>10</v>
      </c>
      <c r="B6794" s="6">
        <v>240865</v>
      </c>
      <c r="C6794" s="6" t="s">
        <v>190</v>
      </c>
      <c r="D6794" s="6" t="s">
        <v>191</v>
      </c>
      <c r="E6794" s="6">
        <v>5001</v>
      </c>
      <c r="F6794" s="6" t="s">
        <v>18</v>
      </c>
      <c r="G6794" s="6" t="s">
        <v>13700</v>
      </c>
      <c r="H6794" s="6" t="s">
        <v>13701</v>
      </c>
      <c r="I6794" s="7">
        <v>6.2897717000000002</v>
      </c>
      <c r="J6794" s="8">
        <v>-75.585478300000005</v>
      </c>
    </row>
    <row r="6795" spans="1:10" x14ac:dyDescent="0.35">
      <c r="A6795" s="5" t="s">
        <v>10</v>
      </c>
      <c r="B6795" s="6">
        <v>240455</v>
      </c>
      <c r="C6795" s="6" t="s">
        <v>190</v>
      </c>
      <c r="D6795" s="6" t="s">
        <v>6084</v>
      </c>
      <c r="E6795" s="6">
        <v>5154</v>
      </c>
      <c r="F6795" s="6" t="s">
        <v>18</v>
      </c>
      <c r="G6795" s="6" t="s">
        <v>13702</v>
      </c>
      <c r="H6795" s="6" t="s">
        <v>13703</v>
      </c>
      <c r="I6795" s="7">
        <v>7.9972614000000002</v>
      </c>
      <c r="J6795" s="8">
        <v>-75.195048200000002</v>
      </c>
    </row>
    <row r="6796" spans="1:10" x14ac:dyDescent="0.35">
      <c r="A6796" s="5" t="s">
        <v>10</v>
      </c>
      <c r="B6796" s="6">
        <v>236090</v>
      </c>
      <c r="C6796" s="6" t="s">
        <v>68</v>
      </c>
      <c r="D6796" s="6" t="s">
        <v>69</v>
      </c>
      <c r="E6796" s="6">
        <v>11001</v>
      </c>
      <c r="F6796" s="6" t="s">
        <v>18</v>
      </c>
      <c r="G6796" s="6" t="s">
        <v>13704</v>
      </c>
      <c r="H6796" s="6" t="s">
        <v>13705</v>
      </c>
      <c r="I6796" s="7">
        <v>4.6279111000000004</v>
      </c>
      <c r="J6796" s="8">
        <v>-74.179762400000001</v>
      </c>
    </row>
    <row r="6797" spans="1:10" x14ac:dyDescent="0.35">
      <c r="A6797" s="5" t="s">
        <v>10</v>
      </c>
      <c r="B6797" s="6">
        <v>242722</v>
      </c>
      <c r="C6797" s="6" t="s">
        <v>68</v>
      </c>
      <c r="D6797" s="6" t="s">
        <v>69</v>
      </c>
      <c r="E6797" s="6">
        <v>11001</v>
      </c>
      <c r="F6797" s="6" t="s">
        <v>18</v>
      </c>
      <c r="G6797" s="6" t="s">
        <v>13706</v>
      </c>
      <c r="H6797" s="6" t="s">
        <v>13707</v>
      </c>
      <c r="I6797" s="7">
        <v>4.5940652999999996</v>
      </c>
      <c r="J6797" s="8">
        <v>-74.123443600000002</v>
      </c>
    </row>
    <row r="6798" spans="1:10" x14ac:dyDescent="0.35">
      <c r="A6798" s="5" t="s">
        <v>10</v>
      </c>
      <c r="B6798" s="6">
        <v>244595</v>
      </c>
      <c r="C6798" s="6" t="s">
        <v>68</v>
      </c>
      <c r="D6798" s="6" t="s">
        <v>69</v>
      </c>
      <c r="E6798" s="6">
        <v>11001</v>
      </c>
      <c r="F6798" s="6" t="s">
        <v>18</v>
      </c>
      <c r="G6798" s="6" t="s">
        <v>13708</v>
      </c>
      <c r="H6798" s="6" t="s">
        <v>13709</v>
      </c>
      <c r="I6798" s="7">
        <v>4.5896176000000004</v>
      </c>
      <c r="J6798" s="8">
        <v>-74.174054299999995</v>
      </c>
    </row>
    <row r="6799" spans="1:10" x14ac:dyDescent="0.35">
      <c r="A6799" s="5" t="s">
        <v>10</v>
      </c>
      <c r="B6799" s="6">
        <v>246012</v>
      </c>
      <c r="C6799" s="6" t="s">
        <v>68</v>
      </c>
      <c r="D6799" s="6" t="s">
        <v>69</v>
      </c>
      <c r="E6799" s="6">
        <v>11001</v>
      </c>
      <c r="F6799" s="6" t="s">
        <v>18</v>
      </c>
      <c r="G6799" s="6" t="s">
        <v>13710</v>
      </c>
      <c r="H6799" s="6" t="s">
        <v>13711</v>
      </c>
      <c r="I6799" s="7">
        <v>4.6067466000000001</v>
      </c>
      <c r="J6799" s="8">
        <v>-74.089213700000002</v>
      </c>
    </row>
    <row r="6800" spans="1:10" x14ac:dyDescent="0.35">
      <c r="A6800" s="5" t="s">
        <v>10</v>
      </c>
      <c r="B6800" s="6">
        <v>248543</v>
      </c>
      <c r="C6800" s="6" t="s">
        <v>68</v>
      </c>
      <c r="D6800" s="6" t="s">
        <v>69</v>
      </c>
      <c r="E6800" s="6">
        <v>11001</v>
      </c>
      <c r="F6800" s="6" t="s">
        <v>18</v>
      </c>
      <c r="G6800" s="6" t="s">
        <v>13712</v>
      </c>
      <c r="H6800" s="6" t="s">
        <v>13713</v>
      </c>
      <c r="I6800" s="7">
        <v>4.7156681999999996</v>
      </c>
      <c r="J6800" s="8">
        <v>-74.060388000000003</v>
      </c>
    </row>
    <row r="6801" spans="1:10" x14ac:dyDescent="0.35">
      <c r="A6801" s="5" t="s">
        <v>10</v>
      </c>
      <c r="B6801" s="6">
        <v>198169</v>
      </c>
      <c r="C6801" s="6" t="s">
        <v>68</v>
      </c>
      <c r="D6801" s="6" t="s">
        <v>69</v>
      </c>
      <c r="E6801" s="6">
        <v>11001</v>
      </c>
      <c r="F6801" s="6" t="s">
        <v>18</v>
      </c>
      <c r="G6801" s="6" t="s">
        <v>13714</v>
      </c>
      <c r="H6801" s="6" t="s">
        <v>13715</v>
      </c>
      <c r="I6801" s="7">
        <v>4.6191709999999997</v>
      </c>
      <c r="J6801" s="8">
        <v>-74.096491499999999</v>
      </c>
    </row>
    <row r="6802" spans="1:10" x14ac:dyDescent="0.35">
      <c r="A6802" s="5" t="s">
        <v>10</v>
      </c>
      <c r="B6802" s="6">
        <v>240406</v>
      </c>
      <c r="C6802" s="6" t="s">
        <v>68</v>
      </c>
      <c r="D6802" s="6" t="s">
        <v>69</v>
      </c>
      <c r="E6802" s="6">
        <v>11001</v>
      </c>
      <c r="F6802" s="6" t="s">
        <v>18</v>
      </c>
      <c r="G6802" s="6" t="s">
        <v>13716</v>
      </c>
      <c r="H6802" s="6" t="s">
        <v>13717</v>
      </c>
      <c r="I6802" s="7">
        <v>4.5081179000000002</v>
      </c>
      <c r="J6802" s="8">
        <v>-74.119766400000003</v>
      </c>
    </row>
    <row r="6803" spans="1:10" x14ac:dyDescent="0.35">
      <c r="A6803" s="5" t="s">
        <v>10</v>
      </c>
      <c r="B6803" s="6">
        <v>242248</v>
      </c>
      <c r="C6803" s="6" t="s">
        <v>68</v>
      </c>
      <c r="D6803" s="6" t="s">
        <v>69</v>
      </c>
      <c r="E6803" s="6">
        <v>11001</v>
      </c>
      <c r="F6803" s="6" t="s">
        <v>18</v>
      </c>
      <c r="G6803" s="6" t="s">
        <v>13718</v>
      </c>
      <c r="H6803" s="6" t="s">
        <v>13719</v>
      </c>
      <c r="I6803" s="7">
        <v>4.7629644000000004</v>
      </c>
      <c r="J6803" s="8">
        <v>-74.037877300000005</v>
      </c>
    </row>
    <row r="6804" spans="1:10" x14ac:dyDescent="0.35">
      <c r="A6804" s="5" t="s">
        <v>10</v>
      </c>
      <c r="B6804" s="6">
        <v>246579</v>
      </c>
      <c r="C6804" s="6" t="s">
        <v>68</v>
      </c>
      <c r="D6804" s="6" t="s">
        <v>69</v>
      </c>
      <c r="E6804" s="6">
        <v>11001</v>
      </c>
      <c r="F6804" s="6" t="s">
        <v>18</v>
      </c>
      <c r="G6804" s="6" t="s">
        <v>13720</v>
      </c>
      <c r="H6804" s="6" t="s">
        <v>13721</v>
      </c>
      <c r="I6804" s="7">
        <v>4.5703578</v>
      </c>
      <c r="J6804" s="8">
        <v>-74.170610600000003</v>
      </c>
    </row>
    <row r="6805" spans="1:10" x14ac:dyDescent="0.35">
      <c r="A6805" s="5" t="s">
        <v>10</v>
      </c>
      <c r="B6805" s="6">
        <v>235760</v>
      </c>
      <c r="C6805" s="6" t="s">
        <v>68</v>
      </c>
      <c r="D6805" s="6" t="s">
        <v>69</v>
      </c>
      <c r="E6805" s="6">
        <v>11001</v>
      </c>
      <c r="F6805" s="6" t="s">
        <v>18</v>
      </c>
      <c r="G6805" s="6" t="s">
        <v>13722</v>
      </c>
      <c r="H6805" s="6" t="s">
        <v>13723</v>
      </c>
      <c r="I6805" s="7">
        <v>4.6820025000000003</v>
      </c>
      <c r="J6805" s="8">
        <v>-74.145063500000006</v>
      </c>
    </row>
    <row r="6806" spans="1:10" x14ac:dyDescent="0.35">
      <c r="A6806" s="5" t="s">
        <v>10</v>
      </c>
      <c r="B6806" s="6">
        <v>207716</v>
      </c>
      <c r="C6806" s="6" t="s">
        <v>308</v>
      </c>
      <c r="D6806" s="6" t="s">
        <v>309</v>
      </c>
      <c r="E6806" s="6">
        <v>23001</v>
      </c>
      <c r="F6806" s="6" t="s">
        <v>13</v>
      </c>
      <c r="G6806" s="6" t="s">
        <v>13724</v>
      </c>
      <c r="H6806" s="6" t="s">
        <v>13725</v>
      </c>
      <c r="I6806" s="7">
        <v>8.7538326000000009</v>
      </c>
      <c r="J6806" s="8">
        <v>-75.874436700000004</v>
      </c>
    </row>
    <row r="6807" spans="1:10" x14ac:dyDescent="0.35">
      <c r="A6807" s="5" t="s">
        <v>10</v>
      </c>
      <c r="B6807" s="6">
        <v>235840</v>
      </c>
      <c r="C6807" s="6" t="s">
        <v>11</v>
      </c>
      <c r="D6807" s="6" t="s">
        <v>221</v>
      </c>
      <c r="E6807" s="6">
        <v>25430</v>
      </c>
      <c r="F6807" s="6" t="s">
        <v>18</v>
      </c>
      <c r="G6807" s="6" t="s">
        <v>13726</v>
      </c>
      <c r="H6807" s="6" t="s">
        <v>13727</v>
      </c>
      <c r="I6807" s="7">
        <v>4.7335374999999997</v>
      </c>
      <c r="J6807" s="8">
        <v>-74.262411499999999</v>
      </c>
    </row>
    <row r="6808" spans="1:10" x14ac:dyDescent="0.35">
      <c r="A6808" s="5" t="s">
        <v>10</v>
      </c>
      <c r="B6808" s="6">
        <v>225168</v>
      </c>
      <c r="C6808" s="6" t="s">
        <v>117</v>
      </c>
      <c r="D6808" s="6" t="s">
        <v>1334</v>
      </c>
      <c r="E6808" s="6">
        <v>76001</v>
      </c>
      <c r="F6808" s="6" t="s">
        <v>18</v>
      </c>
      <c r="G6808" s="6" t="s">
        <v>13728</v>
      </c>
      <c r="H6808" s="6" t="s">
        <v>13729</v>
      </c>
      <c r="I6808" s="7">
        <v>3.4586731999999998</v>
      </c>
      <c r="J6808" s="8">
        <v>-76.479809099999997</v>
      </c>
    </row>
    <row r="6809" spans="1:10" x14ac:dyDescent="0.35">
      <c r="A6809" s="5" t="s">
        <v>10</v>
      </c>
      <c r="B6809" s="6">
        <v>240466</v>
      </c>
      <c r="C6809" s="6" t="s">
        <v>190</v>
      </c>
      <c r="D6809" s="6" t="s">
        <v>191</v>
      </c>
      <c r="E6809" s="6">
        <v>5001</v>
      </c>
      <c r="F6809" s="6" t="s">
        <v>18</v>
      </c>
      <c r="G6809" s="6" t="s">
        <v>13730</v>
      </c>
      <c r="H6809" s="6" t="s">
        <v>13731</v>
      </c>
      <c r="I6809" s="7">
        <v>6.298584</v>
      </c>
      <c r="J6809" s="8">
        <v>-75.568220699999998</v>
      </c>
    </row>
    <row r="6810" spans="1:10" x14ac:dyDescent="0.35">
      <c r="A6810" s="5" t="s">
        <v>10</v>
      </c>
      <c r="B6810" s="6">
        <v>207967</v>
      </c>
      <c r="C6810" s="6" t="s">
        <v>68</v>
      </c>
      <c r="D6810" s="6" t="s">
        <v>69</v>
      </c>
      <c r="E6810" s="6">
        <v>11001</v>
      </c>
      <c r="F6810" s="6" t="s">
        <v>18</v>
      </c>
      <c r="G6810" s="6" t="s">
        <v>13732</v>
      </c>
      <c r="H6810" s="6" t="s">
        <v>13733</v>
      </c>
      <c r="I6810" s="7">
        <v>4.7187358000000001</v>
      </c>
      <c r="J6810" s="8">
        <v>-74.089008899999996</v>
      </c>
    </row>
    <row r="6811" spans="1:10" x14ac:dyDescent="0.35">
      <c r="A6811" s="5" t="s">
        <v>10</v>
      </c>
      <c r="B6811" s="6">
        <v>242460</v>
      </c>
      <c r="C6811" s="6" t="s">
        <v>68</v>
      </c>
      <c r="D6811" s="6" t="s">
        <v>69</v>
      </c>
      <c r="E6811" s="6">
        <v>11001</v>
      </c>
      <c r="F6811" s="6" t="s">
        <v>18</v>
      </c>
      <c r="G6811" s="6" t="s">
        <v>13734</v>
      </c>
      <c r="H6811" s="6" t="s">
        <v>13735</v>
      </c>
      <c r="I6811" s="7">
        <v>4.7007389000000002</v>
      </c>
      <c r="J6811" s="8">
        <v>-74.1302637</v>
      </c>
    </row>
    <row r="6812" spans="1:10" x14ac:dyDescent="0.35">
      <c r="A6812" s="5" t="s">
        <v>10</v>
      </c>
      <c r="B6812" s="6">
        <v>176227</v>
      </c>
      <c r="C6812" s="6" t="s">
        <v>68</v>
      </c>
      <c r="D6812" s="6" t="s">
        <v>69</v>
      </c>
      <c r="E6812" s="6">
        <v>11001</v>
      </c>
      <c r="F6812" s="6" t="s">
        <v>18</v>
      </c>
      <c r="G6812" s="6" t="s">
        <v>13736</v>
      </c>
      <c r="H6812" s="6" t="s">
        <v>13737</v>
      </c>
      <c r="I6812" s="7">
        <v>4.7692196999999998</v>
      </c>
      <c r="J6812" s="8">
        <v>-74.032183799999999</v>
      </c>
    </row>
    <row r="6813" spans="1:10" x14ac:dyDescent="0.35">
      <c r="A6813" s="5" t="s">
        <v>10</v>
      </c>
      <c r="B6813" s="6">
        <v>229522</v>
      </c>
      <c r="C6813" s="6" t="s">
        <v>68</v>
      </c>
      <c r="D6813" s="6" t="s">
        <v>69</v>
      </c>
      <c r="E6813" s="6">
        <v>11001</v>
      </c>
      <c r="F6813" s="6" t="s">
        <v>18</v>
      </c>
      <c r="G6813" s="6" t="s">
        <v>13738</v>
      </c>
      <c r="H6813" s="6" t="s">
        <v>13739</v>
      </c>
      <c r="I6813" s="7">
        <v>4.6204196</v>
      </c>
      <c r="J6813" s="8">
        <v>-74.111325100000002</v>
      </c>
    </row>
    <row r="6814" spans="1:10" x14ac:dyDescent="0.35">
      <c r="A6814" s="5" t="s">
        <v>10</v>
      </c>
      <c r="B6814" s="6">
        <v>230513</v>
      </c>
      <c r="C6814" s="6" t="s">
        <v>68</v>
      </c>
      <c r="D6814" s="6" t="s">
        <v>69</v>
      </c>
      <c r="E6814" s="6">
        <v>11001</v>
      </c>
      <c r="F6814" s="6" t="s">
        <v>18</v>
      </c>
      <c r="G6814" s="6" t="s">
        <v>13740</v>
      </c>
      <c r="H6814" s="6" t="s">
        <v>13741</v>
      </c>
      <c r="I6814" s="7">
        <v>4.6020284</v>
      </c>
      <c r="J6814" s="8">
        <v>-74.109498099999996</v>
      </c>
    </row>
    <row r="6815" spans="1:10" x14ac:dyDescent="0.35">
      <c r="A6815" s="5" t="s">
        <v>10</v>
      </c>
      <c r="B6815" s="6">
        <v>233456</v>
      </c>
      <c r="C6815" s="6" t="s">
        <v>68</v>
      </c>
      <c r="D6815" s="6" t="s">
        <v>69</v>
      </c>
      <c r="E6815" s="6">
        <v>11001</v>
      </c>
      <c r="F6815" s="6" t="s">
        <v>18</v>
      </c>
      <c r="G6815" s="6" t="s">
        <v>13742</v>
      </c>
      <c r="H6815" s="6" t="s">
        <v>13743</v>
      </c>
      <c r="I6815" s="7">
        <v>4.6177900000000003</v>
      </c>
      <c r="J6815" s="8">
        <v>-74.11251</v>
      </c>
    </row>
    <row r="6816" spans="1:10" x14ac:dyDescent="0.35">
      <c r="A6816" s="5" t="s">
        <v>10</v>
      </c>
      <c r="B6816" s="6">
        <v>190056</v>
      </c>
      <c r="C6816" s="6" t="s">
        <v>68</v>
      </c>
      <c r="D6816" s="6" t="s">
        <v>69</v>
      </c>
      <c r="E6816" s="6">
        <v>11001</v>
      </c>
      <c r="F6816" s="6" t="s">
        <v>13</v>
      </c>
      <c r="G6816" s="6" t="s">
        <v>12374</v>
      </c>
      <c r="H6816" s="6" t="s">
        <v>13744</v>
      </c>
      <c r="I6816" s="7">
        <v>4.6692105000000002</v>
      </c>
      <c r="J6816" s="8">
        <v>-74.063820199999995</v>
      </c>
    </row>
    <row r="6817" spans="1:10" x14ac:dyDescent="0.35">
      <c r="A6817" s="5" t="s">
        <v>10</v>
      </c>
      <c r="B6817" s="6">
        <v>219610</v>
      </c>
      <c r="C6817" s="6" t="s">
        <v>11</v>
      </c>
      <c r="D6817" s="6" t="s">
        <v>334</v>
      </c>
      <c r="E6817" s="6">
        <v>25754</v>
      </c>
      <c r="F6817" s="6" t="s">
        <v>13</v>
      </c>
      <c r="G6817" s="6" t="s">
        <v>13745</v>
      </c>
      <c r="H6817" s="6" t="s">
        <v>13746</v>
      </c>
      <c r="I6817" s="7">
        <v>4.5792272000000001</v>
      </c>
      <c r="J6817" s="8">
        <v>-74.2019442</v>
      </c>
    </row>
    <row r="6818" spans="1:10" x14ac:dyDescent="0.35">
      <c r="A6818" s="5" t="s">
        <v>10</v>
      </c>
      <c r="B6818" s="6">
        <v>195822</v>
      </c>
      <c r="C6818" s="6" t="s">
        <v>68</v>
      </c>
      <c r="D6818" s="6" t="s">
        <v>69</v>
      </c>
      <c r="E6818" s="6">
        <v>11001</v>
      </c>
      <c r="F6818" s="6" t="s">
        <v>13</v>
      </c>
      <c r="G6818" s="6" t="s">
        <v>13747</v>
      </c>
      <c r="H6818" s="6" t="s">
        <v>13748</v>
      </c>
      <c r="I6818" s="7">
        <v>4.6024865000000004</v>
      </c>
      <c r="J6818" s="8">
        <v>-74.099070600000005</v>
      </c>
    </row>
    <row r="6819" spans="1:10" x14ac:dyDescent="0.35">
      <c r="A6819" s="5" t="s">
        <v>10</v>
      </c>
      <c r="B6819" s="6">
        <v>229530</v>
      </c>
      <c r="C6819" s="6" t="s">
        <v>117</v>
      </c>
      <c r="D6819" s="6" t="s">
        <v>13749</v>
      </c>
      <c r="E6819" s="6">
        <v>76869</v>
      </c>
      <c r="F6819" s="6" t="s">
        <v>18</v>
      </c>
      <c r="G6819" s="6" t="s">
        <v>13750</v>
      </c>
      <c r="H6819" s="6" t="s">
        <v>13751</v>
      </c>
      <c r="I6819" s="7">
        <v>3.6998525999999998</v>
      </c>
      <c r="J6819" s="8">
        <v>-76.442612600000004</v>
      </c>
    </row>
    <row r="6820" spans="1:10" x14ac:dyDescent="0.35">
      <c r="A6820" s="5" t="s">
        <v>10</v>
      </c>
      <c r="B6820" s="6">
        <v>228247</v>
      </c>
      <c r="C6820" s="6" t="s">
        <v>190</v>
      </c>
      <c r="D6820" s="6" t="s">
        <v>3689</v>
      </c>
      <c r="E6820" s="6">
        <v>5266</v>
      </c>
      <c r="F6820" s="6" t="s">
        <v>18</v>
      </c>
      <c r="G6820" s="6" t="s">
        <v>13752</v>
      </c>
      <c r="H6820" s="6" t="s">
        <v>13753</v>
      </c>
      <c r="I6820" s="7">
        <v>6.1689162</v>
      </c>
      <c r="J6820" s="8">
        <v>-75.587800099999995</v>
      </c>
    </row>
    <row r="6821" spans="1:10" x14ac:dyDescent="0.35">
      <c r="A6821" s="5" t="s">
        <v>10</v>
      </c>
      <c r="B6821" s="6">
        <v>225821</v>
      </c>
      <c r="C6821" s="6" t="s">
        <v>68</v>
      </c>
      <c r="D6821" s="6" t="s">
        <v>69</v>
      </c>
      <c r="E6821" s="6">
        <v>11001</v>
      </c>
      <c r="F6821" s="6" t="s">
        <v>18</v>
      </c>
      <c r="G6821" s="6" t="s">
        <v>13754</v>
      </c>
      <c r="H6821" s="6" t="s">
        <v>13755</v>
      </c>
      <c r="I6821" s="7">
        <v>4.5493015999999997</v>
      </c>
      <c r="J6821" s="8">
        <v>-74.152047400000001</v>
      </c>
    </row>
    <row r="6822" spans="1:10" x14ac:dyDescent="0.35">
      <c r="A6822" s="5" t="s">
        <v>10</v>
      </c>
      <c r="B6822" s="6">
        <v>245894</v>
      </c>
      <c r="C6822" s="6" t="s">
        <v>68</v>
      </c>
      <c r="D6822" s="6" t="s">
        <v>69</v>
      </c>
      <c r="E6822" s="6">
        <v>11001</v>
      </c>
      <c r="F6822" s="6" t="s">
        <v>18</v>
      </c>
      <c r="G6822" s="6" t="s">
        <v>13756</v>
      </c>
      <c r="H6822" s="6" t="s">
        <v>13757</v>
      </c>
      <c r="I6822" s="7">
        <v>4.7011959000000001</v>
      </c>
      <c r="J6822" s="8">
        <v>-74.126865699999996</v>
      </c>
    </row>
    <row r="6823" spans="1:10" x14ac:dyDescent="0.35">
      <c r="A6823" s="5" t="s">
        <v>10</v>
      </c>
      <c r="B6823" s="6">
        <v>213554</v>
      </c>
      <c r="C6823" s="6" t="s">
        <v>68</v>
      </c>
      <c r="D6823" s="6" t="s">
        <v>69</v>
      </c>
      <c r="E6823" s="6">
        <v>11001</v>
      </c>
      <c r="F6823" s="6" t="s">
        <v>18</v>
      </c>
      <c r="G6823" s="6" t="s">
        <v>1940</v>
      </c>
      <c r="H6823" s="6" t="s">
        <v>13758</v>
      </c>
      <c r="I6823" s="7">
        <v>4.5485217000000002</v>
      </c>
      <c r="J6823" s="8">
        <v>-74.093075499999998</v>
      </c>
    </row>
    <row r="6824" spans="1:10" x14ac:dyDescent="0.35">
      <c r="A6824" s="5" t="s">
        <v>10</v>
      </c>
      <c r="B6824" s="6">
        <v>242694</v>
      </c>
      <c r="C6824" s="6" t="s">
        <v>68</v>
      </c>
      <c r="D6824" s="6" t="s">
        <v>69</v>
      </c>
      <c r="E6824" s="6">
        <v>11001</v>
      </c>
      <c r="F6824" s="6" t="s">
        <v>18</v>
      </c>
      <c r="G6824" s="6" t="s">
        <v>13759</v>
      </c>
      <c r="H6824" s="6" t="s">
        <v>13760</v>
      </c>
      <c r="I6824" s="7">
        <v>4.6997162000000001</v>
      </c>
      <c r="J6824" s="8">
        <v>-74.118437799999995</v>
      </c>
    </row>
    <row r="6825" spans="1:10" x14ac:dyDescent="0.35">
      <c r="A6825" s="5" t="s">
        <v>10</v>
      </c>
      <c r="B6825" s="6">
        <v>246768</v>
      </c>
      <c r="C6825" s="6" t="s">
        <v>68</v>
      </c>
      <c r="D6825" s="6" t="s">
        <v>69</v>
      </c>
      <c r="E6825" s="6">
        <v>11001</v>
      </c>
      <c r="F6825" s="6" t="s">
        <v>18</v>
      </c>
      <c r="G6825" s="6" t="s">
        <v>13761</v>
      </c>
      <c r="H6825" s="6" t="s">
        <v>13762</v>
      </c>
      <c r="I6825" s="7">
        <v>4.7069897000000003</v>
      </c>
      <c r="J6825" s="8">
        <v>-74.132455500000006</v>
      </c>
    </row>
    <row r="6826" spans="1:10" x14ac:dyDescent="0.35">
      <c r="A6826" s="5" t="s">
        <v>10</v>
      </c>
      <c r="B6826" s="6">
        <v>236457</v>
      </c>
      <c r="C6826" s="6" t="s">
        <v>68</v>
      </c>
      <c r="D6826" s="6" t="s">
        <v>69</v>
      </c>
      <c r="E6826" s="6">
        <v>11001</v>
      </c>
      <c r="F6826" s="6" t="s">
        <v>18</v>
      </c>
      <c r="G6826" s="6" t="s">
        <v>13763</v>
      </c>
      <c r="H6826" s="6" t="s">
        <v>13764</v>
      </c>
      <c r="I6826" s="7">
        <v>4.5683294999999999</v>
      </c>
      <c r="J6826" s="8">
        <v>-74.080123200000003</v>
      </c>
    </row>
    <row r="6827" spans="1:10" x14ac:dyDescent="0.35">
      <c r="A6827" s="5" t="s">
        <v>10</v>
      </c>
      <c r="B6827" s="6">
        <v>238876</v>
      </c>
      <c r="C6827" s="6" t="s">
        <v>68</v>
      </c>
      <c r="D6827" s="6" t="s">
        <v>69</v>
      </c>
      <c r="E6827" s="6">
        <v>11001</v>
      </c>
      <c r="F6827" s="6" t="s">
        <v>18</v>
      </c>
      <c r="G6827" s="6" t="s">
        <v>13765</v>
      </c>
      <c r="H6827" s="6" t="s">
        <v>13766</v>
      </c>
      <c r="I6827" s="7">
        <v>4.5645943000000004</v>
      </c>
      <c r="J6827" s="8">
        <v>-74.100292100000004</v>
      </c>
    </row>
    <row r="6828" spans="1:10" x14ac:dyDescent="0.35">
      <c r="A6828" s="5" t="s">
        <v>10</v>
      </c>
      <c r="B6828" s="6">
        <v>198636</v>
      </c>
      <c r="C6828" s="6" t="s">
        <v>11</v>
      </c>
      <c r="D6828" s="6" t="s">
        <v>7045</v>
      </c>
      <c r="E6828" s="6">
        <v>25260</v>
      </c>
      <c r="F6828" s="6" t="s">
        <v>13</v>
      </c>
      <c r="G6828" s="6" t="s">
        <v>13767</v>
      </c>
      <c r="H6828" s="6" t="s">
        <v>13768</v>
      </c>
      <c r="I6828" s="7">
        <v>4.8522499999999997</v>
      </c>
      <c r="J6828" s="8">
        <v>-74.264824000000004</v>
      </c>
    </row>
    <row r="6829" spans="1:10" x14ac:dyDescent="0.35">
      <c r="A6829" s="5" t="s">
        <v>10</v>
      </c>
      <c r="B6829" s="6">
        <v>231013</v>
      </c>
      <c r="C6829" s="6" t="s">
        <v>68</v>
      </c>
      <c r="D6829" s="6" t="s">
        <v>69</v>
      </c>
      <c r="E6829" s="6">
        <v>11001</v>
      </c>
      <c r="F6829" s="6" t="s">
        <v>18</v>
      </c>
      <c r="G6829" s="6" t="s">
        <v>13769</v>
      </c>
      <c r="H6829" s="6" t="s">
        <v>13770</v>
      </c>
      <c r="I6829" s="7">
        <v>4.5060235000000004</v>
      </c>
      <c r="J6829" s="8">
        <v>-74.114907700000003</v>
      </c>
    </row>
    <row r="6830" spans="1:10" x14ac:dyDescent="0.35">
      <c r="A6830" s="5" t="s">
        <v>10</v>
      </c>
      <c r="B6830" s="6">
        <v>232521</v>
      </c>
      <c r="C6830" s="6" t="s">
        <v>68</v>
      </c>
      <c r="D6830" s="6" t="s">
        <v>69</v>
      </c>
      <c r="E6830" s="6">
        <v>11001</v>
      </c>
      <c r="F6830" s="6" t="s">
        <v>18</v>
      </c>
      <c r="G6830" s="6" t="s">
        <v>13771</v>
      </c>
      <c r="H6830" s="6" t="s">
        <v>13772</v>
      </c>
      <c r="I6830" s="7">
        <v>4.6307330000000002</v>
      </c>
      <c r="J6830" s="8">
        <v>-74.057563500000001</v>
      </c>
    </row>
    <row r="6831" spans="1:10" x14ac:dyDescent="0.35">
      <c r="A6831" s="5" t="s">
        <v>10</v>
      </c>
      <c r="B6831" s="6">
        <v>242054</v>
      </c>
      <c r="C6831" s="6" t="s">
        <v>68</v>
      </c>
      <c r="D6831" s="6" t="s">
        <v>69</v>
      </c>
      <c r="E6831" s="6">
        <v>11001</v>
      </c>
      <c r="F6831" s="6" t="s">
        <v>18</v>
      </c>
      <c r="G6831" s="6" t="s">
        <v>13773</v>
      </c>
      <c r="H6831" s="6" t="s">
        <v>13774</v>
      </c>
      <c r="I6831" s="7">
        <v>4.6854731000000003</v>
      </c>
      <c r="J6831" s="8">
        <v>-74.065069699999995</v>
      </c>
    </row>
    <row r="6832" spans="1:10" x14ac:dyDescent="0.35">
      <c r="A6832" s="5" t="s">
        <v>10</v>
      </c>
      <c r="B6832" s="6">
        <v>227060</v>
      </c>
      <c r="C6832" s="6" t="s">
        <v>68</v>
      </c>
      <c r="D6832" s="6" t="s">
        <v>69</v>
      </c>
      <c r="E6832" s="6">
        <v>11001</v>
      </c>
      <c r="F6832" s="6" t="s">
        <v>18</v>
      </c>
      <c r="G6832" s="6" t="s">
        <v>13775</v>
      </c>
      <c r="H6832" s="6" t="s">
        <v>13776</v>
      </c>
      <c r="I6832" s="7">
        <v>4.6060245000000002</v>
      </c>
      <c r="J6832" s="8">
        <v>-74.088723399999907</v>
      </c>
    </row>
    <row r="6833" spans="1:10" x14ac:dyDescent="0.35">
      <c r="A6833" s="5" t="s">
        <v>10</v>
      </c>
      <c r="B6833" s="6">
        <v>242552</v>
      </c>
      <c r="C6833" s="6" t="s">
        <v>68</v>
      </c>
      <c r="D6833" s="6" t="s">
        <v>69</v>
      </c>
      <c r="E6833" s="6">
        <v>11001</v>
      </c>
      <c r="F6833" s="6" t="s">
        <v>18</v>
      </c>
      <c r="G6833" s="6" t="s">
        <v>13777</v>
      </c>
      <c r="H6833" s="6" t="s">
        <v>13778</v>
      </c>
      <c r="I6833" s="7">
        <v>4.7654617999999997</v>
      </c>
      <c r="J6833" s="8">
        <v>-74.024088000000006</v>
      </c>
    </row>
    <row r="6834" spans="1:10" x14ac:dyDescent="0.35">
      <c r="A6834" s="5" t="s">
        <v>10</v>
      </c>
      <c r="B6834" s="6">
        <v>234456</v>
      </c>
      <c r="C6834" s="6" t="s">
        <v>68</v>
      </c>
      <c r="D6834" s="6" t="s">
        <v>69</v>
      </c>
      <c r="E6834" s="6">
        <v>11001</v>
      </c>
      <c r="F6834" s="6" t="s">
        <v>18</v>
      </c>
      <c r="G6834" s="6" t="s">
        <v>13779</v>
      </c>
      <c r="H6834" s="6" t="s">
        <v>13780</v>
      </c>
      <c r="I6834" s="7">
        <v>4.6278775999999997</v>
      </c>
      <c r="J6834" s="8">
        <v>-74.191569400000006</v>
      </c>
    </row>
    <row r="6835" spans="1:10" x14ac:dyDescent="0.35">
      <c r="A6835" s="5" t="s">
        <v>10</v>
      </c>
      <c r="B6835" s="6">
        <v>232510</v>
      </c>
      <c r="C6835" s="6" t="s">
        <v>68</v>
      </c>
      <c r="D6835" s="6" t="s">
        <v>69</v>
      </c>
      <c r="E6835" s="6">
        <v>11001</v>
      </c>
      <c r="F6835" s="6" t="s">
        <v>18</v>
      </c>
      <c r="G6835" s="6" t="s">
        <v>7521</v>
      </c>
      <c r="H6835" s="6" t="s">
        <v>13781</v>
      </c>
      <c r="I6835" s="7">
        <v>4.699611</v>
      </c>
      <c r="J6835" s="8">
        <v>-74.105896299999998</v>
      </c>
    </row>
    <row r="6836" spans="1:10" x14ac:dyDescent="0.35">
      <c r="A6836" s="5" t="s">
        <v>10</v>
      </c>
      <c r="B6836" s="6">
        <v>238375</v>
      </c>
      <c r="C6836" s="6" t="s">
        <v>117</v>
      </c>
      <c r="D6836" s="6" t="s">
        <v>1334</v>
      </c>
      <c r="E6836" s="6">
        <v>76001</v>
      </c>
      <c r="F6836" s="6" t="s">
        <v>18</v>
      </c>
      <c r="G6836" s="6" t="s">
        <v>13782</v>
      </c>
      <c r="H6836" s="6" t="s">
        <v>13783</v>
      </c>
      <c r="I6836" s="7">
        <v>3.4130856999999999</v>
      </c>
      <c r="J6836" s="8">
        <v>-76.540965</v>
      </c>
    </row>
    <row r="6837" spans="1:10" x14ac:dyDescent="0.35">
      <c r="A6837" s="5" t="s">
        <v>10</v>
      </c>
      <c r="B6837" s="6">
        <v>210367</v>
      </c>
      <c r="C6837" s="6" t="s">
        <v>68</v>
      </c>
      <c r="D6837" s="6" t="s">
        <v>69</v>
      </c>
      <c r="E6837" s="6">
        <v>11001</v>
      </c>
      <c r="F6837" s="6" t="s">
        <v>18</v>
      </c>
      <c r="G6837" s="6" t="s">
        <v>13784</v>
      </c>
      <c r="H6837" s="6" t="s">
        <v>13785</v>
      </c>
      <c r="I6837" s="7">
        <v>4.5593159999999999</v>
      </c>
      <c r="J6837" s="8">
        <v>-74.082050799999905</v>
      </c>
    </row>
    <row r="6838" spans="1:10" x14ac:dyDescent="0.35">
      <c r="A6838" s="5" t="s">
        <v>10</v>
      </c>
      <c r="B6838" s="6">
        <v>233429</v>
      </c>
      <c r="C6838" s="6" t="s">
        <v>68</v>
      </c>
      <c r="D6838" s="6" t="s">
        <v>69</v>
      </c>
      <c r="E6838" s="6">
        <v>11001</v>
      </c>
      <c r="F6838" s="6" t="s">
        <v>18</v>
      </c>
      <c r="G6838" s="6" t="s">
        <v>13786</v>
      </c>
      <c r="H6838" s="6" t="s">
        <v>13787</v>
      </c>
      <c r="I6838" s="7">
        <v>4.6250499999999999</v>
      </c>
      <c r="J6838" s="8">
        <v>-74.147900000000007</v>
      </c>
    </row>
    <row r="6839" spans="1:10" x14ac:dyDescent="0.35">
      <c r="A6839" s="5" t="s">
        <v>10</v>
      </c>
      <c r="B6839" s="6">
        <v>237702</v>
      </c>
      <c r="C6839" s="6" t="s">
        <v>68</v>
      </c>
      <c r="D6839" s="6" t="s">
        <v>69</v>
      </c>
      <c r="E6839" s="6">
        <v>11001</v>
      </c>
      <c r="F6839" s="6" t="s">
        <v>18</v>
      </c>
      <c r="G6839" s="6" t="s">
        <v>13788</v>
      </c>
      <c r="H6839" s="6" t="s">
        <v>13789</v>
      </c>
      <c r="I6839" s="7">
        <v>4.6333871000000002</v>
      </c>
      <c r="J6839" s="8">
        <v>-74.203843699999993</v>
      </c>
    </row>
    <row r="6840" spans="1:10" x14ac:dyDescent="0.35">
      <c r="A6840" s="5" t="s">
        <v>10</v>
      </c>
      <c r="B6840" s="6">
        <v>242451</v>
      </c>
      <c r="C6840" s="6" t="s">
        <v>68</v>
      </c>
      <c r="D6840" s="6" t="s">
        <v>69</v>
      </c>
      <c r="E6840" s="6">
        <v>11001</v>
      </c>
      <c r="F6840" s="6" t="s">
        <v>18</v>
      </c>
      <c r="G6840" s="6" t="s">
        <v>13790</v>
      </c>
      <c r="H6840" s="6" t="s">
        <v>13791</v>
      </c>
      <c r="I6840" s="7">
        <v>4.6966003000000001</v>
      </c>
      <c r="J6840" s="8">
        <v>-74.126092</v>
      </c>
    </row>
    <row r="6841" spans="1:10" x14ac:dyDescent="0.35">
      <c r="A6841" s="5" t="s">
        <v>10</v>
      </c>
      <c r="B6841" s="6">
        <v>183641</v>
      </c>
      <c r="C6841" s="6" t="s">
        <v>68</v>
      </c>
      <c r="D6841" s="6" t="s">
        <v>69</v>
      </c>
      <c r="E6841" s="6">
        <v>11001</v>
      </c>
      <c r="F6841" s="6" t="s">
        <v>18</v>
      </c>
      <c r="G6841" s="6" t="s">
        <v>13792</v>
      </c>
      <c r="H6841" s="6" t="s">
        <v>13793</v>
      </c>
      <c r="I6841" s="7">
        <v>4.7054862999999996</v>
      </c>
      <c r="J6841" s="8">
        <v>-74.118302799999995</v>
      </c>
    </row>
    <row r="6842" spans="1:10" x14ac:dyDescent="0.35">
      <c r="A6842" s="5" t="s">
        <v>10</v>
      </c>
      <c r="B6842" s="6">
        <v>216797</v>
      </c>
      <c r="C6842" s="6" t="s">
        <v>68</v>
      </c>
      <c r="D6842" s="6" t="s">
        <v>69</v>
      </c>
      <c r="E6842" s="6">
        <v>11001</v>
      </c>
      <c r="F6842" s="6" t="s">
        <v>18</v>
      </c>
      <c r="G6842" s="6" t="s">
        <v>13794</v>
      </c>
      <c r="H6842" s="6" t="s">
        <v>13795</v>
      </c>
      <c r="I6842" s="7">
        <v>4.6037002999999999</v>
      </c>
      <c r="J6842" s="8">
        <v>-74.073338699999994</v>
      </c>
    </row>
    <row r="6843" spans="1:10" x14ac:dyDescent="0.35">
      <c r="A6843" s="5" t="s">
        <v>10</v>
      </c>
      <c r="B6843" s="6">
        <v>242396</v>
      </c>
      <c r="C6843" s="6" t="s">
        <v>68</v>
      </c>
      <c r="D6843" s="6" t="s">
        <v>69</v>
      </c>
      <c r="E6843" s="6">
        <v>11001</v>
      </c>
      <c r="F6843" s="6" t="s">
        <v>18</v>
      </c>
      <c r="G6843" s="6" t="s">
        <v>13796</v>
      </c>
      <c r="H6843" s="6" t="s">
        <v>13797</v>
      </c>
      <c r="I6843" s="7">
        <v>4.6625591000000002</v>
      </c>
      <c r="J6843" s="8">
        <v>-74.059088900000006</v>
      </c>
    </row>
    <row r="6844" spans="1:10" x14ac:dyDescent="0.35">
      <c r="A6844" s="5" t="s">
        <v>10</v>
      </c>
      <c r="B6844" s="6">
        <v>216438</v>
      </c>
      <c r="C6844" s="6" t="s">
        <v>68</v>
      </c>
      <c r="D6844" s="6" t="s">
        <v>69</v>
      </c>
      <c r="E6844" s="6">
        <v>11001</v>
      </c>
      <c r="F6844" s="6" t="s">
        <v>18</v>
      </c>
      <c r="G6844" s="6" t="s">
        <v>13798</v>
      </c>
      <c r="H6844" s="6" t="s">
        <v>13799</v>
      </c>
      <c r="I6844" s="7">
        <v>4.6748088999999897</v>
      </c>
      <c r="J6844" s="8">
        <v>-74.147760399999996</v>
      </c>
    </row>
    <row r="6845" spans="1:10" x14ac:dyDescent="0.35">
      <c r="A6845" s="5" t="s">
        <v>10</v>
      </c>
      <c r="B6845" s="6">
        <v>233908</v>
      </c>
      <c r="C6845" s="6" t="s">
        <v>68</v>
      </c>
      <c r="D6845" s="6" t="s">
        <v>69</v>
      </c>
      <c r="E6845" s="6">
        <v>11001</v>
      </c>
      <c r="F6845" s="6" t="s">
        <v>18</v>
      </c>
      <c r="G6845" s="6" t="s">
        <v>13800</v>
      </c>
      <c r="H6845" s="6" t="s">
        <v>13801</v>
      </c>
      <c r="I6845" s="7">
        <v>4.7527341999999999</v>
      </c>
      <c r="J6845" s="8">
        <v>-74.120536900000005</v>
      </c>
    </row>
    <row r="6846" spans="1:10" x14ac:dyDescent="0.35">
      <c r="A6846" s="5" t="s">
        <v>10</v>
      </c>
      <c r="B6846" s="6">
        <v>234496</v>
      </c>
      <c r="C6846" s="6" t="s">
        <v>68</v>
      </c>
      <c r="D6846" s="6" t="s">
        <v>69</v>
      </c>
      <c r="E6846" s="6">
        <v>11001</v>
      </c>
      <c r="F6846" s="6" t="s">
        <v>18</v>
      </c>
      <c r="G6846" s="6" t="s">
        <v>13802</v>
      </c>
      <c r="H6846" s="6" t="s">
        <v>13803</v>
      </c>
      <c r="I6846" s="7">
        <v>4.7249721999999998</v>
      </c>
      <c r="J6846" s="8">
        <v>-74.090024700000001</v>
      </c>
    </row>
    <row r="6847" spans="1:10" x14ac:dyDescent="0.35">
      <c r="A6847" s="5" t="s">
        <v>10</v>
      </c>
      <c r="B6847" s="6">
        <v>238153</v>
      </c>
      <c r="C6847" s="6" t="s">
        <v>68</v>
      </c>
      <c r="D6847" s="6" t="s">
        <v>69</v>
      </c>
      <c r="E6847" s="6">
        <v>11001</v>
      </c>
      <c r="F6847" s="6" t="s">
        <v>18</v>
      </c>
      <c r="G6847" s="6" t="s">
        <v>13804</v>
      </c>
      <c r="H6847" s="6" t="s">
        <v>13805</v>
      </c>
      <c r="I6847" s="7">
        <v>4.6865304999999999</v>
      </c>
      <c r="J6847" s="8">
        <v>-74.142075500000004</v>
      </c>
    </row>
    <row r="6848" spans="1:10" x14ac:dyDescent="0.35">
      <c r="A6848" s="5" t="s">
        <v>10</v>
      </c>
      <c r="B6848" s="6">
        <v>242291</v>
      </c>
      <c r="C6848" s="6" t="s">
        <v>68</v>
      </c>
      <c r="D6848" s="6" t="s">
        <v>69</v>
      </c>
      <c r="E6848" s="6">
        <v>11001</v>
      </c>
      <c r="F6848" s="6" t="s">
        <v>18</v>
      </c>
      <c r="G6848" s="6" t="s">
        <v>13806</v>
      </c>
      <c r="H6848" s="6" t="s">
        <v>13807</v>
      </c>
      <c r="I6848" s="7">
        <v>4.6313351999999997</v>
      </c>
      <c r="J6848" s="8">
        <v>-74.073593500000001</v>
      </c>
    </row>
    <row r="6849" spans="1:10" x14ac:dyDescent="0.35">
      <c r="A6849" s="5" t="s">
        <v>10</v>
      </c>
      <c r="B6849" s="6">
        <v>190090</v>
      </c>
      <c r="C6849" s="6" t="s">
        <v>55</v>
      </c>
      <c r="D6849" s="6" t="s">
        <v>56</v>
      </c>
      <c r="E6849" s="6">
        <v>73001</v>
      </c>
      <c r="F6849" s="6" t="s">
        <v>13</v>
      </c>
      <c r="G6849" s="6" t="s">
        <v>12374</v>
      </c>
      <c r="H6849" s="6" t="s">
        <v>13808</v>
      </c>
      <c r="I6849" s="7">
        <v>4.4453091999999996</v>
      </c>
      <c r="J6849" s="8">
        <v>-75.204851300000001</v>
      </c>
    </row>
    <row r="6850" spans="1:10" x14ac:dyDescent="0.35">
      <c r="A6850" s="5" t="s">
        <v>10</v>
      </c>
      <c r="B6850" s="6">
        <v>226630</v>
      </c>
      <c r="C6850" s="6" t="s">
        <v>38</v>
      </c>
      <c r="D6850" s="6" t="s">
        <v>13809</v>
      </c>
      <c r="E6850" s="6">
        <v>19418</v>
      </c>
      <c r="F6850" s="6" t="s">
        <v>13</v>
      </c>
      <c r="G6850" s="6" t="s">
        <v>13810</v>
      </c>
      <c r="H6850" s="6" t="s">
        <v>13811</v>
      </c>
      <c r="I6850" s="7">
        <v>2.8458038999999999</v>
      </c>
      <c r="J6850" s="8">
        <v>-77.248039000000006</v>
      </c>
    </row>
    <row r="6851" spans="1:10" x14ac:dyDescent="0.35">
      <c r="A6851" s="5" t="s">
        <v>10</v>
      </c>
      <c r="B6851" s="6">
        <v>155509</v>
      </c>
      <c r="C6851" s="6" t="s">
        <v>302</v>
      </c>
      <c r="D6851" s="6" t="s">
        <v>4041</v>
      </c>
      <c r="E6851" s="6">
        <v>8758</v>
      </c>
      <c r="F6851" s="6" t="s">
        <v>13</v>
      </c>
      <c r="G6851" s="6" t="s">
        <v>13812</v>
      </c>
      <c r="H6851" s="6" t="s">
        <v>13813</v>
      </c>
      <c r="I6851" s="7">
        <v>10.9014829</v>
      </c>
      <c r="J6851" s="8">
        <v>-74.784216400000005</v>
      </c>
    </row>
    <row r="6852" spans="1:10" x14ac:dyDescent="0.35">
      <c r="A6852" s="5" t="s">
        <v>10</v>
      </c>
      <c r="B6852" s="6">
        <v>197799</v>
      </c>
      <c r="C6852" s="6" t="s">
        <v>16</v>
      </c>
      <c r="D6852" s="6" t="s">
        <v>2825</v>
      </c>
      <c r="E6852" s="6">
        <v>68276</v>
      </c>
      <c r="F6852" s="6" t="s">
        <v>13</v>
      </c>
      <c r="G6852" s="6" t="s">
        <v>13814</v>
      </c>
      <c r="H6852" s="6" t="s">
        <v>13815</v>
      </c>
      <c r="I6852" s="7">
        <v>7.0703452999999996</v>
      </c>
      <c r="J6852" s="8">
        <v>-73.107290300000003</v>
      </c>
    </row>
    <row r="6853" spans="1:10" x14ac:dyDescent="0.35">
      <c r="A6853" s="5" t="s">
        <v>10</v>
      </c>
      <c r="B6853" s="6">
        <v>198609</v>
      </c>
      <c r="C6853" s="6" t="s">
        <v>308</v>
      </c>
      <c r="D6853" s="6" t="s">
        <v>9180</v>
      </c>
      <c r="E6853" s="6">
        <v>23675</v>
      </c>
      <c r="F6853" s="6" t="s">
        <v>13</v>
      </c>
      <c r="G6853" s="6" t="s">
        <v>13816</v>
      </c>
      <c r="H6853" s="6" t="s">
        <v>13817</v>
      </c>
      <c r="I6853" s="7">
        <v>9.3525857999999999</v>
      </c>
      <c r="J6853" s="8">
        <v>-75.953581499999999</v>
      </c>
    </row>
    <row r="6854" spans="1:10" x14ac:dyDescent="0.35">
      <c r="A6854" s="5" t="s">
        <v>10</v>
      </c>
      <c r="B6854" s="6">
        <v>229811</v>
      </c>
      <c r="C6854" s="6" t="s">
        <v>117</v>
      </c>
      <c r="D6854" s="6" t="s">
        <v>1334</v>
      </c>
      <c r="E6854" s="6">
        <v>76001</v>
      </c>
      <c r="F6854" s="6" t="s">
        <v>18</v>
      </c>
      <c r="G6854" s="6" t="s">
        <v>13818</v>
      </c>
      <c r="H6854" s="6" t="s">
        <v>13819</v>
      </c>
      <c r="I6854" s="7">
        <v>3.4193951</v>
      </c>
      <c r="J6854" s="8">
        <v>-76.503756600000003</v>
      </c>
    </row>
    <row r="6855" spans="1:10" x14ac:dyDescent="0.35">
      <c r="A6855" s="5" t="s">
        <v>10</v>
      </c>
      <c r="B6855" s="6">
        <v>239184</v>
      </c>
      <c r="C6855" s="6" t="s">
        <v>190</v>
      </c>
      <c r="D6855" s="6" t="s">
        <v>11926</v>
      </c>
      <c r="E6855" s="6">
        <v>5129</v>
      </c>
      <c r="F6855" s="6" t="s">
        <v>18</v>
      </c>
      <c r="G6855" s="6" t="s">
        <v>13820</v>
      </c>
      <c r="H6855" s="6" t="s">
        <v>13821</v>
      </c>
      <c r="I6855" s="7">
        <v>6.0915160000000004</v>
      </c>
      <c r="J6855" s="8">
        <v>-75.636487700000004</v>
      </c>
    </row>
    <row r="6856" spans="1:10" x14ac:dyDescent="0.35">
      <c r="A6856" s="5" t="s">
        <v>10</v>
      </c>
      <c r="B6856" s="6">
        <v>240480</v>
      </c>
      <c r="C6856" s="6" t="s">
        <v>190</v>
      </c>
      <c r="D6856" s="6" t="s">
        <v>11926</v>
      </c>
      <c r="E6856" s="6">
        <v>5129</v>
      </c>
      <c r="F6856" s="6" t="s">
        <v>18</v>
      </c>
      <c r="G6856" s="6" t="s">
        <v>13822</v>
      </c>
      <c r="H6856" s="6" t="s">
        <v>13823</v>
      </c>
      <c r="I6856" s="7">
        <v>6.0888159000000002</v>
      </c>
      <c r="J6856" s="8">
        <v>-75.634818600000003</v>
      </c>
    </row>
    <row r="6857" spans="1:10" x14ac:dyDescent="0.35">
      <c r="A6857" s="5" t="s">
        <v>10</v>
      </c>
      <c r="B6857" s="6">
        <v>218260</v>
      </c>
      <c r="C6857" s="6" t="s">
        <v>68</v>
      </c>
      <c r="D6857" s="6" t="s">
        <v>69</v>
      </c>
      <c r="E6857" s="6">
        <v>11001</v>
      </c>
      <c r="F6857" s="6" t="s">
        <v>18</v>
      </c>
      <c r="G6857" s="6" t="s">
        <v>13824</v>
      </c>
      <c r="H6857" s="6" t="s">
        <v>13825</v>
      </c>
      <c r="I6857" s="7">
        <v>4.7153991999999896</v>
      </c>
      <c r="J6857" s="8">
        <v>-74.142186299999906</v>
      </c>
    </row>
    <row r="6858" spans="1:10" x14ac:dyDescent="0.35">
      <c r="A6858" s="5" t="s">
        <v>10</v>
      </c>
      <c r="B6858" s="6">
        <v>236443</v>
      </c>
      <c r="C6858" s="6" t="s">
        <v>68</v>
      </c>
      <c r="D6858" s="6" t="s">
        <v>69</v>
      </c>
      <c r="E6858" s="6">
        <v>11001</v>
      </c>
      <c r="F6858" s="6" t="s">
        <v>18</v>
      </c>
      <c r="G6858" s="6" t="s">
        <v>13826</v>
      </c>
      <c r="H6858" s="6" t="s">
        <v>13827</v>
      </c>
      <c r="I6858" s="7">
        <v>4.7326025999999999</v>
      </c>
      <c r="J6858" s="8">
        <v>-74.044181699999996</v>
      </c>
    </row>
    <row r="6859" spans="1:10" x14ac:dyDescent="0.35">
      <c r="A6859" s="5" t="s">
        <v>10</v>
      </c>
      <c r="B6859" s="6">
        <v>236740</v>
      </c>
      <c r="C6859" s="6" t="s">
        <v>68</v>
      </c>
      <c r="D6859" s="6" t="s">
        <v>69</v>
      </c>
      <c r="E6859" s="6">
        <v>11001</v>
      </c>
      <c r="F6859" s="6" t="s">
        <v>18</v>
      </c>
      <c r="G6859" s="6" t="s">
        <v>13828</v>
      </c>
      <c r="H6859" s="6" t="s">
        <v>13829</v>
      </c>
      <c r="I6859" s="7">
        <v>4.5918720999999998</v>
      </c>
      <c r="J6859" s="8">
        <v>-74.098228300000002</v>
      </c>
    </row>
    <row r="6860" spans="1:10" x14ac:dyDescent="0.35">
      <c r="A6860" s="5" t="s">
        <v>10</v>
      </c>
      <c r="B6860" s="6">
        <v>203392</v>
      </c>
      <c r="C6860" s="6" t="s">
        <v>68</v>
      </c>
      <c r="D6860" s="6" t="s">
        <v>69</v>
      </c>
      <c r="E6860" s="6">
        <v>11001</v>
      </c>
      <c r="F6860" s="6" t="s">
        <v>18</v>
      </c>
      <c r="G6860" s="6" t="s">
        <v>13830</v>
      </c>
      <c r="H6860" s="6" t="s">
        <v>13831</v>
      </c>
      <c r="I6860" s="7">
        <v>4.7459872999999897</v>
      </c>
      <c r="J6860" s="8">
        <v>-74.109079999999906</v>
      </c>
    </row>
    <row r="6861" spans="1:10" x14ac:dyDescent="0.35">
      <c r="A6861" s="5" t="s">
        <v>10</v>
      </c>
      <c r="B6861" s="6">
        <v>204848</v>
      </c>
      <c r="C6861" s="6" t="s">
        <v>68</v>
      </c>
      <c r="D6861" s="6" t="s">
        <v>69</v>
      </c>
      <c r="E6861" s="6">
        <v>11001</v>
      </c>
      <c r="F6861" s="6" t="s">
        <v>18</v>
      </c>
      <c r="G6861" s="6" t="s">
        <v>13832</v>
      </c>
      <c r="H6861" s="6" t="s">
        <v>13833</v>
      </c>
      <c r="I6861" s="7">
        <v>4.5733100000000002</v>
      </c>
      <c r="J6861" s="8">
        <v>-74.170935799999995</v>
      </c>
    </row>
    <row r="6862" spans="1:10" x14ac:dyDescent="0.35">
      <c r="A6862" s="5" t="s">
        <v>10</v>
      </c>
      <c r="B6862" s="6">
        <v>232471</v>
      </c>
      <c r="C6862" s="6" t="s">
        <v>68</v>
      </c>
      <c r="D6862" s="6" t="s">
        <v>69</v>
      </c>
      <c r="E6862" s="6">
        <v>11001</v>
      </c>
      <c r="F6862" s="6" t="s">
        <v>18</v>
      </c>
      <c r="G6862" s="6" t="s">
        <v>13834</v>
      </c>
      <c r="H6862" s="6" t="s">
        <v>13835</v>
      </c>
      <c r="I6862" s="7">
        <v>4.5493870000000003</v>
      </c>
      <c r="J6862" s="8">
        <v>-74.141773299999997</v>
      </c>
    </row>
    <row r="6863" spans="1:10" x14ac:dyDescent="0.35">
      <c r="A6863" s="5" t="s">
        <v>10</v>
      </c>
      <c r="B6863" s="6">
        <v>238792</v>
      </c>
      <c r="C6863" s="6" t="s">
        <v>68</v>
      </c>
      <c r="D6863" s="6" t="s">
        <v>69</v>
      </c>
      <c r="E6863" s="6">
        <v>11001</v>
      </c>
      <c r="F6863" s="6" t="s">
        <v>18</v>
      </c>
      <c r="G6863" s="6" t="s">
        <v>13836</v>
      </c>
      <c r="H6863" s="6" t="s">
        <v>13837</v>
      </c>
      <c r="I6863" s="7">
        <v>4.5870740999999997</v>
      </c>
      <c r="J6863" s="8">
        <v>-74.166719099999995</v>
      </c>
    </row>
    <row r="6864" spans="1:10" x14ac:dyDescent="0.35">
      <c r="A6864" s="5" t="s">
        <v>10</v>
      </c>
      <c r="B6864" s="6">
        <v>230003</v>
      </c>
      <c r="C6864" s="6" t="s">
        <v>68</v>
      </c>
      <c r="D6864" s="6" t="s">
        <v>69</v>
      </c>
      <c r="E6864" s="6">
        <v>11001</v>
      </c>
      <c r="F6864" s="6" t="s">
        <v>18</v>
      </c>
      <c r="G6864" s="6" t="s">
        <v>13838</v>
      </c>
      <c r="H6864" s="6" t="s">
        <v>13839</v>
      </c>
      <c r="I6864" s="7">
        <v>4.6221885</v>
      </c>
      <c r="J6864" s="8">
        <v>-74.212264300000001</v>
      </c>
    </row>
    <row r="6865" spans="1:10" x14ac:dyDescent="0.35">
      <c r="A6865" s="5" t="s">
        <v>10</v>
      </c>
      <c r="B6865" s="6">
        <v>187688</v>
      </c>
      <c r="C6865" s="6" t="s">
        <v>2130</v>
      </c>
      <c r="D6865" s="6" t="s">
        <v>3979</v>
      </c>
      <c r="E6865" s="6">
        <v>85010</v>
      </c>
      <c r="F6865" s="6" t="s">
        <v>18</v>
      </c>
      <c r="G6865" s="6" t="s">
        <v>13840</v>
      </c>
      <c r="H6865" s="6" t="s">
        <v>13841</v>
      </c>
      <c r="I6865" s="7">
        <v>4.3494700000000002</v>
      </c>
      <c r="J6865" s="8">
        <v>-72.74391</v>
      </c>
    </row>
    <row r="6866" spans="1:10" x14ac:dyDescent="0.35">
      <c r="A6866" s="5" t="s">
        <v>10</v>
      </c>
      <c r="B6866" s="6">
        <v>241083</v>
      </c>
      <c r="C6866" s="6" t="s">
        <v>117</v>
      </c>
      <c r="D6866" s="6" t="s">
        <v>1334</v>
      </c>
      <c r="E6866" s="6">
        <v>76001</v>
      </c>
      <c r="F6866" s="6" t="s">
        <v>18</v>
      </c>
      <c r="G6866" s="6" t="s">
        <v>13842</v>
      </c>
      <c r="H6866" s="6" t="s">
        <v>13843</v>
      </c>
      <c r="I6866" s="7">
        <v>3.3716997000000002</v>
      </c>
      <c r="J6866" s="8">
        <v>-76.539128000000005</v>
      </c>
    </row>
    <row r="6867" spans="1:10" x14ac:dyDescent="0.35">
      <c r="A6867" s="5" t="s">
        <v>10</v>
      </c>
      <c r="B6867" s="6">
        <v>244469</v>
      </c>
      <c r="C6867" s="6" t="s">
        <v>117</v>
      </c>
      <c r="D6867" s="6" t="s">
        <v>1334</v>
      </c>
      <c r="E6867" s="6">
        <v>76001</v>
      </c>
      <c r="F6867" s="6" t="s">
        <v>18</v>
      </c>
      <c r="G6867" s="6" t="s">
        <v>113</v>
      </c>
      <c r="H6867" s="6" t="s">
        <v>13844</v>
      </c>
      <c r="I6867" s="7">
        <v>3.4541723000000002</v>
      </c>
      <c r="J6867" s="8">
        <v>-76.480427700000007</v>
      </c>
    </row>
    <row r="6868" spans="1:10" x14ac:dyDescent="0.35">
      <c r="A6868" s="5" t="s">
        <v>10</v>
      </c>
      <c r="B6868" s="6">
        <v>169852</v>
      </c>
      <c r="C6868" s="6" t="s">
        <v>190</v>
      </c>
      <c r="D6868" s="6" t="s">
        <v>191</v>
      </c>
      <c r="E6868" s="6">
        <v>5001</v>
      </c>
      <c r="F6868" s="6" t="s">
        <v>18</v>
      </c>
      <c r="G6868" s="6" t="s">
        <v>4114</v>
      </c>
      <c r="H6868" s="6" t="s">
        <v>13845</v>
      </c>
      <c r="I6868" s="7">
        <v>6.2345658999999998</v>
      </c>
      <c r="J6868" s="8">
        <v>-75.545064099999905</v>
      </c>
    </row>
    <row r="6869" spans="1:10" x14ac:dyDescent="0.35">
      <c r="A6869" s="5" t="s">
        <v>10</v>
      </c>
      <c r="B6869" s="6">
        <v>240484</v>
      </c>
      <c r="C6869" s="6" t="s">
        <v>190</v>
      </c>
      <c r="D6869" s="6" t="s">
        <v>13846</v>
      </c>
      <c r="E6869" s="6">
        <v>5091</v>
      </c>
      <c r="F6869" s="6" t="s">
        <v>18</v>
      </c>
      <c r="G6869" s="6" t="s">
        <v>13847</v>
      </c>
      <c r="H6869" s="6" t="s">
        <v>13848</v>
      </c>
      <c r="I6869" s="7">
        <v>6.0569680999999997</v>
      </c>
      <c r="J6869" s="8">
        <v>-75.5026163</v>
      </c>
    </row>
    <row r="6870" spans="1:10" x14ac:dyDescent="0.35">
      <c r="A6870" s="5" t="s">
        <v>10</v>
      </c>
      <c r="B6870" s="6">
        <v>224917</v>
      </c>
      <c r="C6870" s="6" t="s">
        <v>68</v>
      </c>
      <c r="D6870" s="6" t="s">
        <v>69</v>
      </c>
      <c r="E6870" s="6">
        <v>11001</v>
      </c>
      <c r="F6870" s="6" t="s">
        <v>18</v>
      </c>
      <c r="G6870" s="6" t="s">
        <v>13849</v>
      </c>
      <c r="H6870" s="6" t="s">
        <v>13850</v>
      </c>
      <c r="I6870" s="7">
        <v>4.6867260000000002</v>
      </c>
      <c r="J6870" s="8">
        <v>-74.106076899999906</v>
      </c>
    </row>
    <row r="6871" spans="1:10" x14ac:dyDescent="0.35">
      <c r="A6871" s="5" t="s">
        <v>10</v>
      </c>
      <c r="B6871" s="6">
        <v>247249</v>
      </c>
      <c r="C6871" s="6" t="s">
        <v>68</v>
      </c>
      <c r="D6871" s="6" t="s">
        <v>69</v>
      </c>
      <c r="E6871" s="6">
        <v>11001</v>
      </c>
      <c r="F6871" s="6" t="s">
        <v>18</v>
      </c>
      <c r="G6871" s="6" t="s">
        <v>13851</v>
      </c>
      <c r="H6871" s="6" t="s">
        <v>13852</v>
      </c>
      <c r="I6871" s="7">
        <v>4.5779164000000003</v>
      </c>
      <c r="J6871" s="8">
        <v>-74.137380699999994</v>
      </c>
    </row>
    <row r="6872" spans="1:10" x14ac:dyDescent="0.35">
      <c r="A6872" s="5" t="s">
        <v>10</v>
      </c>
      <c r="B6872" s="6">
        <v>210237</v>
      </c>
      <c r="C6872" s="6" t="s">
        <v>68</v>
      </c>
      <c r="D6872" s="6" t="s">
        <v>69</v>
      </c>
      <c r="E6872" s="6">
        <v>11001</v>
      </c>
      <c r="F6872" s="6" t="s">
        <v>18</v>
      </c>
      <c r="G6872" s="6" t="s">
        <v>13853</v>
      </c>
      <c r="H6872" s="6" t="s">
        <v>13854</v>
      </c>
      <c r="I6872" s="7">
        <v>4.5895986000000004</v>
      </c>
      <c r="J6872" s="8">
        <v>-74.173462299999997</v>
      </c>
    </row>
    <row r="6873" spans="1:10" x14ac:dyDescent="0.35">
      <c r="A6873" s="5" t="s">
        <v>10</v>
      </c>
      <c r="B6873" s="6">
        <v>234488</v>
      </c>
      <c r="C6873" s="6" t="s">
        <v>68</v>
      </c>
      <c r="D6873" s="6" t="s">
        <v>69</v>
      </c>
      <c r="E6873" s="6">
        <v>11001</v>
      </c>
      <c r="F6873" s="6" t="s">
        <v>18</v>
      </c>
      <c r="G6873" s="6" t="s">
        <v>13855</v>
      </c>
      <c r="H6873" s="6" t="s">
        <v>13856</v>
      </c>
      <c r="I6873" s="7">
        <v>4.7547145000000004</v>
      </c>
      <c r="J6873" s="8">
        <v>-74.086245500000004</v>
      </c>
    </row>
    <row r="6874" spans="1:10" x14ac:dyDescent="0.35">
      <c r="A6874" s="5" t="s">
        <v>10</v>
      </c>
      <c r="B6874" s="6">
        <v>242520</v>
      </c>
      <c r="C6874" s="6" t="s">
        <v>68</v>
      </c>
      <c r="D6874" s="6" t="s">
        <v>69</v>
      </c>
      <c r="E6874" s="6">
        <v>11001</v>
      </c>
      <c r="F6874" s="6" t="s">
        <v>18</v>
      </c>
      <c r="G6874" s="6" t="s">
        <v>13857</v>
      </c>
      <c r="H6874" s="6" t="s">
        <v>13858</v>
      </c>
      <c r="I6874" s="7">
        <v>4.6061318</v>
      </c>
      <c r="J6874" s="8">
        <v>-74.089640200000005</v>
      </c>
    </row>
    <row r="6875" spans="1:10" x14ac:dyDescent="0.35">
      <c r="A6875" s="5" t="s">
        <v>10</v>
      </c>
      <c r="B6875" s="6">
        <v>210649</v>
      </c>
      <c r="C6875" s="6" t="s">
        <v>68</v>
      </c>
      <c r="D6875" s="6" t="s">
        <v>69</v>
      </c>
      <c r="E6875" s="6">
        <v>11001</v>
      </c>
      <c r="F6875" s="6" t="s">
        <v>18</v>
      </c>
      <c r="G6875" s="6" t="s">
        <v>13859</v>
      </c>
      <c r="H6875" s="6" t="s">
        <v>13860</v>
      </c>
      <c r="I6875" s="7">
        <v>4.5855683999999997</v>
      </c>
      <c r="J6875" s="8">
        <v>-74.128492499999993</v>
      </c>
    </row>
    <row r="6876" spans="1:10" x14ac:dyDescent="0.35">
      <c r="A6876" s="5" t="s">
        <v>10</v>
      </c>
      <c r="B6876" s="6">
        <v>212019</v>
      </c>
      <c r="C6876" s="6" t="s">
        <v>68</v>
      </c>
      <c r="D6876" s="6" t="s">
        <v>69</v>
      </c>
      <c r="E6876" s="6">
        <v>11001</v>
      </c>
      <c r="F6876" s="6" t="s">
        <v>18</v>
      </c>
      <c r="G6876" s="6" t="s">
        <v>13861</v>
      </c>
      <c r="H6876" s="6" t="s">
        <v>13862</v>
      </c>
      <c r="I6876" s="7">
        <v>4.6973212000000002</v>
      </c>
      <c r="J6876" s="8">
        <v>-74.168139199999999</v>
      </c>
    </row>
    <row r="6877" spans="1:10" x14ac:dyDescent="0.35">
      <c r="A6877" s="5" t="s">
        <v>10</v>
      </c>
      <c r="B6877" s="6">
        <v>228402</v>
      </c>
      <c r="C6877" s="6" t="s">
        <v>2130</v>
      </c>
      <c r="D6877" s="6" t="s">
        <v>2131</v>
      </c>
      <c r="E6877" s="6">
        <v>85001</v>
      </c>
      <c r="F6877" s="6" t="s">
        <v>18</v>
      </c>
      <c r="G6877" s="6" t="s">
        <v>13863</v>
      </c>
      <c r="H6877" s="6" t="s">
        <v>13864</v>
      </c>
      <c r="I6877" s="7">
        <v>5.3390637999999999</v>
      </c>
      <c r="J6877" s="8">
        <v>-72.388201499999994</v>
      </c>
    </row>
    <row r="6878" spans="1:10" x14ac:dyDescent="0.35">
      <c r="A6878" s="5" t="s">
        <v>10</v>
      </c>
      <c r="B6878" s="6">
        <v>223488</v>
      </c>
      <c r="C6878" s="6" t="s">
        <v>308</v>
      </c>
      <c r="D6878" s="6" t="s">
        <v>309</v>
      </c>
      <c r="E6878" s="6">
        <v>23001</v>
      </c>
      <c r="F6878" s="6" t="s">
        <v>13</v>
      </c>
      <c r="G6878" s="6" t="s">
        <v>13865</v>
      </c>
      <c r="H6878" s="6" t="s">
        <v>13866</v>
      </c>
      <c r="I6878" s="7">
        <v>8.7565261999999997</v>
      </c>
      <c r="J6878" s="8">
        <v>-75.885009299999993</v>
      </c>
    </row>
    <row r="6879" spans="1:10" x14ac:dyDescent="0.35">
      <c r="A6879" s="5" t="s">
        <v>10</v>
      </c>
      <c r="B6879" s="6">
        <v>225564</v>
      </c>
      <c r="C6879" s="6" t="s">
        <v>308</v>
      </c>
      <c r="D6879" s="6" t="s">
        <v>309</v>
      </c>
      <c r="E6879" s="6">
        <v>23001</v>
      </c>
      <c r="F6879" s="6" t="s">
        <v>13</v>
      </c>
      <c r="G6879" s="6" t="s">
        <v>13867</v>
      </c>
      <c r="H6879" s="6" t="s">
        <v>13868</v>
      </c>
      <c r="I6879" s="7">
        <v>8.7263637000000003</v>
      </c>
      <c r="J6879" s="8">
        <v>-75.880778199999995</v>
      </c>
    </row>
    <row r="6880" spans="1:10" x14ac:dyDescent="0.35">
      <c r="A6880" s="5" t="s">
        <v>10</v>
      </c>
      <c r="B6880" s="6">
        <v>205073</v>
      </c>
      <c r="C6880" s="6" t="s">
        <v>457</v>
      </c>
      <c r="D6880" s="6" t="s">
        <v>13453</v>
      </c>
      <c r="E6880" s="6">
        <v>52585</v>
      </c>
      <c r="F6880" s="6" t="s">
        <v>18</v>
      </c>
      <c r="G6880" s="6" t="s">
        <v>13869</v>
      </c>
      <c r="H6880" s="6" t="s">
        <v>13870</v>
      </c>
      <c r="I6880" s="7">
        <v>0.87063369999999995</v>
      </c>
      <c r="J6880" s="8">
        <v>-77.641287300000002</v>
      </c>
    </row>
    <row r="6881" spans="1:10" x14ac:dyDescent="0.35">
      <c r="A6881" s="5" t="s">
        <v>10</v>
      </c>
      <c r="B6881" s="6">
        <v>230043</v>
      </c>
      <c r="C6881" s="6" t="s">
        <v>117</v>
      </c>
      <c r="D6881" s="6" t="s">
        <v>1334</v>
      </c>
      <c r="E6881" s="6">
        <v>76001</v>
      </c>
      <c r="F6881" s="6" t="s">
        <v>18</v>
      </c>
      <c r="G6881" s="6" t="s">
        <v>13871</v>
      </c>
      <c r="H6881" s="6" t="s">
        <v>13872</v>
      </c>
      <c r="I6881" s="7">
        <v>3.4477739000000001</v>
      </c>
      <c r="J6881" s="8">
        <v>-76.498978500000007</v>
      </c>
    </row>
    <row r="6882" spans="1:10" x14ac:dyDescent="0.35">
      <c r="A6882" s="5" t="s">
        <v>10</v>
      </c>
      <c r="B6882" s="6">
        <v>235270</v>
      </c>
      <c r="C6882" s="6" t="s">
        <v>190</v>
      </c>
      <c r="D6882" s="6" t="s">
        <v>12131</v>
      </c>
      <c r="E6882" s="6">
        <v>5837</v>
      </c>
      <c r="F6882" s="6" t="s">
        <v>18</v>
      </c>
      <c r="G6882" s="6" t="s">
        <v>13873</v>
      </c>
      <c r="H6882" s="6" t="s">
        <v>13874</v>
      </c>
      <c r="I6882" s="7">
        <v>7.0286537999999998</v>
      </c>
      <c r="J6882" s="8">
        <v>-74.692000500000006</v>
      </c>
    </row>
    <row r="6883" spans="1:10" x14ac:dyDescent="0.35">
      <c r="A6883" s="5" t="s">
        <v>10</v>
      </c>
      <c r="B6883" s="6">
        <v>201570</v>
      </c>
      <c r="C6883" s="6" t="s">
        <v>68</v>
      </c>
      <c r="D6883" s="6" t="s">
        <v>69</v>
      </c>
      <c r="E6883" s="6">
        <v>11001</v>
      </c>
      <c r="F6883" s="6" t="s">
        <v>18</v>
      </c>
      <c r="G6883" s="6" t="s">
        <v>13875</v>
      </c>
      <c r="H6883" s="6" t="s">
        <v>13876</v>
      </c>
      <c r="I6883" s="7">
        <v>4.6911877999999998</v>
      </c>
      <c r="J6883" s="8">
        <v>-74.085327399999997</v>
      </c>
    </row>
    <row r="6884" spans="1:10" x14ac:dyDescent="0.35">
      <c r="A6884" s="5" t="s">
        <v>10</v>
      </c>
      <c r="B6884" s="6">
        <v>203817</v>
      </c>
      <c r="C6884" s="6" t="s">
        <v>68</v>
      </c>
      <c r="D6884" s="6" t="s">
        <v>69</v>
      </c>
      <c r="E6884" s="6">
        <v>11001</v>
      </c>
      <c r="F6884" s="6" t="s">
        <v>18</v>
      </c>
      <c r="G6884" s="6" t="s">
        <v>13877</v>
      </c>
      <c r="H6884" s="6" t="s">
        <v>13878</v>
      </c>
      <c r="I6884" s="7">
        <v>4.5953989999999996</v>
      </c>
      <c r="J6884" s="8">
        <v>-74.114424599999893</v>
      </c>
    </row>
    <row r="6885" spans="1:10" x14ac:dyDescent="0.35">
      <c r="A6885" s="5" t="s">
        <v>10</v>
      </c>
      <c r="B6885" s="6">
        <v>225288</v>
      </c>
      <c r="C6885" s="6" t="s">
        <v>68</v>
      </c>
      <c r="D6885" s="6" t="s">
        <v>69</v>
      </c>
      <c r="E6885" s="6">
        <v>11001</v>
      </c>
      <c r="F6885" s="6" t="s">
        <v>18</v>
      </c>
      <c r="G6885" s="6" t="s">
        <v>13879</v>
      </c>
      <c r="H6885" s="6" t="s">
        <v>13880</v>
      </c>
      <c r="I6885" s="7">
        <v>4.5862387999999896</v>
      </c>
      <c r="J6885" s="8">
        <v>-74.079315699999995</v>
      </c>
    </row>
    <row r="6886" spans="1:10" x14ac:dyDescent="0.35">
      <c r="A6886" s="5" t="s">
        <v>10</v>
      </c>
      <c r="B6886" s="6">
        <v>237066</v>
      </c>
      <c r="C6886" s="6" t="s">
        <v>68</v>
      </c>
      <c r="D6886" s="6" t="s">
        <v>69</v>
      </c>
      <c r="E6886" s="6">
        <v>11001</v>
      </c>
      <c r="F6886" s="6" t="s">
        <v>18</v>
      </c>
      <c r="G6886" s="6" t="s">
        <v>13881</v>
      </c>
      <c r="H6886" s="6" t="s">
        <v>13882</v>
      </c>
      <c r="I6886" s="7">
        <v>4.7491630000000002</v>
      </c>
      <c r="J6886" s="8">
        <v>-74.110842199999993</v>
      </c>
    </row>
    <row r="6887" spans="1:10" x14ac:dyDescent="0.35">
      <c r="A6887" s="5" t="s">
        <v>10</v>
      </c>
      <c r="B6887" s="6">
        <v>242406</v>
      </c>
      <c r="C6887" s="6" t="s">
        <v>68</v>
      </c>
      <c r="D6887" s="6" t="s">
        <v>69</v>
      </c>
      <c r="E6887" s="6">
        <v>11001</v>
      </c>
      <c r="F6887" s="6" t="s">
        <v>18</v>
      </c>
      <c r="G6887" s="6" t="s">
        <v>13883</v>
      </c>
      <c r="H6887" s="6" t="s">
        <v>13884</v>
      </c>
      <c r="I6887" s="7">
        <v>4.6491271999999997</v>
      </c>
      <c r="J6887" s="8">
        <v>-74.151668400000005</v>
      </c>
    </row>
    <row r="6888" spans="1:10" x14ac:dyDescent="0.35">
      <c r="A6888" s="5" t="s">
        <v>10</v>
      </c>
      <c r="B6888" s="6">
        <v>183208</v>
      </c>
      <c r="C6888" s="6" t="s">
        <v>68</v>
      </c>
      <c r="D6888" s="6" t="s">
        <v>69</v>
      </c>
      <c r="E6888" s="6">
        <v>11001</v>
      </c>
      <c r="F6888" s="6" t="s">
        <v>18</v>
      </c>
      <c r="G6888" s="6" t="s">
        <v>13885</v>
      </c>
      <c r="H6888" s="6" t="s">
        <v>13886</v>
      </c>
      <c r="I6888" s="7">
        <v>4.7144732999999999</v>
      </c>
      <c r="J6888" s="8">
        <v>-74.057699700000001</v>
      </c>
    </row>
    <row r="6889" spans="1:10" x14ac:dyDescent="0.35">
      <c r="A6889" s="5" t="s">
        <v>10</v>
      </c>
      <c r="B6889" s="6">
        <v>219535</v>
      </c>
      <c r="C6889" s="6" t="s">
        <v>68</v>
      </c>
      <c r="D6889" s="6" t="s">
        <v>69</v>
      </c>
      <c r="E6889" s="6">
        <v>11001</v>
      </c>
      <c r="F6889" s="6" t="s">
        <v>18</v>
      </c>
      <c r="G6889" s="6" t="s">
        <v>13887</v>
      </c>
      <c r="H6889" s="6" t="s">
        <v>13888</v>
      </c>
      <c r="I6889" s="7">
        <v>4.6383906000000001</v>
      </c>
      <c r="J6889" s="8">
        <v>-74.161635699999906</v>
      </c>
    </row>
    <row r="6890" spans="1:10" x14ac:dyDescent="0.35">
      <c r="A6890" s="5" t="s">
        <v>10</v>
      </c>
      <c r="B6890" s="6">
        <v>166692</v>
      </c>
      <c r="C6890" s="6" t="s">
        <v>68</v>
      </c>
      <c r="D6890" s="6" t="s">
        <v>69</v>
      </c>
      <c r="E6890" s="6">
        <v>11001</v>
      </c>
      <c r="F6890" s="6" t="s">
        <v>18</v>
      </c>
      <c r="G6890" s="6" t="s">
        <v>13889</v>
      </c>
      <c r="H6890" s="6" t="s">
        <v>13890</v>
      </c>
      <c r="I6890" s="7">
        <v>4.5882394</v>
      </c>
      <c r="J6890" s="8">
        <v>-74.154138099999997</v>
      </c>
    </row>
    <row r="6891" spans="1:10" x14ac:dyDescent="0.35">
      <c r="A6891" s="5" t="s">
        <v>10</v>
      </c>
      <c r="B6891" s="6">
        <v>206196</v>
      </c>
      <c r="C6891" s="6" t="s">
        <v>68</v>
      </c>
      <c r="D6891" s="6" t="s">
        <v>69</v>
      </c>
      <c r="E6891" s="6">
        <v>11001</v>
      </c>
      <c r="F6891" s="6" t="s">
        <v>18</v>
      </c>
      <c r="G6891" s="6" t="s">
        <v>13891</v>
      </c>
      <c r="H6891" s="6" t="s">
        <v>13892</v>
      </c>
      <c r="I6891" s="7">
        <v>4.7479307000000004</v>
      </c>
      <c r="J6891" s="8">
        <v>-74.118696900000003</v>
      </c>
    </row>
    <row r="6892" spans="1:10" x14ac:dyDescent="0.35">
      <c r="A6892" s="5" t="s">
        <v>10</v>
      </c>
      <c r="B6892" s="6">
        <v>209325</v>
      </c>
      <c r="C6892" s="6" t="s">
        <v>68</v>
      </c>
      <c r="D6892" s="6" t="s">
        <v>69</v>
      </c>
      <c r="E6892" s="6">
        <v>11001</v>
      </c>
      <c r="F6892" s="6" t="s">
        <v>18</v>
      </c>
      <c r="G6892" s="6" t="s">
        <v>13893</v>
      </c>
      <c r="H6892" s="6" t="s">
        <v>13894</v>
      </c>
      <c r="I6892" s="7">
        <v>4.4672657999999998</v>
      </c>
      <c r="J6892" s="8">
        <v>-74.126252800000003</v>
      </c>
    </row>
    <row r="6893" spans="1:10" x14ac:dyDescent="0.35">
      <c r="A6893" s="5" t="s">
        <v>10</v>
      </c>
      <c r="B6893" s="6">
        <v>226580</v>
      </c>
      <c r="C6893" s="6" t="s">
        <v>68</v>
      </c>
      <c r="D6893" s="6" t="s">
        <v>69</v>
      </c>
      <c r="E6893" s="6">
        <v>11001</v>
      </c>
      <c r="F6893" s="6" t="s">
        <v>18</v>
      </c>
      <c r="G6893" s="6" t="s">
        <v>13895</v>
      </c>
      <c r="H6893" s="6" t="s">
        <v>13896</v>
      </c>
      <c r="I6893" s="7">
        <v>4.5249436999999997</v>
      </c>
      <c r="J6893" s="8">
        <v>-74.112202199999999</v>
      </c>
    </row>
    <row r="6894" spans="1:10" x14ac:dyDescent="0.35">
      <c r="A6894" s="5" t="s">
        <v>10</v>
      </c>
      <c r="B6894" s="6">
        <v>242435</v>
      </c>
      <c r="C6894" s="6" t="s">
        <v>68</v>
      </c>
      <c r="D6894" s="6" t="s">
        <v>69</v>
      </c>
      <c r="E6894" s="6">
        <v>11001</v>
      </c>
      <c r="F6894" s="6" t="s">
        <v>18</v>
      </c>
      <c r="G6894" s="6" t="s">
        <v>13897</v>
      </c>
      <c r="H6894" s="6" t="s">
        <v>13898</v>
      </c>
      <c r="I6894" s="7">
        <v>4.5834751000000002</v>
      </c>
      <c r="J6894" s="8">
        <v>-74.0763271</v>
      </c>
    </row>
    <row r="6895" spans="1:10" x14ac:dyDescent="0.35">
      <c r="A6895" s="5" t="s">
        <v>10</v>
      </c>
      <c r="B6895" s="6">
        <v>232835</v>
      </c>
      <c r="C6895" s="6" t="s">
        <v>68</v>
      </c>
      <c r="D6895" s="6" t="s">
        <v>69</v>
      </c>
      <c r="E6895" s="6">
        <v>11001</v>
      </c>
      <c r="F6895" s="6" t="s">
        <v>18</v>
      </c>
      <c r="G6895" s="6" t="s">
        <v>13899</v>
      </c>
      <c r="H6895" s="6" t="s">
        <v>13900</v>
      </c>
      <c r="I6895" s="7">
        <v>4.5016144000000002</v>
      </c>
      <c r="J6895" s="8">
        <v>-74.118228999999999</v>
      </c>
    </row>
    <row r="6896" spans="1:10" x14ac:dyDescent="0.35">
      <c r="A6896" s="5" t="s">
        <v>10</v>
      </c>
      <c r="B6896" s="6">
        <v>191503</v>
      </c>
      <c r="C6896" s="6" t="s">
        <v>190</v>
      </c>
      <c r="D6896" s="6" t="s">
        <v>118</v>
      </c>
      <c r="E6896" s="6">
        <v>5400</v>
      </c>
      <c r="F6896" s="6" t="s">
        <v>18</v>
      </c>
      <c r="G6896" s="6" t="s">
        <v>13901</v>
      </c>
      <c r="H6896" s="6" t="s">
        <v>13902</v>
      </c>
      <c r="I6896" s="7">
        <v>5.9738389999999999</v>
      </c>
      <c r="J6896" s="8">
        <v>-75.3609759</v>
      </c>
    </row>
    <row r="6897" spans="1:10" x14ac:dyDescent="0.35">
      <c r="A6897" s="5" t="s">
        <v>10</v>
      </c>
      <c r="B6897" s="6">
        <v>228296</v>
      </c>
      <c r="C6897" s="6" t="s">
        <v>308</v>
      </c>
      <c r="D6897" s="6" t="s">
        <v>309</v>
      </c>
      <c r="E6897" s="6">
        <v>23001</v>
      </c>
      <c r="F6897" s="6" t="s">
        <v>13</v>
      </c>
      <c r="G6897" s="6" t="s">
        <v>13903</v>
      </c>
      <c r="H6897" s="6" t="s">
        <v>13904</v>
      </c>
      <c r="I6897" s="7">
        <v>8.7342206000000004</v>
      </c>
      <c r="J6897" s="8">
        <v>-75.897407200000004</v>
      </c>
    </row>
    <row r="6898" spans="1:10" x14ac:dyDescent="0.35">
      <c r="A6898" s="5" t="s">
        <v>10</v>
      </c>
      <c r="B6898" s="6">
        <v>241142</v>
      </c>
      <c r="C6898" s="6" t="s">
        <v>117</v>
      </c>
      <c r="D6898" s="6" t="s">
        <v>1334</v>
      </c>
      <c r="E6898" s="6">
        <v>76001</v>
      </c>
      <c r="F6898" s="6" t="s">
        <v>18</v>
      </c>
      <c r="G6898" s="6" t="s">
        <v>13905</v>
      </c>
      <c r="H6898" s="6" t="s">
        <v>13906</v>
      </c>
      <c r="I6898" s="7">
        <v>3.4191310000000001</v>
      </c>
      <c r="J6898" s="8">
        <v>-76.513437499999995</v>
      </c>
    </row>
    <row r="6899" spans="1:10" x14ac:dyDescent="0.35">
      <c r="A6899" s="5" t="s">
        <v>10</v>
      </c>
      <c r="B6899" s="6">
        <v>220293</v>
      </c>
      <c r="C6899" s="6" t="s">
        <v>457</v>
      </c>
      <c r="D6899" s="6" t="s">
        <v>11471</v>
      </c>
      <c r="E6899" s="6">
        <v>52227</v>
      </c>
      <c r="F6899" s="6" t="s">
        <v>18</v>
      </c>
      <c r="G6899" s="6" t="s">
        <v>13907</v>
      </c>
      <c r="H6899" s="6" t="s">
        <v>13908</v>
      </c>
      <c r="I6899" s="7">
        <v>1.2008321</v>
      </c>
      <c r="J6899" s="8">
        <v>-77.270416499999996</v>
      </c>
    </row>
    <row r="6900" spans="1:10" x14ac:dyDescent="0.35">
      <c r="A6900" s="5" t="s">
        <v>10</v>
      </c>
      <c r="B6900" s="6">
        <v>241123</v>
      </c>
      <c r="C6900" s="6" t="s">
        <v>117</v>
      </c>
      <c r="D6900" s="6" t="s">
        <v>1334</v>
      </c>
      <c r="E6900" s="6">
        <v>76001</v>
      </c>
      <c r="F6900" s="6" t="s">
        <v>18</v>
      </c>
      <c r="G6900" s="6" t="s">
        <v>13909</v>
      </c>
      <c r="H6900" s="6" t="s">
        <v>13910</v>
      </c>
      <c r="I6900" s="7">
        <v>3.4259555000000002</v>
      </c>
      <c r="J6900" s="8">
        <v>-76.487317399999995</v>
      </c>
    </row>
    <row r="6901" spans="1:10" x14ac:dyDescent="0.35">
      <c r="A6901" s="5" t="s">
        <v>10</v>
      </c>
      <c r="B6901" s="6">
        <v>170940</v>
      </c>
      <c r="C6901" s="6" t="s">
        <v>190</v>
      </c>
      <c r="D6901" s="6" t="s">
        <v>191</v>
      </c>
      <c r="E6901" s="6">
        <v>5001</v>
      </c>
      <c r="F6901" s="6" t="s">
        <v>18</v>
      </c>
      <c r="G6901" s="6" t="s">
        <v>13911</v>
      </c>
      <c r="H6901" s="6" t="s">
        <v>13912</v>
      </c>
      <c r="I6901" s="7">
        <v>6.2451217999999997</v>
      </c>
      <c r="J6901" s="8">
        <v>-75.563064999999995</v>
      </c>
    </row>
    <row r="6902" spans="1:10" x14ac:dyDescent="0.35">
      <c r="A6902" s="5" t="s">
        <v>10</v>
      </c>
      <c r="B6902" s="6">
        <v>240741</v>
      </c>
      <c r="C6902" s="6" t="s">
        <v>190</v>
      </c>
      <c r="D6902" s="6" t="s">
        <v>13913</v>
      </c>
      <c r="E6902" s="6">
        <v>5490</v>
      </c>
      <c r="F6902" s="6" t="s">
        <v>18</v>
      </c>
      <c r="G6902" s="6" t="s">
        <v>13914</v>
      </c>
      <c r="H6902" s="6" t="s">
        <v>13915</v>
      </c>
      <c r="I6902" s="7">
        <v>8.4250576000000006</v>
      </c>
      <c r="J6902" s="8">
        <v>-76.783101799999997</v>
      </c>
    </row>
    <row r="6903" spans="1:10" x14ac:dyDescent="0.35">
      <c r="A6903" s="5" t="s">
        <v>10</v>
      </c>
      <c r="B6903" s="6">
        <v>240721</v>
      </c>
      <c r="C6903" s="6" t="s">
        <v>190</v>
      </c>
      <c r="D6903" s="6" t="s">
        <v>191</v>
      </c>
      <c r="E6903" s="6">
        <v>5001</v>
      </c>
      <c r="F6903" s="6" t="s">
        <v>18</v>
      </c>
      <c r="G6903" s="6" t="s">
        <v>13916</v>
      </c>
      <c r="H6903" s="6" t="s">
        <v>13917</v>
      </c>
      <c r="I6903" s="7">
        <v>6.2711512000000003</v>
      </c>
      <c r="J6903" s="8">
        <v>-75.551107999999999</v>
      </c>
    </row>
    <row r="6904" spans="1:10" x14ac:dyDescent="0.35">
      <c r="A6904" s="5" t="s">
        <v>10</v>
      </c>
      <c r="B6904" s="6">
        <v>209744</v>
      </c>
      <c r="C6904" s="6" t="s">
        <v>68</v>
      </c>
      <c r="D6904" s="6" t="s">
        <v>69</v>
      </c>
      <c r="E6904" s="6">
        <v>11001</v>
      </c>
      <c r="F6904" s="6" t="s">
        <v>18</v>
      </c>
      <c r="G6904" s="6" t="s">
        <v>13918</v>
      </c>
      <c r="H6904" s="6" t="s">
        <v>13919</v>
      </c>
      <c r="I6904" s="7">
        <v>4.6099223999999897</v>
      </c>
      <c r="J6904" s="8">
        <v>-74.145588000000004</v>
      </c>
    </row>
    <row r="6905" spans="1:10" x14ac:dyDescent="0.35">
      <c r="A6905" s="5" t="s">
        <v>10</v>
      </c>
      <c r="B6905" s="6">
        <v>232740</v>
      </c>
      <c r="C6905" s="6" t="s">
        <v>68</v>
      </c>
      <c r="D6905" s="6" t="s">
        <v>69</v>
      </c>
      <c r="E6905" s="6">
        <v>11001</v>
      </c>
      <c r="F6905" s="6" t="s">
        <v>18</v>
      </c>
      <c r="G6905" s="6" t="s">
        <v>13920</v>
      </c>
      <c r="H6905" s="6" t="s">
        <v>13921</v>
      </c>
      <c r="I6905" s="7">
        <v>4.7077</v>
      </c>
      <c r="J6905" s="8">
        <v>-74.131659999999997</v>
      </c>
    </row>
    <row r="6906" spans="1:10" x14ac:dyDescent="0.35">
      <c r="A6906" s="5" t="s">
        <v>10</v>
      </c>
      <c r="B6906" s="6">
        <v>239579</v>
      </c>
      <c r="C6906" s="6" t="s">
        <v>68</v>
      </c>
      <c r="D6906" s="6" t="s">
        <v>69</v>
      </c>
      <c r="E6906" s="6">
        <v>11001</v>
      </c>
      <c r="F6906" s="6" t="s">
        <v>18</v>
      </c>
      <c r="G6906" s="6" t="s">
        <v>13922</v>
      </c>
      <c r="H6906" s="6" t="s">
        <v>13923</v>
      </c>
      <c r="I6906" s="7">
        <v>4.6162391999999999</v>
      </c>
      <c r="J6906" s="8">
        <v>-74.122275200000004</v>
      </c>
    </row>
    <row r="6907" spans="1:10" x14ac:dyDescent="0.35">
      <c r="A6907" s="5" t="s">
        <v>10</v>
      </c>
      <c r="B6907" s="6">
        <v>245703</v>
      </c>
      <c r="C6907" s="6" t="s">
        <v>68</v>
      </c>
      <c r="D6907" s="6" t="s">
        <v>69</v>
      </c>
      <c r="E6907" s="6">
        <v>11001</v>
      </c>
      <c r="F6907" s="6" t="s">
        <v>18</v>
      </c>
      <c r="G6907" s="6" t="s">
        <v>13924</v>
      </c>
      <c r="H6907" s="6" t="s">
        <v>13925</v>
      </c>
      <c r="I6907" s="7">
        <v>4.7572080000000003</v>
      </c>
      <c r="J6907" s="8">
        <v>-74.04795</v>
      </c>
    </row>
    <row r="6908" spans="1:10" x14ac:dyDescent="0.35">
      <c r="A6908" s="5" t="s">
        <v>10</v>
      </c>
      <c r="B6908" s="6">
        <v>235937</v>
      </c>
      <c r="C6908" s="6" t="s">
        <v>68</v>
      </c>
      <c r="D6908" s="6" t="s">
        <v>69</v>
      </c>
      <c r="E6908" s="6">
        <v>11001</v>
      </c>
      <c r="F6908" s="6" t="s">
        <v>18</v>
      </c>
      <c r="G6908" s="6" t="s">
        <v>13926</v>
      </c>
      <c r="H6908" s="6" t="s">
        <v>13927</v>
      </c>
      <c r="I6908" s="7">
        <v>4.6290563999999996</v>
      </c>
      <c r="J6908" s="8">
        <v>-74.167113200000003</v>
      </c>
    </row>
    <row r="6909" spans="1:10" x14ac:dyDescent="0.35">
      <c r="A6909" s="5" t="s">
        <v>10</v>
      </c>
      <c r="B6909" s="6">
        <v>244781</v>
      </c>
      <c r="C6909" s="6" t="s">
        <v>68</v>
      </c>
      <c r="D6909" s="6" t="s">
        <v>69</v>
      </c>
      <c r="E6909" s="6">
        <v>11001</v>
      </c>
      <c r="F6909" s="6" t="s">
        <v>18</v>
      </c>
      <c r="G6909" s="6" t="s">
        <v>113</v>
      </c>
      <c r="H6909" s="6" t="s">
        <v>13928</v>
      </c>
      <c r="I6909" s="7">
        <v>4.5737816999999996</v>
      </c>
      <c r="J6909" s="8">
        <v>-74.153878800000001</v>
      </c>
    </row>
    <row r="6910" spans="1:10" x14ac:dyDescent="0.35">
      <c r="A6910" s="5" t="s">
        <v>10</v>
      </c>
      <c r="B6910" s="6">
        <v>207032</v>
      </c>
      <c r="C6910" s="6" t="s">
        <v>68</v>
      </c>
      <c r="D6910" s="6" t="s">
        <v>69</v>
      </c>
      <c r="E6910" s="6">
        <v>11001</v>
      </c>
      <c r="F6910" s="6" t="s">
        <v>18</v>
      </c>
      <c r="G6910" s="6" t="s">
        <v>13929</v>
      </c>
      <c r="H6910" s="6" t="s">
        <v>13930</v>
      </c>
      <c r="I6910" s="7">
        <v>4.5826830999999997</v>
      </c>
      <c r="J6910" s="8">
        <v>-74.078427500000004</v>
      </c>
    </row>
    <row r="6911" spans="1:10" x14ac:dyDescent="0.35">
      <c r="A6911" s="5" t="s">
        <v>10</v>
      </c>
      <c r="B6911" s="6">
        <v>210075</v>
      </c>
      <c r="C6911" s="6" t="s">
        <v>68</v>
      </c>
      <c r="D6911" s="6" t="s">
        <v>69</v>
      </c>
      <c r="E6911" s="6">
        <v>11001</v>
      </c>
      <c r="F6911" s="6" t="s">
        <v>18</v>
      </c>
      <c r="G6911" s="6" t="s">
        <v>13931</v>
      </c>
      <c r="H6911" s="6" t="s">
        <v>13932</v>
      </c>
      <c r="I6911" s="7">
        <v>4.6549550999999996</v>
      </c>
      <c r="J6911" s="8">
        <v>-74.075747999999905</v>
      </c>
    </row>
    <row r="6912" spans="1:10" x14ac:dyDescent="0.35">
      <c r="A6912" s="5" t="s">
        <v>10</v>
      </c>
      <c r="B6912" s="6">
        <v>229606</v>
      </c>
      <c r="C6912" s="6" t="s">
        <v>68</v>
      </c>
      <c r="D6912" s="6" t="s">
        <v>69</v>
      </c>
      <c r="E6912" s="6">
        <v>11001</v>
      </c>
      <c r="F6912" s="6" t="s">
        <v>18</v>
      </c>
      <c r="G6912" s="6" t="s">
        <v>13933</v>
      </c>
      <c r="H6912" s="6" t="s">
        <v>13934</v>
      </c>
      <c r="I6912" s="7">
        <v>4.7109886000000003</v>
      </c>
      <c r="J6912" s="8">
        <v>-74.072091999999998</v>
      </c>
    </row>
    <row r="6913" spans="1:10" x14ac:dyDescent="0.35">
      <c r="A6913" s="5" t="s">
        <v>10</v>
      </c>
      <c r="B6913" s="6">
        <v>136757</v>
      </c>
      <c r="C6913" s="6" t="s">
        <v>2130</v>
      </c>
      <c r="D6913" s="6" t="s">
        <v>2131</v>
      </c>
      <c r="E6913" s="6">
        <v>85001</v>
      </c>
      <c r="F6913" s="6" t="s">
        <v>18</v>
      </c>
      <c r="G6913" s="6" t="s">
        <v>13935</v>
      </c>
      <c r="H6913" s="6" t="s">
        <v>13936</v>
      </c>
      <c r="I6913" s="7">
        <v>5.3021032000000003</v>
      </c>
      <c r="J6913" s="8">
        <v>-72.411610199999998</v>
      </c>
    </row>
    <row r="6914" spans="1:10" x14ac:dyDescent="0.35">
      <c r="A6914" s="5" t="s">
        <v>10</v>
      </c>
      <c r="B6914" s="6">
        <v>238445</v>
      </c>
      <c r="C6914" s="6" t="s">
        <v>2130</v>
      </c>
      <c r="D6914" s="6" t="s">
        <v>4238</v>
      </c>
      <c r="E6914" s="6">
        <v>85410</v>
      </c>
      <c r="F6914" s="6" t="s">
        <v>18</v>
      </c>
      <c r="G6914" s="6" t="s">
        <v>13937</v>
      </c>
      <c r="H6914" s="6" t="s">
        <v>13938</v>
      </c>
      <c r="I6914" s="7">
        <v>5.0106849000000002</v>
      </c>
      <c r="J6914" s="8">
        <v>-72.750495000000001</v>
      </c>
    </row>
    <row r="6915" spans="1:10" x14ac:dyDescent="0.35">
      <c r="A6915" s="5" t="s">
        <v>10</v>
      </c>
      <c r="B6915" s="6">
        <v>182708</v>
      </c>
      <c r="C6915" s="6" t="s">
        <v>2130</v>
      </c>
      <c r="D6915" s="6" t="s">
        <v>2131</v>
      </c>
      <c r="E6915" s="6">
        <v>85001</v>
      </c>
      <c r="F6915" s="6" t="s">
        <v>18</v>
      </c>
      <c r="G6915" s="6" t="s">
        <v>13939</v>
      </c>
      <c r="H6915" s="6" t="s">
        <v>13940</v>
      </c>
      <c r="I6915" s="7">
        <v>5.2269439000000002</v>
      </c>
      <c r="J6915" s="8">
        <v>-72.388655</v>
      </c>
    </row>
    <row r="6916" spans="1:10" x14ac:dyDescent="0.35">
      <c r="A6916" s="5" t="s">
        <v>10</v>
      </c>
      <c r="B6916" s="6">
        <v>190043</v>
      </c>
      <c r="C6916" s="6" t="s">
        <v>68</v>
      </c>
      <c r="D6916" s="6" t="s">
        <v>69</v>
      </c>
      <c r="E6916" s="6">
        <v>11001</v>
      </c>
      <c r="F6916" s="6" t="s">
        <v>13</v>
      </c>
      <c r="G6916" s="6" t="s">
        <v>12374</v>
      </c>
      <c r="H6916" s="6" t="s">
        <v>13941</v>
      </c>
      <c r="I6916" s="7">
        <v>4.7460089999999999</v>
      </c>
      <c r="J6916" s="8">
        <v>-74.037516299999993</v>
      </c>
    </row>
    <row r="6917" spans="1:10" x14ac:dyDescent="0.35">
      <c r="A6917" s="5" t="s">
        <v>10</v>
      </c>
      <c r="B6917" s="6">
        <v>191135</v>
      </c>
      <c r="C6917" s="6" t="s">
        <v>28</v>
      </c>
      <c r="D6917" s="6" t="s">
        <v>29</v>
      </c>
      <c r="E6917" s="6">
        <v>54001</v>
      </c>
      <c r="F6917" s="6" t="s">
        <v>13</v>
      </c>
      <c r="G6917" s="6" t="s">
        <v>13942</v>
      </c>
      <c r="H6917" s="6" t="s">
        <v>13943</v>
      </c>
      <c r="I6917" s="7">
        <v>7.9045173999999996</v>
      </c>
      <c r="J6917" s="8">
        <v>-72.538764200000003</v>
      </c>
    </row>
    <row r="6918" spans="1:10" x14ac:dyDescent="0.35">
      <c r="A6918" s="5" t="s">
        <v>10</v>
      </c>
      <c r="B6918" s="6">
        <v>201009</v>
      </c>
      <c r="C6918" s="6" t="s">
        <v>302</v>
      </c>
      <c r="D6918" s="6" t="s">
        <v>359</v>
      </c>
      <c r="E6918" s="6">
        <v>8001</v>
      </c>
      <c r="F6918" s="6" t="s">
        <v>13</v>
      </c>
      <c r="G6918" s="6" t="s">
        <v>13944</v>
      </c>
      <c r="H6918" s="6" t="s">
        <v>13945</v>
      </c>
      <c r="I6918" s="7">
        <v>10.9544063</v>
      </c>
      <c r="J6918" s="8">
        <v>-74.8194278</v>
      </c>
    </row>
    <row r="6919" spans="1:10" x14ac:dyDescent="0.35">
      <c r="A6919" s="5" t="s">
        <v>10</v>
      </c>
      <c r="B6919" s="6">
        <v>230269</v>
      </c>
      <c r="C6919" s="6" t="s">
        <v>11</v>
      </c>
      <c r="D6919" s="6" t="s">
        <v>513</v>
      </c>
      <c r="E6919" s="6">
        <v>25286</v>
      </c>
      <c r="F6919" s="6" t="s">
        <v>18</v>
      </c>
      <c r="G6919" s="6" t="s">
        <v>13946</v>
      </c>
      <c r="H6919" s="6" t="s">
        <v>13947</v>
      </c>
      <c r="I6919" s="7">
        <v>4.7176676999999998</v>
      </c>
      <c r="J6919" s="8">
        <v>-74.211874100000003</v>
      </c>
    </row>
    <row r="6920" spans="1:10" x14ac:dyDescent="0.35">
      <c r="A6920" s="5" t="s">
        <v>10</v>
      </c>
      <c r="B6920" s="6">
        <v>241133</v>
      </c>
      <c r="C6920" s="6" t="s">
        <v>117</v>
      </c>
      <c r="D6920" s="6" t="s">
        <v>3492</v>
      </c>
      <c r="E6920" s="6">
        <v>76520</v>
      </c>
      <c r="F6920" s="6" t="s">
        <v>18</v>
      </c>
      <c r="G6920" s="6" t="s">
        <v>13948</v>
      </c>
      <c r="H6920" s="6" t="s">
        <v>13949</v>
      </c>
      <c r="I6920" s="7">
        <v>3.4581955</v>
      </c>
      <c r="J6920" s="8">
        <v>-76.465347199999997</v>
      </c>
    </row>
    <row r="6921" spans="1:10" x14ac:dyDescent="0.35">
      <c r="A6921" s="5" t="s">
        <v>10</v>
      </c>
      <c r="B6921" s="6">
        <v>210800</v>
      </c>
      <c r="C6921" s="6" t="s">
        <v>190</v>
      </c>
      <c r="D6921" s="6" t="s">
        <v>191</v>
      </c>
      <c r="E6921" s="6">
        <v>5001</v>
      </c>
      <c r="F6921" s="6" t="s">
        <v>18</v>
      </c>
      <c r="G6921" s="6" t="s">
        <v>13950</v>
      </c>
      <c r="H6921" s="6" t="s">
        <v>13951</v>
      </c>
      <c r="I6921" s="7">
        <v>6.2948370999999996</v>
      </c>
      <c r="J6921" s="8">
        <v>-75.541797200000005</v>
      </c>
    </row>
    <row r="6922" spans="1:10" x14ac:dyDescent="0.35">
      <c r="A6922" s="5" t="s">
        <v>10</v>
      </c>
      <c r="B6922" s="6">
        <v>240733</v>
      </c>
      <c r="C6922" s="6" t="s">
        <v>190</v>
      </c>
      <c r="D6922" s="6" t="s">
        <v>191</v>
      </c>
      <c r="E6922" s="6">
        <v>5001</v>
      </c>
      <c r="F6922" s="6" t="s">
        <v>18</v>
      </c>
      <c r="G6922" s="6" t="s">
        <v>13952</v>
      </c>
      <c r="H6922" s="6" t="s">
        <v>13953</v>
      </c>
      <c r="I6922" s="7">
        <v>6.1995380000000004</v>
      </c>
      <c r="J6922" s="8">
        <v>-75.574528400000005</v>
      </c>
    </row>
    <row r="6923" spans="1:10" x14ac:dyDescent="0.35">
      <c r="A6923" s="5" t="s">
        <v>10</v>
      </c>
      <c r="B6923" s="6">
        <v>245851</v>
      </c>
      <c r="C6923" s="6" t="s">
        <v>190</v>
      </c>
      <c r="D6923" s="6" t="s">
        <v>12553</v>
      </c>
      <c r="E6923" s="6">
        <v>5197</v>
      </c>
      <c r="F6923" s="6" t="s">
        <v>18</v>
      </c>
      <c r="G6923" s="6" t="s">
        <v>13954</v>
      </c>
      <c r="H6923" s="6" t="s">
        <v>13955</v>
      </c>
      <c r="I6923" s="7">
        <v>6.0574602000000004</v>
      </c>
      <c r="J6923" s="8">
        <v>-75.184410400000004</v>
      </c>
    </row>
    <row r="6924" spans="1:10" x14ac:dyDescent="0.35">
      <c r="A6924" s="5" t="s">
        <v>10</v>
      </c>
      <c r="B6924" s="6">
        <v>240766</v>
      </c>
      <c r="C6924" s="6" t="s">
        <v>190</v>
      </c>
      <c r="D6924" s="6" t="s">
        <v>11926</v>
      </c>
      <c r="E6924" s="6">
        <v>5129</v>
      </c>
      <c r="F6924" s="6" t="s">
        <v>18</v>
      </c>
      <c r="G6924" s="6" t="s">
        <v>13956</v>
      </c>
      <c r="H6924" s="6" t="s">
        <v>13957</v>
      </c>
      <c r="I6924" s="7">
        <v>6.0981747999999998</v>
      </c>
      <c r="J6924" s="8">
        <v>-75.636117799999994</v>
      </c>
    </row>
    <row r="6925" spans="1:10" x14ac:dyDescent="0.35">
      <c r="A6925" s="5" t="s">
        <v>10</v>
      </c>
      <c r="B6925" s="6">
        <v>209304</v>
      </c>
      <c r="C6925" s="6" t="s">
        <v>68</v>
      </c>
      <c r="D6925" s="6" t="s">
        <v>69</v>
      </c>
      <c r="E6925" s="6">
        <v>11001</v>
      </c>
      <c r="F6925" s="6" t="s">
        <v>18</v>
      </c>
      <c r="G6925" s="6" t="s">
        <v>13958</v>
      </c>
      <c r="H6925" s="6" t="s">
        <v>13959</v>
      </c>
      <c r="I6925" s="7">
        <v>4.6095915999999999</v>
      </c>
      <c r="J6925" s="8">
        <v>-74.194051599999995</v>
      </c>
    </row>
    <row r="6926" spans="1:10" x14ac:dyDescent="0.35">
      <c r="A6926" s="5" t="s">
        <v>10</v>
      </c>
      <c r="B6926" s="6">
        <v>213069</v>
      </c>
      <c r="C6926" s="6" t="s">
        <v>68</v>
      </c>
      <c r="D6926" s="6" t="s">
        <v>69</v>
      </c>
      <c r="E6926" s="6">
        <v>11001</v>
      </c>
      <c r="F6926" s="6" t="s">
        <v>18</v>
      </c>
      <c r="G6926" s="6" t="s">
        <v>13960</v>
      </c>
      <c r="H6926" s="6" t="s">
        <v>13961</v>
      </c>
      <c r="I6926" s="7">
        <v>4.5562358999999999</v>
      </c>
      <c r="J6926" s="8">
        <v>-74.111962399999996</v>
      </c>
    </row>
    <row r="6927" spans="1:10" x14ac:dyDescent="0.35">
      <c r="A6927" s="5" t="s">
        <v>10</v>
      </c>
      <c r="B6927" s="6">
        <v>242178</v>
      </c>
      <c r="C6927" s="6" t="s">
        <v>68</v>
      </c>
      <c r="D6927" s="6" t="s">
        <v>69</v>
      </c>
      <c r="E6927" s="6">
        <v>11001</v>
      </c>
      <c r="F6927" s="6" t="s">
        <v>18</v>
      </c>
      <c r="G6927" s="6" t="s">
        <v>13962</v>
      </c>
      <c r="H6927" s="6" t="s">
        <v>13963</v>
      </c>
      <c r="I6927" s="7">
        <v>4.7136740000000001</v>
      </c>
      <c r="J6927" s="8">
        <v>-74.034484000000006</v>
      </c>
    </row>
    <row r="6928" spans="1:10" x14ac:dyDescent="0.35">
      <c r="A6928" s="5" t="s">
        <v>10</v>
      </c>
      <c r="B6928" s="6">
        <v>245675</v>
      </c>
      <c r="C6928" s="6" t="s">
        <v>68</v>
      </c>
      <c r="D6928" s="6" t="s">
        <v>69</v>
      </c>
      <c r="E6928" s="6">
        <v>11001</v>
      </c>
      <c r="F6928" s="6" t="s">
        <v>18</v>
      </c>
      <c r="G6928" s="6" t="s">
        <v>13964</v>
      </c>
      <c r="H6928" s="6" t="s">
        <v>13965</v>
      </c>
      <c r="I6928" s="7">
        <v>4.6327942000000002</v>
      </c>
      <c r="J6928" s="8">
        <v>-74.197711699999999</v>
      </c>
    </row>
    <row r="6929" spans="1:10" x14ac:dyDescent="0.35">
      <c r="A6929" s="5" t="s">
        <v>10</v>
      </c>
      <c r="B6929" s="6">
        <v>192286</v>
      </c>
      <c r="C6929" s="6" t="s">
        <v>68</v>
      </c>
      <c r="D6929" s="6" t="s">
        <v>69</v>
      </c>
      <c r="E6929" s="6">
        <v>11001</v>
      </c>
      <c r="F6929" s="6" t="s">
        <v>18</v>
      </c>
      <c r="G6929" s="6" t="s">
        <v>13966</v>
      </c>
      <c r="H6929" s="6" t="s">
        <v>13967</v>
      </c>
      <c r="I6929" s="7">
        <v>4.6659598999999998</v>
      </c>
      <c r="J6929" s="8">
        <v>-74.120133100000004</v>
      </c>
    </row>
    <row r="6930" spans="1:10" x14ac:dyDescent="0.35">
      <c r="A6930" s="5" t="s">
        <v>10</v>
      </c>
      <c r="B6930" s="6">
        <v>237827</v>
      </c>
      <c r="C6930" s="6" t="s">
        <v>68</v>
      </c>
      <c r="D6930" s="6" t="s">
        <v>69</v>
      </c>
      <c r="E6930" s="6">
        <v>11001</v>
      </c>
      <c r="F6930" s="6" t="s">
        <v>18</v>
      </c>
      <c r="G6930" s="6" t="s">
        <v>13968</v>
      </c>
      <c r="H6930" s="6" t="s">
        <v>13969</v>
      </c>
      <c r="I6930" s="7">
        <v>4.706188</v>
      </c>
      <c r="J6930" s="8">
        <v>-74.131886199999997</v>
      </c>
    </row>
    <row r="6931" spans="1:10" x14ac:dyDescent="0.35">
      <c r="A6931" s="5" t="s">
        <v>10</v>
      </c>
      <c r="B6931" s="6">
        <v>239431</v>
      </c>
      <c r="C6931" s="6" t="s">
        <v>68</v>
      </c>
      <c r="D6931" s="6" t="s">
        <v>69</v>
      </c>
      <c r="E6931" s="6">
        <v>11001</v>
      </c>
      <c r="F6931" s="6" t="s">
        <v>18</v>
      </c>
      <c r="G6931" s="6" t="s">
        <v>13970</v>
      </c>
      <c r="H6931" s="6" t="s">
        <v>13971</v>
      </c>
      <c r="I6931" s="7">
        <v>4.6293401999999997</v>
      </c>
      <c r="J6931" s="8">
        <v>-74.144264100000001</v>
      </c>
    </row>
    <row r="6932" spans="1:10" x14ac:dyDescent="0.35">
      <c r="A6932" s="5" t="s">
        <v>10</v>
      </c>
      <c r="B6932" s="6">
        <v>228872</v>
      </c>
      <c r="C6932" s="6" t="s">
        <v>68</v>
      </c>
      <c r="D6932" s="6" t="s">
        <v>69</v>
      </c>
      <c r="E6932" s="6">
        <v>11001</v>
      </c>
      <c r="F6932" s="6" t="s">
        <v>18</v>
      </c>
      <c r="G6932" s="6" t="s">
        <v>13972</v>
      </c>
      <c r="H6932" s="6" t="s">
        <v>13973</v>
      </c>
      <c r="I6932" s="7">
        <v>4.5948443000000001</v>
      </c>
      <c r="J6932" s="8">
        <v>-74.176749400000006</v>
      </c>
    </row>
    <row r="6933" spans="1:10" x14ac:dyDescent="0.35">
      <c r="A6933" s="5" t="s">
        <v>10</v>
      </c>
      <c r="B6933" s="6">
        <v>198822</v>
      </c>
      <c r="C6933" s="6" t="s">
        <v>68</v>
      </c>
      <c r="D6933" s="6" t="s">
        <v>69</v>
      </c>
      <c r="E6933" s="6">
        <v>11001</v>
      </c>
      <c r="F6933" s="6" t="s">
        <v>18</v>
      </c>
      <c r="G6933" s="6" t="s">
        <v>9004</v>
      </c>
      <c r="H6933" s="6" t="s">
        <v>13974</v>
      </c>
      <c r="I6933" s="7">
        <v>4.7352182999999997</v>
      </c>
      <c r="J6933" s="8">
        <v>-74.098284199999995</v>
      </c>
    </row>
    <row r="6934" spans="1:10" x14ac:dyDescent="0.35">
      <c r="A6934" s="5" t="s">
        <v>10</v>
      </c>
      <c r="B6934" s="6">
        <v>210467</v>
      </c>
      <c r="C6934" s="6" t="s">
        <v>68</v>
      </c>
      <c r="D6934" s="6" t="s">
        <v>69</v>
      </c>
      <c r="E6934" s="6">
        <v>11001</v>
      </c>
      <c r="F6934" s="6" t="s">
        <v>18</v>
      </c>
      <c r="G6934" s="6" t="s">
        <v>13975</v>
      </c>
      <c r="H6934" s="6" t="s">
        <v>13976</v>
      </c>
      <c r="I6934" s="7">
        <v>4.6962025999999897</v>
      </c>
      <c r="J6934" s="8">
        <v>-74.033842199999995</v>
      </c>
    </row>
    <row r="6935" spans="1:10" x14ac:dyDescent="0.35">
      <c r="A6935" s="5" t="s">
        <v>10</v>
      </c>
      <c r="B6935" s="6">
        <v>247657</v>
      </c>
      <c r="C6935" s="6" t="s">
        <v>68</v>
      </c>
      <c r="D6935" s="6" t="s">
        <v>69</v>
      </c>
      <c r="E6935" s="6">
        <v>11001</v>
      </c>
      <c r="F6935" s="6" t="s">
        <v>18</v>
      </c>
      <c r="G6935" s="6" t="s">
        <v>13977</v>
      </c>
      <c r="H6935" s="6" t="s">
        <v>13978</v>
      </c>
      <c r="I6935" s="7">
        <v>4.7141190000000002</v>
      </c>
      <c r="J6935" s="8">
        <v>-74.054309500000002</v>
      </c>
    </row>
    <row r="6936" spans="1:10" x14ac:dyDescent="0.35">
      <c r="A6936" s="5" t="s">
        <v>10</v>
      </c>
      <c r="B6936" s="6">
        <v>214960</v>
      </c>
      <c r="C6936" s="6" t="s">
        <v>68</v>
      </c>
      <c r="D6936" s="6" t="s">
        <v>69</v>
      </c>
      <c r="E6936" s="6">
        <v>11001</v>
      </c>
      <c r="F6936" s="6" t="s">
        <v>18</v>
      </c>
      <c r="G6936" s="6" t="s">
        <v>7521</v>
      </c>
      <c r="H6936" s="6" t="s">
        <v>13979</v>
      </c>
      <c r="I6936" s="7">
        <v>4.5712504999999997</v>
      </c>
      <c r="J6936" s="8">
        <v>-74.122242799999995</v>
      </c>
    </row>
    <row r="6937" spans="1:10" x14ac:dyDescent="0.35">
      <c r="A6937" s="5" t="s">
        <v>10</v>
      </c>
      <c r="B6937" s="6">
        <v>203583</v>
      </c>
      <c r="C6937" s="6" t="s">
        <v>55</v>
      </c>
      <c r="D6937" s="6" t="s">
        <v>165</v>
      </c>
      <c r="E6937" s="6">
        <v>73449</v>
      </c>
      <c r="F6937" s="6" t="s">
        <v>13</v>
      </c>
      <c r="G6937" s="6" t="s">
        <v>13980</v>
      </c>
      <c r="H6937" s="6" t="s">
        <v>13981</v>
      </c>
      <c r="I6937" s="7">
        <v>4.2044983</v>
      </c>
      <c r="J6937" s="8">
        <v>-74.640819800000003</v>
      </c>
    </row>
    <row r="6938" spans="1:10" x14ac:dyDescent="0.35">
      <c r="A6938" s="5" t="s">
        <v>10</v>
      </c>
      <c r="B6938" s="6">
        <v>216939</v>
      </c>
      <c r="C6938" s="6" t="s">
        <v>308</v>
      </c>
      <c r="D6938" s="6" t="s">
        <v>309</v>
      </c>
      <c r="E6938" s="6">
        <v>23001</v>
      </c>
      <c r="F6938" s="6" t="s">
        <v>13</v>
      </c>
      <c r="G6938" s="6" t="s">
        <v>13982</v>
      </c>
      <c r="H6938" s="6" t="s">
        <v>13983</v>
      </c>
      <c r="I6938" s="7">
        <v>8.7378931000000009</v>
      </c>
      <c r="J6938" s="8">
        <v>-75.889271800000003</v>
      </c>
    </row>
    <row r="6939" spans="1:10" x14ac:dyDescent="0.35">
      <c r="A6939" s="5" t="s">
        <v>10</v>
      </c>
      <c r="B6939" s="6">
        <v>241603</v>
      </c>
      <c r="C6939" s="6" t="s">
        <v>38</v>
      </c>
      <c r="D6939" s="6" t="s">
        <v>13984</v>
      </c>
      <c r="E6939" s="6">
        <v>19256</v>
      </c>
      <c r="F6939" s="6" t="s">
        <v>18</v>
      </c>
      <c r="G6939" s="6" t="s">
        <v>13985</v>
      </c>
      <c r="H6939" s="6" t="s">
        <v>13986</v>
      </c>
      <c r="I6939" s="7">
        <v>1.4081109000000001</v>
      </c>
      <c r="J6939" s="8">
        <v>-77.391526999999996</v>
      </c>
    </row>
    <row r="6940" spans="1:10" x14ac:dyDescent="0.35">
      <c r="A6940" s="5" t="s">
        <v>10</v>
      </c>
      <c r="B6940" s="6">
        <v>202773</v>
      </c>
      <c r="C6940" s="6" t="s">
        <v>68</v>
      </c>
      <c r="D6940" s="6" t="s">
        <v>69</v>
      </c>
      <c r="E6940" s="6">
        <v>11001</v>
      </c>
      <c r="F6940" s="6" t="s">
        <v>18</v>
      </c>
      <c r="G6940" s="6" t="s">
        <v>13987</v>
      </c>
      <c r="H6940" s="6" t="s">
        <v>13988</v>
      </c>
      <c r="I6940" s="7">
        <v>4.5694669000000001</v>
      </c>
      <c r="J6940" s="8">
        <v>-74.169146999999995</v>
      </c>
    </row>
    <row r="6941" spans="1:10" x14ac:dyDescent="0.35">
      <c r="A6941" s="5" t="s">
        <v>10</v>
      </c>
      <c r="B6941" s="6">
        <v>215445</v>
      </c>
      <c r="C6941" s="6" t="s">
        <v>68</v>
      </c>
      <c r="D6941" s="6" t="s">
        <v>69</v>
      </c>
      <c r="E6941" s="6">
        <v>11001</v>
      </c>
      <c r="F6941" s="6" t="s">
        <v>18</v>
      </c>
      <c r="G6941" s="6" t="s">
        <v>13989</v>
      </c>
      <c r="H6941" s="6" t="s">
        <v>13831</v>
      </c>
      <c r="I6941" s="7">
        <v>4.7459873000000004</v>
      </c>
      <c r="J6941" s="8">
        <v>-74.109080000000006</v>
      </c>
    </row>
    <row r="6942" spans="1:10" x14ac:dyDescent="0.35">
      <c r="A6942" s="5" t="s">
        <v>10</v>
      </c>
      <c r="B6942" s="6">
        <v>229689</v>
      </c>
      <c r="C6942" s="6" t="s">
        <v>68</v>
      </c>
      <c r="D6942" s="6" t="s">
        <v>69</v>
      </c>
      <c r="E6942" s="6">
        <v>11001</v>
      </c>
      <c r="F6942" s="6" t="s">
        <v>18</v>
      </c>
      <c r="G6942" s="6" t="s">
        <v>13990</v>
      </c>
      <c r="H6942" s="6" t="s">
        <v>13991</v>
      </c>
      <c r="I6942" s="7">
        <v>4.5051119999999996</v>
      </c>
      <c r="J6942" s="8">
        <v>-74.112505999999996</v>
      </c>
    </row>
    <row r="6943" spans="1:10" x14ac:dyDescent="0.35">
      <c r="A6943" s="5" t="s">
        <v>10</v>
      </c>
      <c r="B6943" s="6">
        <v>208277</v>
      </c>
      <c r="C6943" s="6" t="s">
        <v>68</v>
      </c>
      <c r="D6943" s="6" t="s">
        <v>69</v>
      </c>
      <c r="E6943" s="6">
        <v>11001</v>
      </c>
      <c r="F6943" s="6" t="s">
        <v>18</v>
      </c>
      <c r="G6943" s="6" t="s">
        <v>13992</v>
      </c>
      <c r="H6943" s="6" t="s">
        <v>13993</v>
      </c>
      <c r="I6943" s="7">
        <v>4.6445835000000004</v>
      </c>
      <c r="J6943" s="8">
        <v>-74.134669299999999</v>
      </c>
    </row>
    <row r="6944" spans="1:10" x14ac:dyDescent="0.35">
      <c r="A6944" s="5" t="s">
        <v>10</v>
      </c>
      <c r="B6944" s="6">
        <v>226477</v>
      </c>
      <c r="C6944" s="6" t="s">
        <v>68</v>
      </c>
      <c r="D6944" s="6" t="s">
        <v>69</v>
      </c>
      <c r="E6944" s="6">
        <v>11001</v>
      </c>
      <c r="F6944" s="6" t="s">
        <v>18</v>
      </c>
      <c r="G6944" s="6" t="s">
        <v>13994</v>
      </c>
      <c r="H6944" s="6" t="s">
        <v>13995</v>
      </c>
      <c r="I6944" s="7">
        <v>4.7528664999999997</v>
      </c>
      <c r="J6944" s="8">
        <v>-74.116215199999999</v>
      </c>
    </row>
    <row r="6945" spans="1:10" x14ac:dyDescent="0.35">
      <c r="A6945" s="5" t="s">
        <v>10</v>
      </c>
      <c r="B6945" s="6">
        <v>236292</v>
      </c>
      <c r="C6945" s="6" t="s">
        <v>68</v>
      </c>
      <c r="D6945" s="6" t="s">
        <v>69</v>
      </c>
      <c r="E6945" s="6">
        <v>11001</v>
      </c>
      <c r="F6945" s="6" t="s">
        <v>18</v>
      </c>
      <c r="G6945" s="6" t="s">
        <v>13996</v>
      </c>
      <c r="H6945" s="6" t="s">
        <v>13997</v>
      </c>
      <c r="I6945" s="7">
        <v>4.6735316999999998</v>
      </c>
      <c r="J6945" s="8">
        <v>-74.1080817</v>
      </c>
    </row>
    <row r="6946" spans="1:10" x14ac:dyDescent="0.35">
      <c r="A6946" s="5" t="s">
        <v>10</v>
      </c>
      <c r="B6946" s="6">
        <v>239437</v>
      </c>
      <c r="C6946" s="6" t="s">
        <v>68</v>
      </c>
      <c r="D6946" s="6" t="s">
        <v>69</v>
      </c>
      <c r="E6946" s="6">
        <v>11001</v>
      </c>
      <c r="F6946" s="6" t="s">
        <v>18</v>
      </c>
      <c r="G6946" s="6" t="s">
        <v>13998</v>
      </c>
      <c r="H6946" s="6" t="s">
        <v>13999</v>
      </c>
      <c r="I6946" s="7">
        <v>4.6214170000000001</v>
      </c>
      <c r="J6946" s="8">
        <v>-74.069556500000004</v>
      </c>
    </row>
    <row r="6947" spans="1:10" x14ac:dyDescent="0.35">
      <c r="A6947" s="5" t="s">
        <v>10</v>
      </c>
      <c r="B6947" s="6">
        <v>242286</v>
      </c>
      <c r="C6947" s="6" t="s">
        <v>68</v>
      </c>
      <c r="D6947" s="6" t="s">
        <v>69</v>
      </c>
      <c r="E6947" s="6">
        <v>11001</v>
      </c>
      <c r="F6947" s="6" t="s">
        <v>18</v>
      </c>
      <c r="G6947" s="6" t="s">
        <v>14000</v>
      </c>
      <c r="H6947" s="6" t="s">
        <v>14001</v>
      </c>
      <c r="I6947" s="7">
        <v>4.5911121000000001</v>
      </c>
      <c r="J6947" s="8">
        <v>-74.121037700000002</v>
      </c>
    </row>
    <row r="6948" spans="1:10" x14ac:dyDescent="0.35">
      <c r="A6948" s="5" t="s">
        <v>10</v>
      </c>
      <c r="B6948" s="6">
        <v>208320</v>
      </c>
      <c r="C6948" s="6" t="s">
        <v>68</v>
      </c>
      <c r="D6948" s="6" t="s">
        <v>69</v>
      </c>
      <c r="E6948" s="6">
        <v>11001</v>
      </c>
      <c r="F6948" s="6" t="s">
        <v>18</v>
      </c>
      <c r="G6948" s="6" t="s">
        <v>14002</v>
      </c>
      <c r="H6948" s="6" t="s">
        <v>14003</v>
      </c>
      <c r="I6948" s="7">
        <v>4.6143713999999996</v>
      </c>
      <c r="J6948" s="8">
        <v>-74.1504932</v>
      </c>
    </row>
    <row r="6949" spans="1:10" x14ac:dyDescent="0.35">
      <c r="A6949" s="5" t="s">
        <v>10</v>
      </c>
      <c r="B6949" s="6">
        <v>244459</v>
      </c>
      <c r="C6949" s="6" t="s">
        <v>190</v>
      </c>
      <c r="D6949" s="6" t="s">
        <v>438</v>
      </c>
      <c r="E6949" s="6">
        <v>5045</v>
      </c>
      <c r="F6949" s="6" t="s">
        <v>13</v>
      </c>
      <c r="G6949" s="6" t="s">
        <v>14004</v>
      </c>
      <c r="H6949" s="6" t="s">
        <v>14005</v>
      </c>
      <c r="I6949" s="7">
        <v>7.8796476999999996</v>
      </c>
      <c r="J6949" s="8">
        <v>-76.621571099999997</v>
      </c>
    </row>
    <row r="6950" spans="1:10" x14ac:dyDescent="0.35">
      <c r="A6950" s="5" t="s">
        <v>10</v>
      </c>
      <c r="B6950" s="6">
        <v>241102</v>
      </c>
      <c r="C6950" s="6" t="s">
        <v>117</v>
      </c>
      <c r="D6950" s="6" t="s">
        <v>3492</v>
      </c>
      <c r="E6950" s="6">
        <v>76520</v>
      </c>
      <c r="F6950" s="6" t="s">
        <v>18</v>
      </c>
      <c r="G6950" s="6" t="s">
        <v>14006</v>
      </c>
      <c r="H6950" s="6" t="s">
        <v>14007</v>
      </c>
      <c r="I6950" s="7">
        <v>3.5339299</v>
      </c>
      <c r="J6950" s="8">
        <v>-76.290640199999999</v>
      </c>
    </row>
    <row r="6951" spans="1:10" x14ac:dyDescent="0.35">
      <c r="A6951" s="5" t="s">
        <v>10</v>
      </c>
      <c r="B6951" s="6">
        <v>230339</v>
      </c>
      <c r="C6951" s="6" t="s">
        <v>117</v>
      </c>
      <c r="D6951" s="6" t="s">
        <v>1334</v>
      </c>
      <c r="E6951" s="6">
        <v>76001</v>
      </c>
      <c r="F6951" s="6" t="s">
        <v>18</v>
      </c>
      <c r="G6951" s="6" t="s">
        <v>14008</v>
      </c>
      <c r="H6951" s="6" t="s">
        <v>14009</v>
      </c>
      <c r="I6951" s="7">
        <v>3.4248671000000002</v>
      </c>
      <c r="J6951" s="8">
        <v>-76.550452399999998</v>
      </c>
    </row>
    <row r="6952" spans="1:10" x14ac:dyDescent="0.35">
      <c r="A6952" s="5" t="s">
        <v>10</v>
      </c>
      <c r="B6952" s="6">
        <v>216948</v>
      </c>
      <c r="C6952" s="6" t="s">
        <v>190</v>
      </c>
      <c r="D6952" s="6" t="s">
        <v>14010</v>
      </c>
      <c r="E6952" s="6">
        <v>5411</v>
      </c>
      <c r="F6952" s="6" t="s">
        <v>18</v>
      </c>
      <c r="G6952" s="6" t="s">
        <v>14011</v>
      </c>
      <c r="H6952" s="6" t="s">
        <v>14012</v>
      </c>
      <c r="I6952" s="7">
        <v>6.6774499999999897</v>
      </c>
      <c r="J6952" s="8">
        <v>-75.811743999999905</v>
      </c>
    </row>
    <row r="6953" spans="1:10" x14ac:dyDescent="0.35">
      <c r="A6953" s="5" t="s">
        <v>10</v>
      </c>
      <c r="B6953" s="6">
        <v>240680</v>
      </c>
      <c r="C6953" s="6" t="s">
        <v>190</v>
      </c>
      <c r="D6953" s="6" t="s">
        <v>12553</v>
      </c>
      <c r="E6953" s="6">
        <v>5197</v>
      </c>
      <c r="F6953" s="6" t="s">
        <v>18</v>
      </c>
      <c r="G6953" s="6" t="s">
        <v>14013</v>
      </c>
      <c r="H6953" s="6" t="s">
        <v>14014</v>
      </c>
      <c r="I6953" s="7">
        <v>6.0577746000000001</v>
      </c>
      <c r="J6953" s="8">
        <v>-75.185983899999997</v>
      </c>
    </row>
    <row r="6954" spans="1:10" x14ac:dyDescent="0.35">
      <c r="A6954" s="5" t="s">
        <v>10</v>
      </c>
      <c r="B6954" s="6">
        <v>240828</v>
      </c>
      <c r="C6954" s="6" t="s">
        <v>190</v>
      </c>
      <c r="D6954" s="6" t="s">
        <v>4063</v>
      </c>
      <c r="E6954" s="6">
        <v>5088</v>
      </c>
      <c r="F6954" s="6" t="s">
        <v>18</v>
      </c>
      <c r="G6954" s="6" t="s">
        <v>14015</v>
      </c>
      <c r="H6954" s="6" t="s">
        <v>14016</v>
      </c>
      <c r="I6954" s="7">
        <v>6.3403513</v>
      </c>
      <c r="J6954" s="8">
        <v>-75.571156299999998</v>
      </c>
    </row>
    <row r="6955" spans="1:10" x14ac:dyDescent="0.35">
      <c r="A6955" s="5" t="s">
        <v>10</v>
      </c>
      <c r="B6955" s="6">
        <v>210789</v>
      </c>
      <c r="C6955" s="6" t="s">
        <v>68</v>
      </c>
      <c r="D6955" s="6" t="s">
        <v>69</v>
      </c>
      <c r="E6955" s="6">
        <v>11001</v>
      </c>
      <c r="F6955" s="6" t="s">
        <v>18</v>
      </c>
      <c r="G6955" s="6" t="s">
        <v>14017</v>
      </c>
      <c r="H6955" s="6" t="s">
        <v>14018</v>
      </c>
      <c r="I6955" s="7">
        <v>4.5722404000000001</v>
      </c>
      <c r="J6955" s="8">
        <v>-74.144576200000003</v>
      </c>
    </row>
    <row r="6956" spans="1:10" x14ac:dyDescent="0.35">
      <c r="A6956" s="5" t="s">
        <v>10</v>
      </c>
      <c r="B6956" s="6">
        <v>202705</v>
      </c>
      <c r="C6956" s="6" t="s">
        <v>68</v>
      </c>
      <c r="D6956" s="6" t="s">
        <v>69</v>
      </c>
      <c r="E6956" s="6">
        <v>11001</v>
      </c>
      <c r="F6956" s="6" t="s">
        <v>18</v>
      </c>
      <c r="G6956" s="6" t="s">
        <v>14019</v>
      </c>
      <c r="H6956" s="6" t="s">
        <v>14020</v>
      </c>
      <c r="I6956" s="7">
        <v>4.6319409</v>
      </c>
      <c r="J6956" s="8">
        <v>-74.152765599999995</v>
      </c>
    </row>
    <row r="6957" spans="1:10" x14ac:dyDescent="0.35">
      <c r="A6957" s="5" t="s">
        <v>10</v>
      </c>
      <c r="B6957" s="6">
        <v>224458</v>
      </c>
      <c r="C6957" s="6" t="s">
        <v>68</v>
      </c>
      <c r="D6957" s="6" t="s">
        <v>69</v>
      </c>
      <c r="E6957" s="6">
        <v>11001</v>
      </c>
      <c r="F6957" s="6" t="s">
        <v>18</v>
      </c>
      <c r="G6957" s="6" t="s">
        <v>14021</v>
      </c>
      <c r="H6957" s="6" t="s">
        <v>14022</v>
      </c>
      <c r="I6957" s="7">
        <v>4.5624343999999999</v>
      </c>
      <c r="J6957" s="8">
        <v>-74.081403499999993</v>
      </c>
    </row>
    <row r="6958" spans="1:10" x14ac:dyDescent="0.35">
      <c r="A6958" s="5" t="s">
        <v>10</v>
      </c>
      <c r="B6958" s="6">
        <v>239366</v>
      </c>
      <c r="C6958" s="6" t="s">
        <v>68</v>
      </c>
      <c r="D6958" s="6" t="s">
        <v>69</v>
      </c>
      <c r="E6958" s="6">
        <v>11001</v>
      </c>
      <c r="F6958" s="6" t="s">
        <v>18</v>
      </c>
      <c r="G6958" s="6" t="s">
        <v>14023</v>
      </c>
      <c r="H6958" s="6" t="s">
        <v>14024</v>
      </c>
      <c r="I6958" s="7">
        <v>4.7238068000000002</v>
      </c>
      <c r="J6958" s="8">
        <v>-74.036112200000005</v>
      </c>
    </row>
    <row r="6959" spans="1:10" x14ac:dyDescent="0.35">
      <c r="A6959" s="5" t="s">
        <v>10</v>
      </c>
      <c r="B6959" s="6">
        <v>239769</v>
      </c>
      <c r="C6959" s="6" t="s">
        <v>68</v>
      </c>
      <c r="D6959" s="6" t="s">
        <v>69</v>
      </c>
      <c r="E6959" s="6">
        <v>11001</v>
      </c>
      <c r="F6959" s="6" t="s">
        <v>18</v>
      </c>
      <c r="G6959" s="6" t="s">
        <v>14025</v>
      </c>
      <c r="H6959" s="6" t="s">
        <v>14026</v>
      </c>
      <c r="I6959" s="7">
        <v>4.607475</v>
      </c>
      <c r="J6959" s="8">
        <v>-74.101003800000001</v>
      </c>
    </row>
    <row r="6960" spans="1:10" x14ac:dyDescent="0.35">
      <c r="A6960" s="5" t="s">
        <v>10</v>
      </c>
      <c r="B6960" s="6">
        <v>210035</v>
      </c>
      <c r="C6960" s="6" t="s">
        <v>68</v>
      </c>
      <c r="D6960" s="6" t="s">
        <v>69</v>
      </c>
      <c r="E6960" s="6">
        <v>11001</v>
      </c>
      <c r="F6960" s="6" t="s">
        <v>18</v>
      </c>
      <c r="G6960" s="6" t="s">
        <v>14027</v>
      </c>
      <c r="H6960" s="6" t="s">
        <v>14028</v>
      </c>
      <c r="I6960" s="7">
        <v>4.6712090000000002</v>
      </c>
      <c r="J6960" s="8">
        <v>-74.080088599999996</v>
      </c>
    </row>
    <row r="6961" spans="1:10" x14ac:dyDescent="0.35">
      <c r="A6961" s="5" t="s">
        <v>10</v>
      </c>
      <c r="B6961" s="6">
        <v>235741</v>
      </c>
      <c r="C6961" s="6" t="s">
        <v>68</v>
      </c>
      <c r="D6961" s="6" t="s">
        <v>69</v>
      </c>
      <c r="E6961" s="6">
        <v>11001</v>
      </c>
      <c r="F6961" s="6" t="s">
        <v>18</v>
      </c>
      <c r="G6961" s="6" t="s">
        <v>14029</v>
      </c>
      <c r="H6961" s="6" t="s">
        <v>14030</v>
      </c>
      <c r="I6961" s="7">
        <v>4.5046618</v>
      </c>
      <c r="J6961" s="8">
        <v>-74.109721300000004</v>
      </c>
    </row>
    <row r="6962" spans="1:10" x14ac:dyDescent="0.35">
      <c r="A6962" s="5" t="s">
        <v>10</v>
      </c>
      <c r="B6962" s="6">
        <v>203333</v>
      </c>
      <c r="C6962" s="6" t="s">
        <v>278</v>
      </c>
      <c r="D6962" s="6" t="s">
        <v>279</v>
      </c>
      <c r="E6962" s="6">
        <v>50001</v>
      </c>
      <c r="F6962" s="6" t="s">
        <v>13</v>
      </c>
      <c r="G6962" s="6" t="s">
        <v>14031</v>
      </c>
      <c r="H6962" s="6" t="s">
        <v>14032</v>
      </c>
      <c r="I6962" s="7">
        <v>4.1403645999999998</v>
      </c>
      <c r="J6962" s="8">
        <v>-73.615485199999995</v>
      </c>
    </row>
    <row r="6963" spans="1:10" x14ac:dyDescent="0.35">
      <c r="A6963" s="5" t="s">
        <v>10</v>
      </c>
      <c r="B6963" s="6">
        <v>246086</v>
      </c>
      <c r="C6963" s="6" t="s">
        <v>308</v>
      </c>
      <c r="D6963" s="6" t="s">
        <v>1922</v>
      </c>
      <c r="E6963" s="6">
        <v>23079</v>
      </c>
      <c r="F6963" s="6" t="s">
        <v>13</v>
      </c>
      <c r="G6963" s="6" t="s">
        <v>14033</v>
      </c>
      <c r="H6963" s="6" t="s">
        <v>14034</v>
      </c>
      <c r="I6963" s="7">
        <v>8.7424807999999992</v>
      </c>
      <c r="J6963" s="8">
        <v>-75.885598200000004</v>
      </c>
    </row>
    <row r="6964" spans="1:10" x14ac:dyDescent="0.35">
      <c r="A6964" s="5" t="s">
        <v>10</v>
      </c>
      <c r="B6964" s="6">
        <v>229458</v>
      </c>
      <c r="C6964" s="6" t="s">
        <v>117</v>
      </c>
      <c r="D6964" s="6" t="s">
        <v>3860</v>
      </c>
      <c r="E6964" s="6">
        <v>76130</v>
      </c>
      <c r="F6964" s="6" t="s">
        <v>18</v>
      </c>
      <c r="G6964" s="6" t="s">
        <v>14035</v>
      </c>
      <c r="H6964" s="6" t="s">
        <v>14036</v>
      </c>
      <c r="I6964" s="7">
        <v>3.4064396000000001</v>
      </c>
      <c r="J6964" s="8">
        <v>-76.349803100000003</v>
      </c>
    </row>
    <row r="6965" spans="1:10" x14ac:dyDescent="0.35">
      <c r="A6965" s="5" t="s">
        <v>10</v>
      </c>
      <c r="B6965" s="6">
        <v>230099</v>
      </c>
      <c r="C6965" s="6" t="s">
        <v>457</v>
      </c>
      <c r="D6965" s="6" t="s">
        <v>4400</v>
      </c>
      <c r="E6965" s="6">
        <v>52001</v>
      </c>
      <c r="F6965" s="6" t="s">
        <v>18</v>
      </c>
      <c r="G6965" s="6" t="s">
        <v>14037</v>
      </c>
      <c r="H6965" s="6" t="s">
        <v>14038</v>
      </c>
      <c r="I6965" s="7">
        <v>1.2190095999999999</v>
      </c>
      <c r="J6965" s="8">
        <v>-77.283583699999994</v>
      </c>
    </row>
    <row r="6966" spans="1:10" x14ac:dyDescent="0.35">
      <c r="A6966" s="5" t="s">
        <v>10</v>
      </c>
      <c r="B6966" s="6">
        <v>242201</v>
      </c>
      <c r="C6966" s="6" t="s">
        <v>68</v>
      </c>
      <c r="D6966" s="6" t="s">
        <v>69</v>
      </c>
      <c r="E6966" s="6">
        <v>11001</v>
      </c>
      <c r="F6966" s="6" t="s">
        <v>18</v>
      </c>
      <c r="G6966" s="6" t="s">
        <v>14039</v>
      </c>
      <c r="H6966" s="6" t="s">
        <v>14040</v>
      </c>
      <c r="I6966" s="7">
        <v>4.7322397</v>
      </c>
      <c r="J6966" s="8">
        <v>-74.025896700000004</v>
      </c>
    </row>
    <row r="6967" spans="1:10" x14ac:dyDescent="0.35">
      <c r="A6967" s="5" t="s">
        <v>10</v>
      </c>
      <c r="B6967" s="6">
        <v>245126</v>
      </c>
      <c r="C6967" s="6" t="s">
        <v>68</v>
      </c>
      <c r="D6967" s="6" t="s">
        <v>69</v>
      </c>
      <c r="E6967" s="6">
        <v>11001</v>
      </c>
      <c r="F6967" s="6" t="s">
        <v>18</v>
      </c>
      <c r="G6967" s="6" t="s">
        <v>14041</v>
      </c>
      <c r="H6967" s="6" t="s">
        <v>14042</v>
      </c>
      <c r="I6967" s="7">
        <v>4.5909829000000002</v>
      </c>
      <c r="J6967" s="8">
        <v>-74.145644399999995</v>
      </c>
    </row>
    <row r="6968" spans="1:10" x14ac:dyDescent="0.35">
      <c r="A6968" s="5" t="s">
        <v>10</v>
      </c>
      <c r="B6968" s="6">
        <v>211087</v>
      </c>
      <c r="C6968" s="6" t="s">
        <v>68</v>
      </c>
      <c r="D6968" s="6" t="s">
        <v>69</v>
      </c>
      <c r="E6968" s="6">
        <v>11001</v>
      </c>
      <c r="F6968" s="6" t="s">
        <v>18</v>
      </c>
      <c r="G6968" s="6" t="s">
        <v>14043</v>
      </c>
      <c r="H6968" s="6" t="s">
        <v>14044</v>
      </c>
      <c r="I6968" s="7">
        <v>4.5894586999999998</v>
      </c>
      <c r="J6968" s="8">
        <v>-74.093829099999994</v>
      </c>
    </row>
    <row r="6969" spans="1:10" x14ac:dyDescent="0.35">
      <c r="A6969" s="5" t="s">
        <v>10</v>
      </c>
      <c r="B6969" s="6">
        <v>232645</v>
      </c>
      <c r="C6969" s="6" t="s">
        <v>68</v>
      </c>
      <c r="D6969" s="6" t="s">
        <v>69</v>
      </c>
      <c r="E6969" s="6">
        <v>11001</v>
      </c>
      <c r="F6969" s="6" t="s">
        <v>18</v>
      </c>
      <c r="G6969" s="6" t="s">
        <v>14045</v>
      </c>
      <c r="H6969" s="6" t="s">
        <v>14046</v>
      </c>
      <c r="I6969" s="7">
        <v>4.6792765000000003</v>
      </c>
      <c r="J6969" s="8">
        <v>-74.086975100000004</v>
      </c>
    </row>
    <row r="6970" spans="1:10" x14ac:dyDescent="0.35">
      <c r="A6970" s="5" t="s">
        <v>10</v>
      </c>
      <c r="B6970" s="6">
        <v>213724</v>
      </c>
      <c r="C6970" s="6" t="s">
        <v>68</v>
      </c>
      <c r="D6970" s="6" t="s">
        <v>69</v>
      </c>
      <c r="E6970" s="6">
        <v>11001</v>
      </c>
      <c r="F6970" s="6" t="s">
        <v>18</v>
      </c>
      <c r="G6970" s="6" t="s">
        <v>14047</v>
      </c>
      <c r="H6970" s="6" t="s">
        <v>14048</v>
      </c>
      <c r="I6970" s="7">
        <v>4.6954868000000003</v>
      </c>
      <c r="J6970" s="8">
        <v>-74.121813699999905</v>
      </c>
    </row>
    <row r="6971" spans="1:10" x14ac:dyDescent="0.35">
      <c r="A6971" s="5" t="s">
        <v>10</v>
      </c>
      <c r="B6971" s="6">
        <v>237134</v>
      </c>
      <c r="C6971" s="6" t="s">
        <v>68</v>
      </c>
      <c r="D6971" s="6" t="s">
        <v>69</v>
      </c>
      <c r="E6971" s="6">
        <v>11001</v>
      </c>
      <c r="F6971" s="6" t="s">
        <v>18</v>
      </c>
      <c r="G6971" s="6" t="s">
        <v>14049</v>
      </c>
      <c r="H6971" s="6" t="s">
        <v>14050</v>
      </c>
      <c r="I6971" s="7">
        <v>4.7628006999999997</v>
      </c>
      <c r="J6971" s="8">
        <v>-74.023976099999999</v>
      </c>
    </row>
    <row r="6972" spans="1:10" x14ac:dyDescent="0.35">
      <c r="A6972" s="5" t="s">
        <v>10</v>
      </c>
      <c r="B6972" s="6">
        <v>219109</v>
      </c>
      <c r="C6972" s="6" t="s">
        <v>28</v>
      </c>
      <c r="D6972" s="6" t="s">
        <v>29</v>
      </c>
      <c r="E6972" s="6">
        <v>54001</v>
      </c>
      <c r="F6972" s="6" t="s">
        <v>13</v>
      </c>
      <c r="G6972" s="6" t="s">
        <v>14051</v>
      </c>
      <c r="H6972" s="6" t="s">
        <v>14052</v>
      </c>
      <c r="I6972" s="7">
        <v>7.9109154000000004</v>
      </c>
      <c r="J6972" s="8">
        <v>-72.471553799999995</v>
      </c>
    </row>
    <row r="6973" spans="1:10" x14ac:dyDescent="0.35">
      <c r="A6973" s="5" t="s">
        <v>10</v>
      </c>
      <c r="B6973" s="6">
        <v>220638</v>
      </c>
      <c r="C6973" s="6" t="s">
        <v>68</v>
      </c>
      <c r="D6973" s="6" t="s">
        <v>69</v>
      </c>
      <c r="E6973" s="6">
        <v>11001</v>
      </c>
      <c r="F6973" s="6" t="s">
        <v>13</v>
      </c>
      <c r="G6973" s="6" t="s">
        <v>14053</v>
      </c>
      <c r="H6973" s="6" t="s">
        <v>14054</v>
      </c>
      <c r="I6973" s="7">
        <v>4.7481457000000002</v>
      </c>
      <c r="J6973" s="8">
        <v>-74.022534100000001</v>
      </c>
    </row>
    <row r="6974" spans="1:10" x14ac:dyDescent="0.35">
      <c r="A6974" s="5" t="s">
        <v>10</v>
      </c>
      <c r="B6974" s="6">
        <v>217024</v>
      </c>
      <c r="C6974" s="6" t="s">
        <v>117</v>
      </c>
      <c r="D6974" s="6" t="s">
        <v>3860</v>
      </c>
      <c r="E6974" s="6">
        <v>76130</v>
      </c>
      <c r="F6974" s="6" t="s">
        <v>18</v>
      </c>
      <c r="G6974" s="6" t="s">
        <v>14055</v>
      </c>
      <c r="H6974" s="6" t="s">
        <v>14056</v>
      </c>
      <c r="I6974" s="7">
        <v>3.4102305999999998</v>
      </c>
      <c r="J6974" s="8">
        <v>-76.349286899999996</v>
      </c>
    </row>
    <row r="6975" spans="1:10" x14ac:dyDescent="0.35">
      <c r="A6975" s="5" t="s">
        <v>10</v>
      </c>
      <c r="B6975" s="6">
        <v>240988</v>
      </c>
      <c r="C6975" s="6" t="s">
        <v>117</v>
      </c>
      <c r="D6975" s="6" t="s">
        <v>11783</v>
      </c>
      <c r="E6975" s="6">
        <v>76306</v>
      </c>
      <c r="F6975" s="6" t="s">
        <v>18</v>
      </c>
      <c r="G6975" s="6" t="s">
        <v>14057</v>
      </c>
      <c r="H6975" s="6" t="s">
        <v>14058</v>
      </c>
      <c r="I6975" s="7">
        <v>3.4213425000000002</v>
      </c>
      <c r="J6975" s="8">
        <v>-76.232775200000006</v>
      </c>
    </row>
    <row r="6976" spans="1:10" x14ac:dyDescent="0.35">
      <c r="A6976" s="5" t="s">
        <v>10</v>
      </c>
      <c r="B6976" s="6">
        <v>239692</v>
      </c>
      <c r="C6976" s="6" t="s">
        <v>190</v>
      </c>
      <c r="D6976" s="6" t="s">
        <v>14059</v>
      </c>
      <c r="E6976" s="6">
        <v>5670</v>
      </c>
      <c r="F6976" s="6" t="s">
        <v>18</v>
      </c>
      <c r="G6976" s="6" t="s">
        <v>14060</v>
      </c>
      <c r="H6976" s="6" t="s">
        <v>14061</v>
      </c>
      <c r="I6976" s="7">
        <v>6.4858310000000001</v>
      </c>
      <c r="J6976" s="8">
        <v>-75.019622999999996</v>
      </c>
    </row>
    <row r="6977" spans="1:10" x14ac:dyDescent="0.35">
      <c r="A6977" s="5" t="s">
        <v>10</v>
      </c>
      <c r="B6977" s="6">
        <v>231096</v>
      </c>
      <c r="C6977" s="6" t="s">
        <v>190</v>
      </c>
      <c r="D6977" s="6" t="s">
        <v>191</v>
      </c>
      <c r="E6977" s="6">
        <v>5001</v>
      </c>
      <c r="F6977" s="6" t="s">
        <v>18</v>
      </c>
      <c r="G6977" s="6" t="s">
        <v>14062</v>
      </c>
      <c r="H6977" s="6" t="s">
        <v>14063</v>
      </c>
      <c r="I6977" s="7">
        <v>6.2816074000000004</v>
      </c>
      <c r="J6977" s="8">
        <v>-75.576300200000006</v>
      </c>
    </row>
    <row r="6978" spans="1:10" x14ac:dyDescent="0.35">
      <c r="A6978" s="5" t="s">
        <v>10</v>
      </c>
      <c r="B6978" s="6">
        <v>231259</v>
      </c>
      <c r="C6978" s="6" t="s">
        <v>68</v>
      </c>
      <c r="D6978" s="6" t="s">
        <v>69</v>
      </c>
      <c r="E6978" s="6">
        <v>11001</v>
      </c>
      <c r="F6978" s="6" t="s">
        <v>18</v>
      </c>
      <c r="G6978" s="6" t="s">
        <v>14064</v>
      </c>
      <c r="H6978" s="6" t="s">
        <v>14065</v>
      </c>
      <c r="I6978" s="7">
        <v>4.5828312000000002</v>
      </c>
      <c r="J6978" s="8">
        <v>-74.103053900000006</v>
      </c>
    </row>
    <row r="6979" spans="1:10" x14ac:dyDescent="0.35">
      <c r="A6979" s="5" t="s">
        <v>10</v>
      </c>
      <c r="B6979" s="6">
        <v>247633</v>
      </c>
      <c r="C6979" s="6" t="s">
        <v>68</v>
      </c>
      <c r="D6979" s="6" t="s">
        <v>69</v>
      </c>
      <c r="E6979" s="6">
        <v>11001</v>
      </c>
      <c r="F6979" s="6" t="s">
        <v>18</v>
      </c>
      <c r="G6979" s="6" t="s">
        <v>14066</v>
      </c>
      <c r="H6979" s="6" t="s">
        <v>14067</v>
      </c>
      <c r="I6979" s="7">
        <v>4.6435418999999998</v>
      </c>
      <c r="J6979" s="8">
        <v>-74.136537399999995</v>
      </c>
    </row>
    <row r="6980" spans="1:10" x14ac:dyDescent="0.35">
      <c r="A6980" s="5" t="s">
        <v>10</v>
      </c>
      <c r="B6980" s="6">
        <v>224265</v>
      </c>
      <c r="C6980" s="6" t="s">
        <v>68</v>
      </c>
      <c r="D6980" s="6" t="s">
        <v>69</v>
      </c>
      <c r="E6980" s="6">
        <v>11001</v>
      </c>
      <c r="F6980" s="6" t="s">
        <v>18</v>
      </c>
      <c r="G6980" s="6" t="s">
        <v>1940</v>
      </c>
      <c r="H6980" s="6" t="s">
        <v>14068</v>
      </c>
      <c r="I6980" s="7">
        <v>4.5573706999999999</v>
      </c>
      <c r="J6980" s="8">
        <v>-74.116876199999993</v>
      </c>
    </row>
    <row r="6981" spans="1:10" x14ac:dyDescent="0.35">
      <c r="A6981" s="5" t="s">
        <v>10</v>
      </c>
      <c r="B6981" s="6">
        <v>235386</v>
      </c>
      <c r="C6981" s="6" t="s">
        <v>68</v>
      </c>
      <c r="D6981" s="6" t="s">
        <v>69</v>
      </c>
      <c r="E6981" s="6">
        <v>11001</v>
      </c>
      <c r="F6981" s="6" t="s">
        <v>18</v>
      </c>
      <c r="G6981" s="6" t="s">
        <v>14069</v>
      </c>
      <c r="H6981" s="6" t="s">
        <v>446</v>
      </c>
      <c r="I6981" s="7">
        <v>4.7118761999999998</v>
      </c>
      <c r="J6981" s="8">
        <v>-74.098454000000004</v>
      </c>
    </row>
    <row r="6982" spans="1:10" x14ac:dyDescent="0.35">
      <c r="A6982" s="5" t="s">
        <v>10</v>
      </c>
      <c r="B6982" s="6">
        <v>170795</v>
      </c>
      <c r="C6982" s="6" t="s">
        <v>68</v>
      </c>
      <c r="D6982" s="6" t="s">
        <v>69</v>
      </c>
      <c r="E6982" s="6">
        <v>11001</v>
      </c>
      <c r="F6982" s="6" t="s">
        <v>18</v>
      </c>
      <c r="G6982" s="6" t="s">
        <v>14070</v>
      </c>
      <c r="H6982" s="6" t="s">
        <v>14071</v>
      </c>
      <c r="I6982" s="7">
        <v>4.6128798999999896</v>
      </c>
      <c r="J6982" s="8">
        <v>-74.111375899999999</v>
      </c>
    </row>
    <row r="6983" spans="1:10" x14ac:dyDescent="0.35">
      <c r="A6983" s="5" t="s">
        <v>10</v>
      </c>
      <c r="B6983" s="6">
        <v>206125</v>
      </c>
      <c r="C6983" s="6" t="s">
        <v>68</v>
      </c>
      <c r="D6983" s="6" t="s">
        <v>69</v>
      </c>
      <c r="E6983" s="6">
        <v>11001</v>
      </c>
      <c r="F6983" s="6" t="s">
        <v>18</v>
      </c>
      <c r="G6983" s="6" t="s">
        <v>14072</v>
      </c>
      <c r="H6983" s="6" t="s">
        <v>14073</v>
      </c>
      <c r="I6983" s="7">
        <v>4.5782813999999998</v>
      </c>
      <c r="J6983" s="8">
        <v>-74.136939799999993</v>
      </c>
    </row>
    <row r="6984" spans="1:10" x14ac:dyDescent="0.35">
      <c r="A6984" s="5" t="s">
        <v>10</v>
      </c>
      <c r="B6984" s="6">
        <v>214855</v>
      </c>
      <c r="C6984" s="6" t="s">
        <v>68</v>
      </c>
      <c r="D6984" s="6" t="s">
        <v>69</v>
      </c>
      <c r="E6984" s="6">
        <v>11001</v>
      </c>
      <c r="F6984" s="6" t="s">
        <v>18</v>
      </c>
      <c r="G6984" s="6" t="s">
        <v>14074</v>
      </c>
      <c r="H6984" s="6" t="s">
        <v>14075</v>
      </c>
      <c r="I6984" s="7">
        <v>4.7215066999999999</v>
      </c>
      <c r="J6984" s="8">
        <v>-74.093644499999996</v>
      </c>
    </row>
    <row r="6985" spans="1:10" x14ac:dyDescent="0.35">
      <c r="A6985" s="5" t="s">
        <v>10</v>
      </c>
      <c r="B6985" s="6">
        <v>228294</v>
      </c>
      <c r="C6985" s="6" t="s">
        <v>68</v>
      </c>
      <c r="D6985" s="6" t="s">
        <v>69</v>
      </c>
      <c r="E6985" s="6">
        <v>11001</v>
      </c>
      <c r="F6985" s="6" t="s">
        <v>18</v>
      </c>
      <c r="G6985" s="6" t="s">
        <v>14076</v>
      </c>
      <c r="H6985" s="6" t="s">
        <v>14077</v>
      </c>
      <c r="I6985" s="7">
        <v>4.6020782000000002</v>
      </c>
      <c r="J6985" s="8">
        <v>-74.098924800000006</v>
      </c>
    </row>
    <row r="6986" spans="1:10" x14ac:dyDescent="0.35">
      <c r="A6986" s="5" t="s">
        <v>10</v>
      </c>
      <c r="B6986" s="6">
        <v>234224</v>
      </c>
      <c r="C6986" s="6" t="s">
        <v>68</v>
      </c>
      <c r="D6986" s="6" t="s">
        <v>69</v>
      </c>
      <c r="E6986" s="6">
        <v>11001</v>
      </c>
      <c r="F6986" s="6" t="s">
        <v>18</v>
      </c>
      <c r="G6986" s="6" t="s">
        <v>14078</v>
      </c>
      <c r="H6986" s="6" t="s">
        <v>14079</v>
      </c>
      <c r="I6986" s="7">
        <v>4.6772406999999996</v>
      </c>
      <c r="J6986" s="8">
        <v>-74.088519000000005</v>
      </c>
    </row>
    <row r="6987" spans="1:10" x14ac:dyDescent="0.35">
      <c r="A6987" s="5" t="s">
        <v>10</v>
      </c>
      <c r="B6987" s="6">
        <v>236040</v>
      </c>
      <c r="C6987" s="6" t="s">
        <v>68</v>
      </c>
      <c r="D6987" s="6" t="s">
        <v>69</v>
      </c>
      <c r="E6987" s="6">
        <v>11001</v>
      </c>
      <c r="F6987" s="6" t="s">
        <v>18</v>
      </c>
      <c r="G6987" s="6" t="s">
        <v>14080</v>
      </c>
      <c r="H6987" s="6" t="s">
        <v>14081</v>
      </c>
      <c r="I6987" s="7">
        <v>4.5905461999999897</v>
      </c>
      <c r="J6987" s="8">
        <v>-74.092852199999996</v>
      </c>
    </row>
    <row r="6988" spans="1:10" x14ac:dyDescent="0.35">
      <c r="A6988" s="5" t="s">
        <v>10</v>
      </c>
      <c r="B6988" s="6">
        <v>224159</v>
      </c>
      <c r="C6988" s="6" t="s">
        <v>308</v>
      </c>
      <c r="D6988" s="6" t="s">
        <v>309</v>
      </c>
      <c r="E6988" s="6">
        <v>23001</v>
      </c>
      <c r="F6988" s="6" t="s">
        <v>13</v>
      </c>
      <c r="G6988" s="6" t="s">
        <v>14082</v>
      </c>
      <c r="H6988" s="6" t="s">
        <v>14083</v>
      </c>
      <c r="I6988" s="7">
        <v>8.7472673000000007</v>
      </c>
      <c r="J6988" s="8">
        <v>-75.902474799999993</v>
      </c>
    </row>
    <row r="6989" spans="1:10" x14ac:dyDescent="0.35">
      <c r="A6989" s="5" t="s">
        <v>10</v>
      </c>
      <c r="B6989" s="6">
        <v>209716</v>
      </c>
      <c r="C6989" s="6" t="s">
        <v>308</v>
      </c>
      <c r="D6989" s="6" t="s">
        <v>309</v>
      </c>
      <c r="E6989" s="6">
        <v>23001</v>
      </c>
      <c r="F6989" s="6" t="s">
        <v>13</v>
      </c>
      <c r="G6989" s="6" t="s">
        <v>14084</v>
      </c>
      <c r="H6989" s="6" t="s">
        <v>14085</v>
      </c>
      <c r="I6989" s="7">
        <v>8.7252981999999992</v>
      </c>
      <c r="J6989" s="8">
        <v>-75.886045899999999</v>
      </c>
    </row>
    <row r="6990" spans="1:10" x14ac:dyDescent="0.35">
      <c r="A6990" s="5" t="s">
        <v>10</v>
      </c>
      <c r="B6990" s="6">
        <v>222512</v>
      </c>
      <c r="C6990" s="6" t="s">
        <v>11</v>
      </c>
      <c r="D6990" s="6" t="s">
        <v>101</v>
      </c>
      <c r="E6990" s="6">
        <v>25473</v>
      </c>
      <c r="F6990" s="6" t="s">
        <v>18</v>
      </c>
      <c r="G6990" s="6" t="s">
        <v>14086</v>
      </c>
      <c r="H6990" s="6" t="s">
        <v>14087</v>
      </c>
      <c r="I6990" s="7">
        <v>4.7164982999999996</v>
      </c>
      <c r="J6990" s="8">
        <v>-74.222604199999907</v>
      </c>
    </row>
    <row r="6991" spans="1:10" x14ac:dyDescent="0.35">
      <c r="A6991" s="5" t="s">
        <v>10</v>
      </c>
      <c r="B6991" s="6">
        <v>204228</v>
      </c>
      <c r="C6991" s="6" t="s">
        <v>117</v>
      </c>
      <c r="D6991" s="6" t="s">
        <v>3860</v>
      </c>
      <c r="E6991" s="6">
        <v>76130</v>
      </c>
      <c r="F6991" s="6" t="s">
        <v>18</v>
      </c>
      <c r="G6991" s="6" t="s">
        <v>14088</v>
      </c>
      <c r="H6991" s="6" t="s">
        <v>14089</v>
      </c>
      <c r="I6991" s="7">
        <v>3.4393151999999998</v>
      </c>
      <c r="J6991" s="8">
        <v>-76.5197462</v>
      </c>
    </row>
    <row r="6992" spans="1:10" x14ac:dyDescent="0.35">
      <c r="A6992" s="5" t="s">
        <v>10</v>
      </c>
      <c r="B6992" s="6">
        <v>237147</v>
      </c>
      <c r="C6992" s="6" t="s">
        <v>457</v>
      </c>
      <c r="D6992" s="6" t="s">
        <v>13404</v>
      </c>
      <c r="E6992" s="6">
        <v>52317</v>
      </c>
      <c r="F6992" s="6" t="s">
        <v>18</v>
      </c>
      <c r="G6992" s="6" t="s">
        <v>14090</v>
      </c>
      <c r="H6992" s="6" t="s">
        <v>14091</v>
      </c>
      <c r="I6992" s="7">
        <v>0.96215010000000001</v>
      </c>
      <c r="J6992" s="8">
        <v>-77.730664099999998</v>
      </c>
    </row>
    <row r="6993" spans="1:10" x14ac:dyDescent="0.35">
      <c r="A6993" s="5" t="s">
        <v>10</v>
      </c>
      <c r="B6993" s="6">
        <v>247628</v>
      </c>
      <c r="C6993" s="6" t="s">
        <v>117</v>
      </c>
      <c r="D6993" s="6" t="s">
        <v>1291</v>
      </c>
      <c r="E6993" s="6">
        <v>76834</v>
      </c>
      <c r="F6993" s="6" t="s">
        <v>18</v>
      </c>
      <c r="G6993" s="6" t="s">
        <v>13065</v>
      </c>
      <c r="H6993" s="6" t="s">
        <v>14092</v>
      </c>
      <c r="I6993" s="7">
        <v>2.4407489</v>
      </c>
      <c r="J6993" s="8">
        <v>-76.6061069</v>
      </c>
    </row>
    <row r="6994" spans="1:10" x14ac:dyDescent="0.35">
      <c r="A6994" s="5" t="s">
        <v>10</v>
      </c>
      <c r="B6994" s="6">
        <v>228040</v>
      </c>
      <c r="C6994" s="6" t="s">
        <v>117</v>
      </c>
      <c r="D6994" s="6" t="s">
        <v>13668</v>
      </c>
      <c r="E6994" s="6">
        <v>76828</v>
      </c>
      <c r="F6994" s="6" t="s">
        <v>18</v>
      </c>
      <c r="G6994" s="6" t="s">
        <v>14093</v>
      </c>
      <c r="H6994" s="6" t="s">
        <v>14094</v>
      </c>
      <c r="I6994" s="7">
        <v>4.2134365999999996</v>
      </c>
      <c r="J6994" s="8">
        <v>-76.317704499999905</v>
      </c>
    </row>
    <row r="6995" spans="1:10" x14ac:dyDescent="0.35">
      <c r="A6995" s="5" t="s">
        <v>10</v>
      </c>
      <c r="B6995" s="6">
        <v>241567</v>
      </c>
      <c r="C6995" s="6" t="s">
        <v>457</v>
      </c>
      <c r="D6995" s="6" t="s">
        <v>4400</v>
      </c>
      <c r="E6995" s="6">
        <v>52001</v>
      </c>
      <c r="F6995" s="6" t="s">
        <v>18</v>
      </c>
      <c r="G6995" s="6" t="s">
        <v>14095</v>
      </c>
      <c r="H6995" s="6" t="s">
        <v>14096</v>
      </c>
      <c r="I6995" s="7">
        <v>1.2020287999999999</v>
      </c>
      <c r="J6995" s="8">
        <v>-77.274322900000001</v>
      </c>
    </row>
    <row r="6996" spans="1:10" x14ac:dyDescent="0.35">
      <c r="A6996" s="5" t="s">
        <v>10</v>
      </c>
      <c r="B6996" s="6">
        <v>248013</v>
      </c>
      <c r="C6996" s="6" t="s">
        <v>68</v>
      </c>
      <c r="D6996" s="6" t="s">
        <v>69</v>
      </c>
      <c r="E6996" s="6">
        <v>11001</v>
      </c>
      <c r="F6996" s="6" t="s">
        <v>18</v>
      </c>
      <c r="G6996" s="6" t="s">
        <v>14097</v>
      </c>
      <c r="H6996" s="6" t="s">
        <v>14098</v>
      </c>
      <c r="I6996" s="7">
        <v>4.6117697</v>
      </c>
      <c r="J6996" s="8">
        <v>-74.184601700000002</v>
      </c>
    </row>
    <row r="6997" spans="1:10" x14ac:dyDescent="0.35">
      <c r="A6997" s="5" t="s">
        <v>10</v>
      </c>
      <c r="B6997" s="6">
        <v>225682</v>
      </c>
      <c r="C6997" s="6" t="s">
        <v>68</v>
      </c>
      <c r="D6997" s="6" t="s">
        <v>69</v>
      </c>
      <c r="E6997" s="6">
        <v>11001</v>
      </c>
      <c r="F6997" s="6" t="s">
        <v>18</v>
      </c>
      <c r="G6997" s="6" t="s">
        <v>14099</v>
      </c>
      <c r="H6997" s="6" t="s">
        <v>14100</v>
      </c>
      <c r="I6997" s="7">
        <v>4.6755249000000001</v>
      </c>
      <c r="J6997" s="8">
        <v>-74.110139799999999</v>
      </c>
    </row>
    <row r="6998" spans="1:10" x14ac:dyDescent="0.35">
      <c r="A6998" s="5" t="s">
        <v>10</v>
      </c>
      <c r="B6998" s="6">
        <v>229058</v>
      </c>
      <c r="C6998" s="6" t="s">
        <v>68</v>
      </c>
      <c r="D6998" s="6" t="s">
        <v>69</v>
      </c>
      <c r="E6998" s="6">
        <v>11001</v>
      </c>
      <c r="F6998" s="6" t="s">
        <v>18</v>
      </c>
      <c r="G6998" s="6" t="s">
        <v>14101</v>
      </c>
      <c r="H6998" s="6" t="s">
        <v>14102</v>
      </c>
      <c r="I6998" s="7">
        <v>4.5086217</v>
      </c>
      <c r="J6998" s="8">
        <v>-74.118921200000003</v>
      </c>
    </row>
    <row r="6999" spans="1:10" x14ac:dyDescent="0.35">
      <c r="A6999" s="5" t="s">
        <v>10</v>
      </c>
      <c r="B6999" s="6">
        <v>242609</v>
      </c>
      <c r="C6999" s="6" t="s">
        <v>68</v>
      </c>
      <c r="D6999" s="6" t="s">
        <v>69</v>
      </c>
      <c r="E6999" s="6">
        <v>11001</v>
      </c>
      <c r="F6999" s="6" t="s">
        <v>18</v>
      </c>
      <c r="G6999" s="6" t="s">
        <v>14103</v>
      </c>
      <c r="H6999" s="6" t="s">
        <v>14104</v>
      </c>
      <c r="I6999" s="7">
        <v>4.6722220999999999</v>
      </c>
      <c r="J6999" s="8">
        <v>-74.087474299999997</v>
      </c>
    </row>
    <row r="7000" spans="1:10" x14ac:dyDescent="0.35">
      <c r="A7000" s="5" t="s">
        <v>10</v>
      </c>
      <c r="B7000" s="6">
        <v>246909</v>
      </c>
      <c r="C7000" s="6" t="s">
        <v>68</v>
      </c>
      <c r="D7000" s="6" t="s">
        <v>69</v>
      </c>
      <c r="E7000" s="6">
        <v>11001</v>
      </c>
      <c r="F7000" s="6" t="s">
        <v>18</v>
      </c>
      <c r="G7000" s="6" t="s">
        <v>14105</v>
      </c>
      <c r="H7000" s="6" t="s">
        <v>14106</v>
      </c>
      <c r="I7000" s="7">
        <v>4.5555721</v>
      </c>
      <c r="J7000" s="8">
        <v>-74.112858500000002</v>
      </c>
    </row>
    <row r="7001" spans="1:10" x14ac:dyDescent="0.35">
      <c r="A7001" s="5" t="s">
        <v>10</v>
      </c>
      <c r="B7001" s="6">
        <v>238208</v>
      </c>
      <c r="C7001" s="6" t="s">
        <v>68</v>
      </c>
      <c r="D7001" s="6" t="s">
        <v>69</v>
      </c>
      <c r="E7001" s="6">
        <v>11001</v>
      </c>
      <c r="F7001" s="6" t="s">
        <v>18</v>
      </c>
      <c r="G7001" s="6" t="s">
        <v>14107</v>
      </c>
      <c r="H7001" s="6" t="s">
        <v>14108</v>
      </c>
      <c r="I7001" s="7">
        <v>4.6111396999999998</v>
      </c>
      <c r="J7001" s="8">
        <v>-74.113879800000007</v>
      </c>
    </row>
    <row r="7002" spans="1:10" x14ac:dyDescent="0.35">
      <c r="A7002" s="5" t="s">
        <v>10</v>
      </c>
      <c r="B7002" s="6">
        <v>175840</v>
      </c>
      <c r="C7002" s="6" t="s">
        <v>190</v>
      </c>
      <c r="D7002" s="6" t="s">
        <v>13266</v>
      </c>
      <c r="E7002" s="6">
        <v>5034</v>
      </c>
      <c r="F7002" s="6" t="s">
        <v>18</v>
      </c>
      <c r="G7002" s="6" t="s">
        <v>14109</v>
      </c>
      <c r="H7002" s="6" t="s">
        <v>14110</v>
      </c>
      <c r="I7002" s="7">
        <v>5.6132225</v>
      </c>
      <c r="J7002" s="8">
        <v>-75.916639099999998</v>
      </c>
    </row>
    <row r="7003" spans="1:10" x14ac:dyDescent="0.35">
      <c r="A7003" s="5" t="s">
        <v>10</v>
      </c>
      <c r="B7003" s="6">
        <v>201629</v>
      </c>
      <c r="C7003" s="6" t="s">
        <v>55</v>
      </c>
      <c r="D7003" s="6" t="s">
        <v>165</v>
      </c>
      <c r="E7003" s="6">
        <v>73449</v>
      </c>
      <c r="F7003" s="6" t="s">
        <v>13</v>
      </c>
      <c r="G7003" s="6" t="s">
        <v>14111</v>
      </c>
      <c r="H7003" s="6" t="s">
        <v>14112</v>
      </c>
      <c r="I7003" s="7">
        <v>4.2038755999999999</v>
      </c>
      <c r="J7003" s="8">
        <v>-74.6449049</v>
      </c>
    </row>
    <row r="7004" spans="1:10" x14ac:dyDescent="0.35">
      <c r="A7004" s="5" t="s">
        <v>10</v>
      </c>
      <c r="B7004" s="6">
        <v>229521</v>
      </c>
      <c r="C7004" s="6" t="s">
        <v>457</v>
      </c>
      <c r="D7004" s="6" t="s">
        <v>14113</v>
      </c>
      <c r="E7004" s="6">
        <v>52418</v>
      </c>
      <c r="F7004" s="6" t="s">
        <v>18</v>
      </c>
      <c r="G7004" s="6" t="s">
        <v>14114</v>
      </c>
      <c r="H7004" s="6" t="s">
        <v>14115</v>
      </c>
      <c r="I7004" s="7">
        <v>1.4937224</v>
      </c>
      <c r="J7004" s="8">
        <v>-77.521322699999999</v>
      </c>
    </row>
    <row r="7005" spans="1:10" x14ac:dyDescent="0.35">
      <c r="A7005" s="5" t="s">
        <v>10</v>
      </c>
      <c r="B7005" s="6">
        <v>240989</v>
      </c>
      <c r="C7005" s="6" t="s">
        <v>117</v>
      </c>
      <c r="D7005" s="6" t="s">
        <v>3492</v>
      </c>
      <c r="E7005" s="6">
        <v>76520</v>
      </c>
      <c r="F7005" s="6" t="s">
        <v>18</v>
      </c>
      <c r="G7005" s="6" t="s">
        <v>14116</v>
      </c>
      <c r="H7005" s="6" t="s">
        <v>14117</v>
      </c>
      <c r="I7005" s="7">
        <v>3.5267127</v>
      </c>
      <c r="J7005" s="8">
        <v>-76.296383700000007</v>
      </c>
    </row>
    <row r="7006" spans="1:10" x14ac:dyDescent="0.35">
      <c r="A7006" s="5" t="s">
        <v>10</v>
      </c>
      <c r="B7006" s="6">
        <v>241006</v>
      </c>
      <c r="C7006" s="6" t="s">
        <v>117</v>
      </c>
      <c r="D7006" s="6" t="s">
        <v>1334</v>
      </c>
      <c r="E7006" s="6">
        <v>76001</v>
      </c>
      <c r="F7006" s="6" t="s">
        <v>18</v>
      </c>
      <c r="G7006" s="6" t="s">
        <v>14118</v>
      </c>
      <c r="H7006" s="6" t="s">
        <v>14119</v>
      </c>
      <c r="I7006" s="7">
        <v>3.4316038</v>
      </c>
      <c r="J7006" s="8">
        <v>-76.544160700000006</v>
      </c>
    </row>
    <row r="7007" spans="1:10" x14ac:dyDescent="0.35">
      <c r="A7007" s="5" t="s">
        <v>10</v>
      </c>
      <c r="B7007" s="6">
        <v>241211</v>
      </c>
      <c r="C7007" s="6" t="s">
        <v>117</v>
      </c>
      <c r="D7007" s="6" t="s">
        <v>1334</v>
      </c>
      <c r="E7007" s="6">
        <v>76001</v>
      </c>
      <c r="F7007" s="6" t="s">
        <v>18</v>
      </c>
      <c r="G7007" s="6" t="s">
        <v>14120</v>
      </c>
      <c r="H7007" s="6" t="s">
        <v>14121</v>
      </c>
      <c r="I7007" s="7">
        <v>3.4369293999999999</v>
      </c>
      <c r="J7007" s="8">
        <v>-76.513194100000007</v>
      </c>
    </row>
    <row r="7008" spans="1:10" x14ac:dyDescent="0.35">
      <c r="A7008" s="5" t="s">
        <v>10</v>
      </c>
      <c r="B7008" s="6">
        <v>206128</v>
      </c>
      <c r="C7008" s="6" t="s">
        <v>68</v>
      </c>
      <c r="D7008" s="6" t="s">
        <v>69</v>
      </c>
      <c r="E7008" s="6">
        <v>11001</v>
      </c>
      <c r="F7008" s="6" t="s">
        <v>18</v>
      </c>
      <c r="G7008" s="6" t="s">
        <v>14122</v>
      </c>
      <c r="H7008" s="6" t="s">
        <v>14123</v>
      </c>
      <c r="I7008" s="7">
        <v>4.5983314999999996</v>
      </c>
      <c r="J7008" s="8">
        <v>-74.101083000000003</v>
      </c>
    </row>
    <row r="7009" spans="1:10" x14ac:dyDescent="0.35">
      <c r="A7009" s="5" t="s">
        <v>10</v>
      </c>
      <c r="B7009" s="6">
        <v>213254</v>
      </c>
      <c r="C7009" s="6" t="s">
        <v>68</v>
      </c>
      <c r="D7009" s="6" t="s">
        <v>69</v>
      </c>
      <c r="E7009" s="6">
        <v>11001</v>
      </c>
      <c r="F7009" s="6" t="s">
        <v>18</v>
      </c>
      <c r="G7009" s="6" t="s">
        <v>14124</v>
      </c>
      <c r="H7009" s="6" t="s">
        <v>14125</v>
      </c>
      <c r="I7009" s="7">
        <v>4.7108679999999996</v>
      </c>
      <c r="J7009" s="8">
        <v>-74.072189799999904</v>
      </c>
    </row>
    <row r="7010" spans="1:10" x14ac:dyDescent="0.35">
      <c r="A7010" s="5" t="s">
        <v>10</v>
      </c>
      <c r="B7010" s="6">
        <v>215559</v>
      </c>
      <c r="C7010" s="6" t="s">
        <v>68</v>
      </c>
      <c r="D7010" s="6" t="s">
        <v>69</v>
      </c>
      <c r="E7010" s="6">
        <v>11001</v>
      </c>
      <c r="F7010" s="6" t="s">
        <v>18</v>
      </c>
      <c r="G7010" s="6" t="s">
        <v>14126</v>
      </c>
      <c r="H7010" s="6" t="s">
        <v>14127</v>
      </c>
      <c r="I7010" s="7">
        <v>4.5690767000000001</v>
      </c>
      <c r="J7010" s="8">
        <v>-74.123795000000001</v>
      </c>
    </row>
    <row r="7011" spans="1:10" x14ac:dyDescent="0.35">
      <c r="A7011" s="5" t="s">
        <v>10</v>
      </c>
      <c r="B7011" s="6">
        <v>220205</v>
      </c>
      <c r="C7011" s="6" t="s">
        <v>68</v>
      </c>
      <c r="D7011" s="6" t="s">
        <v>69</v>
      </c>
      <c r="E7011" s="6">
        <v>11001</v>
      </c>
      <c r="F7011" s="6" t="s">
        <v>18</v>
      </c>
      <c r="G7011" s="6" t="s">
        <v>14128</v>
      </c>
      <c r="H7011" s="6" t="s">
        <v>14129</v>
      </c>
      <c r="I7011" s="7">
        <v>4.6045714999999996</v>
      </c>
      <c r="J7011" s="8">
        <v>-74.067480599999996</v>
      </c>
    </row>
    <row r="7012" spans="1:10" x14ac:dyDescent="0.35">
      <c r="A7012" s="5" t="s">
        <v>10</v>
      </c>
      <c r="B7012" s="6">
        <v>239752</v>
      </c>
      <c r="C7012" s="6" t="s">
        <v>68</v>
      </c>
      <c r="D7012" s="6" t="s">
        <v>69</v>
      </c>
      <c r="E7012" s="6">
        <v>11001</v>
      </c>
      <c r="F7012" s="6" t="s">
        <v>18</v>
      </c>
      <c r="G7012" s="6" t="s">
        <v>14130</v>
      </c>
      <c r="H7012" s="6" t="s">
        <v>14131</v>
      </c>
      <c r="I7012" s="7">
        <v>4.6276463000000003</v>
      </c>
      <c r="J7012" s="8">
        <v>-74.189169800000002</v>
      </c>
    </row>
    <row r="7013" spans="1:10" x14ac:dyDescent="0.35">
      <c r="A7013" s="5" t="s">
        <v>10</v>
      </c>
      <c r="B7013" s="6">
        <v>242359</v>
      </c>
      <c r="C7013" s="6" t="s">
        <v>68</v>
      </c>
      <c r="D7013" s="6" t="s">
        <v>69</v>
      </c>
      <c r="E7013" s="6">
        <v>11001</v>
      </c>
      <c r="F7013" s="6" t="s">
        <v>18</v>
      </c>
      <c r="G7013" s="6" t="s">
        <v>14132</v>
      </c>
      <c r="H7013" s="6" t="s">
        <v>14133</v>
      </c>
      <c r="I7013" s="7">
        <v>4.6523156999999999</v>
      </c>
      <c r="J7013" s="8">
        <v>-74.060524700000002</v>
      </c>
    </row>
    <row r="7014" spans="1:10" x14ac:dyDescent="0.35">
      <c r="A7014" s="5" t="s">
        <v>10</v>
      </c>
      <c r="B7014" s="6">
        <v>219950</v>
      </c>
      <c r="C7014" s="6" t="s">
        <v>68</v>
      </c>
      <c r="D7014" s="6" t="s">
        <v>69</v>
      </c>
      <c r="E7014" s="6">
        <v>11001</v>
      </c>
      <c r="F7014" s="6" t="s">
        <v>18</v>
      </c>
      <c r="G7014" s="6" t="s">
        <v>14134</v>
      </c>
      <c r="H7014" s="6" t="s">
        <v>14135</v>
      </c>
      <c r="I7014" s="7">
        <v>4.6390631000000004</v>
      </c>
      <c r="J7014" s="8">
        <v>-74.172850699999998</v>
      </c>
    </row>
    <row r="7015" spans="1:10" x14ac:dyDescent="0.35">
      <c r="A7015" s="5" t="s">
        <v>10</v>
      </c>
      <c r="B7015" s="6">
        <v>235379</v>
      </c>
      <c r="C7015" s="6" t="s">
        <v>68</v>
      </c>
      <c r="D7015" s="6" t="s">
        <v>69</v>
      </c>
      <c r="E7015" s="6">
        <v>11001</v>
      </c>
      <c r="F7015" s="6" t="s">
        <v>18</v>
      </c>
      <c r="G7015" s="6" t="s">
        <v>14136</v>
      </c>
      <c r="H7015" s="6" t="s">
        <v>14137</v>
      </c>
      <c r="I7015" s="7">
        <v>4.7404885999999999</v>
      </c>
      <c r="J7015" s="8">
        <v>-74.106812399999995</v>
      </c>
    </row>
    <row r="7016" spans="1:10" x14ac:dyDescent="0.35">
      <c r="A7016" s="5" t="s">
        <v>10</v>
      </c>
      <c r="B7016" s="6">
        <v>239429</v>
      </c>
      <c r="C7016" s="6" t="s">
        <v>68</v>
      </c>
      <c r="D7016" s="6" t="s">
        <v>69</v>
      </c>
      <c r="E7016" s="6">
        <v>11001</v>
      </c>
      <c r="F7016" s="6" t="s">
        <v>18</v>
      </c>
      <c r="G7016" s="6" t="s">
        <v>14138</v>
      </c>
      <c r="H7016" s="6" t="s">
        <v>14139</v>
      </c>
      <c r="I7016" s="7">
        <v>4.6508384999999999</v>
      </c>
      <c r="J7016" s="8">
        <v>-74.141687099999999</v>
      </c>
    </row>
    <row r="7017" spans="1:10" x14ac:dyDescent="0.35">
      <c r="A7017" s="5" t="s">
        <v>10</v>
      </c>
      <c r="B7017" s="6">
        <v>234106</v>
      </c>
      <c r="C7017" s="6" t="s">
        <v>68</v>
      </c>
      <c r="D7017" s="6" t="s">
        <v>69</v>
      </c>
      <c r="E7017" s="6">
        <v>11001</v>
      </c>
      <c r="F7017" s="6" t="s">
        <v>18</v>
      </c>
      <c r="G7017" s="6" t="s">
        <v>14140</v>
      </c>
      <c r="H7017" s="6" t="s">
        <v>14141</v>
      </c>
      <c r="I7017" s="7">
        <v>4.7618157999999999</v>
      </c>
      <c r="J7017" s="8">
        <v>-74.039085900000003</v>
      </c>
    </row>
    <row r="7018" spans="1:10" x14ac:dyDescent="0.35">
      <c r="A7018" s="5" t="s">
        <v>10</v>
      </c>
      <c r="B7018" s="6">
        <v>217115</v>
      </c>
      <c r="C7018" s="6" t="s">
        <v>68</v>
      </c>
      <c r="D7018" s="6" t="s">
        <v>69</v>
      </c>
      <c r="E7018" s="6">
        <v>11001</v>
      </c>
      <c r="F7018" s="6" t="s">
        <v>18</v>
      </c>
      <c r="G7018" s="6" t="s">
        <v>13306</v>
      </c>
      <c r="H7018" s="6" t="s">
        <v>14142</v>
      </c>
      <c r="I7018" s="7">
        <v>4.6410969</v>
      </c>
      <c r="J7018" s="8">
        <v>-74.161535599999993</v>
      </c>
    </row>
    <row r="7019" spans="1:10" x14ac:dyDescent="0.35">
      <c r="A7019" s="5" t="s">
        <v>10</v>
      </c>
      <c r="B7019" s="6">
        <v>237966</v>
      </c>
      <c r="C7019" s="6" t="s">
        <v>55</v>
      </c>
      <c r="D7019" s="6" t="s">
        <v>422</v>
      </c>
      <c r="E7019" s="6">
        <v>73504</v>
      </c>
      <c r="F7019" s="6" t="s">
        <v>18</v>
      </c>
      <c r="G7019" s="6" t="s">
        <v>14143</v>
      </c>
      <c r="H7019" s="6" t="s">
        <v>14144</v>
      </c>
      <c r="I7019" s="7">
        <v>3.86693</v>
      </c>
      <c r="J7019" s="8">
        <v>-75.282179999999997</v>
      </c>
    </row>
    <row r="7020" spans="1:10" x14ac:dyDescent="0.35">
      <c r="A7020" s="5" t="s">
        <v>10</v>
      </c>
      <c r="B7020" s="6">
        <v>208824</v>
      </c>
      <c r="C7020" s="6" t="s">
        <v>278</v>
      </c>
      <c r="D7020" s="6" t="s">
        <v>1331</v>
      </c>
      <c r="E7020" s="6">
        <v>50006</v>
      </c>
      <c r="F7020" s="6" t="s">
        <v>13</v>
      </c>
      <c r="G7020" s="6" t="s">
        <v>14145</v>
      </c>
      <c r="H7020" s="6" t="s">
        <v>14146</v>
      </c>
      <c r="I7020" s="7">
        <v>3.9880051999999999</v>
      </c>
      <c r="J7020" s="8">
        <v>-73.764516599999993</v>
      </c>
    </row>
    <row r="7021" spans="1:10" x14ac:dyDescent="0.35">
      <c r="A7021" s="5" t="s">
        <v>10</v>
      </c>
      <c r="B7021" s="6">
        <v>224768</v>
      </c>
      <c r="C7021" s="6" t="s">
        <v>117</v>
      </c>
      <c r="D7021" s="6" t="s">
        <v>1334</v>
      </c>
      <c r="E7021" s="6">
        <v>76001</v>
      </c>
      <c r="F7021" s="6" t="s">
        <v>18</v>
      </c>
      <c r="G7021" s="6" t="s">
        <v>14147</v>
      </c>
      <c r="H7021" s="6" t="s">
        <v>14148</v>
      </c>
      <c r="I7021" s="7">
        <v>3.4213385999999999</v>
      </c>
      <c r="J7021" s="8">
        <v>-76.484717500000002</v>
      </c>
    </row>
    <row r="7022" spans="1:10" x14ac:dyDescent="0.35">
      <c r="A7022" s="5" t="s">
        <v>10</v>
      </c>
      <c r="B7022" s="6">
        <v>232400</v>
      </c>
      <c r="C7022" s="6" t="s">
        <v>68</v>
      </c>
      <c r="D7022" s="6" t="s">
        <v>69</v>
      </c>
      <c r="E7022" s="6">
        <v>11001</v>
      </c>
      <c r="F7022" s="6" t="s">
        <v>18</v>
      </c>
      <c r="G7022" s="6" t="s">
        <v>14149</v>
      </c>
      <c r="H7022" s="6" t="s">
        <v>14150</v>
      </c>
      <c r="I7022" s="7">
        <v>4.6772621000000001</v>
      </c>
      <c r="J7022" s="8">
        <v>-74.103395500000005</v>
      </c>
    </row>
    <row r="7023" spans="1:10" x14ac:dyDescent="0.35">
      <c r="A7023" s="5" t="s">
        <v>10</v>
      </c>
      <c r="B7023" s="6">
        <v>204017</v>
      </c>
      <c r="C7023" s="6" t="s">
        <v>68</v>
      </c>
      <c r="D7023" s="6" t="s">
        <v>69</v>
      </c>
      <c r="E7023" s="6">
        <v>11001</v>
      </c>
      <c r="F7023" s="6" t="s">
        <v>18</v>
      </c>
      <c r="G7023" s="6" t="s">
        <v>14151</v>
      </c>
      <c r="H7023" s="6" t="s">
        <v>14152</v>
      </c>
      <c r="I7023" s="7">
        <v>4.7555793999999896</v>
      </c>
      <c r="J7023" s="8">
        <v>-74.096198799999996</v>
      </c>
    </row>
    <row r="7024" spans="1:10" x14ac:dyDescent="0.35">
      <c r="A7024" s="5" t="s">
        <v>10</v>
      </c>
      <c r="B7024" s="6">
        <v>183218</v>
      </c>
      <c r="C7024" s="6" t="s">
        <v>68</v>
      </c>
      <c r="D7024" s="6" t="s">
        <v>69</v>
      </c>
      <c r="E7024" s="6">
        <v>11001</v>
      </c>
      <c r="F7024" s="6" t="s">
        <v>18</v>
      </c>
      <c r="G7024" s="6" t="s">
        <v>14153</v>
      </c>
      <c r="H7024" s="6" t="s">
        <v>14154</v>
      </c>
      <c r="I7024" s="7">
        <v>4.7263067999999997</v>
      </c>
      <c r="J7024" s="8">
        <v>-74.055971900000003</v>
      </c>
    </row>
    <row r="7025" spans="1:10" x14ac:dyDescent="0.35">
      <c r="A7025" s="5" t="s">
        <v>10</v>
      </c>
      <c r="B7025" s="6">
        <v>203282</v>
      </c>
      <c r="C7025" s="6" t="s">
        <v>68</v>
      </c>
      <c r="D7025" s="6" t="s">
        <v>69</v>
      </c>
      <c r="E7025" s="6">
        <v>11001</v>
      </c>
      <c r="F7025" s="6" t="s">
        <v>18</v>
      </c>
      <c r="G7025" s="6" t="s">
        <v>14155</v>
      </c>
      <c r="H7025" s="6" t="s">
        <v>14156</v>
      </c>
      <c r="I7025" s="7">
        <v>4.7460810999999996</v>
      </c>
      <c r="J7025" s="8">
        <v>-74.108890700000003</v>
      </c>
    </row>
    <row r="7026" spans="1:10" x14ac:dyDescent="0.35">
      <c r="A7026" s="5" t="s">
        <v>10</v>
      </c>
      <c r="B7026" s="6">
        <v>206270</v>
      </c>
      <c r="C7026" s="6" t="s">
        <v>68</v>
      </c>
      <c r="D7026" s="6" t="s">
        <v>69</v>
      </c>
      <c r="E7026" s="6">
        <v>11001</v>
      </c>
      <c r="F7026" s="6" t="s">
        <v>18</v>
      </c>
      <c r="G7026" s="6" t="s">
        <v>14157</v>
      </c>
      <c r="H7026" s="6" t="s">
        <v>14158</v>
      </c>
      <c r="I7026" s="7">
        <v>4.7333609999999897</v>
      </c>
      <c r="J7026" s="8">
        <v>-74.097906600000002</v>
      </c>
    </row>
    <row r="7027" spans="1:10" x14ac:dyDescent="0.35">
      <c r="A7027" s="5" t="s">
        <v>10</v>
      </c>
      <c r="B7027" s="6">
        <v>242623</v>
      </c>
      <c r="C7027" s="6" t="s">
        <v>68</v>
      </c>
      <c r="D7027" s="6" t="s">
        <v>69</v>
      </c>
      <c r="E7027" s="6">
        <v>11001</v>
      </c>
      <c r="F7027" s="6" t="s">
        <v>18</v>
      </c>
      <c r="G7027" s="6" t="s">
        <v>14159</v>
      </c>
      <c r="H7027" s="6" t="s">
        <v>14160</v>
      </c>
      <c r="I7027" s="7">
        <v>4.7153340000000004</v>
      </c>
      <c r="J7027" s="8">
        <v>-74.029189000000002</v>
      </c>
    </row>
    <row r="7028" spans="1:10" x14ac:dyDescent="0.35">
      <c r="A7028" s="5" t="s">
        <v>10</v>
      </c>
      <c r="B7028" s="6">
        <v>248182</v>
      </c>
      <c r="C7028" s="6" t="s">
        <v>68</v>
      </c>
      <c r="D7028" s="6" t="s">
        <v>69</v>
      </c>
      <c r="E7028" s="6">
        <v>11001</v>
      </c>
      <c r="F7028" s="6" t="s">
        <v>18</v>
      </c>
      <c r="G7028" s="6" t="s">
        <v>14161</v>
      </c>
      <c r="H7028" s="6" t="s">
        <v>14162</v>
      </c>
      <c r="I7028" s="7">
        <v>4.6065180000000003</v>
      </c>
      <c r="J7028" s="8">
        <v>-74.101595000000003</v>
      </c>
    </row>
    <row r="7029" spans="1:10" x14ac:dyDescent="0.35">
      <c r="A7029" s="5" t="s">
        <v>10</v>
      </c>
      <c r="B7029" s="6">
        <v>205289</v>
      </c>
      <c r="C7029" s="6" t="s">
        <v>68</v>
      </c>
      <c r="D7029" s="6" t="s">
        <v>69</v>
      </c>
      <c r="E7029" s="6">
        <v>11001</v>
      </c>
      <c r="F7029" s="6" t="s">
        <v>18</v>
      </c>
      <c r="G7029" s="6" t="s">
        <v>1940</v>
      </c>
      <c r="H7029" s="6" t="s">
        <v>14163</v>
      </c>
      <c r="I7029" s="7">
        <v>4.5620096999999999</v>
      </c>
      <c r="J7029" s="8">
        <v>-74.127480199999994</v>
      </c>
    </row>
    <row r="7030" spans="1:10" x14ac:dyDescent="0.35">
      <c r="A7030" s="5" t="s">
        <v>10</v>
      </c>
      <c r="B7030" s="6">
        <v>222400</v>
      </c>
      <c r="C7030" s="6" t="s">
        <v>294</v>
      </c>
      <c r="D7030" s="6" t="s">
        <v>4257</v>
      </c>
      <c r="E7030" s="6">
        <v>41524</v>
      </c>
      <c r="F7030" s="6" t="s">
        <v>18</v>
      </c>
      <c r="G7030" s="6" t="s">
        <v>14164</v>
      </c>
      <c r="H7030" s="6" t="s">
        <v>14165</v>
      </c>
      <c r="I7030" s="7">
        <v>2.9490400000000001</v>
      </c>
      <c r="J7030" s="8">
        <v>-75.31044</v>
      </c>
    </row>
    <row r="7031" spans="1:10" x14ac:dyDescent="0.35">
      <c r="A7031" s="5" t="s">
        <v>10</v>
      </c>
      <c r="B7031" s="6">
        <v>149583</v>
      </c>
      <c r="C7031" s="6" t="s">
        <v>190</v>
      </c>
      <c r="D7031" s="6" t="s">
        <v>13266</v>
      </c>
      <c r="E7031" s="6">
        <v>5034</v>
      </c>
      <c r="F7031" s="6" t="s">
        <v>18</v>
      </c>
      <c r="G7031" s="6" t="s">
        <v>14166</v>
      </c>
      <c r="H7031" s="6" t="s">
        <v>14167</v>
      </c>
      <c r="I7031" s="7">
        <v>5.6533138999999997</v>
      </c>
      <c r="J7031" s="8">
        <v>-75.876763299999993</v>
      </c>
    </row>
    <row r="7032" spans="1:10" x14ac:dyDescent="0.35">
      <c r="A7032" s="5" t="s">
        <v>10</v>
      </c>
      <c r="B7032" s="6">
        <v>224179</v>
      </c>
      <c r="C7032" s="6" t="s">
        <v>366</v>
      </c>
      <c r="D7032" s="6" t="s">
        <v>8296</v>
      </c>
      <c r="E7032" s="6">
        <v>44001</v>
      </c>
      <c r="F7032" s="6" t="s">
        <v>13</v>
      </c>
      <c r="G7032" s="6" t="s">
        <v>14168</v>
      </c>
      <c r="H7032" s="6" t="s">
        <v>14169</v>
      </c>
      <c r="I7032" s="7">
        <v>11.5450248</v>
      </c>
      <c r="J7032" s="8">
        <v>-72.906046700000005</v>
      </c>
    </row>
    <row r="7033" spans="1:10" x14ac:dyDescent="0.35">
      <c r="A7033" s="5" t="s">
        <v>10</v>
      </c>
      <c r="B7033" s="6">
        <v>236434</v>
      </c>
      <c r="C7033" s="6" t="s">
        <v>11</v>
      </c>
      <c r="D7033" s="6" t="s">
        <v>101</v>
      </c>
      <c r="E7033" s="6">
        <v>25473</v>
      </c>
      <c r="F7033" s="6" t="s">
        <v>18</v>
      </c>
      <c r="G7033" s="6" t="s">
        <v>14170</v>
      </c>
      <c r="H7033" s="6" t="s">
        <v>14171</v>
      </c>
      <c r="I7033" s="7">
        <v>4.6458092000000004</v>
      </c>
      <c r="J7033" s="8">
        <v>-74.1138428</v>
      </c>
    </row>
    <row r="7034" spans="1:10" x14ac:dyDescent="0.35">
      <c r="A7034" s="5" t="s">
        <v>10</v>
      </c>
      <c r="B7034" s="6">
        <v>241048</v>
      </c>
      <c r="C7034" s="6" t="s">
        <v>117</v>
      </c>
      <c r="D7034" s="6" t="s">
        <v>1334</v>
      </c>
      <c r="E7034" s="6">
        <v>76001</v>
      </c>
      <c r="F7034" s="6" t="s">
        <v>18</v>
      </c>
      <c r="G7034" s="6" t="s">
        <v>14172</v>
      </c>
      <c r="H7034" s="6" t="s">
        <v>14173</v>
      </c>
      <c r="I7034" s="7">
        <v>3.4480054999999998</v>
      </c>
      <c r="J7034" s="8">
        <v>-76.535191499999996</v>
      </c>
    </row>
    <row r="7035" spans="1:10" x14ac:dyDescent="0.35">
      <c r="A7035" s="5" t="s">
        <v>10</v>
      </c>
      <c r="B7035" s="6">
        <v>238430</v>
      </c>
      <c r="C7035" s="6" t="s">
        <v>190</v>
      </c>
      <c r="D7035" s="6" t="s">
        <v>14174</v>
      </c>
      <c r="E7035" s="6">
        <v>5665</v>
      </c>
      <c r="F7035" s="6" t="s">
        <v>18</v>
      </c>
      <c r="G7035" s="6" t="s">
        <v>14175</v>
      </c>
      <c r="H7035" s="6" t="s">
        <v>14176</v>
      </c>
      <c r="I7035" s="7">
        <v>8.2784191000000007</v>
      </c>
      <c r="J7035" s="8">
        <v>-76.383462199999997</v>
      </c>
    </row>
    <row r="7036" spans="1:10" x14ac:dyDescent="0.35">
      <c r="A7036" s="5" t="s">
        <v>10</v>
      </c>
      <c r="B7036" s="6">
        <v>220070</v>
      </c>
      <c r="C7036" s="6" t="s">
        <v>68</v>
      </c>
      <c r="D7036" s="6" t="s">
        <v>69</v>
      </c>
      <c r="E7036" s="6">
        <v>11001</v>
      </c>
      <c r="F7036" s="6" t="s">
        <v>18</v>
      </c>
      <c r="G7036" s="6" t="s">
        <v>14177</v>
      </c>
      <c r="H7036" s="6" t="s">
        <v>14178</v>
      </c>
      <c r="I7036" s="7">
        <v>4.6542330999999999</v>
      </c>
      <c r="J7036" s="8">
        <v>-74.136713399999906</v>
      </c>
    </row>
    <row r="7037" spans="1:10" x14ac:dyDescent="0.35">
      <c r="A7037" s="5" t="s">
        <v>10</v>
      </c>
      <c r="B7037" s="6">
        <v>234949</v>
      </c>
      <c r="C7037" s="6" t="s">
        <v>68</v>
      </c>
      <c r="D7037" s="6" t="s">
        <v>69</v>
      </c>
      <c r="E7037" s="6">
        <v>11001</v>
      </c>
      <c r="F7037" s="6" t="s">
        <v>18</v>
      </c>
      <c r="G7037" s="6" t="s">
        <v>14179</v>
      </c>
      <c r="H7037" s="6" t="s">
        <v>14180</v>
      </c>
      <c r="I7037" s="7">
        <v>4.6805713999999998</v>
      </c>
      <c r="J7037" s="8">
        <v>-74.088928999999993</v>
      </c>
    </row>
    <row r="7038" spans="1:10" x14ac:dyDescent="0.35">
      <c r="A7038" s="5" t="s">
        <v>10</v>
      </c>
      <c r="B7038" s="6">
        <v>239176</v>
      </c>
      <c r="C7038" s="6" t="s">
        <v>68</v>
      </c>
      <c r="D7038" s="6" t="s">
        <v>69</v>
      </c>
      <c r="E7038" s="6">
        <v>11001</v>
      </c>
      <c r="F7038" s="6" t="s">
        <v>18</v>
      </c>
      <c r="G7038" s="6" t="s">
        <v>14181</v>
      </c>
      <c r="H7038" s="6" t="s">
        <v>14182</v>
      </c>
      <c r="I7038" s="7">
        <v>4.6696187</v>
      </c>
      <c r="J7038" s="8">
        <v>-74.158535999999998</v>
      </c>
    </row>
    <row r="7039" spans="1:10" x14ac:dyDescent="0.35">
      <c r="A7039" s="5" t="s">
        <v>10</v>
      </c>
      <c r="B7039" s="6">
        <v>201181</v>
      </c>
      <c r="C7039" s="6" t="s">
        <v>68</v>
      </c>
      <c r="D7039" s="6" t="s">
        <v>69</v>
      </c>
      <c r="E7039" s="6">
        <v>11001</v>
      </c>
      <c r="F7039" s="6" t="s">
        <v>18</v>
      </c>
      <c r="G7039" s="6" t="s">
        <v>14183</v>
      </c>
      <c r="H7039" s="6" t="s">
        <v>14184</v>
      </c>
      <c r="I7039" s="7">
        <v>4.5810218000000003</v>
      </c>
      <c r="J7039" s="8">
        <v>-74.102044899999996</v>
      </c>
    </row>
    <row r="7040" spans="1:10" x14ac:dyDescent="0.35">
      <c r="A7040" s="5" t="s">
        <v>10</v>
      </c>
      <c r="B7040" s="6">
        <v>208533</v>
      </c>
      <c r="C7040" s="6" t="s">
        <v>68</v>
      </c>
      <c r="D7040" s="6" t="s">
        <v>69</v>
      </c>
      <c r="E7040" s="6">
        <v>11001</v>
      </c>
      <c r="F7040" s="6" t="s">
        <v>18</v>
      </c>
      <c r="G7040" s="6" t="s">
        <v>14185</v>
      </c>
      <c r="H7040" s="6" t="s">
        <v>14186</v>
      </c>
      <c r="I7040" s="7">
        <v>4.7458983999999997</v>
      </c>
      <c r="J7040" s="8">
        <v>-74.110888199999906</v>
      </c>
    </row>
    <row r="7041" spans="1:10" x14ac:dyDescent="0.35">
      <c r="A7041" s="5" t="s">
        <v>10</v>
      </c>
      <c r="B7041" s="6">
        <v>232564</v>
      </c>
      <c r="C7041" s="6" t="s">
        <v>68</v>
      </c>
      <c r="D7041" s="6" t="s">
        <v>69</v>
      </c>
      <c r="E7041" s="6">
        <v>11001</v>
      </c>
      <c r="F7041" s="6" t="s">
        <v>18</v>
      </c>
      <c r="G7041" s="6" t="s">
        <v>14187</v>
      </c>
      <c r="H7041" s="6" t="s">
        <v>14188</v>
      </c>
      <c r="I7041" s="7">
        <v>4.6082121000000003</v>
      </c>
      <c r="J7041" s="8">
        <v>-74.201810399999999</v>
      </c>
    </row>
    <row r="7042" spans="1:10" x14ac:dyDescent="0.35">
      <c r="A7042" s="5" t="s">
        <v>10</v>
      </c>
      <c r="B7042" s="6">
        <v>233462</v>
      </c>
      <c r="C7042" s="6" t="s">
        <v>68</v>
      </c>
      <c r="D7042" s="6" t="s">
        <v>69</v>
      </c>
      <c r="E7042" s="6">
        <v>11001</v>
      </c>
      <c r="F7042" s="6" t="s">
        <v>18</v>
      </c>
      <c r="G7042" s="6" t="s">
        <v>14189</v>
      </c>
      <c r="H7042" s="6" t="s">
        <v>14190</v>
      </c>
      <c r="I7042" s="7">
        <v>4.6445800000000004</v>
      </c>
      <c r="J7042" s="8">
        <v>-74.146829999999994</v>
      </c>
    </row>
    <row r="7043" spans="1:10" x14ac:dyDescent="0.35">
      <c r="A7043" s="5" t="s">
        <v>10</v>
      </c>
      <c r="B7043" s="6">
        <v>224293</v>
      </c>
      <c r="C7043" s="6" t="s">
        <v>68</v>
      </c>
      <c r="D7043" s="6" t="s">
        <v>69</v>
      </c>
      <c r="E7043" s="6">
        <v>11001</v>
      </c>
      <c r="F7043" s="6" t="s">
        <v>18</v>
      </c>
      <c r="G7043" s="6" t="s">
        <v>14191</v>
      </c>
      <c r="H7043" s="6" t="s">
        <v>14192</v>
      </c>
      <c r="I7043" s="7">
        <v>4.6876188999999897</v>
      </c>
      <c r="J7043" s="8">
        <v>-74.083626899999999</v>
      </c>
    </row>
    <row r="7044" spans="1:10" x14ac:dyDescent="0.35">
      <c r="A7044" s="5" t="s">
        <v>10</v>
      </c>
      <c r="B7044" s="6">
        <v>228706</v>
      </c>
      <c r="C7044" s="6" t="s">
        <v>68</v>
      </c>
      <c r="D7044" s="6" t="s">
        <v>69</v>
      </c>
      <c r="E7044" s="6">
        <v>11001</v>
      </c>
      <c r="F7044" s="6" t="s">
        <v>18</v>
      </c>
      <c r="G7044" s="6" t="s">
        <v>14193</v>
      </c>
      <c r="H7044" s="6" t="s">
        <v>14194</v>
      </c>
      <c r="I7044" s="7">
        <v>4.4944841000000002</v>
      </c>
      <c r="J7044" s="8">
        <v>-74.103704899999997</v>
      </c>
    </row>
    <row r="7045" spans="1:10" x14ac:dyDescent="0.35">
      <c r="A7045" s="5" t="s">
        <v>10</v>
      </c>
      <c r="B7045" s="6">
        <v>248177</v>
      </c>
      <c r="C7045" s="6" t="s">
        <v>68</v>
      </c>
      <c r="D7045" s="6" t="s">
        <v>69</v>
      </c>
      <c r="E7045" s="6">
        <v>11001</v>
      </c>
      <c r="F7045" s="6" t="s">
        <v>18</v>
      </c>
      <c r="G7045" s="6" t="s">
        <v>14195</v>
      </c>
      <c r="H7045" s="6" t="s">
        <v>14196</v>
      </c>
      <c r="I7045" s="7">
        <v>4.6111537</v>
      </c>
      <c r="J7045" s="8">
        <v>-74.189633700000002</v>
      </c>
    </row>
    <row r="7046" spans="1:10" x14ac:dyDescent="0.35">
      <c r="A7046" s="5" t="s">
        <v>10</v>
      </c>
      <c r="B7046" s="6">
        <v>201991</v>
      </c>
      <c r="C7046" s="6" t="s">
        <v>68</v>
      </c>
      <c r="D7046" s="6" t="s">
        <v>69</v>
      </c>
      <c r="E7046" s="6">
        <v>11001</v>
      </c>
      <c r="F7046" s="6" t="s">
        <v>18</v>
      </c>
      <c r="G7046" s="6" t="s">
        <v>14197</v>
      </c>
      <c r="H7046" s="6" t="s">
        <v>14198</v>
      </c>
      <c r="I7046" s="7">
        <v>4.5319098000000002</v>
      </c>
      <c r="J7046" s="8">
        <v>-74.1182941</v>
      </c>
    </row>
    <row r="7047" spans="1:10" x14ac:dyDescent="0.35">
      <c r="A7047" s="5" t="s">
        <v>10</v>
      </c>
      <c r="B7047" s="6">
        <v>205801</v>
      </c>
      <c r="C7047" s="6" t="s">
        <v>68</v>
      </c>
      <c r="D7047" s="6" t="s">
        <v>69</v>
      </c>
      <c r="E7047" s="6">
        <v>11001</v>
      </c>
      <c r="F7047" s="6" t="s">
        <v>18</v>
      </c>
      <c r="G7047" s="6" t="s">
        <v>14199</v>
      </c>
      <c r="H7047" s="6" t="s">
        <v>14200</v>
      </c>
      <c r="I7047" s="7">
        <v>4.5534113999999999</v>
      </c>
      <c r="J7047" s="8">
        <v>-74.140304599999993</v>
      </c>
    </row>
    <row r="7048" spans="1:10" x14ac:dyDescent="0.35">
      <c r="A7048" s="5" t="s">
        <v>10</v>
      </c>
      <c r="B7048" s="6">
        <v>242658</v>
      </c>
      <c r="C7048" s="6" t="s">
        <v>68</v>
      </c>
      <c r="D7048" s="6" t="s">
        <v>69</v>
      </c>
      <c r="E7048" s="6">
        <v>11001</v>
      </c>
      <c r="F7048" s="6" t="s">
        <v>18</v>
      </c>
      <c r="G7048" s="6" t="s">
        <v>14201</v>
      </c>
      <c r="H7048" s="6" t="s">
        <v>14202</v>
      </c>
      <c r="I7048" s="7">
        <v>4.6342125000000003</v>
      </c>
      <c r="J7048" s="8">
        <v>-74.148851800000003</v>
      </c>
    </row>
    <row r="7049" spans="1:10" x14ac:dyDescent="0.35">
      <c r="A7049" s="5" t="s">
        <v>10</v>
      </c>
      <c r="B7049" s="6">
        <v>247954</v>
      </c>
      <c r="C7049" s="6" t="s">
        <v>190</v>
      </c>
      <c r="D7049" s="6" t="s">
        <v>191</v>
      </c>
      <c r="E7049" s="6">
        <v>5001</v>
      </c>
      <c r="F7049" s="6" t="s">
        <v>18</v>
      </c>
      <c r="G7049" s="6" t="s">
        <v>14203</v>
      </c>
      <c r="H7049" s="6" t="s">
        <v>14204</v>
      </c>
      <c r="I7049" s="7">
        <v>6.2759105999999996</v>
      </c>
      <c r="J7049" s="8">
        <v>-75.557645300000004</v>
      </c>
    </row>
    <row r="7050" spans="1:10" x14ac:dyDescent="0.35">
      <c r="A7050" s="5" t="s">
        <v>10</v>
      </c>
      <c r="B7050" s="6">
        <v>210335</v>
      </c>
      <c r="C7050" s="6" t="s">
        <v>68</v>
      </c>
      <c r="D7050" s="6" t="s">
        <v>69</v>
      </c>
      <c r="E7050" s="6">
        <v>11001</v>
      </c>
      <c r="F7050" s="6" t="s">
        <v>18</v>
      </c>
      <c r="G7050" s="6" t="s">
        <v>14205</v>
      </c>
      <c r="H7050" s="6" t="s">
        <v>14206</v>
      </c>
      <c r="I7050" s="7">
        <v>4.6397008</v>
      </c>
      <c r="J7050" s="8">
        <v>-74.1602484</v>
      </c>
    </row>
    <row r="7051" spans="1:10" x14ac:dyDescent="0.35">
      <c r="A7051" s="5" t="s">
        <v>10</v>
      </c>
      <c r="B7051" s="6">
        <v>230035</v>
      </c>
      <c r="C7051" s="6" t="s">
        <v>68</v>
      </c>
      <c r="D7051" s="6" t="s">
        <v>69</v>
      </c>
      <c r="E7051" s="6">
        <v>11001</v>
      </c>
      <c r="F7051" s="6" t="s">
        <v>18</v>
      </c>
      <c r="G7051" s="6" t="s">
        <v>14207</v>
      </c>
      <c r="H7051" s="6" t="s">
        <v>14208</v>
      </c>
      <c r="I7051" s="7">
        <v>4.7465511999999999</v>
      </c>
      <c r="J7051" s="8">
        <v>-74.113225</v>
      </c>
    </row>
    <row r="7052" spans="1:10" x14ac:dyDescent="0.35">
      <c r="A7052" s="5" t="s">
        <v>10</v>
      </c>
      <c r="B7052" s="6">
        <v>242273</v>
      </c>
      <c r="C7052" s="6" t="s">
        <v>68</v>
      </c>
      <c r="D7052" s="6" t="s">
        <v>69</v>
      </c>
      <c r="E7052" s="6">
        <v>11001</v>
      </c>
      <c r="F7052" s="6" t="s">
        <v>18</v>
      </c>
      <c r="G7052" s="6" t="s">
        <v>14209</v>
      </c>
      <c r="H7052" s="6" t="s">
        <v>14210</v>
      </c>
      <c r="I7052" s="7">
        <v>4.5765843999999998</v>
      </c>
      <c r="J7052" s="8">
        <v>-74.1038712</v>
      </c>
    </row>
    <row r="7053" spans="1:10" x14ac:dyDescent="0.35">
      <c r="A7053" s="5" t="s">
        <v>10</v>
      </c>
      <c r="B7053" s="6">
        <v>209339</v>
      </c>
      <c r="C7053" s="6" t="s">
        <v>68</v>
      </c>
      <c r="D7053" s="6" t="s">
        <v>69</v>
      </c>
      <c r="E7053" s="6">
        <v>11001</v>
      </c>
      <c r="F7053" s="6" t="s">
        <v>18</v>
      </c>
      <c r="G7053" s="6" t="s">
        <v>14211</v>
      </c>
      <c r="H7053" s="6" t="s">
        <v>14212</v>
      </c>
      <c r="I7053" s="7">
        <v>4.6075255999999998</v>
      </c>
      <c r="J7053" s="8">
        <v>-74.084634699999995</v>
      </c>
    </row>
    <row r="7054" spans="1:10" x14ac:dyDescent="0.35">
      <c r="A7054" s="5" t="s">
        <v>10</v>
      </c>
      <c r="B7054" s="6">
        <v>242064</v>
      </c>
      <c r="C7054" s="6" t="s">
        <v>68</v>
      </c>
      <c r="D7054" s="6" t="s">
        <v>69</v>
      </c>
      <c r="E7054" s="6">
        <v>11001</v>
      </c>
      <c r="F7054" s="6" t="s">
        <v>18</v>
      </c>
      <c r="G7054" s="6" t="s">
        <v>14213</v>
      </c>
      <c r="H7054" s="6" t="s">
        <v>14214</v>
      </c>
      <c r="I7054" s="7">
        <v>4.7261813000000004</v>
      </c>
      <c r="J7054" s="8">
        <v>-74.056010400000005</v>
      </c>
    </row>
    <row r="7055" spans="1:10" x14ac:dyDescent="0.35">
      <c r="A7055" s="5" t="s">
        <v>10</v>
      </c>
      <c r="B7055" s="6">
        <v>214282</v>
      </c>
      <c r="C7055" s="6" t="s">
        <v>68</v>
      </c>
      <c r="D7055" s="6" t="s">
        <v>69</v>
      </c>
      <c r="E7055" s="6">
        <v>11001</v>
      </c>
      <c r="F7055" s="6" t="s">
        <v>18</v>
      </c>
      <c r="G7055" s="6" t="s">
        <v>14215</v>
      </c>
      <c r="H7055" s="6" t="s">
        <v>14216</v>
      </c>
      <c r="I7055" s="7">
        <v>4.5875398000000001</v>
      </c>
      <c r="J7055" s="8">
        <v>-74.089066199999905</v>
      </c>
    </row>
    <row r="7056" spans="1:10" x14ac:dyDescent="0.35">
      <c r="A7056" s="5" t="s">
        <v>10</v>
      </c>
      <c r="B7056" s="6">
        <v>236354</v>
      </c>
      <c r="C7056" s="6" t="s">
        <v>68</v>
      </c>
      <c r="D7056" s="6" t="s">
        <v>69</v>
      </c>
      <c r="E7056" s="6">
        <v>11001</v>
      </c>
      <c r="F7056" s="6" t="s">
        <v>18</v>
      </c>
      <c r="G7056" s="6" t="s">
        <v>14217</v>
      </c>
      <c r="H7056" s="6" t="s">
        <v>14218</v>
      </c>
      <c r="I7056" s="7">
        <v>4.5674393000000002</v>
      </c>
      <c r="J7056" s="8">
        <v>-74.083375099999998</v>
      </c>
    </row>
    <row r="7057" spans="1:10" x14ac:dyDescent="0.35">
      <c r="A7057" s="5" t="s">
        <v>10</v>
      </c>
      <c r="B7057" s="6">
        <v>226636</v>
      </c>
      <c r="C7057" s="6" t="s">
        <v>68</v>
      </c>
      <c r="D7057" s="6" t="s">
        <v>69</v>
      </c>
      <c r="E7057" s="6">
        <v>11001</v>
      </c>
      <c r="F7057" s="6" t="s">
        <v>18</v>
      </c>
      <c r="G7057" s="6" t="s">
        <v>14219</v>
      </c>
      <c r="H7057" s="6" t="s">
        <v>14220</v>
      </c>
      <c r="I7057" s="7">
        <v>4.5777261999999999</v>
      </c>
      <c r="J7057" s="8">
        <v>-74.138529899999995</v>
      </c>
    </row>
    <row r="7058" spans="1:10" x14ac:dyDescent="0.35">
      <c r="A7058" s="5" t="s">
        <v>10</v>
      </c>
      <c r="B7058" s="6">
        <v>236308</v>
      </c>
      <c r="C7058" s="6" t="s">
        <v>68</v>
      </c>
      <c r="D7058" s="6" t="s">
        <v>69</v>
      </c>
      <c r="E7058" s="6">
        <v>11001</v>
      </c>
      <c r="F7058" s="6" t="s">
        <v>18</v>
      </c>
      <c r="G7058" s="6" t="s">
        <v>14221</v>
      </c>
      <c r="H7058" s="6" t="s">
        <v>14222</v>
      </c>
      <c r="I7058" s="7">
        <v>4.6787232999999997</v>
      </c>
      <c r="J7058" s="8">
        <v>-74.081059699999997</v>
      </c>
    </row>
    <row r="7059" spans="1:10" x14ac:dyDescent="0.35">
      <c r="A7059" s="5" t="s">
        <v>10</v>
      </c>
      <c r="B7059" s="6">
        <v>236535</v>
      </c>
      <c r="C7059" s="6" t="s">
        <v>68</v>
      </c>
      <c r="D7059" s="6" t="s">
        <v>69</v>
      </c>
      <c r="E7059" s="6">
        <v>11001</v>
      </c>
      <c r="F7059" s="6" t="s">
        <v>18</v>
      </c>
      <c r="G7059" s="6" t="s">
        <v>14223</v>
      </c>
      <c r="H7059" s="6" t="s">
        <v>14224</v>
      </c>
      <c r="I7059" s="7">
        <v>4.6391789000000001</v>
      </c>
      <c r="J7059" s="8">
        <v>-74.202091100000004</v>
      </c>
    </row>
    <row r="7060" spans="1:10" x14ac:dyDescent="0.35">
      <c r="A7060" s="5" t="s">
        <v>10</v>
      </c>
      <c r="B7060" s="6">
        <v>242518</v>
      </c>
      <c r="C7060" s="6" t="s">
        <v>68</v>
      </c>
      <c r="D7060" s="6" t="s">
        <v>69</v>
      </c>
      <c r="E7060" s="6">
        <v>11001</v>
      </c>
      <c r="F7060" s="6" t="s">
        <v>18</v>
      </c>
      <c r="G7060" s="6" t="s">
        <v>14225</v>
      </c>
      <c r="H7060" s="6" t="s">
        <v>14226</v>
      </c>
      <c r="I7060" s="7">
        <v>4.6410977999999998</v>
      </c>
      <c r="J7060" s="8">
        <v>-74.071949099999998</v>
      </c>
    </row>
    <row r="7061" spans="1:10" x14ac:dyDescent="0.35">
      <c r="A7061" s="5" t="s">
        <v>10</v>
      </c>
      <c r="B7061" s="6">
        <v>246022</v>
      </c>
      <c r="C7061" s="6" t="s">
        <v>68</v>
      </c>
      <c r="D7061" s="6" t="s">
        <v>69</v>
      </c>
      <c r="E7061" s="6">
        <v>11001</v>
      </c>
      <c r="F7061" s="6" t="s">
        <v>18</v>
      </c>
      <c r="G7061" s="6" t="s">
        <v>14227</v>
      </c>
      <c r="H7061" s="6" t="s">
        <v>14228</v>
      </c>
      <c r="I7061" s="7">
        <v>4.5100673999999996</v>
      </c>
      <c r="J7061" s="8">
        <v>-74.109249199999994</v>
      </c>
    </row>
    <row r="7062" spans="1:10" x14ac:dyDescent="0.35">
      <c r="A7062" s="5" t="s">
        <v>10</v>
      </c>
      <c r="B7062" s="6">
        <v>209942</v>
      </c>
      <c r="C7062" s="6" t="s">
        <v>68</v>
      </c>
      <c r="D7062" s="6" t="s">
        <v>69</v>
      </c>
      <c r="E7062" s="6">
        <v>11001</v>
      </c>
      <c r="F7062" s="6" t="s">
        <v>18</v>
      </c>
      <c r="G7062" s="6" t="s">
        <v>14229</v>
      </c>
      <c r="H7062" s="6" t="s">
        <v>14230</v>
      </c>
      <c r="I7062" s="7">
        <v>4.5789613999999998</v>
      </c>
      <c r="J7062" s="8">
        <v>-74.218121099999905</v>
      </c>
    </row>
    <row r="7063" spans="1:10" x14ac:dyDescent="0.35">
      <c r="A7063" s="5" t="s">
        <v>10</v>
      </c>
      <c r="B7063" s="6">
        <v>210509</v>
      </c>
      <c r="C7063" s="6" t="s">
        <v>68</v>
      </c>
      <c r="D7063" s="6" t="s">
        <v>69</v>
      </c>
      <c r="E7063" s="6">
        <v>11001</v>
      </c>
      <c r="F7063" s="6" t="s">
        <v>18</v>
      </c>
      <c r="G7063" s="6" t="s">
        <v>14231</v>
      </c>
      <c r="H7063" s="6" t="s">
        <v>14232</v>
      </c>
      <c r="I7063" s="7">
        <v>4.6043373000000001</v>
      </c>
      <c r="J7063" s="8">
        <v>-74.152734199999998</v>
      </c>
    </row>
    <row r="7064" spans="1:10" x14ac:dyDescent="0.35">
      <c r="A7064" s="5" t="s">
        <v>10</v>
      </c>
      <c r="B7064" s="6">
        <v>220441</v>
      </c>
      <c r="C7064" s="6" t="s">
        <v>190</v>
      </c>
      <c r="D7064" s="6" t="s">
        <v>13266</v>
      </c>
      <c r="E7064" s="6">
        <v>5034</v>
      </c>
      <c r="F7064" s="6" t="s">
        <v>18</v>
      </c>
      <c r="G7064" s="6" t="s">
        <v>14233</v>
      </c>
      <c r="H7064" s="6" t="s">
        <v>14234</v>
      </c>
      <c r="I7064" s="7">
        <v>5.6560685999999896</v>
      </c>
      <c r="J7064" s="8">
        <v>-75.880477099999993</v>
      </c>
    </row>
    <row r="7065" spans="1:10" x14ac:dyDescent="0.35">
      <c r="A7065" s="5" t="s">
        <v>10</v>
      </c>
      <c r="B7065" s="6">
        <v>221840</v>
      </c>
      <c r="C7065" s="6" t="s">
        <v>190</v>
      </c>
      <c r="D7065" s="6" t="s">
        <v>11740</v>
      </c>
      <c r="E7065" s="6">
        <v>5376</v>
      </c>
      <c r="F7065" s="6" t="s">
        <v>18</v>
      </c>
      <c r="G7065" s="6" t="s">
        <v>14235</v>
      </c>
      <c r="H7065" s="6" t="s">
        <v>14236</v>
      </c>
      <c r="I7065" s="7">
        <v>6.0220975999999897</v>
      </c>
      <c r="J7065" s="8">
        <v>-75.431536600000001</v>
      </c>
    </row>
    <row r="7066" spans="1:10" x14ac:dyDescent="0.35">
      <c r="A7066" s="5" t="s">
        <v>10</v>
      </c>
      <c r="B7066" s="6">
        <v>189632</v>
      </c>
      <c r="C7066" s="6" t="s">
        <v>308</v>
      </c>
      <c r="D7066" s="6" t="s">
        <v>309</v>
      </c>
      <c r="E7066" s="6">
        <v>23001</v>
      </c>
      <c r="F7066" s="6" t="s">
        <v>13</v>
      </c>
      <c r="G7066" s="6" t="s">
        <v>14237</v>
      </c>
      <c r="H7066" s="6" t="s">
        <v>14238</v>
      </c>
      <c r="I7066" s="7">
        <v>8.7630222</v>
      </c>
      <c r="J7066" s="8">
        <v>-75.880781799999994</v>
      </c>
    </row>
    <row r="7067" spans="1:10" x14ac:dyDescent="0.35">
      <c r="A7067" s="5" t="s">
        <v>10</v>
      </c>
      <c r="B7067" s="6">
        <v>208554</v>
      </c>
      <c r="C7067" s="6" t="s">
        <v>24</v>
      </c>
      <c r="D7067" s="6" t="s">
        <v>137</v>
      </c>
      <c r="E7067" s="6">
        <v>15238</v>
      </c>
      <c r="F7067" s="6" t="s">
        <v>13</v>
      </c>
      <c r="G7067" s="6" t="s">
        <v>14239</v>
      </c>
      <c r="H7067" s="6" t="s">
        <v>14240</v>
      </c>
      <c r="I7067" s="7">
        <v>5.8268950999999998</v>
      </c>
      <c r="J7067" s="8">
        <v>-73.032927299999997</v>
      </c>
    </row>
    <row r="7068" spans="1:10" x14ac:dyDescent="0.35">
      <c r="A7068" s="5" t="s">
        <v>10</v>
      </c>
      <c r="B7068" s="6">
        <v>211153</v>
      </c>
      <c r="C7068" s="6" t="s">
        <v>366</v>
      </c>
      <c r="D7068" s="6" t="s">
        <v>370</v>
      </c>
      <c r="E7068" s="6">
        <v>44874</v>
      </c>
      <c r="F7068" s="6" t="s">
        <v>13</v>
      </c>
      <c r="G7068" s="6" t="s">
        <v>14241</v>
      </c>
      <c r="H7068" s="6" t="s">
        <v>14242</v>
      </c>
      <c r="I7068" s="7">
        <v>10.608075700000001</v>
      </c>
      <c r="J7068" s="8">
        <v>-72.9806454</v>
      </c>
    </row>
    <row r="7069" spans="1:10" x14ac:dyDescent="0.35">
      <c r="A7069" s="5" t="s">
        <v>10</v>
      </c>
      <c r="B7069" s="6">
        <v>217640</v>
      </c>
      <c r="C7069" s="6" t="s">
        <v>117</v>
      </c>
      <c r="D7069" s="6" t="s">
        <v>1334</v>
      </c>
      <c r="E7069" s="6">
        <v>76001</v>
      </c>
      <c r="F7069" s="6" t="s">
        <v>18</v>
      </c>
      <c r="G7069" s="6" t="s">
        <v>14243</v>
      </c>
      <c r="H7069" s="6" t="s">
        <v>14244</v>
      </c>
      <c r="I7069" s="7">
        <v>3.4225840000000001</v>
      </c>
      <c r="J7069" s="8">
        <v>-76.517435000000006</v>
      </c>
    </row>
    <row r="7070" spans="1:10" x14ac:dyDescent="0.35">
      <c r="A7070" s="5" t="s">
        <v>10</v>
      </c>
      <c r="B7070" s="6">
        <v>205181</v>
      </c>
      <c r="C7070" s="6" t="s">
        <v>117</v>
      </c>
      <c r="D7070" s="6" t="s">
        <v>3860</v>
      </c>
      <c r="E7070" s="6">
        <v>76130</v>
      </c>
      <c r="F7070" s="6" t="s">
        <v>18</v>
      </c>
      <c r="G7070" s="6" t="s">
        <v>14245</v>
      </c>
      <c r="H7070" s="6" t="s">
        <v>14246</v>
      </c>
      <c r="I7070" s="7">
        <v>3.41052</v>
      </c>
      <c r="J7070" s="8">
        <v>-76.507092499999999</v>
      </c>
    </row>
    <row r="7071" spans="1:10" x14ac:dyDescent="0.35">
      <c r="A7071" s="5" t="s">
        <v>10</v>
      </c>
      <c r="B7071" s="6">
        <v>214547</v>
      </c>
      <c r="C7071" s="6" t="s">
        <v>190</v>
      </c>
      <c r="D7071" s="6" t="s">
        <v>191</v>
      </c>
      <c r="E7071" s="6">
        <v>5001</v>
      </c>
      <c r="F7071" s="6" t="s">
        <v>18</v>
      </c>
      <c r="G7071" s="6" t="s">
        <v>14247</v>
      </c>
      <c r="H7071" s="6" t="s">
        <v>14248</v>
      </c>
      <c r="I7071" s="7">
        <v>6.2887306999999897</v>
      </c>
      <c r="J7071" s="8">
        <v>-75.572750799999994</v>
      </c>
    </row>
    <row r="7072" spans="1:10" x14ac:dyDescent="0.35">
      <c r="A7072" s="5" t="s">
        <v>10</v>
      </c>
      <c r="B7072" s="6">
        <v>192290</v>
      </c>
      <c r="C7072" s="6" t="s">
        <v>68</v>
      </c>
      <c r="D7072" s="6" t="s">
        <v>69</v>
      </c>
      <c r="E7072" s="6">
        <v>11001</v>
      </c>
      <c r="F7072" s="6" t="s">
        <v>18</v>
      </c>
      <c r="G7072" s="6" t="s">
        <v>14249</v>
      </c>
      <c r="H7072" s="6" t="s">
        <v>14250</v>
      </c>
      <c r="I7072" s="7">
        <v>4.6184037</v>
      </c>
      <c r="J7072" s="8">
        <v>-74.196188100000001</v>
      </c>
    </row>
    <row r="7073" spans="1:10" x14ac:dyDescent="0.35">
      <c r="A7073" s="5" t="s">
        <v>10</v>
      </c>
      <c r="B7073" s="6">
        <v>232036</v>
      </c>
      <c r="C7073" s="6" t="s">
        <v>68</v>
      </c>
      <c r="D7073" s="6" t="s">
        <v>69</v>
      </c>
      <c r="E7073" s="6">
        <v>11001</v>
      </c>
      <c r="F7073" s="6" t="s">
        <v>18</v>
      </c>
      <c r="G7073" s="6" t="s">
        <v>14251</v>
      </c>
      <c r="H7073" s="6" t="s">
        <v>14252</v>
      </c>
      <c r="I7073" s="7">
        <v>4.6726539000000002</v>
      </c>
      <c r="J7073" s="8">
        <v>-74.099247300000002</v>
      </c>
    </row>
    <row r="7074" spans="1:10" x14ac:dyDescent="0.35">
      <c r="A7074" s="5" t="s">
        <v>10</v>
      </c>
      <c r="B7074" s="6">
        <v>238541</v>
      </c>
      <c r="C7074" s="6" t="s">
        <v>68</v>
      </c>
      <c r="D7074" s="6" t="s">
        <v>69</v>
      </c>
      <c r="E7074" s="6">
        <v>11001</v>
      </c>
      <c r="F7074" s="6" t="s">
        <v>18</v>
      </c>
      <c r="G7074" s="6" t="s">
        <v>14253</v>
      </c>
      <c r="H7074" s="6" t="s">
        <v>14254</v>
      </c>
      <c r="I7074" s="7">
        <v>4.6350389999999999</v>
      </c>
      <c r="J7074" s="8">
        <v>-74.198429000000004</v>
      </c>
    </row>
    <row r="7075" spans="1:10" x14ac:dyDescent="0.35">
      <c r="A7075" s="5" t="s">
        <v>10</v>
      </c>
      <c r="B7075" s="6">
        <v>242593</v>
      </c>
      <c r="C7075" s="6" t="s">
        <v>68</v>
      </c>
      <c r="D7075" s="6" t="s">
        <v>69</v>
      </c>
      <c r="E7075" s="6">
        <v>11001</v>
      </c>
      <c r="F7075" s="6" t="s">
        <v>18</v>
      </c>
      <c r="G7075" s="6" t="s">
        <v>11691</v>
      </c>
      <c r="H7075" s="6" t="s">
        <v>14255</v>
      </c>
      <c r="I7075" s="7">
        <v>4.7145004000000004</v>
      </c>
      <c r="J7075" s="8">
        <v>-74.071228700000006</v>
      </c>
    </row>
    <row r="7076" spans="1:10" x14ac:dyDescent="0.35">
      <c r="A7076" s="5" t="s">
        <v>10</v>
      </c>
      <c r="B7076" s="6">
        <v>206864</v>
      </c>
      <c r="C7076" s="6" t="s">
        <v>68</v>
      </c>
      <c r="D7076" s="6" t="s">
        <v>69</v>
      </c>
      <c r="E7076" s="6">
        <v>11001</v>
      </c>
      <c r="F7076" s="6" t="s">
        <v>18</v>
      </c>
      <c r="G7076" s="6" t="s">
        <v>14256</v>
      </c>
      <c r="H7076" s="6" t="s">
        <v>14257</v>
      </c>
      <c r="I7076" s="7">
        <v>4.7117684999999998</v>
      </c>
      <c r="J7076" s="8">
        <v>-74.096446900000004</v>
      </c>
    </row>
    <row r="7077" spans="1:10" x14ac:dyDescent="0.35">
      <c r="A7077" s="5" t="s">
        <v>10</v>
      </c>
      <c r="B7077" s="6">
        <v>232099</v>
      </c>
      <c r="C7077" s="6" t="s">
        <v>68</v>
      </c>
      <c r="D7077" s="6" t="s">
        <v>69</v>
      </c>
      <c r="E7077" s="6">
        <v>11001</v>
      </c>
      <c r="F7077" s="6" t="s">
        <v>18</v>
      </c>
      <c r="G7077" s="6" t="s">
        <v>14258</v>
      </c>
      <c r="H7077" s="6" t="s">
        <v>14259</v>
      </c>
      <c r="I7077" s="7">
        <v>4.5161531000000004</v>
      </c>
      <c r="J7077" s="8">
        <v>-74.105641500000004</v>
      </c>
    </row>
    <row r="7078" spans="1:10" x14ac:dyDescent="0.35">
      <c r="A7078" s="5" t="s">
        <v>10</v>
      </c>
      <c r="B7078" s="6">
        <v>235728</v>
      </c>
      <c r="C7078" s="6" t="s">
        <v>68</v>
      </c>
      <c r="D7078" s="6" t="s">
        <v>69</v>
      </c>
      <c r="E7078" s="6">
        <v>11001</v>
      </c>
      <c r="F7078" s="6" t="s">
        <v>18</v>
      </c>
      <c r="G7078" s="6" t="s">
        <v>14260</v>
      </c>
      <c r="H7078" s="6" t="s">
        <v>14261</v>
      </c>
      <c r="I7078" s="7">
        <v>4.5451328999999996</v>
      </c>
      <c r="J7078" s="8">
        <v>-74.109806699999993</v>
      </c>
    </row>
    <row r="7079" spans="1:10" x14ac:dyDescent="0.35">
      <c r="A7079" s="5" t="s">
        <v>10</v>
      </c>
      <c r="B7079" s="6">
        <v>239775</v>
      </c>
      <c r="C7079" s="6" t="s">
        <v>68</v>
      </c>
      <c r="D7079" s="6" t="s">
        <v>69</v>
      </c>
      <c r="E7079" s="6">
        <v>11001</v>
      </c>
      <c r="F7079" s="6" t="s">
        <v>18</v>
      </c>
      <c r="G7079" s="6" t="s">
        <v>14262</v>
      </c>
      <c r="H7079" s="6" t="s">
        <v>14263</v>
      </c>
      <c r="I7079" s="7">
        <v>4.5683661999999998</v>
      </c>
      <c r="J7079" s="8">
        <v>-74.117565299999995</v>
      </c>
    </row>
    <row r="7080" spans="1:10" x14ac:dyDescent="0.35">
      <c r="A7080" s="5" t="s">
        <v>10</v>
      </c>
      <c r="B7080" s="6">
        <v>173352</v>
      </c>
      <c r="C7080" s="6" t="s">
        <v>2130</v>
      </c>
      <c r="D7080" s="6" t="s">
        <v>2131</v>
      </c>
      <c r="E7080" s="6">
        <v>85001</v>
      </c>
      <c r="F7080" s="6" t="s">
        <v>18</v>
      </c>
      <c r="G7080" s="6" t="s">
        <v>14264</v>
      </c>
      <c r="H7080" s="6" t="s">
        <v>14265</v>
      </c>
      <c r="I7080" s="7">
        <v>5.3412411000000004</v>
      </c>
      <c r="J7080" s="8">
        <v>-72.399820300000002</v>
      </c>
    </row>
    <row r="7081" spans="1:10" x14ac:dyDescent="0.35">
      <c r="A7081" s="5" t="s">
        <v>10</v>
      </c>
      <c r="B7081" s="6">
        <v>190507</v>
      </c>
      <c r="C7081" s="6" t="s">
        <v>190</v>
      </c>
      <c r="D7081" s="6" t="s">
        <v>8798</v>
      </c>
      <c r="E7081" s="6">
        <v>5101</v>
      </c>
      <c r="F7081" s="6" t="s">
        <v>18</v>
      </c>
      <c r="G7081" s="6" t="s">
        <v>14266</v>
      </c>
      <c r="H7081" s="6" t="s">
        <v>14267</v>
      </c>
      <c r="I7081" s="7">
        <v>5.8504987000000002</v>
      </c>
      <c r="J7081" s="8">
        <v>-76.020371999999995</v>
      </c>
    </row>
    <row r="7082" spans="1:10" x14ac:dyDescent="0.35">
      <c r="A7082" s="5" t="s">
        <v>10</v>
      </c>
      <c r="B7082" s="6">
        <v>248212</v>
      </c>
      <c r="C7082" s="6" t="s">
        <v>308</v>
      </c>
      <c r="D7082" s="6" t="s">
        <v>309</v>
      </c>
      <c r="E7082" s="6">
        <v>23001</v>
      </c>
      <c r="F7082" s="6" t="s">
        <v>13</v>
      </c>
      <c r="G7082" s="6" t="s">
        <v>14268</v>
      </c>
      <c r="H7082" s="6" t="s">
        <v>14269</v>
      </c>
      <c r="I7082" s="7">
        <v>8.7371043999999998</v>
      </c>
      <c r="J7082" s="8">
        <v>-75.892811300000005</v>
      </c>
    </row>
    <row r="7083" spans="1:10" x14ac:dyDescent="0.35">
      <c r="A7083" s="5" t="s">
        <v>10</v>
      </c>
      <c r="B7083" s="6">
        <v>190049</v>
      </c>
      <c r="C7083" s="6" t="s">
        <v>68</v>
      </c>
      <c r="D7083" s="6" t="s">
        <v>69</v>
      </c>
      <c r="E7083" s="6">
        <v>11001</v>
      </c>
      <c r="F7083" s="6" t="s">
        <v>13</v>
      </c>
      <c r="G7083" s="6" t="s">
        <v>12374</v>
      </c>
      <c r="H7083" s="6" t="s">
        <v>14270</v>
      </c>
      <c r="I7083" s="7">
        <v>4.6321567999999997</v>
      </c>
      <c r="J7083" s="8">
        <v>-74.115623799999995</v>
      </c>
    </row>
    <row r="7084" spans="1:10" x14ac:dyDescent="0.35">
      <c r="A7084" s="5" t="s">
        <v>10</v>
      </c>
      <c r="B7084" s="6">
        <v>208472</v>
      </c>
      <c r="C7084" s="6" t="s">
        <v>278</v>
      </c>
      <c r="D7084" s="6" t="s">
        <v>279</v>
      </c>
      <c r="E7084" s="6">
        <v>50001</v>
      </c>
      <c r="F7084" s="6" t="s">
        <v>13</v>
      </c>
      <c r="G7084" s="6" t="s">
        <v>14271</v>
      </c>
      <c r="H7084" s="6" t="s">
        <v>14272</v>
      </c>
      <c r="I7084" s="7">
        <v>4.1345736000000004</v>
      </c>
      <c r="J7084" s="8">
        <v>-73.630649000000005</v>
      </c>
    </row>
    <row r="7085" spans="1:10" x14ac:dyDescent="0.35">
      <c r="A7085" s="5" t="s">
        <v>10</v>
      </c>
      <c r="B7085" s="6">
        <v>230674</v>
      </c>
      <c r="C7085" s="6" t="s">
        <v>308</v>
      </c>
      <c r="D7085" s="6" t="s">
        <v>10453</v>
      </c>
      <c r="E7085" s="6">
        <v>23807</v>
      </c>
      <c r="F7085" s="6" t="s">
        <v>13</v>
      </c>
      <c r="G7085" s="6" t="s">
        <v>14273</v>
      </c>
      <c r="H7085" s="6" t="s">
        <v>14274</v>
      </c>
      <c r="I7085" s="7">
        <v>8.1778233</v>
      </c>
      <c r="J7085" s="8">
        <v>-76.061147399999996</v>
      </c>
    </row>
    <row r="7086" spans="1:10" x14ac:dyDescent="0.35">
      <c r="A7086" s="5" t="s">
        <v>10</v>
      </c>
      <c r="B7086" s="6">
        <v>240928</v>
      </c>
      <c r="C7086" s="6" t="s">
        <v>117</v>
      </c>
      <c r="D7086" s="6" t="s">
        <v>1334</v>
      </c>
      <c r="E7086" s="6">
        <v>76001</v>
      </c>
      <c r="F7086" s="6" t="s">
        <v>18</v>
      </c>
      <c r="G7086" s="6" t="s">
        <v>14275</v>
      </c>
      <c r="H7086" s="6" t="s">
        <v>14276</v>
      </c>
      <c r="I7086" s="7">
        <v>3.4542025000000001</v>
      </c>
      <c r="J7086" s="8">
        <v>-76.530154400000001</v>
      </c>
    </row>
    <row r="7087" spans="1:10" x14ac:dyDescent="0.35">
      <c r="A7087" s="5" t="s">
        <v>10</v>
      </c>
      <c r="B7087" s="6">
        <v>241167</v>
      </c>
      <c r="C7087" s="6" t="s">
        <v>117</v>
      </c>
      <c r="D7087" s="6" t="s">
        <v>1334</v>
      </c>
      <c r="E7087" s="6">
        <v>76001</v>
      </c>
      <c r="F7087" s="6" t="s">
        <v>18</v>
      </c>
      <c r="G7087" s="6" t="s">
        <v>14277</v>
      </c>
      <c r="H7087" s="6" t="s">
        <v>14278</v>
      </c>
      <c r="I7087" s="7">
        <v>3.4664568999999998</v>
      </c>
      <c r="J7087" s="8">
        <v>-76.483701699999997</v>
      </c>
    </row>
    <row r="7088" spans="1:10" x14ac:dyDescent="0.35">
      <c r="A7088" s="5" t="s">
        <v>10</v>
      </c>
      <c r="B7088" s="6">
        <v>241648</v>
      </c>
      <c r="C7088" s="6" t="s">
        <v>457</v>
      </c>
      <c r="D7088" s="6" t="s">
        <v>4400</v>
      </c>
      <c r="E7088" s="6">
        <v>52001</v>
      </c>
      <c r="F7088" s="6" t="s">
        <v>18</v>
      </c>
      <c r="G7088" s="6" t="s">
        <v>14279</v>
      </c>
      <c r="H7088" s="6" t="s">
        <v>14280</v>
      </c>
      <c r="I7088" s="7">
        <v>1.2015773999999999</v>
      </c>
      <c r="J7088" s="8">
        <v>-77.298339299999995</v>
      </c>
    </row>
    <row r="7089" spans="1:10" x14ac:dyDescent="0.35">
      <c r="A7089" s="5" t="s">
        <v>10</v>
      </c>
      <c r="B7089" s="6">
        <v>228860</v>
      </c>
      <c r="C7089" s="6" t="s">
        <v>68</v>
      </c>
      <c r="D7089" s="6" t="s">
        <v>69</v>
      </c>
      <c r="E7089" s="6">
        <v>11001</v>
      </c>
      <c r="F7089" s="6" t="s">
        <v>18</v>
      </c>
      <c r="G7089" s="6" t="s">
        <v>14281</v>
      </c>
      <c r="H7089" s="6" t="s">
        <v>14282</v>
      </c>
      <c r="I7089" s="7">
        <v>4.6239618</v>
      </c>
      <c r="J7089" s="8">
        <v>-74.200166999999993</v>
      </c>
    </row>
    <row r="7090" spans="1:10" x14ac:dyDescent="0.35">
      <c r="A7090" s="5" t="s">
        <v>10</v>
      </c>
      <c r="B7090" s="6">
        <v>245565</v>
      </c>
      <c r="C7090" s="6" t="s">
        <v>68</v>
      </c>
      <c r="D7090" s="6" t="s">
        <v>69</v>
      </c>
      <c r="E7090" s="6">
        <v>11001</v>
      </c>
      <c r="F7090" s="6" t="s">
        <v>18</v>
      </c>
      <c r="G7090" s="6" t="s">
        <v>14283</v>
      </c>
      <c r="H7090" s="6" t="s">
        <v>14284</v>
      </c>
      <c r="I7090" s="7">
        <v>4.7529066000000002</v>
      </c>
      <c r="J7090" s="8">
        <v>-74.024260400000003</v>
      </c>
    </row>
    <row r="7091" spans="1:10" x14ac:dyDescent="0.35">
      <c r="A7091" s="5" t="s">
        <v>10</v>
      </c>
      <c r="B7091" s="6">
        <v>231017</v>
      </c>
      <c r="C7091" s="6" t="s">
        <v>68</v>
      </c>
      <c r="D7091" s="6" t="s">
        <v>69</v>
      </c>
      <c r="E7091" s="6">
        <v>11001</v>
      </c>
      <c r="F7091" s="6" t="s">
        <v>18</v>
      </c>
      <c r="G7091" s="6" t="s">
        <v>14285</v>
      </c>
      <c r="H7091" s="6" t="s">
        <v>14286</v>
      </c>
      <c r="I7091" s="7">
        <v>4.7572618999999996</v>
      </c>
      <c r="J7091" s="8">
        <v>-74.033369899999997</v>
      </c>
    </row>
    <row r="7092" spans="1:10" x14ac:dyDescent="0.35">
      <c r="A7092" s="5" t="s">
        <v>10</v>
      </c>
      <c r="B7092" s="6">
        <v>236392</v>
      </c>
      <c r="C7092" s="6" t="s">
        <v>68</v>
      </c>
      <c r="D7092" s="6" t="s">
        <v>69</v>
      </c>
      <c r="E7092" s="6">
        <v>11001</v>
      </c>
      <c r="F7092" s="6" t="s">
        <v>18</v>
      </c>
      <c r="G7092" s="6" t="s">
        <v>14287</v>
      </c>
      <c r="H7092" s="6" t="s">
        <v>14288</v>
      </c>
      <c r="I7092" s="7">
        <v>4.8785325999999998</v>
      </c>
      <c r="J7092" s="8">
        <v>-74.467129400000005</v>
      </c>
    </row>
    <row r="7093" spans="1:10" x14ac:dyDescent="0.35">
      <c r="A7093" s="5" t="s">
        <v>10</v>
      </c>
      <c r="B7093" s="6">
        <v>239339</v>
      </c>
      <c r="C7093" s="6" t="s">
        <v>68</v>
      </c>
      <c r="D7093" s="6" t="s">
        <v>69</v>
      </c>
      <c r="E7093" s="6">
        <v>11001</v>
      </c>
      <c r="F7093" s="6" t="s">
        <v>18</v>
      </c>
      <c r="G7093" s="6" t="s">
        <v>14289</v>
      </c>
      <c r="H7093" s="6" t="s">
        <v>14290</v>
      </c>
      <c r="I7093" s="7">
        <v>4.6347585999999996</v>
      </c>
      <c r="J7093" s="8">
        <v>-74.166239500000003</v>
      </c>
    </row>
    <row r="7094" spans="1:10" x14ac:dyDescent="0.35">
      <c r="A7094" s="5" t="s">
        <v>10</v>
      </c>
      <c r="B7094" s="6">
        <v>200838</v>
      </c>
      <c r="C7094" s="6" t="s">
        <v>68</v>
      </c>
      <c r="D7094" s="6" t="s">
        <v>69</v>
      </c>
      <c r="E7094" s="6">
        <v>11001</v>
      </c>
      <c r="F7094" s="6" t="s">
        <v>18</v>
      </c>
      <c r="G7094" s="6" t="s">
        <v>14291</v>
      </c>
      <c r="H7094" s="6" t="s">
        <v>14292</v>
      </c>
      <c r="I7094" s="7">
        <v>4.6878750999999896</v>
      </c>
      <c r="J7094" s="8">
        <v>-74.067231999999905</v>
      </c>
    </row>
    <row r="7095" spans="1:10" x14ac:dyDescent="0.35">
      <c r="A7095" s="5" t="s">
        <v>10</v>
      </c>
      <c r="B7095" s="6">
        <v>220851</v>
      </c>
      <c r="C7095" s="6" t="s">
        <v>68</v>
      </c>
      <c r="D7095" s="6" t="s">
        <v>69</v>
      </c>
      <c r="E7095" s="6">
        <v>11001</v>
      </c>
      <c r="F7095" s="6" t="s">
        <v>18</v>
      </c>
      <c r="G7095" s="6" t="s">
        <v>14293</v>
      </c>
      <c r="H7095" s="6" t="s">
        <v>14294</v>
      </c>
      <c r="I7095" s="7">
        <v>4.7468455000000001</v>
      </c>
      <c r="J7095" s="8">
        <v>-74.062574999999995</v>
      </c>
    </row>
    <row r="7096" spans="1:10" x14ac:dyDescent="0.35">
      <c r="A7096" s="5" t="s">
        <v>10</v>
      </c>
      <c r="B7096" s="6">
        <v>232473</v>
      </c>
      <c r="C7096" s="6" t="s">
        <v>68</v>
      </c>
      <c r="D7096" s="6" t="s">
        <v>69</v>
      </c>
      <c r="E7096" s="6">
        <v>11001</v>
      </c>
      <c r="F7096" s="6" t="s">
        <v>18</v>
      </c>
      <c r="G7096" s="6" t="s">
        <v>14295</v>
      </c>
      <c r="H7096" s="6" t="s">
        <v>14296</v>
      </c>
      <c r="I7096" s="7">
        <v>4.5383946999999996</v>
      </c>
      <c r="J7096" s="8">
        <v>-74.135179600000001</v>
      </c>
    </row>
    <row r="7097" spans="1:10" x14ac:dyDescent="0.35">
      <c r="A7097" s="5" t="s">
        <v>10</v>
      </c>
      <c r="B7097" s="6">
        <v>242685</v>
      </c>
      <c r="C7097" s="6" t="s">
        <v>68</v>
      </c>
      <c r="D7097" s="6" t="s">
        <v>69</v>
      </c>
      <c r="E7097" s="6">
        <v>11001</v>
      </c>
      <c r="F7097" s="6" t="s">
        <v>18</v>
      </c>
      <c r="G7097" s="6" t="s">
        <v>14297</v>
      </c>
      <c r="H7097" s="6" t="s">
        <v>14298</v>
      </c>
      <c r="I7097" s="7">
        <v>4.7395006000000004</v>
      </c>
      <c r="J7097" s="8">
        <v>-74.084391299999993</v>
      </c>
    </row>
    <row r="7098" spans="1:10" x14ac:dyDescent="0.35">
      <c r="A7098" s="5" t="s">
        <v>10</v>
      </c>
      <c r="B7098" s="6">
        <v>203097</v>
      </c>
      <c r="C7098" s="6" t="s">
        <v>68</v>
      </c>
      <c r="D7098" s="6" t="s">
        <v>69</v>
      </c>
      <c r="E7098" s="6">
        <v>11001</v>
      </c>
      <c r="F7098" s="6" t="s">
        <v>18</v>
      </c>
      <c r="G7098" s="6" t="s">
        <v>14299</v>
      </c>
      <c r="H7098" s="6" t="s">
        <v>14300</v>
      </c>
      <c r="I7098" s="7">
        <v>4.7326012000000004</v>
      </c>
      <c r="J7098" s="8">
        <v>-74.117858299999995</v>
      </c>
    </row>
    <row r="7099" spans="1:10" x14ac:dyDescent="0.35">
      <c r="A7099" s="5" t="s">
        <v>10</v>
      </c>
      <c r="B7099" s="6">
        <v>206945</v>
      </c>
      <c r="C7099" s="6" t="s">
        <v>68</v>
      </c>
      <c r="D7099" s="6" t="s">
        <v>69</v>
      </c>
      <c r="E7099" s="6">
        <v>11001</v>
      </c>
      <c r="F7099" s="6" t="s">
        <v>18</v>
      </c>
      <c r="G7099" s="6" t="s">
        <v>14301</v>
      </c>
      <c r="H7099" s="6" t="s">
        <v>14302</v>
      </c>
      <c r="I7099" s="7">
        <v>4.6215725999999897</v>
      </c>
      <c r="J7099" s="8">
        <v>-74.186369599999907</v>
      </c>
    </row>
    <row r="7100" spans="1:10" x14ac:dyDescent="0.35">
      <c r="A7100" s="5" t="s">
        <v>10</v>
      </c>
      <c r="B7100" s="6">
        <v>242587</v>
      </c>
      <c r="C7100" s="6" t="s">
        <v>68</v>
      </c>
      <c r="D7100" s="6" t="s">
        <v>69</v>
      </c>
      <c r="E7100" s="6">
        <v>11001</v>
      </c>
      <c r="F7100" s="6" t="s">
        <v>18</v>
      </c>
      <c r="G7100" s="6" t="s">
        <v>14303</v>
      </c>
      <c r="H7100" s="6" t="s">
        <v>14304</v>
      </c>
      <c r="I7100" s="7">
        <v>4.754346</v>
      </c>
      <c r="J7100" s="8">
        <v>-74.054407499999996</v>
      </c>
    </row>
    <row r="7101" spans="1:10" x14ac:dyDescent="0.35">
      <c r="A7101" s="5" t="s">
        <v>10</v>
      </c>
      <c r="B7101" s="6">
        <v>200428</v>
      </c>
      <c r="C7101" s="6" t="s">
        <v>68</v>
      </c>
      <c r="D7101" s="6" t="s">
        <v>69</v>
      </c>
      <c r="E7101" s="6">
        <v>11001</v>
      </c>
      <c r="F7101" s="6" t="s">
        <v>18</v>
      </c>
      <c r="G7101" s="6" t="s">
        <v>14305</v>
      </c>
      <c r="H7101" s="6" t="s">
        <v>14306</v>
      </c>
      <c r="I7101" s="7">
        <v>4.6689477999999998</v>
      </c>
      <c r="J7101" s="8">
        <v>-74.042932699999994</v>
      </c>
    </row>
    <row r="7102" spans="1:10" x14ac:dyDescent="0.35">
      <c r="A7102" s="5" t="s">
        <v>10</v>
      </c>
      <c r="B7102" s="6">
        <v>168140</v>
      </c>
      <c r="C7102" s="6" t="s">
        <v>190</v>
      </c>
      <c r="D7102" s="6" t="s">
        <v>2202</v>
      </c>
      <c r="E7102" s="6">
        <v>5615</v>
      </c>
      <c r="F7102" s="6" t="s">
        <v>18</v>
      </c>
      <c r="G7102" s="6" t="s">
        <v>14307</v>
      </c>
      <c r="H7102" s="6" t="s">
        <v>14308</v>
      </c>
      <c r="I7102" s="7">
        <v>6.1490187999999897</v>
      </c>
      <c r="J7102" s="8">
        <v>-75.378952299999995</v>
      </c>
    </row>
    <row r="7103" spans="1:10" x14ac:dyDescent="0.35">
      <c r="A7103" s="5" t="s">
        <v>10</v>
      </c>
      <c r="B7103" s="6">
        <v>184855</v>
      </c>
      <c r="C7103" s="6" t="s">
        <v>294</v>
      </c>
      <c r="D7103" s="6" t="s">
        <v>543</v>
      </c>
      <c r="E7103" s="6">
        <v>41396</v>
      </c>
      <c r="F7103" s="6" t="s">
        <v>13</v>
      </c>
      <c r="G7103" s="6" t="s">
        <v>14309</v>
      </c>
      <c r="H7103" s="6" t="s">
        <v>14310</v>
      </c>
      <c r="I7103" s="7">
        <v>2.9179067999999999</v>
      </c>
      <c r="J7103" s="8">
        <v>-75.288783300000006</v>
      </c>
    </row>
    <row r="7104" spans="1:10" x14ac:dyDescent="0.35">
      <c r="A7104" s="5" t="s">
        <v>10</v>
      </c>
      <c r="B7104" s="6">
        <v>188682</v>
      </c>
      <c r="C7104" s="6" t="s">
        <v>28</v>
      </c>
      <c r="D7104" s="6" t="s">
        <v>29</v>
      </c>
      <c r="E7104" s="6">
        <v>54001</v>
      </c>
      <c r="F7104" s="6" t="s">
        <v>13</v>
      </c>
      <c r="G7104" s="6" t="s">
        <v>14311</v>
      </c>
      <c r="H7104" s="6" t="s">
        <v>14312</v>
      </c>
      <c r="I7104" s="7">
        <v>7.9147987999999998</v>
      </c>
      <c r="J7104" s="8">
        <v>-72.492836800000006</v>
      </c>
    </row>
    <row r="7105" spans="1:10" x14ac:dyDescent="0.35">
      <c r="A7105" s="5" t="s">
        <v>10</v>
      </c>
      <c r="B7105" s="6">
        <v>169593</v>
      </c>
      <c r="C7105" s="6" t="s">
        <v>11</v>
      </c>
      <c r="D7105" s="6" t="s">
        <v>513</v>
      </c>
      <c r="E7105" s="6">
        <v>25286</v>
      </c>
      <c r="F7105" s="6" t="s">
        <v>18</v>
      </c>
      <c r="G7105" s="6" t="s">
        <v>14313</v>
      </c>
      <c r="H7105" s="6" t="s">
        <v>14314</v>
      </c>
      <c r="I7105" s="7">
        <v>4.7084070000000002</v>
      </c>
      <c r="J7105" s="8">
        <v>-74.199315999999996</v>
      </c>
    </row>
    <row r="7106" spans="1:10" x14ac:dyDescent="0.35">
      <c r="A7106" s="5" t="s">
        <v>10</v>
      </c>
      <c r="B7106" s="6">
        <v>241593</v>
      </c>
      <c r="C7106" s="6" t="s">
        <v>457</v>
      </c>
      <c r="D7106" s="6" t="s">
        <v>14315</v>
      </c>
      <c r="E7106" s="6">
        <v>52385</v>
      </c>
      <c r="F7106" s="6" t="s">
        <v>18</v>
      </c>
      <c r="G7106" s="6" t="s">
        <v>14316</v>
      </c>
      <c r="H7106" s="6" t="s">
        <v>14317</v>
      </c>
      <c r="I7106" s="7">
        <v>1.4728520000000001</v>
      </c>
      <c r="J7106" s="8">
        <v>-77.579849899999999</v>
      </c>
    </row>
    <row r="7107" spans="1:10" x14ac:dyDescent="0.35">
      <c r="A7107" s="5" t="s">
        <v>10</v>
      </c>
      <c r="B7107" s="6">
        <v>229910</v>
      </c>
      <c r="C7107" s="6" t="s">
        <v>117</v>
      </c>
      <c r="D7107" s="6" t="s">
        <v>3492</v>
      </c>
      <c r="E7107" s="6">
        <v>76520</v>
      </c>
      <c r="F7107" s="6" t="s">
        <v>18</v>
      </c>
      <c r="G7107" s="6" t="s">
        <v>14318</v>
      </c>
      <c r="H7107" s="6" t="s">
        <v>14319</v>
      </c>
      <c r="I7107" s="7">
        <v>3.5379718000000002</v>
      </c>
      <c r="J7107" s="8">
        <v>-76.297165699999994</v>
      </c>
    </row>
    <row r="7108" spans="1:10" x14ac:dyDescent="0.35">
      <c r="A7108" s="5" t="s">
        <v>10</v>
      </c>
      <c r="B7108" s="6">
        <v>236334</v>
      </c>
      <c r="C7108" s="6" t="s">
        <v>117</v>
      </c>
      <c r="D7108" s="6" t="s">
        <v>1334</v>
      </c>
      <c r="E7108" s="6">
        <v>76001</v>
      </c>
      <c r="F7108" s="6" t="s">
        <v>18</v>
      </c>
      <c r="G7108" s="6" t="s">
        <v>14320</v>
      </c>
      <c r="H7108" s="6" t="s">
        <v>14321</v>
      </c>
      <c r="I7108" s="7">
        <v>3.448909</v>
      </c>
      <c r="J7108" s="8">
        <v>-76.484616399999993</v>
      </c>
    </row>
    <row r="7109" spans="1:10" x14ac:dyDescent="0.35">
      <c r="A7109" s="5" t="s">
        <v>10</v>
      </c>
      <c r="B7109" s="6">
        <v>222806</v>
      </c>
      <c r="C7109" s="6" t="s">
        <v>190</v>
      </c>
      <c r="D7109" s="6" t="s">
        <v>14322</v>
      </c>
      <c r="E7109" s="6">
        <v>5893</v>
      </c>
      <c r="F7109" s="6" t="s">
        <v>18</v>
      </c>
      <c r="G7109" s="6" t="s">
        <v>14323</v>
      </c>
      <c r="H7109" s="6" t="s">
        <v>14324</v>
      </c>
      <c r="I7109" s="7">
        <v>7.0031810999999999</v>
      </c>
      <c r="J7109" s="8">
        <v>-73.911551899999907</v>
      </c>
    </row>
    <row r="7110" spans="1:10" x14ac:dyDescent="0.35">
      <c r="A7110" s="5" t="s">
        <v>10</v>
      </c>
      <c r="B7110" s="6">
        <v>239109</v>
      </c>
      <c r="C7110" s="6" t="s">
        <v>190</v>
      </c>
      <c r="D7110" s="6" t="s">
        <v>12218</v>
      </c>
      <c r="E7110" s="6">
        <v>5887</v>
      </c>
      <c r="F7110" s="6" t="s">
        <v>18</v>
      </c>
      <c r="G7110" s="6" t="s">
        <v>14325</v>
      </c>
      <c r="H7110" s="6" t="s">
        <v>14326</v>
      </c>
      <c r="I7110" s="7">
        <v>6.9598642000000002</v>
      </c>
      <c r="J7110" s="8">
        <v>-75.415940699999993</v>
      </c>
    </row>
    <row r="7111" spans="1:10" x14ac:dyDescent="0.35">
      <c r="A7111" s="5" t="s">
        <v>10</v>
      </c>
      <c r="B7111" s="6">
        <v>225702</v>
      </c>
      <c r="C7111" s="6" t="s">
        <v>68</v>
      </c>
      <c r="D7111" s="6" t="s">
        <v>69</v>
      </c>
      <c r="E7111" s="6">
        <v>11001</v>
      </c>
      <c r="F7111" s="6" t="s">
        <v>18</v>
      </c>
      <c r="G7111" s="6" t="s">
        <v>14327</v>
      </c>
      <c r="H7111" s="6" t="s">
        <v>14328</v>
      </c>
      <c r="I7111" s="7">
        <v>4.7292456999999999</v>
      </c>
      <c r="J7111" s="8">
        <v>-74.094998199999907</v>
      </c>
    </row>
    <row r="7112" spans="1:10" x14ac:dyDescent="0.35">
      <c r="A7112" s="5" t="s">
        <v>10</v>
      </c>
      <c r="B7112" s="6">
        <v>229208</v>
      </c>
      <c r="C7112" s="6" t="s">
        <v>68</v>
      </c>
      <c r="D7112" s="6" t="s">
        <v>69</v>
      </c>
      <c r="E7112" s="6">
        <v>11001</v>
      </c>
      <c r="F7112" s="6" t="s">
        <v>18</v>
      </c>
      <c r="G7112" s="6" t="s">
        <v>14329</v>
      </c>
      <c r="H7112" s="6" t="s">
        <v>14330</v>
      </c>
      <c r="I7112" s="7">
        <v>4.5811900000000003</v>
      </c>
      <c r="J7112" s="8">
        <v>-74.126372599999996</v>
      </c>
    </row>
    <row r="7113" spans="1:10" x14ac:dyDescent="0.35">
      <c r="A7113" s="5" t="s">
        <v>10</v>
      </c>
      <c r="B7113" s="6">
        <v>232341</v>
      </c>
      <c r="C7113" s="6" t="s">
        <v>68</v>
      </c>
      <c r="D7113" s="6" t="s">
        <v>69</v>
      </c>
      <c r="E7113" s="6">
        <v>11001</v>
      </c>
      <c r="F7113" s="6" t="s">
        <v>18</v>
      </c>
      <c r="G7113" s="6" t="s">
        <v>14331</v>
      </c>
      <c r="H7113" s="6" t="s">
        <v>14332</v>
      </c>
      <c r="I7113" s="7">
        <v>4.6472002000000003</v>
      </c>
      <c r="J7113" s="8">
        <v>-74.063797600000001</v>
      </c>
    </row>
    <row r="7114" spans="1:10" x14ac:dyDescent="0.35">
      <c r="A7114" s="5" t="s">
        <v>10</v>
      </c>
      <c r="B7114" s="6">
        <v>210402</v>
      </c>
      <c r="C7114" s="6" t="s">
        <v>68</v>
      </c>
      <c r="D7114" s="6" t="s">
        <v>69</v>
      </c>
      <c r="E7114" s="6">
        <v>11001</v>
      </c>
      <c r="F7114" s="6" t="s">
        <v>18</v>
      </c>
      <c r="G7114" s="6" t="s">
        <v>14333</v>
      </c>
      <c r="H7114" s="6" t="s">
        <v>14334</v>
      </c>
      <c r="I7114" s="7">
        <v>4.6084440000000004</v>
      </c>
      <c r="J7114" s="8">
        <v>-74.196238199999996</v>
      </c>
    </row>
    <row r="7115" spans="1:10" x14ac:dyDescent="0.35">
      <c r="A7115" s="5" t="s">
        <v>10</v>
      </c>
      <c r="B7115" s="6">
        <v>234088</v>
      </c>
      <c r="C7115" s="6" t="s">
        <v>68</v>
      </c>
      <c r="D7115" s="6" t="s">
        <v>69</v>
      </c>
      <c r="E7115" s="6">
        <v>11001</v>
      </c>
      <c r="F7115" s="6" t="s">
        <v>18</v>
      </c>
      <c r="G7115" s="6" t="s">
        <v>14335</v>
      </c>
      <c r="H7115" s="6" t="s">
        <v>14336</v>
      </c>
      <c r="I7115" s="7">
        <v>4.6000715999999997</v>
      </c>
      <c r="J7115" s="8">
        <v>-74.199820900000006</v>
      </c>
    </row>
    <row r="7116" spans="1:10" x14ac:dyDescent="0.35">
      <c r="A7116" s="5" t="s">
        <v>10</v>
      </c>
      <c r="B7116" s="6">
        <v>244186</v>
      </c>
      <c r="C7116" s="6" t="s">
        <v>68</v>
      </c>
      <c r="D7116" s="6" t="s">
        <v>69</v>
      </c>
      <c r="E7116" s="6">
        <v>11001</v>
      </c>
      <c r="F7116" s="6" t="s">
        <v>18</v>
      </c>
      <c r="G7116" s="6" t="s">
        <v>14337</v>
      </c>
      <c r="H7116" s="6" t="s">
        <v>14338</v>
      </c>
      <c r="I7116" s="7">
        <v>4.5814693000000002</v>
      </c>
      <c r="J7116" s="8">
        <v>-74.102850099999998</v>
      </c>
    </row>
    <row r="7117" spans="1:10" x14ac:dyDescent="0.35">
      <c r="A7117" s="5" t="s">
        <v>10</v>
      </c>
      <c r="B7117" s="6">
        <v>208471</v>
      </c>
      <c r="C7117" s="6" t="s">
        <v>68</v>
      </c>
      <c r="D7117" s="6" t="s">
        <v>69</v>
      </c>
      <c r="E7117" s="6">
        <v>11001</v>
      </c>
      <c r="F7117" s="6" t="s">
        <v>18</v>
      </c>
      <c r="G7117" s="6" t="s">
        <v>14339</v>
      </c>
      <c r="H7117" s="6" t="s">
        <v>14340</v>
      </c>
      <c r="I7117" s="7">
        <v>4.4946925999999996</v>
      </c>
      <c r="J7117" s="8">
        <v>-74.117340099999893</v>
      </c>
    </row>
    <row r="7118" spans="1:10" x14ac:dyDescent="0.35">
      <c r="A7118" s="5" t="s">
        <v>10</v>
      </c>
      <c r="B7118" s="6">
        <v>238853</v>
      </c>
      <c r="C7118" s="6" t="s">
        <v>68</v>
      </c>
      <c r="D7118" s="6" t="s">
        <v>69</v>
      </c>
      <c r="E7118" s="6">
        <v>11001</v>
      </c>
      <c r="F7118" s="6" t="s">
        <v>18</v>
      </c>
      <c r="G7118" s="6" t="s">
        <v>14341</v>
      </c>
      <c r="H7118" s="6" t="s">
        <v>14342</v>
      </c>
      <c r="I7118" s="7">
        <v>4.6583056999999997</v>
      </c>
      <c r="J7118" s="8">
        <v>-74.112779399999994</v>
      </c>
    </row>
    <row r="7119" spans="1:10" x14ac:dyDescent="0.35">
      <c r="A7119" s="5" t="s">
        <v>10</v>
      </c>
      <c r="B7119" s="6">
        <v>207596</v>
      </c>
      <c r="C7119" s="6" t="s">
        <v>68</v>
      </c>
      <c r="D7119" s="6" t="s">
        <v>69</v>
      </c>
      <c r="E7119" s="6">
        <v>11001</v>
      </c>
      <c r="F7119" s="6" t="s">
        <v>18</v>
      </c>
      <c r="G7119" s="6" t="s">
        <v>1940</v>
      </c>
      <c r="H7119" s="6" t="s">
        <v>14343</v>
      </c>
      <c r="I7119" s="7">
        <v>4.5772686999999896</v>
      </c>
      <c r="J7119" s="8">
        <v>-74.091355300000004</v>
      </c>
    </row>
    <row r="7120" spans="1:10" x14ac:dyDescent="0.35">
      <c r="A7120" s="5" t="s">
        <v>10</v>
      </c>
      <c r="B7120" s="6">
        <v>213334</v>
      </c>
      <c r="C7120" s="6" t="s">
        <v>68</v>
      </c>
      <c r="D7120" s="6" t="s">
        <v>69</v>
      </c>
      <c r="E7120" s="6">
        <v>11001</v>
      </c>
      <c r="F7120" s="6" t="s">
        <v>18</v>
      </c>
      <c r="G7120" s="6" t="s">
        <v>14344</v>
      </c>
      <c r="H7120" s="6" t="s">
        <v>14345</v>
      </c>
      <c r="I7120" s="7">
        <v>4.5469232000000002</v>
      </c>
      <c r="J7120" s="8">
        <v>-74.149896299999995</v>
      </c>
    </row>
    <row r="7121" spans="1:10" x14ac:dyDescent="0.35">
      <c r="A7121" s="5" t="s">
        <v>10</v>
      </c>
      <c r="B7121" s="6">
        <v>242497</v>
      </c>
      <c r="C7121" s="6" t="s">
        <v>68</v>
      </c>
      <c r="D7121" s="6" t="s">
        <v>69</v>
      </c>
      <c r="E7121" s="6">
        <v>11001</v>
      </c>
      <c r="F7121" s="6" t="s">
        <v>18</v>
      </c>
      <c r="G7121" s="6" t="s">
        <v>14346</v>
      </c>
      <c r="H7121" s="6" t="s">
        <v>14347</v>
      </c>
      <c r="I7121" s="7">
        <v>4.5363772000000004</v>
      </c>
      <c r="J7121" s="8">
        <v>-74.0855684</v>
      </c>
    </row>
    <row r="7122" spans="1:10" x14ac:dyDescent="0.35">
      <c r="A7122" s="5" t="s">
        <v>10</v>
      </c>
      <c r="B7122" s="6">
        <v>243584</v>
      </c>
      <c r="C7122" s="6" t="s">
        <v>68</v>
      </c>
      <c r="D7122" s="6" t="s">
        <v>69</v>
      </c>
      <c r="E7122" s="6">
        <v>11001</v>
      </c>
      <c r="F7122" s="6" t="s">
        <v>18</v>
      </c>
      <c r="G7122" s="6" t="s">
        <v>14348</v>
      </c>
      <c r="H7122" s="6" t="s">
        <v>14349</v>
      </c>
      <c r="I7122" s="7">
        <v>4.5759935</v>
      </c>
      <c r="J7122" s="8">
        <v>-74.149243799999994</v>
      </c>
    </row>
    <row r="7123" spans="1:10" x14ac:dyDescent="0.35">
      <c r="A7123" s="5" t="s">
        <v>10</v>
      </c>
      <c r="B7123" s="6">
        <v>243511</v>
      </c>
      <c r="C7123" s="6" t="s">
        <v>117</v>
      </c>
      <c r="D7123" s="6" t="s">
        <v>1334</v>
      </c>
      <c r="E7123" s="6">
        <v>76001</v>
      </c>
      <c r="F7123" s="6" t="s">
        <v>18</v>
      </c>
      <c r="G7123" s="6" t="s">
        <v>14350</v>
      </c>
      <c r="H7123" s="6" t="s">
        <v>14351</v>
      </c>
      <c r="I7123" s="7">
        <v>3.4872879000000001</v>
      </c>
      <c r="J7123" s="8">
        <v>-76.489834700000003</v>
      </c>
    </row>
    <row r="7124" spans="1:10" x14ac:dyDescent="0.35">
      <c r="A7124" s="5" t="s">
        <v>10</v>
      </c>
      <c r="B7124" s="6">
        <v>240712</v>
      </c>
      <c r="C7124" s="6" t="s">
        <v>190</v>
      </c>
      <c r="D7124" s="6" t="s">
        <v>12027</v>
      </c>
      <c r="E7124" s="6">
        <v>5585</v>
      </c>
      <c r="F7124" s="6" t="s">
        <v>18</v>
      </c>
      <c r="G7124" s="6" t="s">
        <v>14352</v>
      </c>
      <c r="H7124" s="6" t="s">
        <v>14353</v>
      </c>
      <c r="I7124" s="7">
        <v>6.2379955999999996</v>
      </c>
      <c r="J7124" s="8">
        <v>-74.565121899999994</v>
      </c>
    </row>
    <row r="7125" spans="1:10" x14ac:dyDescent="0.35">
      <c r="A7125" s="5" t="s">
        <v>10</v>
      </c>
      <c r="B7125" s="6">
        <v>229398</v>
      </c>
      <c r="C7125" s="6" t="s">
        <v>68</v>
      </c>
      <c r="D7125" s="6" t="s">
        <v>69</v>
      </c>
      <c r="E7125" s="6">
        <v>11001</v>
      </c>
      <c r="F7125" s="6" t="s">
        <v>18</v>
      </c>
      <c r="G7125" s="6" t="s">
        <v>14354</v>
      </c>
      <c r="H7125" s="6" t="s">
        <v>14355</v>
      </c>
      <c r="I7125" s="7">
        <v>4.5689285000000002</v>
      </c>
      <c r="J7125" s="8">
        <v>-74.096142700000001</v>
      </c>
    </row>
    <row r="7126" spans="1:10" x14ac:dyDescent="0.35">
      <c r="A7126" s="5" t="s">
        <v>10</v>
      </c>
      <c r="B7126" s="6">
        <v>236751</v>
      </c>
      <c r="C7126" s="6" t="s">
        <v>68</v>
      </c>
      <c r="D7126" s="6" t="s">
        <v>69</v>
      </c>
      <c r="E7126" s="6">
        <v>11001</v>
      </c>
      <c r="F7126" s="6" t="s">
        <v>18</v>
      </c>
      <c r="G7126" s="6" t="s">
        <v>14356</v>
      </c>
      <c r="H7126" s="6" t="s">
        <v>10968</v>
      </c>
      <c r="I7126" s="7">
        <v>4.6430655999999999</v>
      </c>
      <c r="J7126" s="8">
        <v>-74.191750900000002</v>
      </c>
    </row>
    <row r="7127" spans="1:10" x14ac:dyDescent="0.35">
      <c r="A7127" s="5" t="s">
        <v>10</v>
      </c>
      <c r="B7127" s="6">
        <v>235725</v>
      </c>
      <c r="C7127" s="6" t="s">
        <v>68</v>
      </c>
      <c r="D7127" s="6" t="s">
        <v>69</v>
      </c>
      <c r="E7127" s="6">
        <v>11001</v>
      </c>
      <c r="F7127" s="6" t="s">
        <v>18</v>
      </c>
      <c r="G7127" s="6" t="s">
        <v>14357</v>
      </c>
      <c r="H7127" s="6" t="s">
        <v>14358</v>
      </c>
      <c r="I7127" s="7">
        <v>4.5858759999999998</v>
      </c>
      <c r="J7127" s="8">
        <v>-74.084573500000005</v>
      </c>
    </row>
    <row r="7128" spans="1:10" x14ac:dyDescent="0.35">
      <c r="A7128" s="5" t="s">
        <v>10</v>
      </c>
      <c r="B7128" s="6">
        <v>201071</v>
      </c>
      <c r="C7128" s="6" t="s">
        <v>68</v>
      </c>
      <c r="D7128" s="6" t="s">
        <v>69</v>
      </c>
      <c r="E7128" s="6">
        <v>11001</v>
      </c>
      <c r="F7128" s="6" t="s">
        <v>18</v>
      </c>
      <c r="G7128" s="6" t="s">
        <v>14359</v>
      </c>
      <c r="H7128" s="6" t="s">
        <v>14360</v>
      </c>
      <c r="I7128" s="7">
        <v>4.5635298000000004</v>
      </c>
      <c r="J7128" s="8">
        <v>-74.145863300000002</v>
      </c>
    </row>
    <row r="7129" spans="1:10" x14ac:dyDescent="0.35">
      <c r="A7129" s="5" t="s">
        <v>10</v>
      </c>
      <c r="B7129" s="6">
        <v>223151</v>
      </c>
      <c r="C7129" s="6" t="s">
        <v>68</v>
      </c>
      <c r="D7129" s="6" t="s">
        <v>69</v>
      </c>
      <c r="E7129" s="6">
        <v>11001</v>
      </c>
      <c r="F7129" s="6" t="s">
        <v>18</v>
      </c>
      <c r="G7129" s="6" t="s">
        <v>14361</v>
      </c>
      <c r="H7129" s="6" t="s">
        <v>14362</v>
      </c>
      <c r="I7129" s="7">
        <v>4.5926980000000004</v>
      </c>
      <c r="J7129" s="8">
        <v>-74.160516700000002</v>
      </c>
    </row>
    <row r="7130" spans="1:10" x14ac:dyDescent="0.35">
      <c r="A7130" s="5" t="s">
        <v>10</v>
      </c>
      <c r="B7130" s="6">
        <v>238691</v>
      </c>
      <c r="C7130" s="6" t="s">
        <v>68</v>
      </c>
      <c r="D7130" s="6" t="s">
        <v>69</v>
      </c>
      <c r="E7130" s="6">
        <v>11001</v>
      </c>
      <c r="F7130" s="6" t="s">
        <v>18</v>
      </c>
      <c r="G7130" s="6" t="s">
        <v>14363</v>
      </c>
      <c r="H7130" s="6" t="s">
        <v>14364</v>
      </c>
      <c r="I7130" s="7">
        <v>4.6246638000000004</v>
      </c>
      <c r="J7130" s="8">
        <v>-74.187424699999994</v>
      </c>
    </row>
    <row r="7131" spans="1:10" x14ac:dyDescent="0.35">
      <c r="A7131" s="5" t="s">
        <v>10</v>
      </c>
      <c r="B7131" s="6">
        <v>239390</v>
      </c>
      <c r="C7131" s="6" t="s">
        <v>68</v>
      </c>
      <c r="D7131" s="6" t="s">
        <v>69</v>
      </c>
      <c r="E7131" s="6">
        <v>11001</v>
      </c>
      <c r="F7131" s="6" t="s">
        <v>18</v>
      </c>
      <c r="G7131" s="6" t="s">
        <v>14365</v>
      </c>
      <c r="H7131" s="6" t="s">
        <v>14366</v>
      </c>
      <c r="I7131" s="7">
        <v>4.7572679000000004</v>
      </c>
      <c r="J7131" s="8">
        <v>-74.0477439</v>
      </c>
    </row>
    <row r="7132" spans="1:10" x14ac:dyDescent="0.35">
      <c r="A7132" s="5" t="s">
        <v>10</v>
      </c>
      <c r="B7132" s="6">
        <v>242733</v>
      </c>
      <c r="C7132" s="6" t="s">
        <v>68</v>
      </c>
      <c r="D7132" s="6" t="s">
        <v>69</v>
      </c>
      <c r="E7132" s="6">
        <v>11001</v>
      </c>
      <c r="F7132" s="6" t="s">
        <v>18</v>
      </c>
      <c r="G7132" s="6" t="s">
        <v>14367</v>
      </c>
      <c r="H7132" s="6" t="s">
        <v>14368</v>
      </c>
      <c r="I7132" s="7">
        <v>4.5887053</v>
      </c>
      <c r="J7132" s="8">
        <v>-74.163220199999998</v>
      </c>
    </row>
    <row r="7133" spans="1:10" x14ac:dyDescent="0.35">
      <c r="A7133" s="5" t="s">
        <v>10</v>
      </c>
      <c r="B7133" s="6">
        <v>246020</v>
      </c>
      <c r="C7133" s="6" t="s">
        <v>68</v>
      </c>
      <c r="D7133" s="6" t="s">
        <v>69</v>
      </c>
      <c r="E7133" s="6">
        <v>11001</v>
      </c>
      <c r="F7133" s="6" t="s">
        <v>18</v>
      </c>
      <c r="G7133" s="6" t="s">
        <v>14369</v>
      </c>
      <c r="H7133" s="6" t="s">
        <v>14370</v>
      </c>
      <c r="I7133" s="7">
        <v>4.7520023</v>
      </c>
      <c r="J7133" s="8">
        <v>-74.121207299999995</v>
      </c>
    </row>
    <row r="7134" spans="1:10" x14ac:dyDescent="0.35">
      <c r="A7134" s="5" t="s">
        <v>10</v>
      </c>
      <c r="B7134" s="6">
        <v>236215</v>
      </c>
      <c r="C7134" s="6" t="s">
        <v>68</v>
      </c>
      <c r="D7134" s="6" t="s">
        <v>69</v>
      </c>
      <c r="E7134" s="6">
        <v>11001</v>
      </c>
      <c r="F7134" s="6" t="s">
        <v>18</v>
      </c>
      <c r="G7134" s="6" t="s">
        <v>14371</v>
      </c>
      <c r="H7134" s="6" t="s">
        <v>14372</v>
      </c>
      <c r="I7134" s="7">
        <v>4.7453247000000003</v>
      </c>
      <c r="J7134" s="8">
        <v>-74.118996600000003</v>
      </c>
    </row>
    <row r="7135" spans="1:10" x14ac:dyDescent="0.35">
      <c r="A7135" s="5" t="s">
        <v>10</v>
      </c>
      <c r="B7135" s="6">
        <v>93471</v>
      </c>
      <c r="C7135" s="6" t="s">
        <v>4364</v>
      </c>
      <c r="D7135" s="6" t="s">
        <v>14373</v>
      </c>
      <c r="E7135" s="6">
        <v>70230</v>
      </c>
      <c r="F7135" s="6" t="s">
        <v>18</v>
      </c>
      <c r="G7135" s="6" t="s">
        <v>14374</v>
      </c>
      <c r="H7135" s="6" t="s">
        <v>14375</v>
      </c>
      <c r="I7135" s="7">
        <v>9.54504839999999</v>
      </c>
      <c r="J7135" s="8">
        <v>-75.312233399999997</v>
      </c>
    </row>
    <row r="7136" spans="1:10" x14ac:dyDescent="0.35">
      <c r="A7136" s="5" t="s">
        <v>10</v>
      </c>
      <c r="B7136" s="6">
        <v>188683</v>
      </c>
      <c r="C7136" s="6" t="s">
        <v>28</v>
      </c>
      <c r="D7136" s="6" t="s">
        <v>322</v>
      </c>
      <c r="E7136" s="6">
        <v>54405</v>
      </c>
      <c r="F7136" s="6" t="s">
        <v>13</v>
      </c>
      <c r="G7136" s="6" t="s">
        <v>14376</v>
      </c>
      <c r="H7136" s="6" t="s">
        <v>14377</v>
      </c>
      <c r="I7136" s="7">
        <v>7.8353617</v>
      </c>
      <c r="J7136" s="8">
        <v>-72.509228800000002</v>
      </c>
    </row>
    <row r="7137" spans="1:10" x14ac:dyDescent="0.35">
      <c r="A7137" s="5" t="s">
        <v>10</v>
      </c>
      <c r="B7137" s="6">
        <v>229773</v>
      </c>
      <c r="C7137" s="6" t="s">
        <v>457</v>
      </c>
      <c r="D7137" s="6" t="s">
        <v>1086</v>
      </c>
      <c r="E7137" s="6">
        <v>52356</v>
      </c>
      <c r="F7137" s="6" t="s">
        <v>18</v>
      </c>
      <c r="G7137" s="6" t="s">
        <v>14378</v>
      </c>
      <c r="H7137" s="6" t="s">
        <v>14379</v>
      </c>
      <c r="I7137" s="7">
        <v>0.82677529999999999</v>
      </c>
      <c r="J7137" s="8">
        <v>-77.638944300000006</v>
      </c>
    </row>
    <row r="7138" spans="1:10" x14ac:dyDescent="0.35">
      <c r="A7138" s="5" t="s">
        <v>10</v>
      </c>
      <c r="B7138" s="6">
        <v>241192</v>
      </c>
      <c r="C7138" s="6" t="s">
        <v>117</v>
      </c>
      <c r="D7138" s="6" t="s">
        <v>1334</v>
      </c>
      <c r="E7138" s="6">
        <v>76001</v>
      </c>
      <c r="F7138" s="6" t="s">
        <v>18</v>
      </c>
      <c r="G7138" s="6" t="s">
        <v>14380</v>
      </c>
      <c r="H7138" s="6" t="s">
        <v>14381</v>
      </c>
      <c r="I7138" s="7">
        <v>3.4508236999999999</v>
      </c>
      <c r="J7138" s="8">
        <v>-76.479524600000005</v>
      </c>
    </row>
    <row r="7139" spans="1:10" x14ac:dyDescent="0.35">
      <c r="A7139" s="5" t="s">
        <v>10</v>
      </c>
      <c r="B7139" s="6">
        <v>209201</v>
      </c>
      <c r="C7139" s="6" t="s">
        <v>117</v>
      </c>
      <c r="D7139" s="6" t="s">
        <v>5316</v>
      </c>
      <c r="E7139" s="6">
        <v>76109</v>
      </c>
      <c r="F7139" s="6" t="s">
        <v>18</v>
      </c>
      <c r="G7139" s="6" t="s">
        <v>14382</v>
      </c>
      <c r="H7139" s="6" t="s">
        <v>14383</v>
      </c>
      <c r="I7139" s="7">
        <v>3.8743997999999999</v>
      </c>
      <c r="J7139" s="8">
        <v>-77.063538199999996</v>
      </c>
    </row>
    <row r="7140" spans="1:10" x14ac:dyDescent="0.35">
      <c r="A7140" s="5" t="s">
        <v>10</v>
      </c>
      <c r="B7140" s="6">
        <v>231692</v>
      </c>
      <c r="C7140" s="6" t="s">
        <v>190</v>
      </c>
      <c r="D7140" s="6" t="s">
        <v>4063</v>
      </c>
      <c r="E7140" s="6">
        <v>5088</v>
      </c>
      <c r="F7140" s="6" t="s">
        <v>18</v>
      </c>
      <c r="G7140" s="6" t="s">
        <v>14384</v>
      </c>
      <c r="H7140" s="6" t="s">
        <v>14385</v>
      </c>
      <c r="I7140" s="7">
        <v>6.3124422999999998</v>
      </c>
      <c r="J7140" s="8">
        <v>-75.576682599999998</v>
      </c>
    </row>
    <row r="7141" spans="1:10" x14ac:dyDescent="0.35">
      <c r="A7141" s="5" t="s">
        <v>10</v>
      </c>
      <c r="B7141" s="6">
        <v>230078</v>
      </c>
      <c r="C7141" s="6" t="s">
        <v>190</v>
      </c>
      <c r="D7141" s="6" t="s">
        <v>14386</v>
      </c>
      <c r="E7141" s="6">
        <v>5390</v>
      </c>
      <c r="F7141" s="6" t="s">
        <v>18</v>
      </c>
      <c r="G7141" s="6" t="s">
        <v>14387</v>
      </c>
      <c r="H7141" s="6" t="s">
        <v>14388</v>
      </c>
      <c r="I7141" s="7">
        <v>6.4857019999999999</v>
      </c>
      <c r="J7141" s="8">
        <v>-75.393831000000006</v>
      </c>
    </row>
    <row r="7142" spans="1:10" x14ac:dyDescent="0.35">
      <c r="A7142" s="5" t="s">
        <v>10</v>
      </c>
      <c r="B7142" s="6">
        <v>202544</v>
      </c>
      <c r="C7142" s="6" t="s">
        <v>68</v>
      </c>
      <c r="D7142" s="6" t="s">
        <v>69</v>
      </c>
      <c r="E7142" s="6">
        <v>11001</v>
      </c>
      <c r="F7142" s="6" t="s">
        <v>18</v>
      </c>
      <c r="G7142" s="6" t="s">
        <v>14389</v>
      </c>
      <c r="H7142" s="6" t="s">
        <v>14390</v>
      </c>
      <c r="I7142" s="7">
        <v>4.5915276999999897</v>
      </c>
      <c r="J7142" s="8">
        <v>-74.078200499999994</v>
      </c>
    </row>
    <row r="7143" spans="1:10" x14ac:dyDescent="0.35">
      <c r="A7143" s="5" t="s">
        <v>10</v>
      </c>
      <c r="B7143" s="6">
        <v>238954</v>
      </c>
      <c r="C7143" s="6" t="s">
        <v>68</v>
      </c>
      <c r="D7143" s="6" t="s">
        <v>69</v>
      </c>
      <c r="E7143" s="6">
        <v>11001</v>
      </c>
      <c r="F7143" s="6" t="s">
        <v>18</v>
      </c>
      <c r="G7143" s="6" t="s">
        <v>14391</v>
      </c>
      <c r="H7143" s="6" t="s">
        <v>14392</v>
      </c>
      <c r="I7143" s="7">
        <v>4.6880037999999997</v>
      </c>
      <c r="J7143" s="8">
        <v>-74.088805800000003</v>
      </c>
    </row>
    <row r="7144" spans="1:10" x14ac:dyDescent="0.35">
      <c r="A7144" s="5" t="s">
        <v>10</v>
      </c>
      <c r="B7144" s="6">
        <v>246008</v>
      </c>
      <c r="C7144" s="6" t="s">
        <v>68</v>
      </c>
      <c r="D7144" s="6" t="s">
        <v>69</v>
      </c>
      <c r="E7144" s="6">
        <v>11001</v>
      </c>
      <c r="F7144" s="6" t="s">
        <v>18</v>
      </c>
      <c r="G7144" s="6" t="s">
        <v>14393</v>
      </c>
      <c r="H7144" s="6" t="s">
        <v>14394</v>
      </c>
      <c r="I7144" s="7">
        <v>4.6304990000000004</v>
      </c>
      <c r="J7144" s="8">
        <v>-74.180561299999994</v>
      </c>
    </row>
    <row r="7145" spans="1:10" x14ac:dyDescent="0.35">
      <c r="A7145" s="5" t="s">
        <v>10</v>
      </c>
      <c r="B7145" s="6">
        <v>219828</v>
      </c>
      <c r="C7145" s="6" t="s">
        <v>68</v>
      </c>
      <c r="D7145" s="6" t="s">
        <v>69</v>
      </c>
      <c r="E7145" s="6">
        <v>11001</v>
      </c>
      <c r="F7145" s="6" t="s">
        <v>18</v>
      </c>
      <c r="G7145" s="6" t="s">
        <v>14395</v>
      </c>
      <c r="H7145" s="6" t="s">
        <v>14396</v>
      </c>
      <c r="I7145" s="7">
        <v>4.7125243000000001</v>
      </c>
      <c r="J7145" s="8">
        <v>-74.064255099999997</v>
      </c>
    </row>
    <row r="7146" spans="1:10" x14ac:dyDescent="0.35">
      <c r="A7146" s="5" t="s">
        <v>10</v>
      </c>
      <c r="B7146" s="6">
        <v>221694</v>
      </c>
      <c r="C7146" s="6" t="s">
        <v>68</v>
      </c>
      <c r="D7146" s="6" t="s">
        <v>69</v>
      </c>
      <c r="E7146" s="6">
        <v>11001</v>
      </c>
      <c r="F7146" s="6" t="s">
        <v>18</v>
      </c>
      <c r="G7146" s="6" t="s">
        <v>14397</v>
      </c>
      <c r="H7146" s="6" t="s">
        <v>14398</v>
      </c>
      <c r="I7146" s="7">
        <v>4.6479761000000002</v>
      </c>
      <c r="J7146" s="8">
        <v>-74.178107299999994</v>
      </c>
    </row>
    <row r="7147" spans="1:10" x14ac:dyDescent="0.35">
      <c r="A7147" s="5" t="s">
        <v>10</v>
      </c>
      <c r="B7147" s="6">
        <v>227177</v>
      </c>
      <c r="C7147" s="6" t="s">
        <v>68</v>
      </c>
      <c r="D7147" s="6" t="s">
        <v>69</v>
      </c>
      <c r="E7147" s="6">
        <v>11001</v>
      </c>
      <c r="F7147" s="6" t="s">
        <v>18</v>
      </c>
      <c r="G7147" s="6" t="s">
        <v>14399</v>
      </c>
      <c r="H7147" s="6" t="s">
        <v>14400</v>
      </c>
      <c r="I7147" s="7">
        <v>4.5739045000000003</v>
      </c>
      <c r="J7147" s="8">
        <v>-74.165510999999995</v>
      </c>
    </row>
    <row r="7148" spans="1:10" x14ac:dyDescent="0.35">
      <c r="A7148" s="5" t="s">
        <v>10</v>
      </c>
      <c r="B7148" s="6">
        <v>233240</v>
      </c>
      <c r="C7148" s="6" t="s">
        <v>68</v>
      </c>
      <c r="D7148" s="6" t="s">
        <v>69</v>
      </c>
      <c r="E7148" s="6">
        <v>11001</v>
      </c>
      <c r="F7148" s="6" t="s">
        <v>18</v>
      </c>
      <c r="G7148" s="6" t="s">
        <v>14401</v>
      </c>
      <c r="H7148" s="6" t="s">
        <v>14402</v>
      </c>
      <c r="I7148" s="7">
        <v>4.6182999999999996</v>
      </c>
      <c r="J7148" s="8">
        <v>-74.120530000000002</v>
      </c>
    </row>
    <row r="7149" spans="1:10" x14ac:dyDescent="0.35">
      <c r="A7149" s="5" t="s">
        <v>10</v>
      </c>
      <c r="B7149" s="6">
        <v>236060</v>
      </c>
      <c r="C7149" s="6" t="s">
        <v>68</v>
      </c>
      <c r="D7149" s="6" t="s">
        <v>69</v>
      </c>
      <c r="E7149" s="6">
        <v>11001</v>
      </c>
      <c r="F7149" s="6" t="s">
        <v>18</v>
      </c>
      <c r="G7149" s="6" t="s">
        <v>14403</v>
      </c>
      <c r="H7149" s="6" t="s">
        <v>14404</v>
      </c>
      <c r="I7149" s="7">
        <v>4.7075303000000002</v>
      </c>
      <c r="J7149" s="8">
        <v>-74.114613699999893</v>
      </c>
    </row>
    <row r="7150" spans="1:10" x14ac:dyDescent="0.35">
      <c r="A7150" s="5" t="s">
        <v>10</v>
      </c>
      <c r="B7150" s="6">
        <v>242416</v>
      </c>
      <c r="C7150" s="6" t="s">
        <v>68</v>
      </c>
      <c r="D7150" s="6" t="s">
        <v>69</v>
      </c>
      <c r="E7150" s="6">
        <v>11001</v>
      </c>
      <c r="F7150" s="6" t="s">
        <v>18</v>
      </c>
      <c r="G7150" s="6" t="s">
        <v>14405</v>
      </c>
      <c r="H7150" s="6" t="s">
        <v>14406</v>
      </c>
      <c r="I7150" s="7">
        <v>4.7076526999999997</v>
      </c>
      <c r="J7150" s="8">
        <v>-74.106274799999994</v>
      </c>
    </row>
    <row r="7151" spans="1:10" x14ac:dyDescent="0.35">
      <c r="A7151" s="5" t="s">
        <v>10</v>
      </c>
      <c r="B7151" s="6">
        <v>242502</v>
      </c>
      <c r="C7151" s="6" t="s">
        <v>68</v>
      </c>
      <c r="D7151" s="6" t="s">
        <v>69</v>
      </c>
      <c r="E7151" s="6">
        <v>11001</v>
      </c>
      <c r="F7151" s="6" t="s">
        <v>18</v>
      </c>
      <c r="G7151" s="6" t="s">
        <v>14407</v>
      </c>
      <c r="H7151" s="6" t="s">
        <v>14408</v>
      </c>
      <c r="I7151" s="7">
        <v>4.7448575999999996</v>
      </c>
      <c r="J7151" s="8">
        <v>-74.121425099999996</v>
      </c>
    </row>
    <row r="7152" spans="1:10" x14ac:dyDescent="0.35">
      <c r="A7152" s="5" t="s">
        <v>10</v>
      </c>
      <c r="B7152" s="6">
        <v>203250</v>
      </c>
      <c r="C7152" s="6" t="s">
        <v>68</v>
      </c>
      <c r="D7152" s="6" t="s">
        <v>69</v>
      </c>
      <c r="E7152" s="6">
        <v>11001</v>
      </c>
      <c r="F7152" s="6" t="s">
        <v>18</v>
      </c>
      <c r="G7152" s="6" t="s">
        <v>14409</v>
      </c>
      <c r="H7152" s="6" t="s">
        <v>14410</v>
      </c>
      <c r="I7152" s="7">
        <v>4.7430687999999996</v>
      </c>
      <c r="J7152" s="8">
        <v>-74.124870299999998</v>
      </c>
    </row>
    <row r="7153" spans="1:10" x14ac:dyDescent="0.35">
      <c r="A7153" s="5" t="s">
        <v>10</v>
      </c>
      <c r="B7153" s="6">
        <v>237250</v>
      </c>
      <c r="C7153" s="6" t="s">
        <v>68</v>
      </c>
      <c r="D7153" s="6" t="s">
        <v>69</v>
      </c>
      <c r="E7153" s="6">
        <v>11001</v>
      </c>
      <c r="F7153" s="6" t="s">
        <v>18</v>
      </c>
      <c r="G7153" s="6" t="s">
        <v>14411</v>
      </c>
      <c r="H7153" s="6" t="s">
        <v>14412</v>
      </c>
      <c r="I7153" s="7">
        <v>4.5967802000000004</v>
      </c>
      <c r="J7153" s="8">
        <v>-74.110436100000001</v>
      </c>
    </row>
    <row r="7154" spans="1:10" x14ac:dyDescent="0.35">
      <c r="A7154" s="5" t="s">
        <v>10</v>
      </c>
      <c r="B7154" s="6">
        <v>244793</v>
      </c>
      <c r="C7154" s="6" t="s">
        <v>68</v>
      </c>
      <c r="D7154" s="6" t="s">
        <v>69</v>
      </c>
      <c r="E7154" s="6">
        <v>11001</v>
      </c>
      <c r="F7154" s="6" t="s">
        <v>18</v>
      </c>
      <c r="G7154" s="6" t="s">
        <v>14413</v>
      </c>
      <c r="H7154" s="6" t="s">
        <v>14414</v>
      </c>
      <c r="I7154" s="7">
        <v>4.4955626999999998</v>
      </c>
      <c r="J7154" s="8">
        <v>-74.112463399999996</v>
      </c>
    </row>
    <row r="7155" spans="1:10" x14ac:dyDescent="0.35">
      <c r="A7155" s="5" t="s">
        <v>10</v>
      </c>
      <c r="B7155" s="6">
        <v>197567</v>
      </c>
      <c r="C7155" s="6" t="s">
        <v>190</v>
      </c>
      <c r="D7155" s="6" t="s">
        <v>14415</v>
      </c>
      <c r="E7155" s="6">
        <v>5380</v>
      </c>
      <c r="F7155" s="6" t="s">
        <v>18</v>
      </c>
      <c r="G7155" s="6" t="s">
        <v>14416</v>
      </c>
      <c r="H7155" s="6" t="s">
        <v>14417</v>
      </c>
      <c r="I7155" s="7">
        <v>6.1213949999999997</v>
      </c>
      <c r="J7155" s="8">
        <v>-75.634800400000003</v>
      </c>
    </row>
    <row r="7156" spans="1:10" x14ac:dyDescent="0.35">
      <c r="A7156" s="5" t="s">
        <v>10</v>
      </c>
      <c r="B7156" s="6">
        <v>237351</v>
      </c>
      <c r="C7156" s="6" t="s">
        <v>11</v>
      </c>
      <c r="D7156" s="6" t="s">
        <v>101</v>
      </c>
      <c r="E7156" s="6">
        <v>25473</v>
      </c>
      <c r="F7156" s="6" t="s">
        <v>18</v>
      </c>
      <c r="G7156" s="6" t="s">
        <v>14418</v>
      </c>
      <c r="H7156" s="6" t="s">
        <v>14419</v>
      </c>
      <c r="I7156" s="7">
        <v>4.7027381999999998</v>
      </c>
      <c r="J7156" s="8">
        <v>-74.227490500000002</v>
      </c>
    </row>
    <row r="7157" spans="1:10" x14ac:dyDescent="0.35">
      <c r="A7157" s="5" t="s">
        <v>10</v>
      </c>
      <c r="B7157" s="6">
        <v>231605</v>
      </c>
      <c r="C7157" s="6" t="s">
        <v>117</v>
      </c>
      <c r="D7157" s="6" t="s">
        <v>3402</v>
      </c>
      <c r="E7157" s="6">
        <v>76364</v>
      </c>
      <c r="F7157" s="6" t="s">
        <v>18</v>
      </c>
      <c r="G7157" s="6" t="s">
        <v>14420</v>
      </c>
      <c r="H7157" s="6" t="s">
        <v>14421</v>
      </c>
      <c r="I7157" s="7">
        <v>3.2346438000000002</v>
      </c>
      <c r="J7157" s="8">
        <v>-76.511572700000002</v>
      </c>
    </row>
    <row r="7158" spans="1:10" x14ac:dyDescent="0.35">
      <c r="A7158" s="5" t="s">
        <v>10</v>
      </c>
      <c r="B7158" s="6">
        <v>214270</v>
      </c>
      <c r="C7158" s="6" t="s">
        <v>68</v>
      </c>
      <c r="D7158" s="6" t="s">
        <v>69</v>
      </c>
      <c r="E7158" s="6">
        <v>11001</v>
      </c>
      <c r="F7158" s="6" t="s">
        <v>18</v>
      </c>
      <c r="G7158" s="6" t="s">
        <v>14422</v>
      </c>
      <c r="H7158" s="6" t="s">
        <v>14423</v>
      </c>
      <c r="I7158" s="7">
        <v>4.6858860999999896</v>
      </c>
      <c r="J7158" s="8">
        <v>-74.157082399999993</v>
      </c>
    </row>
    <row r="7159" spans="1:10" x14ac:dyDescent="0.35">
      <c r="A7159" s="5" t="s">
        <v>10</v>
      </c>
      <c r="B7159" s="6">
        <v>232987</v>
      </c>
      <c r="C7159" s="6" t="s">
        <v>68</v>
      </c>
      <c r="D7159" s="6" t="s">
        <v>69</v>
      </c>
      <c r="E7159" s="6">
        <v>11001</v>
      </c>
      <c r="F7159" s="6" t="s">
        <v>18</v>
      </c>
      <c r="G7159" s="6" t="s">
        <v>14424</v>
      </c>
      <c r="H7159" s="6" t="s">
        <v>14425</v>
      </c>
      <c r="I7159" s="7">
        <v>4.6871900000000002</v>
      </c>
      <c r="J7159" s="8">
        <v>-74.060839999999999</v>
      </c>
    </row>
    <row r="7160" spans="1:10" x14ac:dyDescent="0.35">
      <c r="A7160" s="5" t="s">
        <v>10</v>
      </c>
      <c r="B7160" s="6">
        <v>237211</v>
      </c>
      <c r="C7160" s="6" t="s">
        <v>68</v>
      </c>
      <c r="D7160" s="6" t="s">
        <v>69</v>
      </c>
      <c r="E7160" s="6">
        <v>11001</v>
      </c>
      <c r="F7160" s="6" t="s">
        <v>18</v>
      </c>
      <c r="G7160" s="6" t="s">
        <v>14426</v>
      </c>
      <c r="H7160" s="6" t="s">
        <v>14427</v>
      </c>
      <c r="I7160" s="7">
        <v>4.7454774999999998</v>
      </c>
      <c r="J7160" s="8">
        <v>-74.123697699999994</v>
      </c>
    </row>
    <row r="7161" spans="1:10" x14ac:dyDescent="0.35">
      <c r="A7161" s="5" t="s">
        <v>10</v>
      </c>
      <c r="B7161" s="6">
        <v>225063</v>
      </c>
      <c r="C7161" s="6" t="s">
        <v>68</v>
      </c>
      <c r="D7161" s="6" t="s">
        <v>69</v>
      </c>
      <c r="E7161" s="6">
        <v>11001</v>
      </c>
      <c r="F7161" s="6" t="s">
        <v>18</v>
      </c>
      <c r="G7161" s="6" t="s">
        <v>14428</v>
      </c>
      <c r="H7161" s="6" t="s">
        <v>14429</v>
      </c>
      <c r="I7161" s="7">
        <v>4.6100329000000002</v>
      </c>
      <c r="J7161" s="8">
        <v>-74.078598999999997</v>
      </c>
    </row>
    <row r="7162" spans="1:10" x14ac:dyDescent="0.35">
      <c r="A7162" s="5" t="s">
        <v>10</v>
      </c>
      <c r="B7162" s="6">
        <v>242530</v>
      </c>
      <c r="C7162" s="6" t="s">
        <v>68</v>
      </c>
      <c r="D7162" s="6" t="s">
        <v>69</v>
      </c>
      <c r="E7162" s="6">
        <v>11001</v>
      </c>
      <c r="F7162" s="6" t="s">
        <v>18</v>
      </c>
      <c r="G7162" s="6" t="s">
        <v>14430</v>
      </c>
      <c r="H7162" s="6" t="s">
        <v>14431</v>
      </c>
      <c r="I7162" s="7">
        <v>4.6077206999999998</v>
      </c>
      <c r="J7162" s="8">
        <v>-74.090168399999996</v>
      </c>
    </row>
    <row r="7163" spans="1:10" x14ac:dyDescent="0.35">
      <c r="A7163" s="5" t="s">
        <v>10</v>
      </c>
      <c r="B7163" s="6">
        <v>207991</v>
      </c>
      <c r="C7163" s="6" t="s">
        <v>68</v>
      </c>
      <c r="D7163" s="6" t="s">
        <v>69</v>
      </c>
      <c r="E7163" s="6">
        <v>11001</v>
      </c>
      <c r="F7163" s="6" t="s">
        <v>18</v>
      </c>
      <c r="G7163" s="6" t="s">
        <v>14432</v>
      </c>
      <c r="H7163" s="6" t="s">
        <v>14433</v>
      </c>
      <c r="I7163" s="7">
        <v>4.5688234999999997</v>
      </c>
      <c r="J7163" s="8">
        <v>-74.084670599999995</v>
      </c>
    </row>
    <row r="7164" spans="1:10" x14ac:dyDescent="0.35">
      <c r="A7164" s="5" t="s">
        <v>10</v>
      </c>
      <c r="B7164" s="6">
        <v>200543</v>
      </c>
      <c r="C7164" s="6" t="s">
        <v>68</v>
      </c>
      <c r="D7164" s="6" t="s">
        <v>69</v>
      </c>
      <c r="E7164" s="6">
        <v>11001</v>
      </c>
      <c r="F7164" s="6" t="s">
        <v>18</v>
      </c>
      <c r="G7164" s="6" t="s">
        <v>14434</v>
      </c>
      <c r="H7164" s="6" t="s">
        <v>14435</v>
      </c>
      <c r="I7164" s="7">
        <v>4.6509551999999896</v>
      </c>
      <c r="J7164" s="8">
        <v>-74.156842499999996</v>
      </c>
    </row>
    <row r="7165" spans="1:10" x14ac:dyDescent="0.35">
      <c r="A7165" s="5" t="s">
        <v>10</v>
      </c>
      <c r="B7165" s="6">
        <v>239119</v>
      </c>
      <c r="C7165" s="6" t="s">
        <v>68</v>
      </c>
      <c r="D7165" s="6" t="s">
        <v>69</v>
      </c>
      <c r="E7165" s="6">
        <v>11001</v>
      </c>
      <c r="F7165" s="6" t="s">
        <v>18</v>
      </c>
      <c r="G7165" s="6" t="s">
        <v>14436</v>
      </c>
      <c r="H7165" s="6" t="s">
        <v>14437</v>
      </c>
      <c r="I7165" s="7">
        <v>4.6722314999999996</v>
      </c>
      <c r="J7165" s="8">
        <v>-74.146635599999996</v>
      </c>
    </row>
    <row r="7166" spans="1:10" x14ac:dyDescent="0.35">
      <c r="A7166" s="5" t="s">
        <v>10</v>
      </c>
      <c r="B7166" s="6">
        <v>242500</v>
      </c>
      <c r="C7166" s="6" t="s">
        <v>68</v>
      </c>
      <c r="D7166" s="6" t="s">
        <v>69</v>
      </c>
      <c r="E7166" s="6">
        <v>11001</v>
      </c>
      <c r="F7166" s="6" t="s">
        <v>18</v>
      </c>
      <c r="G7166" s="6" t="s">
        <v>14438</v>
      </c>
      <c r="H7166" s="6" t="s">
        <v>14439</v>
      </c>
      <c r="I7166" s="7">
        <v>4.6228012999999999</v>
      </c>
      <c r="J7166" s="8">
        <v>-74.0705229</v>
      </c>
    </row>
    <row r="7167" spans="1:10" x14ac:dyDescent="0.35">
      <c r="A7167" s="5" t="s">
        <v>10</v>
      </c>
      <c r="B7167" s="6">
        <v>212918</v>
      </c>
      <c r="C7167" s="6" t="s">
        <v>68</v>
      </c>
      <c r="D7167" s="6" t="s">
        <v>69</v>
      </c>
      <c r="E7167" s="6">
        <v>11001</v>
      </c>
      <c r="F7167" s="6" t="s">
        <v>13</v>
      </c>
      <c r="G7167" s="6" t="s">
        <v>14440</v>
      </c>
      <c r="H7167" s="6" t="s">
        <v>14441</v>
      </c>
      <c r="I7167" s="7">
        <v>4.7280873999999997</v>
      </c>
      <c r="J7167" s="8">
        <v>-74.095142300000006</v>
      </c>
    </row>
    <row r="7168" spans="1:10" x14ac:dyDescent="0.35">
      <c r="A7168" s="5" t="s">
        <v>10</v>
      </c>
      <c r="B7168" s="6">
        <v>220672</v>
      </c>
      <c r="C7168" s="6" t="s">
        <v>190</v>
      </c>
      <c r="D7168" s="6" t="s">
        <v>4063</v>
      </c>
      <c r="E7168" s="6">
        <v>5088</v>
      </c>
      <c r="F7168" s="6" t="s">
        <v>18</v>
      </c>
      <c r="G7168" s="6" t="s">
        <v>14442</v>
      </c>
      <c r="H7168" s="6" t="s">
        <v>14443</v>
      </c>
      <c r="I7168" s="7">
        <v>6.3451067999999999</v>
      </c>
      <c r="J7168" s="8">
        <v>-75.531224999999907</v>
      </c>
    </row>
    <row r="7169" spans="1:10" x14ac:dyDescent="0.35">
      <c r="A7169" s="5" t="s">
        <v>10</v>
      </c>
      <c r="B7169" s="6">
        <v>209800</v>
      </c>
      <c r="C7169" s="6" t="s">
        <v>68</v>
      </c>
      <c r="D7169" s="6" t="s">
        <v>69</v>
      </c>
      <c r="E7169" s="6">
        <v>11001</v>
      </c>
      <c r="F7169" s="6" t="s">
        <v>18</v>
      </c>
      <c r="G7169" s="6" t="s">
        <v>14444</v>
      </c>
      <c r="H7169" s="6" t="s">
        <v>14445</v>
      </c>
      <c r="I7169" s="7">
        <v>4.6397506999999996</v>
      </c>
      <c r="J7169" s="8">
        <v>-74.148078699999999</v>
      </c>
    </row>
    <row r="7170" spans="1:10" x14ac:dyDescent="0.35">
      <c r="A7170" s="5" t="s">
        <v>10</v>
      </c>
      <c r="B7170" s="6">
        <v>237135</v>
      </c>
      <c r="C7170" s="6" t="s">
        <v>68</v>
      </c>
      <c r="D7170" s="6" t="s">
        <v>69</v>
      </c>
      <c r="E7170" s="6">
        <v>11001</v>
      </c>
      <c r="F7170" s="6" t="s">
        <v>18</v>
      </c>
      <c r="G7170" s="6" t="s">
        <v>14446</v>
      </c>
      <c r="H7170" s="6" t="s">
        <v>14447</v>
      </c>
      <c r="I7170" s="7">
        <v>4.6175490999999997</v>
      </c>
      <c r="J7170" s="8">
        <v>-74.121555400000005</v>
      </c>
    </row>
    <row r="7171" spans="1:10" x14ac:dyDescent="0.35">
      <c r="A7171" s="5" t="s">
        <v>10</v>
      </c>
      <c r="B7171" s="6">
        <v>239182</v>
      </c>
      <c r="C7171" s="6" t="s">
        <v>68</v>
      </c>
      <c r="D7171" s="6" t="s">
        <v>69</v>
      </c>
      <c r="E7171" s="6">
        <v>11001</v>
      </c>
      <c r="F7171" s="6" t="s">
        <v>18</v>
      </c>
      <c r="G7171" s="6" t="s">
        <v>14448</v>
      </c>
      <c r="H7171" s="6" t="s">
        <v>14449</v>
      </c>
      <c r="I7171" s="7">
        <v>4.6216564</v>
      </c>
      <c r="J7171" s="8">
        <v>-74.174629800000005</v>
      </c>
    </row>
    <row r="7172" spans="1:10" x14ac:dyDescent="0.35">
      <c r="A7172" s="5" t="s">
        <v>10</v>
      </c>
      <c r="B7172" s="6">
        <v>216705</v>
      </c>
      <c r="C7172" s="6" t="s">
        <v>68</v>
      </c>
      <c r="D7172" s="6" t="s">
        <v>69</v>
      </c>
      <c r="E7172" s="6">
        <v>11001</v>
      </c>
      <c r="F7172" s="6" t="s">
        <v>18</v>
      </c>
      <c r="G7172" s="6" t="s">
        <v>14450</v>
      </c>
      <c r="H7172" s="6" t="s">
        <v>14451</v>
      </c>
      <c r="I7172" s="7">
        <v>4.6376086000000001</v>
      </c>
      <c r="J7172" s="8">
        <v>-74.192727399999995</v>
      </c>
    </row>
    <row r="7173" spans="1:10" x14ac:dyDescent="0.35">
      <c r="A7173" s="5" t="s">
        <v>10</v>
      </c>
      <c r="B7173" s="6">
        <v>230146</v>
      </c>
      <c r="C7173" s="6" t="s">
        <v>68</v>
      </c>
      <c r="D7173" s="6" t="s">
        <v>69</v>
      </c>
      <c r="E7173" s="6">
        <v>11001</v>
      </c>
      <c r="F7173" s="6" t="s">
        <v>18</v>
      </c>
      <c r="G7173" s="6" t="s">
        <v>14452</v>
      </c>
      <c r="H7173" s="6" t="s">
        <v>14453</v>
      </c>
      <c r="I7173" s="7">
        <v>4.6164864000000003</v>
      </c>
      <c r="J7173" s="8">
        <v>-74.172586999999993</v>
      </c>
    </row>
    <row r="7174" spans="1:10" x14ac:dyDescent="0.35">
      <c r="A7174" s="5" t="s">
        <v>10</v>
      </c>
      <c r="B7174" s="6">
        <v>239970</v>
      </c>
      <c r="C7174" s="6" t="s">
        <v>68</v>
      </c>
      <c r="D7174" s="6" t="s">
        <v>69</v>
      </c>
      <c r="E7174" s="6">
        <v>11001</v>
      </c>
      <c r="F7174" s="6" t="s">
        <v>18</v>
      </c>
      <c r="G7174" s="6" t="s">
        <v>14454</v>
      </c>
      <c r="H7174" s="6" t="s">
        <v>14455</v>
      </c>
      <c r="I7174" s="7">
        <v>4.6034651999999996</v>
      </c>
      <c r="J7174" s="8">
        <v>-74.089135099999993</v>
      </c>
    </row>
    <row r="7175" spans="1:10" x14ac:dyDescent="0.35">
      <c r="A7175" s="5" t="s">
        <v>10</v>
      </c>
      <c r="B7175" s="6">
        <v>240072</v>
      </c>
      <c r="C7175" s="6" t="s">
        <v>68</v>
      </c>
      <c r="D7175" s="6" t="s">
        <v>69</v>
      </c>
      <c r="E7175" s="6">
        <v>11001</v>
      </c>
      <c r="F7175" s="6" t="s">
        <v>18</v>
      </c>
      <c r="G7175" s="6" t="s">
        <v>14456</v>
      </c>
      <c r="H7175" s="6" t="s">
        <v>14457</v>
      </c>
      <c r="I7175" s="7">
        <v>4.5849687000000001</v>
      </c>
      <c r="J7175" s="8">
        <v>-74.077729700000006</v>
      </c>
    </row>
    <row r="7176" spans="1:10" x14ac:dyDescent="0.35">
      <c r="A7176" s="5" t="s">
        <v>10</v>
      </c>
      <c r="B7176" s="6">
        <v>242129</v>
      </c>
      <c r="C7176" s="6" t="s">
        <v>68</v>
      </c>
      <c r="D7176" s="6" t="s">
        <v>69</v>
      </c>
      <c r="E7176" s="6">
        <v>11001</v>
      </c>
      <c r="F7176" s="6" t="s">
        <v>18</v>
      </c>
      <c r="G7176" s="6" t="s">
        <v>14458</v>
      </c>
      <c r="H7176" s="6" t="s">
        <v>14459</v>
      </c>
      <c r="I7176" s="7">
        <v>4.7109886000000003</v>
      </c>
      <c r="J7176" s="8">
        <v>-74.072091999999998</v>
      </c>
    </row>
    <row r="7177" spans="1:10" x14ac:dyDescent="0.35">
      <c r="A7177" s="5" t="s">
        <v>10</v>
      </c>
      <c r="B7177" s="6">
        <v>247280</v>
      </c>
      <c r="C7177" s="6" t="s">
        <v>68</v>
      </c>
      <c r="D7177" s="6" t="s">
        <v>69</v>
      </c>
      <c r="E7177" s="6">
        <v>11001</v>
      </c>
      <c r="F7177" s="6" t="s">
        <v>18</v>
      </c>
      <c r="G7177" s="6" t="s">
        <v>14460</v>
      </c>
      <c r="H7177" s="6" t="s">
        <v>14461</v>
      </c>
      <c r="I7177" s="7">
        <v>4.7308738000000004</v>
      </c>
      <c r="J7177" s="8">
        <v>-74.087334799999994</v>
      </c>
    </row>
    <row r="7178" spans="1:10" x14ac:dyDescent="0.35">
      <c r="A7178" s="5" t="s">
        <v>10</v>
      </c>
      <c r="B7178" s="6">
        <v>231161</v>
      </c>
      <c r="C7178" s="6" t="s">
        <v>68</v>
      </c>
      <c r="D7178" s="6" t="s">
        <v>69</v>
      </c>
      <c r="E7178" s="6">
        <v>11001</v>
      </c>
      <c r="F7178" s="6" t="s">
        <v>18</v>
      </c>
      <c r="G7178" s="6" t="s">
        <v>14462</v>
      </c>
      <c r="H7178" s="6" t="s">
        <v>14463</v>
      </c>
      <c r="I7178" s="7">
        <v>4.6825812000000004</v>
      </c>
      <c r="J7178" s="8">
        <v>-74.065192499999995</v>
      </c>
    </row>
    <row r="7179" spans="1:10" x14ac:dyDescent="0.35">
      <c r="A7179" s="5" t="s">
        <v>10</v>
      </c>
      <c r="B7179" s="6">
        <v>147104</v>
      </c>
      <c r="C7179" s="6" t="s">
        <v>2130</v>
      </c>
      <c r="D7179" s="6" t="s">
        <v>5723</v>
      </c>
      <c r="E7179" s="6">
        <v>85250</v>
      </c>
      <c r="F7179" s="6" t="s">
        <v>18</v>
      </c>
      <c r="G7179" s="6" t="s">
        <v>14464</v>
      </c>
      <c r="H7179" s="6" t="s">
        <v>14465</v>
      </c>
      <c r="I7179" s="7">
        <v>5.8778673000000001</v>
      </c>
      <c r="J7179" s="8">
        <v>-71.896588199999997</v>
      </c>
    </row>
    <row r="7180" spans="1:10" x14ac:dyDescent="0.35">
      <c r="A7180" s="5" t="s">
        <v>10</v>
      </c>
      <c r="B7180" s="6">
        <v>222299</v>
      </c>
      <c r="C7180" s="6" t="s">
        <v>308</v>
      </c>
      <c r="D7180" s="6" t="s">
        <v>309</v>
      </c>
      <c r="E7180" s="6">
        <v>23001</v>
      </c>
      <c r="F7180" s="6" t="s">
        <v>13</v>
      </c>
      <c r="G7180" s="6" t="s">
        <v>14466</v>
      </c>
      <c r="H7180" s="6" t="s">
        <v>14467</v>
      </c>
      <c r="I7180" s="7">
        <v>8.7377523999999998</v>
      </c>
      <c r="J7180" s="8">
        <v>-75.897530500000002</v>
      </c>
    </row>
    <row r="7181" spans="1:10" x14ac:dyDescent="0.35">
      <c r="A7181" s="5" t="s">
        <v>10</v>
      </c>
      <c r="B7181" s="6">
        <v>111498</v>
      </c>
      <c r="C7181" s="6" t="s">
        <v>11</v>
      </c>
      <c r="D7181" s="6" t="s">
        <v>101</v>
      </c>
      <c r="E7181" s="6">
        <v>25473</v>
      </c>
      <c r="F7181" s="6" t="s">
        <v>18</v>
      </c>
      <c r="G7181" s="6" t="s">
        <v>14468</v>
      </c>
      <c r="H7181" s="6" t="s">
        <v>14469</v>
      </c>
      <c r="I7181" s="7">
        <v>4.7092565999999998</v>
      </c>
      <c r="J7181" s="8">
        <v>-74.226229899999893</v>
      </c>
    </row>
    <row r="7182" spans="1:10" x14ac:dyDescent="0.35">
      <c r="A7182" s="5" t="s">
        <v>10</v>
      </c>
      <c r="B7182" s="6">
        <v>239859</v>
      </c>
      <c r="C7182" s="6" t="s">
        <v>117</v>
      </c>
      <c r="D7182" s="6" t="s">
        <v>5316</v>
      </c>
      <c r="E7182" s="6">
        <v>76109</v>
      </c>
      <c r="F7182" s="6" t="s">
        <v>18</v>
      </c>
      <c r="G7182" s="6" t="s">
        <v>14470</v>
      </c>
      <c r="H7182" s="6" t="s">
        <v>14471</v>
      </c>
      <c r="I7182" s="7">
        <v>3.8743188000000002</v>
      </c>
      <c r="J7182" s="8">
        <v>-77.006835899999999</v>
      </c>
    </row>
    <row r="7183" spans="1:10" x14ac:dyDescent="0.35">
      <c r="A7183" s="5" t="s">
        <v>10</v>
      </c>
      <c r="B7183" s="6">
        <v>240452</v>
      </c>
      <c r="C7183" s="6" t="s">
        <v>190</v>
      </c>
      <c r="D7183" s="6" t="s">
        <v>118</v>
      </c>
      <c r="E7183" s="6">
        <v>5400</v>
      </c>
      <c r="F7183" s="6" t="s">
        <v>18</v>
      </c>
      <c r="G7183" s="6" t="s">
        <v>14472</v>
      </c>
      <c r="H7183" s="6" t="s">
        <v>14473</v>
      </c>
      <c r="I7183" s="7">
        <v>5.9738389999999999</v>
      </c>
      <c r="J7183" s="8">
        <v>-75.3609759</v>
      </c>
    </row>
    <row r="7184" spans="1:10" x14ac:dyDescent="0.35">
      <c r="A7184" s="5" t="s">
        <v>10</v>
      </c>
      <c r="B7184" s="6">
        <v>234596</v>
      </c>
      <c r="C7184" s="6" t="s">
        <v>190</v>
      </c>
      <c r="D7184" s="6" t="s">
        <v>12165</v>
      </c>
      <c r="E7184" s="6">
        <v>5172</v>
      </c>
      <c r="F7184" s="6" t="s">
        <v>18</v>
      </c>
      <c r="G7184" s="6" t="s">
        <v>14474</v>
      </c>
      <c r="H7184" s="6" t="s">
        <v>14475</v>
      </c>
      <c r="I7184" s="7">
        <v>7.6708613000000003</v>
      </c>
      <c r="J7184" s="8">
        <v>-76.681370999999999</v>
      </c>
    </row>
    <row r="7185" spans="1:10" x14ac:dyDescent="0.35">
      <c r="A7185" s="5" t="s">
        <v>10</v>
      </c>
      <c r="B7185" s="6">
        <v>231143</v>
      </c>
      <c r="C7185" s="6" t="s">
        <v>68</v>
      </c>
      <c r="D7185" s="6" t="s">
        <v>69</v>
      </c>
      <c r="E7185" s="6">
        <v>11001</v>
      </c>
      <c r="F7185" s="6" t="s">
        <v>18</v>
      </c>
      <c r="G7185" s="6" t="s">
        <v>14476</v>
      </c>
      <c r="H7185" s="6" t="s">
        <v>14477</v>
      </c>
      <c r="I7185" s="7">
        <v>4.5823345</v>
      </c>
      <c r="J7185" s="8">
        <v>-74.129057099999997</v>
      </c>
    </row>
    <row r="7186" spans="1:10" x14ac:dyDescent="0.35">
      <c r="A7186" s="5" t="s">
        <v>10</v>
      </c>
      <c r="B7186" s="6">
        <v>242059</v>
      </c>
      <c r="C7186" s="6" t="s">
        <v>68</v>
      </c>
      <c r="D7186" s="6" t="s">
        <v>69</v>
      </c>
      <c r="E7186" s="6">
        <v>11001</v>
      </c>
      <c r="F7186" s="6" t="s">
        <v>18</v>
      </c>
      <c r="G7186" s="6" t="s">
        <v>14478</v>
      </c>
      <c r="H7186" s="6" t="s">
        <v>14479</v>
      </c>
      <c r="I7186" s="7">
        <v>4.5771537999999996</v>
      </c>
      <c r="J7186" s="8">
        <v>-74.104235000000003</v>
      </c>
    </row>
    <row r="7187" spans="1:10" x14ac:dyDescent="0.35">
      <c r="A7187" s="5" t="s">
        <v>10</v>
      </c>
      <c r="B7187" s="6">
        <v>246855</v>
      </c>
      <c r="C7187" s="6" t="s">
        <v>68</v>
      </c>
      <c r="D7187" s="6" t="s">
        <v>69</v>
      </c>
      <c r="E7187" s="6">
        <v>11001</v>
      </c>
      <c r="F7187" s="6" t="s">
        <v>18</v>
      </c>
      <c r="G7187" s="6" t="s">
        <v>14480</v>
      </c>
      <c r="H7187" s="6" t="s">
        <v>14481</v>
      </c>
      <c r="I7187" s="7">
        <v>4.6694741999999998</v>
      </c>
      <c r="J7187" s="8">
        <v>-74.085016899999999</v>
      </c>
    </row>
    <row r="7188" spans="1:10" x14ac:dyDescent="0.35">
      <c r="A7188" s="5" t="s">
        <v>10</v>
      </c>
      <c r="B7188" s="6">
        <v>192189</v>
      </c>
      <c r="C7188" s="6" t="s">
        <v>68</v>
      </c>
      <c r="D7188" s="6" t="s">
        <v>69</v>
      </c>
      <c r="E7188" s="6">
        <v>11001</v>
      </c>
      <c r="F7188" s="6" t="s">
        <v>18</v>
      </c>
      <c r="G7188" s="6" t="s">
        <v>14482</v>
      </c>
      <c r="H7188" s="6" t="s">
        <v>14483</v>
      </c>
      <c r="I7188" s="7">
        <v>4.5563406000000004</v>
      </c>
      <c r="J7188" s="8">
        <v>-74.121456600000002</v>
      </c>
    </row>
    <row r="7189" spans="1:10" x14ac:dyDescent="0.35">
      <c r="A7189" s="5" t="s">
        <v>10</v>
      </c>
      <c r="B7189" s="6">
        <v>198466</v>
      </c>
      <c r="C7189" s="6" t="s">
        <v>68</v>
      </c>
      <c r="D7189" s="6" t="s">
        <v>69</v>
      </c>
      <c r="E7189" s="6">
        <v>11001</v>
      </c>
      <c r="F7189" s="6" t="s">
        <v>18</v>
      </c>
      <c r="G7189" s="6" t="s">
        <v>14484</v>
      </c>
      <c r="H7189" s="6" t="s">
        <v>14485</v>
      </c>
      <c r="I7189" s="7">
        <v>4.7016966999999896</v>
      </c>
      <c r="J7189" s="8">
        <v>-74.130089999999996</v>
      </c>
    </row>
    <row r="7190" spans="1:10" x14ac:dyDescent="0.35">
      <c r="A7190" s="5" t="s">
        <v>10</v>
      </c>
      <c r="B7190" s="6">
        <v>204113</v>
      </c>
      <c r="C7190" s="6" t="s">
        <v>68</v>
      </c>
      <c r="D7190" s="6" t="s">
        <v>69</v>
      </c>
      <c r="E7190" s="6">
        <v>11001</v>
      </c>
      <c r="F7190" s="6" t="s">
        <v>18</v>
      </c>
      <c r="G7190" s="6" t="s">
        <v>14486</v>
      </c>
      <c r="H7190" s="6" t="s">
        <v>14487</v>
      </c>
      <c r="I7190" s="7">
        <v>4.7094440000000004</v>
      </c>
      <c r="J7190" s="8">
        <v>-74.121963100000002</v>
      </c>
    </row>
    <row r="7191" spans="1:10" x14ac:dyDescent="0.35">
      <c r="A7191" s="5" t="s">
        <v>10</v>
      </c>
      <c r="B7191" s="6">
        <v>208893</v>
      </c>
      <c r="C7191" s="6" t="s">
        <v>68</v>
      </c>
      <c r="D7191" s="6" t="s">
        <v>69</v>
      </c>
      <c r="E7191" s="6">
        <v>11001</v>
      </c>
      <c r="F7191" s="6" t="s">
        <v>18</v>
      </c>
      <c r="G7191" s="6" t="s">
        <v>14488</v>
      </c>
      <c r="H7191" s="6" t="s">
        <v>14489</v>
      </c>
      <c r="I7191" s="7">
        <v>4.7396419999999999</v>
      </c>
      <c r="J7191" s="8">
        <v>-74.084401799999995</v>
      </c>
    </row>
    <row r="7192" spans="1:10" x14ac:dyDescent="0.35">
      <c r="A7192" s="5" t="s">
        <v>10</v>
      </c>
      <c r="B7192" s="6">
        <v>234695</v>
      </c>
      <c r="C7192" s="6" t="s">
        <v>11</v>
      </c>
      <c r="D7192" s="6" t="s">
        <v>334</v>
      </c>
      <c r="E7192" s="6">
        <v>25754</v>
      </c>
      <c r="F7192" s="6" t="s">
        <v>18</v>
      </c>
      <c r="G7192" s="6" t="s">
        <v>14490</v>
      </c>
      <c r="H7192" s="6" t="s">
        <v>14491</v>
      </c>
      <c r="I7192" s="7">
        <v>4.5708679999999999</v>
      </c>
      <c r="J7192" s="8">
        <v>-74.297332999999995</v>
      </c>
    </row>
    <row r="7193" spans="1:10" x14ac:dyDescent="0.35">
      <c r="A7193" s="5" t="s">
        <v>10</v>
      </c>
      <c r="B7193" s="6">
        <v>230456</v>
      </c>
      <c r="C7193" s="6" t="s">
        <v>2130</v>
      </c>
      <c r="D7193" s="6" t="s">
        <v>3979</v>
      </c>
      <c r="E7193" s="6">
        <v>85010</v>
      </c>
      <c r="F7193" s="6" t="s">
        <v>18</v>
      </c>
      <c r="G7193" s="6" t="s">
        <v>14492</v>
      </c>
      <c r="H7193" s="6" t="s">
        <v>14493</v>
      </c>
      <c r="I7193" s="7">
        <v>5.1684979000000002</v>
      </c>
      <c r="J7193" s="8">
        <v>-72.549584300000006</v>
      </c>
    </row>
    <row r="7194" spans="1:10" x14ac:dyDescent="0.35">
      <c r="A7194" s="5" t="s">
        <v>10</v>
      </c>
      <c r="B7194" s="6">
        <v>228182</v>
      </c>
      <c r="C7194" s="6" t="s">
        <v>308</v>
      </c>
      <c r="D7194" s="6" t="s">
        <v>8321</v>
      </c>
      <c r="E7194" s="6">
        <v>23162</v>
      </c>
      <c r="F7194" s="6" t="s">
        <v>13</v>
      </c>
      <c r="G7194" s="6" t="s">
        <v>14494</v>
      </c>
      <c r="H7194" s="6" t="s">
        <v>14495</v>
      </c>
      <c r="I7194" s="7">
        <v>8.8797841000000002</v>
      </c>
      <c r="J7194" s="8">
        <v>-75.781924799999999</v>
      </c>
    </row>
    <row r="7195" spans="1:10" x14ac:dyDescent="0.35">
      <c r="A7195" s="5" t="s">
        <v>10</v>
      </c>
      <c r="B7195" s="6">
        <v>204895</v>
      </c>
      <c r="C7195" s="6" t="s">
        <v>16</v>
      </c>
      <c r="D7195" s="6" t="s">
        <v>1401</v>
      </c>
      <c r="E7195" s="6">
        <v>68307</v>
      </c>
      <c r="F7195" s="6" t="s">
        <v>13</v>
      </c>
      <c r="G7195" s="6" t="s">
        <v>14496</v>
      </c>
      <c r="H7195" s="6" t="s">
        <v>14497</v>
      </c>
      <c r="I7195" s="7">
        <v>7.0778030999999997</v>
      </c>
      <c r="J7195" s="8">
        <v>-73.173421500000003</v>
      </c>
    </row>
    <row r="7196" spans="1:10" x14ac:dyDescent="0.35">
      <c r="A7196" s="5" t="s">
        <v>10</v>
      </c>
      <c r="B7196" s="6">
        <v>229575</v>
      </c>
      <c r="C7196" s="6" t="s">
        <v>466</v>
      </c>
      <c r="D7196" s="6" t="s">
        <v>467</v>
      </c>
      <c r="E7196" s="6">
        <v>81736</v>
      </c>
      <c r="F7196" s="6" t="s">
        <v>13</v>
      </c>
      <c r="G7196" s="6" t="s">
        <v>14498</v>
      </c>
      <c r="H7196" s="6" t="s">
        <v>14499</v>
      </c>
      <c r="I7196" s="7">
        <v>6.9547277000000003</v>
      </c>
      <c r="J7196" s="8">
        <v>-71.876025799999994</v>
      </c>
    </row>
    <row r="7197" spans="1:10" x14ac:dyDescent="0.35">
      <c r="A7197" s="5" t="s">
        <v>10</v>
      </c>
      <c r="B7197" s="6">
        <v>229793</v>
      </c>
      <c r="C7197" s="6" t="s">
        <v>117</v>
      </c>
      <c r="D7197" s="6" t="s">
        <v>1334</v>
      </c>
      <c r="E7197" s="6">
        <v>76001</v>
      </c>
      <c r="F7197" s="6" t="s">
        <v>18</v>
      </c>
      <c r="G7197" s="6" t="s">
        <v>14500</v>
      </c>
      <c r="H7197" s="6" t="s">
        <v>14501</v>
      </c>
      <c r="I7197" s="7">
        <v>3.3935545999999999</v>
      </c>
      <c r="J7197" s="8">
        <v>-76.532678500000003</v>
      </c>
    </row>
    <row r="7198" spans="1:10" x14ac:dyDescent="0.35">
      <c r="A7198" s="5" t="s">
        <v>10</v>
      </c>
      <c r="B7198" s="6">
        <v>239405</v>
      </c>
      <c r="C7198" s="6" t="s">
        <v>457</v>
      </c>
      <c r="D7198" s="6" t="s">
        <v>14502</v>
      </c>
      <c r="E7198" s="6">
        <v>52051</v>
      </c>
      <c r="F7198" s="6" t="s">
        <v>18</v>
      </c>
      <c r="G7198" s="6" t="s">
        <v>14503</v>
      </c>
      <c r="H7198" s="6" t="s">
        <v>14504</v>
      </c>
      <c r="I7198" s="7">
        <v>1.5039108999999999</v>
      </c>
      <c r="J7198" s="8">
        <v>-77.135872000000006</v>
      </c>
    </row>
    <row r="7199" spans="1:10" x14ac:dyDescent="0.35">
      <c r="A7199" s="5" t="s">
        <v>10</v>
      </c>
      <c r="B7199" s="6">
        <v>241555</v>
      </c>
      <c r="C7199" s="6" t="s">
        <v>457</v>
      </c>
      <c r="D7199" s="6" t="s">
        <v>14505</v>
      </c>
      <c r="E7199" s="6">
        <v>52573</v>
      </c>
      <c r="F7199" s="6" t="s">
        <v>18</v>
      </c>
      <c r="G7199" s="6" t="s">
        <v>14506</v>
      </c>
      <c r="H7199" s="6" t="s">
        <v>14507</v>
      </c>
      <c r="I7199" s="7">
        <v>0.88349829999999996</v>
      </c>
      <c r="J7199" s="8">
        <v>-77.504111499999993</v>
      </c>
    </row>
    <row r="7200" spans="1:10" x14ac:dyDescent="0.35">
      <c r="A7200" s="5" t="s">
        <v>10</v>
      </c>
      <c r="B7200" s="6">
        <v>211078</v>
      </c>
      <c r="C7200" s="6" t="s">
        <v>68</v>
      </c>
      <c r="D7200" s="6" t="s">
        <v>69</v>
      </c>
      <c r="E7200" s="6">
        <v>11001</v>
      </c>
      <c r="F7200" s="6" t="s">
        <v>18</v>
      </c>
      <c r="G7200" s="6" t="s">
        <v>14508</v>
      </c>
      <c r="H7200" s="6" t="s">
        <v>14509</v>
      </c>
      <c r="I7200" s="7">
        <v>4.6217436999999997</v>
      </c>
      <c r="J7200" s="8">
        <v>-74.151544299999998</v>
      </c>
    </row>
    <row r="7201" spans="1:10" x14ac:dyDescent="0.35">
      <c r="A7201" s="5" t="s">
        <v>10</v>
      </c>
      <c r="B7201" s="6">
        <v>231984</v>
      </c>
      <c r="C7201" s="6" t="s">
        <v>68</v>
      </c>
      <c r="D7201" s="6" t="s">
        <v>69</v>
      </c>
      <c r="E7201" s="6">
        <v>11001</v>
      </c>
      <c r="F7201" s="6" t="s">
        <v>18</v>
      </c>
      <c r="G7201" s="6" t="s">
        <v>14510</v>
      </c>
      <c r="H7201" s="6" t="s">
        <v>14511</v>
      </c>
      <c r="I7201" s="7">
        <v>4.7472050000000001</v>
      </c>
      <c r="J7201" s="8">
        <v>-74.112365999999994</v>
      </c>
    </row>
    <row r="7202" spans="1:10" x14ac:dyDescent="0.35">
      <c r="A7202" s="5" t="s">
        <v>10</v>
      </c>
      <c r="B7202" s="6">
        <v>239074</v>
      </c>
      <c r="C7202" s="6" t="s">
        <v>68</v>
      </c>
      <c r="D7202" s="6" t="s">
        <v>69</v>
      </c>
      <c r="E7202" s="6">
        <v>11001</v>
      </c>
      <c r="F7202" s="6" t="s">
        <v>18</v>
      </c>
      <c r="G7202" s="6" t="s">
        <v>14512</v>
      </c>
      <c r="H7202" s="6" t="s">
        <v>14513</v>
      </c>
      <c r="I7202" s="7">
        <v>4.6082783999999997</v>
      </c>
      <c r="J7202" s="8">
        <v>-74.147019</v>
      </c>
    </row>
    <row r="7203" spans="1:10" x14ac:dyDescent="0.35">
      <c r="A7203" s="5" t="s">
        <v>10</v>
      </c>
      <c r="B7203" s="6">
        <v>186028</v>
      </c>
      <c r="C7203" s="6" t="s">
        <v>68</v>
      </c>
      <c r="D7203" s="6" t="s">
        <v>69</v>
      </c>
      <c r="E7203" s="6">
        <v>11001</v>
      </c>
      <c r="F7203" s="6" t="s">
        <v>18</v>
      </c>
      <c r="G7203" s="6" t="s">
        <v>14514</v>
      </c>
      <c r="H7203" s="6" t="s">
        <v>14515</v>
      </c>
      <c r="I7203" s="7">
        <v>4.6156005999999996</v>
      </c>
      <c r="J7203" s="8">
        <v>-74.178215100000003</v>
      </c>
    </row>
    <row r="7204" spans="1:10" x14ac:dyDescent="0.35">
      <c r="A7204" s="5" t="s">
        <v>10</v>
      </c>
      <c r="B7204" s="6">
        <v>217771</v>
      </c>
      <c r="C7204" s="6" t="s">
        <v>68</v>
      </c>
      <c r="D7204" s="6" t="s">
        <v>69</v>
      </c>
      <c r="E7204" s="6">
        <v>11001</v>
      </c>
      <c r="F7204" s="6" t="s">
        <v>18</v>
      </c>
      <c r="G7204" s="6" t="s">
        <v>14516</v>
      </c>
      <c r="H7204" s="6" t="s">
        <v>14517</v>
      </c>
      <c r="I7204" s="7">
        <v>4.7067150999999896</v>
      </c>
      <c r="J7204" s="8">
        <v>-74.104643799999906</v>
      </c>
    </row>
    <row r="7205" spans="1:10" x14ac:dyDescent="0.35">
      <c r="A7205" s="5" t="s">
        <v>10</v>
      </c>
      <c r="B7205" s="6">
        <v>230533</v>
      </c>
      <c r="C7205" s="6" t="s">
        <v>68</v>
      </c>
      <c r="D7205" s="6" t="s">
        <v>69</v>
      </c>
      <c r="E7205" s="6">
        <v>11001</v>
      </c>
      <c r="F7205" s="6" t="s">
        <v>18</v>
      </c>
      <c r="G7205" s="6" t="s">
        <v>14518</v>
      </c>
      <c r="H7205" s="6" t="s">
        <v>14519</v>
      </c>
      <c r="I7205" s="7">
        <v>4.5801863000000003</v>
      </c>
      <c r="J7205" s="8">
        <v>-74.088811500000006</v>
      </c>
    </row>
    <row r="7206" spans="1:10" x14ac:dyDescent="0.35">
      <c r="A7206" s="5" t="s">
        <v>10</v>
      </c>
      <c r="B7206" s="6">
        <v>201314</v>
      </c>
      <c r="C7206" s="6" t="s">
        <v>68</v>
      </c>
      <c r="D7206" s="6" t="s">
        <v>69</v>
      </c>
      <c r="E7206" s="6">
        <v>11001</v>
      </c>
      <c r="F7206" s="6" t="s">
        <v>18</v>
      </c>
      <c r="G7206" s="6" t="s">
        <v>14520</v>
      </c>
      <c r="H7206" s="6" t="s">
        <v>14521</v>
      </c>
      <c r="I7206" s="7">
        <v>4.7057538999999897</v>
      </c>
      <c r="J7206" s="8">
        <v>-74.108548200000001</v>
      </c>
    </row>
    <row r="7207" spans="1:10" x14ac:dyDescent="0.35">
      <c r="A7207" s="5" t="s">
        <v>10</v>
      </c>
      <c r="B7207" s="6">
        <v>227077</v>
      </c>
      <c r="C7207" s="6" t="s">
        <v>68</v>
      </c>
      <c r="D7207" s="6" t="s">
        <v>69</v>
      </c>
      <c r="E7207" s="6">
        <v>11001</v>
      </c>
      <c r="F7207" s="6" t="s">
        <v>18</v>
      </c>
      <c r="G7207" s="6" t="s">
        <v>113</v>
      </c>
      <c r="H7207" s="6" t="s">
        <v>14522</v>
      </c>
      <c r="I7207" s="7">
        <v>4.5815064999999997</v>
      </c>
      <c r="J7207" s="8">
        <v>-74.138720699999993</v>
      </c>
    </row>
    <row r="7208" spans="1:10" x14ac:dyDescent="0.35">
      <c r="A7208" s="5" t="s">
        <v>10</v>
      </c>
      <c r="B7208" s="6">
        <v>242075</v>
      </c>
      <c r="C7208" s="6" t="s">
        <v>68</v>
      </c>
      <c r="D7208" s="6" t="s">
        <v>69</v>
      </c>
      <c r="E7208" s="6">
        <v>11001</v>
      </c>
      <c r="F7208" s="6" t="s">
        <v>18</v>
      </c>
      <c r="G7208" s="6" t="s">
        <v>14523</v>
      </c>
      <c r="H7208" s="6" t="s">
        <v>14524</v>
      </c>
      <c r="I7208" s="7">
        <v>4.7091111999999997</v>
      </c>
      <c r="J7208" s="8">
        <v>-74.117918900000006</v>
      </c>
    </row>
    <row r="7209" spans="1:10" x14ac:dyDescent="0.35">
      <c r="A7209" s="5" t="s">
        <v>10</v>
      </c>
      <c r="B7209" s="6">
        <v>243460</v>
      </c>
      <c r="C7209" s="6" t="s">
        <v>68</v>
      </c>
      <c r="D7209" s="6" t="s">
        <v>69</v>
      </c>
      <c r="E7209" s="6">
        <v>11001</v>
      </c>
      <c r="F7209" s="6" t="s">
        <v>18</v>
      </c>
      <c r="G7209" s="6" t="s">
        <v>14525</v>
      </c>
      <c r="H7209" s="6" t="s">
        <v>14526</v>
      </c>
      <c r="I7209" s="7">
        <v>4.6228061</v>
      </c>
      <c r="J7209" s="8">
        <v>-74.153829999999999</v>
      </c>
    </row>
    <row r="7210" spans="1:10" x14ac:dyDescent="0.35">
      <c r="A7210" s="5" t="s">
        <v>10</v>
      </c>
      <c r="B7210" s="6">
        <v>192552</v>
      </c>
      <c r="C7210" s="6" t="s">
        <v>4364</v>
      </c>
      <c r="D7210" s="6" t="s">
        <v>8441</v>
      </c>
      <c r="E7210" s="6">
        <v>70708</v>
      </c>
      <c r="F7210" s="6" t="s">
        <v>13</v>
      </c>
      <c r="G7210" s="6" t="s">
        <v>14527</v>
      </c>
      <c r="H7210" s="6" t="s">
        <v>14528</v>
      </c>
      <c r="I7210" s="7">
        <v>8.6637609999999992</v>
      </c>
      <c r="J7210" s="8">
        <v>-75.132682900000006</v>
      </c>
    </row>
    <row r="7211" spans="1:10" x14ac:dyDescent="0.35">
      <c r="A7211" s="5" t="s">
        <v>10</v>
      </c>
      <c r="B7211" s="6">
        <v>202430</v>
      </c>
      <c r="C7211" s="6" t="s">
        <v>117</v>
      </c>
      <c r="D7211" s="6" t="s">
        <v>1334</v>
      </c>
      <c r="E7211" s="6">
        <v>76001</v>
      </c>
      <c r="F7211" s="6" t="s">
        <v>13</v>
      </c>
      <c r="G7211" s="6" t="s">
        <v>14529</v>
      </c>
      <c r="H7211" s="6" t="s">
        <v>14530</v>
      </c>
      <c r="I7211" s="7">
        <v>3.3870072000000002</v>
      </c>
      <c r="J7211" s="8">
        <v>-76.516079599999998</v>
      </c>
    </row>
    <row r="7212" spans="1:10" x14ac:dyDescent="0.35">
      <c r="A7212" s="5" t="s">
        <v>10</v>
      </c>
      <c r="B7212" s="6">
        <v>212419</v>
      </c>
      <c r="C7212" s="6" t="s">
        <v>68</v>
      </c>
      <c r="D7212" s="6" t="s">
        <v>69</v>
      </c>
      <c r="E7212" s="6">
        <v>11001</v>
      </c>
      <c r="F7212" s="6" t="s">
        <v>13</v>
      </c>
      <c r="G7212" s="6" t="s">
        <v>14531</v>
      </c>
      <c r="H7212" s="6" t="s">
        <v>14532</v>
      </c>
      <c r="I7212" s="7">
        <v>4.6030860999999996</v>
      </c>
      <c r="J7212" s="8">
        <v>-74.162994299999994</v>
      </c>
    </row>
    <row r="7213" spans="1:10" x14ac:dyDescent="0.35">
      <c r="A7213" s="5" t="s">
        <v>10</v>
      </c>
      <c r="B7213" s="6">
        <v>240919</v>
      </c>
      <c r="C7213" s="6" t="s">
        <v>117</v>
      </c>
      <c r="D7213" s="6" t="s">
        <v>3492</v>
      </c>
      <c r="E7213" s="6">
        <v>76520</v>
      </c>
      <c r="F7213" s="6" t="s">
        <v>18</v>
      </c>
      <c r="G7213" s="6" t="s">
        <v>14533</v>
      </c>
      <c r="H7213" s="6" t="s">
        <v>14534</v>
      </c>
      <c r="I7213" s="7">
        <v>3.4583485</v>
      </c>
      <c r="J7213" s="8">
        <v>-76.535051600000003</v>
      </c>
    </row>
    <row r="7214" spans="1:10" x14ac:dyDescent="0.35">
      <c r="A7214" s="5" t="s">
        <v>10</v>
      </c>
      <c r="B7214" s="6">
        <v>240519</v>
      </c>
      <c r="C7214" s="6" t="s">
        <v>190</v>
      </c>
      <c r="D7214" s="6" t="s">
        <v>4362</v>
      </c>
      <c r="E7214" s="6">
        <v>5360</v>
      </c>
      <c r="F7214" s="6" t="s">
        <v>18</v>
      </c>
      <c r="G7214" s="6" t="s">
        <v>14535</v>
      </c>
      <c r="H7214" s="6" t="s">
        <v>14536</v>
      </c>
      <c r="I7214" s="7">
        <v>6.1649263999999997</v>
      </c>
      <c r="J7214" s="8">
        <v>-75.620189199999999</v>
      </c>
    </row>
    <row r="7215" spans="1:10" x14ac:dyDescent="0.35">
      <c r="A7215" s="5" t="s">
        <v>10</v>
      </c>
      <c r="B7215" s="6">
        <v>210246</v>
      </c>
      <c r="C7215" s="6" t="s">
        <v>68</v>
      </c>
      <c r="D7215" s="6" t="s">
        <v>69</v>
      </c>
      <c r="E7215" s="6">
        <v>11001</v>
      </c>
      <c r="F7215" s="6" t="s">
        <v>18</v>
      </c>
      <c r="G7215" s="6" t="s">
        <v>14537</v>
      </c>
      <c r="H7215" s="6" t="s">
        <v>14538</v>
      </c>
      <c r="I7215" s="7">
        <v>4.5506301999999996</v>
      </c>
      <c r="J7215" s="8">
        <v>-74.091976299999999</v>
      </c>
    </row>
    <row r="7216" spans="1:10" x14ac:dyDescent="0.35">
      <c r="A7216" s="5" t="s">
        <v>10</v>
      </c>
      <c r="B7216" s="6">
        <v>231137</v>
      </c>
      <c r="C7216" s="6" t="s">
        <v>68</v>
      </c>
      <c r="D7216" s="6" t="s">
        <v>69</v>
      </c>
      <c r="E7216" s="6">
        <v>11001</v>
      </c>
      <c r="F7216" s="6" t="s">
        <v>18</v>
      </c>
      <c r="G7216" s="6" t="s">
        <v>14539</v>
      </c>
      <c r="H7216" s="6" t="s">
        <v>14540</v>
      </c>
      <c r="I7216" s="7">
        <v>4.7424571999999996</v>
      </c>
      <c r="J7216" s="8">
        <v>-74.113494500000002</v>
      </c>
    </row>
    <row r="7217" spans="1:10" x14ac:dyDescent="0.35">
      <c r="A7217" s="5" t="s">
        <v>10</v>
      </c>
      <c r="B7217" s="6">
        <v>245087</v>
      </c>
      <c r="C7217" s="6" t="s">
        <v>68</v>
      </c>
      <c r="D7217" s="6" t="s">
        <v>69</v>
      </c>
      <c r="E7217" s="6">
        <v>11001</v>
      </c>
      <c r="F7217" s="6" t="s">
        <v>18</v>
      </c>
      <c r="G7217" s="6" t="s">
        <v>14541</v>
      </c>
      <c r="H7217" s="6" t="s">
        <v>14542</v>
      </c>
      <c r="I7217" s="7">
        <v>4.649076</v>
      </c>
      <c r="J7217" s="8">
        <v>-74.068560099999999</v>
      </c>
    </row>
    <row r="7218" spans="1:10" x14ac:dyDescent="0.35">
      <c r="A7218" s="5" t="s">
        <v>10</v>
      </c>
      <c r="B7218" s="6">
        <v>212315</v>
      </c>
      <c r="C7218" s="6" t="s">
        <v>68</v>
      </c>
      <c r="D7218" s="6" t="s">
        <v>69</v>
      </c>
      <c r="E7218" s="6">
        <v>11001</v>
      </c>
      <c r="F7218" s="6" t="s">
        <v>18</v>
      </c>
      <c r="G7218" s="6" t="s">
        <v>14543</v>
      </c>
      <c r="H7218" s="6" t="s">
        <v>14544</v>
      </c>
      <c r="I7218" s="7">
        <v>4.7057159999999998</v>
      </c>
      <c r="J7218" s="8">
        <v>-74.118004900000003</v>
      </c>
    </row>
    <row r="7219" spans="1:10" x14ac:dyDescent="0.35">
      <c r="A7219" s="5" t="s">
        <v>10</v>
      </c>
      <c r="B7219" s="6">
        <v>231851</v>
      </c>
      <c r="C7219" s="6" t="s">
        <v>68</v>
      </c>
      <c r="D7219" s="6" t="s">
        <v>69</v>
      </c>
      <c r="E7219" s="6">
        <v>11001</v>
      </c>
      <c r="F7219" s="6" t="s">
        <v>18</v>
      </c>
      <c r="G7219" s="6" t="s">
        <v>14545</v>
      </c>
      <c r="H7219" s="6" t="s">
        <v>14546</v>
      </c>
      <c r="I7219" s="7">
        <v>4.6006423999999999</v>
      </c>
      <c r="J7219" s="8">
        <v>-74.075973099999999</v>
      </c>
    </row>
    <row r="7220" spans="1:10" x14ac:dyDescent="0.35">
      <c r="A7220" s="5" t="s">
        <v>10</v>
      </c>
      <c r="B7220" s="6">
        <v>242573</v>
      </c>
      <c r="C7220" s="6" t="s">
        <v>68</v>
      </c>
      <c r="D7220" s="6" t="s">
        <v>69</v>
      </c>
      <c r="E7220" s="6">
        <v>11001</v>
      </c>
      <c r="F7220" s="6" t="s">
        <v>18</v>
      </c>
      <c r="G7220" s="6" t="s">
        <v>14547</v>
      </c>
      <c r="H7220" s="6" t="s">
        <v>14548</v>
      </c>
      <c r="I7220" s="7">
        <v>4.6084754999999999</v>
      </c>
      <c r="J7220" s="8">
        <v>-74.118244899999993</v>
      </c>
    </row>
    <row r="7221" spans="1:10" x14ac:dyDescent="0.35">
      <c r="A7221" s="5" t="s">
        <v>10</v>
      </c>
      <c r="B7221" s="6">
        <v>235930</v>
      </c>
      <c r="C7221" s="6" t="s">
        <v>68</v>
      </c>
      <c r="D7221" s="6" t="s">
        <v>69</v>
      </c>
      <c r="E7221" s="6">
        <v>11001</v>
      </c>
      <c r="F7221" s="6" t="s">
        <v>18</v>
      </c>
      <c r="G7221" s="6" t="s">
        <v>14549</v>
      </c>
      <c r="H7221" s="6" t="s">
        <v>14550</v>
      </c>
      <c r="I7221" s="7">
        <v>4.6973547</v>
      </c>
      <c r="J7221" s="8">
        <v>-74.168146399999998</v>
      </c>
    </row>
    <row r="7222" spans="1:10" x14ac:dyDescent="0.35">
      <c r="A7222" s="5" t="s">
        <v>10</v>
      </c>
      <c r="B7222" s="6">
        <v>248512</v>
      </c>
      <c r="C7222" s="6" t="s">
        <v>68</v>
      </c>
      <c r="D7222" s="6" t="s">
        <v>69</v>
      </c>
      <c r="E7222" s="6">
        <v>11001</v>
      </c>
      <c r="F7222" s="6" t="s">
        <v>18</v>
      </c>
      <c r="G7222" s="6" t="s">
        <v>14551</v>
      </c>
      <c r="H7222" s="6" t="s">
        <v>14552</v>
      </c>
      <c r="I7222" s="7">
        <v>4.5412052999999997</v>
      </c>
      <c r="J7222" s="8">
        <v>-74.163252</v>
      </c>
    </row>
    <row r="7223" spans="1:10" x14ac:dyDescent="0.35">
      <c r="A7223" s="5" t="s">
        <v>10</v>
      </c>
      <c r="B7223" s="6">
        <v>215606</v>
      </c>
      <c r="C7223" s="6" t="s">
        <v>68</v>
      </c>
      <c r="D7223" s="6" t="s">
        <v>69</v>
      </c>
      <c r="E7223" s="6">
        <v>11001</v>
      </c>
      <c r="F7223" s="6" t="s">
        <v>18</v>
      </c>
      <c r="G7223" s="6" t="s">
        <v>14553</v>
      </c>
      <c r="H7223" s="6" t="s">
        <v>14554</v>
      </c>
      <c r="I7223" s="7">
        <v>4.5921408000000001</v>
      </c>
      <c r="J7223" s="8">
        <v>-74.171848900000001</v>
      </c>
    </row>
    <row r="7224" spans="1:10" x14ac:dyDescent="0.35">
      <c r="A7224" s="5" t="s">
        <v>10</v>
      </c>
      <c r="B7224" s="6">
        <v>236567</v>
      </c>
      <c r="C7224" s="6" t="s">
        <v>68</v>
      </c>
      <c r="D7224" s="6" t="s">
        <v>69</v>
      </c>
      <c r="E7224" s="6">
        <v>11001</v>
      </c>
      <c r="F7224" s="6" t="s">
        <v>18</v>
      </c>
      <c r="G7224" s="6" t="s">
        <v>14555</v>
      </c>
      <c r="H7224" s="6" t="s">
        <v>14556</v>
      </c>
      <c r="I7224" s="7">
        <v>4.5411827000000002</v>
      </c>
      <c r="J7224" s="8">
        <v>-74.084911099999999</v>
      </c>
    </row>
    <row r="7225" spans="1:10" x14ac:dyDescent="0.35">
      <c r="A7225" s="5" t="s">
        <v>10</v>
      </c>
      <c r="B7225" s="6">
        <v>236944</v>
      </c>
      <c r="C7225" s="6" t="s">
        <v>68</v>
      </c>
      <c r="D7225" s="6" t="s">
        <v>69</v>
      </c>
      <c r="E7225" s="6">
        <v>11001</v>
      </c>
      <c r="F7225" s="6" t="s">
        <v>18</v>
      </c>
      <c r="G7225" s="6" t="s">
        <v>14557</v>
      </c>
      <c r="H7225" s="6" t="s">
        <v>14558</v>
      </c>
      <c r="I7225" s="7">
        <v>4.5658963999999997</v>
      </c>
      <c r="J7225" s="8">
        <v>-74.084086400000004</v>
      </c>
    </row>
    <row r="7226" spans="1:10" x14ac:dyDescent="0.35">
      <c r="A7226" s="5" t="s">
        <v>10</v>
      </c>
      <c r="B7226" s="6">
        <v>224372</v>
      </c>
      <c r="C7226" s="6" t="s">
        <v>308</v>
      </c>
      <c r="D7226" s="6" t="s">
        <v>309</v>
      </c>
      <c r="E7226" s="6">
        <v>23001</v>
      </c>
      <c r="F7226" s="6" t="s">
        <v>13</v>
      </c>
      <c r="G7226" s="6" t="s">
        <v>14559</v>
      </c>
      <c r="H7226" s="6" t="s">
        <v>14560</v>
      </c>
      <c r="I7226" s="7">
        <v>8.7511690000000009</v>
      </c>
      <c r="J7226" s="8">
        <v>-75.887774300000004</v>
      </c>
    </row>
    <row r="7227" spans="1:10" x14ac:dyDescent="0.35">
      <c r="A7227" s="5" t="s">
        <v>10</v>
      </c>
      <c r="B7227" s="6">
        <v>230300</v>
      </c>
      <c r="C7227" s="6" t="s">
        <v>308</v>
      </c>
      <c r="D7227" s="6" t="s">
        <v>309</v>
      </c>
      <c r="E7227" s="6">
        <v>23001</v>
      </c>
      <c r="F7227" s="6" t="s">
        <v>13</v>
      </c>
      <c r="G7227" s="6" t="s">
        <v>14561</v>
      </c>
      <c r="H7227" s="6" t="s">
        <v>14562</v>
      </c>
      <c r="I7227" s="7">
        <v>8.7611053999999999</v>
      </c>
      <c r="J7227" s="8">
        <v>-75.890595300000001</v>
      </c>
    </row>
    <row r="7228" spans="1:10" x14ac:dyDescent="0.35">
      <c r="A7228" s="5" t="s">
        <v>10</v>
      </c>
      <c r="B7228" s="6">
        <v>238863</v>
      </c>
      <c r="C7228" s="6" t="s">
        <v>68</v>
      </c>
      <c r="D7228" s="6" t="s">
        <v>69</v>
      </c>
      <c r="E7228" s="6">
        <v>11001</v>
      </c>
      <c r="F7228" s="6" t="s">
        <v>13</v>
      </c>
      <c r="G7228" s="6" t="s">
        <v>14563</v>
      </c>
      <c r="H7228" s="6" t="s">
        <v>14564</v>
      </c>
      <c r="I7228" s="7">
        <v>4.5926609000000003</v>
      </c>
      <c r="J7228" s="8">
        <v>-74.108996099999999</v>
      </c>
    </row>
    <row r="7229" spans="1:10" x14ac:dyDescent="0.35">
      <c r="A7229" s="5" t="s">
        <v>10</v>
      </c>
      <c r="B7229" s="6">
        <v>190073</v>
      </c>
      <c r="C7229" s="6" t="s">
        <v>11</v>
      </c>
      <c r="D7229" s="6" t="s">
        <v>3054</v>
      </c>
      <c r="E7229" s="6">
        <v>25269</v>
      </c>
      <c r="F7229" s="6" t="s">
        <v>13</v>
      </c>
      <c r="G7229" s="6" t="s">
        <v>12374</v>
      </c>
      <c r="H7229" s="6" t="s">
        <v>14565</v>
      </c>
      <c r="I7229" s="7">
        <v>4.8098992999999997</v>
      </c>
      <c r="J7229" s="8">
        <v>-74.353585899999999</v>
      </c>
    </row>
    <row r="7230" spans="1:10" x14ac:dyDescent="0.35">
      <c r="A7230" s="5" t="s">
        <v>10</v>
      </c>
      <c r="B7230" s="6">
        <v>231902</v>
      </c>
      <c r="C7230" s="6" t="s">
        <v>117</v>
      </c>
      <c r="D7230" s="6" t="s">
        <v>1334</v>
      </c>
      <c r="E7230" s="6">
        <v>76001</v>
      </c>
      <c r="F7230" s="6" t="s">
        <v>18</v>
      </c>
      <c r="G7230" s="6" t="s">
        <v>14566</v>
      </c>
      <c r="H7230" s="6" t="s">
        <v>14567</v>
      </c>
      <c r="I7230" s="7">
        <v>3.4415429999999998</v>
      </c>
      <c r="J7230" s="8">
        <v>-76.4900308</v>
      </c>
    </row>
    <row r="7231" spans="1:10" x14ac:dyDescent="0.35">
      <c r="A7231" s="5" t="s">
        <v>10</v>
      </c>
      <c r="B7231" s="6">
        <v>241605</v>
      </c>
      <c r="C7231" s="6" t="s">
        <v>457</v>
      </c>
      <c r="D7231" s="6" t="s">
        <v>4060</v>
      </c>
      <c r="E7231" s="6">
        <v>52838</v>
      </c>
      <c r="F7231" s="6" t="s">
        <v>18</v>
      </c>
      <c r="G7231" s="6" t="s">
        <v>14568</v>
      </c>
      <c r="H7231" s="6" t="s">
        <v>14569</v>
      </c>
      <c r="I7231" s="7">
        <v>1.4740234999999999</v>
      </c>
      <c r="J7231" s="8">
        <v>-77.579429700000006</v>
      </c>
    </row>
    <row r="7232" spans="1:10" x14ac:dyDescent="0.35">
      <c r="A7232" s="5" t="s">
        <v>10</v>
      </c>
      <c r="B7232" s="6">
        <v>240016</v>
      </c>
      <c r="C7232" s="6" t="s">
        <v>190</v>
      </c>
      <c r="D7232" s="6" t="s">
        <v>11926</v>
      </c>
      <c r="E7232" s="6">
        <v>5129</v>
      </c>
      <c r="F7232" s="6" t="s">
        <v>18</v>
      </c>
      <c r="G7232" s="6" t="s">
        <v>14570</v>
      </c>
      <c r="H7232" s="6" t="s">
        <v>14571</v>
      </c>
      <c r="I7232" s="7">
        <v>6.0835485</v>
      </c>
      <c r="J7232" s="8">
        <v>-75.634952699999999</v>
      </c>
    </row>
    <row r="7233" spans="1:10" x14ac:dyDescent="0.35">
      <c r="A7233" s="5" t="s">
        <v>10</v>
      </c>
      <c r="B7233" s="6">
        <v>219921</v>
      </c>
      <c r="C7233" s="6" t="s">
        <v>68</v>
      </c>
      <c r="D7233" s="6" t="s">
        <v>69</v>
      </c>
      <c r="E7233" s="6">
        <v>11001</v>
      </c>
      <c r="F7233" s="6" t="s">
        <v>18</v>
      </c>
      <c r="G7233" s="6" t="s">
        <v>14572</v>
      </c>
      <c r="H7233" s="6" t="s">
        <v>14573</v>
      </c>
      <c r="I7233" s="7">
        <v>4.5711769000000002</v>
      </c>
      <c r="J7233" s="8">
        <v>-74.090455199999994</v>
      </c>
    </row>
    <row r="7234" spans="1:10" x14ac:dyDescent="0.35">
      <c r="A7234" s="5" t="s">
        <v>10</v>
      </c>
      <c r="B7234" s="6">
        <v>242467</v>
      </c>
      <c r="C7234" s="6" t="s">
        <v>68</v>
      </c>
      <c r="D7234" s="6" t="s">
        <v>69</v>
      </c>
      <c r="E7234" s="6">
        <v>11001</v>
      </c>
      <c r="F7234" s="6" t="s">
        <v>18</v>
      </c>
      <c r="G7234" s="6" t="s">
        <v>14574</v>
      </c>
      <c r="H7234" s="6" t="s">
        <v>14575</v>
      </c>
      <c r="I7234" s="7">
        <v>4.7665709999999999</v>
      </c>
      <c r="J7234" s="8">
        <v>-74.031883699999995</v>
      </c>
    </row>
    <row r="7235" spans="1:10" x14ac:dyDescent="0.35">
      <c r="A7235" s="5" t="s">
        <v>10</v>
      </c>
      <c r="B7235" s="6">
        <v>242705</v>
      </c>
      <c r="C7235" s="6" t="s">
        <v>68</v>
      </c>
      <c r="D7235" s="6" t="s">
        <v>69</v>
      </c>
      <c r="E7235" s="6">
        <v>11001</v>
      </c>
      <c r="F7235" s="6" t="s">
        <v>18</v>
      </c>
      <c r="G7235" s="6" t="s">
        <v>14576</v>
      </c>
      <c r="H7235" s="6" t="s">
        <v>14577</v>
      </c>
      <c r="I7235" s="7">
        <v>4.5972087999999998</v>
      </c>
      <c r="J7235" s="8">
        <v>-74.089387500000001</v>
      </c>
    </row>
    <row r="7236" spans="1:10" x14ac:dyDescent="0.35">
      <c r="A7236" s="5" t="s">
        <v>10</v>
      </c>
      <c r="B7236" s="6">
        <v>249672</v>
      </c>
      <c r="C7236" s="6" t="s">
        <v>68</v>
      </c>
      <c r="D7236" s="6" t="s">
        <v>69</v>
      </c>
      <c r="E7236" s="6">
        <v>11001</v>
      </c>
      <c r="F7236" s="6" t="s">
        <v>18</v>
      </c>
      <c r="G7236" s="6" t="s">
        <v>14578</v>
      </c>
      <c r="H7236" s="6" t="s">
        <v>14579</v>
      </c>
      <c r="I7236" s="7">
        <v>4.7551625</v>
      </c>
      <c r="J7236" s="8">
        <v>-74.099652699999993</v>
      </c>
    </row>
    <row r="7237" spans="1:10" x14ac:dyDescent="0.35">
      <c r="A7237" s="5" t="s">
        <v>10</v>
      </c>
      <c r="B7237" s="6">
        <v>228041</v>
      </c>
      <c r="C7237" s="6" t="s">
        <v>68</v>
      </c>
      <c r="D7237" s="6" t="s">
        <v>69</v>
      </c>
      <c r="E7237" s="6">
        <v>11001</v>
      </c>
      <c r="F7237" s="6" t="s">
        <v>18</v>
      </c>
      <c r="G7237" s="6" t="s">
        <v>14580</v>
      </c>
      <c r="H7237" s="6" t="s">
        <v>14581</v>
      </c>
      <c r="I7237" s="7">
        <v>4.7474993999999997</v>
      </c>
      <c r="J7237" s="8">
        <v>-74.101812899999999</v>
      </c>
    </row>
    <row r="7238" spans="1:10" x14ac:dyDescent="0.35">
      <c r="A7238" s="5" t="s">
        <v>10</v>
      </c>
      <c r="B7238" s="6">
        <v>231048</v>
      </c>
      <c r="C7238" s="6" t="s">
        <v>68</v>
      </c>
      <c r="D7238" s="6" t="s">
        <v>69</v>
      </c>
      <c r="E7238" s="6">
        <v>11001</v>
      </c>
      <c r="F7238" s="6" t="s">
        <v>18</v>
      </c>
      <c r="G7238" s="6" t="s">
        <v>14582</v>
      </c>
      <c r="H7238" s="6" t="s">
        <v>14583</v>
      </c>
      <c r="I7238" s="7">
        <v>4.744764</v>
      </c>
      <c r="J7238" s="8">
        <v>-74.111013200000002</v>
      </c>
    </row>
    <row r="7239" spans="1:10" x14ac:dyDescent="0.35">
      <c r="A7239" s="5" t="s">
        <v>10</v>
      </c>
      <c r="B7239" s="6">
        <v>242538</v>
      </c>
      <c r="C7239" s="6" t="s">
        <v>68</v>
      </c>
      <c r="D7239" s="6" t="s">
        <v>69</v>
      </c>
      <c r="E7239" s="6">
        <v>11001</v>
      </c>
      <c r="F7239" s="6" t="s">
        <v>18</v>
      </c>
      <c r="G7239" s="6" t="s">
        <v>14584</v>
      </c>
      <c r="H7239" s="6" t="s">
        <v>14585</v>
      </c>
      <c r="I7239" s="7">
        <v>4.5097136000000004</v>
      </c>
      <c r="J7239" s="8">
        <v>-74.118979899999999</v>
      </c>
    </row>
    <row r="7240" spans="1:10" x14ac:dyDescent="0.35">
      <c r="A7240" s="5" t="s">
        <v>10</v>
      </c>
      <c r="B7240" s="6">
        <v>242625</v>
      </c>
      <c r="C7240" s="6" t="s">
        <v>68</v>
      </c>
      <c r="D7240" s="6" t="s">
        <v>69</v>
      </c>
      <c r="E7240" s="6">
        <v>11001</v>
      </c>
      <c r="F7240" s="6" t="s">
        <v>18</v>
      </c>
      <c r="G7240" s="6" t="s">
        <v>14586</v>
      </c>
      <c r="H7240" s="6" t="s">
        <v>14587</v>
      </c>
      <c r="I7240" s="7">
        <v>4.7430805999999999</v>
      </c>
      <c r="J7240" s="8">
        <v>-74.021890799999994</v>
      </c>
    </row>
    <row r="7241" spans="1:10" x14ac:dyDescent="0.35">
      <c r="A7241" s="5" t="s">
        <v>10</v>
      </c>
      <c r="B7241" s="6">
        <v>233054</v>
      </c>
      <c r="C7241" s="6" t="s">
        <v>68</v>
      </c>
      <c r="D7241" s="6" t="s">
        <v>69</v>
      </c>
      <c r="E7241" s="6">
        <v>11001</v>
      </c>
      <c r="F7241" s="6" t="s">
        <v>18</v>
      </c>
      <c r="G7241" s="6" t="s">
        <v>14588</v>
      </c>
      <c r="H7241" s="6" t="s">
        <v>14332</v>
      </c>
      <c r="I7241" s="7">
        <v>4.6471600000000004</v>
      </c>
      <c r="J7241" s="8">
        <v>-74.063789999999997</v>
      </c>
    </row>
    <row r="7242" spans="1:10" x14ac:dyDescent="0.35">
      <c r="A7242" s="5" t="s">
        <v>10</v>
      </c>
      <c r="B7242" s="6">
        <v>242148</v>
      </c>
      <c r="C7242" s="6" t="s">
        <v>68</v>
      </c>
      <c r="D7242" s="6" t="s">
        <v>69</v>
      </c>
      <c r="E7242" s="6">
        <v>11001</v>
      </c>
      <c r="F7242" s="6" t="s">
        <v>18</v>
      </c>
      <c r="G7242" s="6" t="s">
        <v>14589</v>
      </c>
      <c r="H7242" s="6" t="s">
        <v>14590</v>
      </c>
      <c r="I7242" s="7">
        <v>4.5759411999999999</v>
      </c>
      <c r="J7242" s="8">
        <v>-74.083512200000001</v>
      </c>
    </row>
    <row r="7243" spans="1:10" x14ac:dyDescent="0.35">
      <c r="A7243" s="5" t="s">
        <v>10</v>
      </c>
      <c r="B7243" s="6">
        <v>184361</v>
      </c>
      <c r="C7243" s="6" t="s">
        <v>68</v>
      </c>
      <c r="D7243" s="6" t="s">
        <v>69</v>
      </c>
      <c r="E7243" s="6">
        <v>11001</v>
      </c>
      <c r="F7243" s="6" t="s">
        <v>18</v>
      </c>
      <c r="G7243" s="6" t="s">
        <v>14591</v>
      </c>
      <c r="H7243" s="6" t="s">
        <v>14592</v>
      </c>
      <c r="I7243" s="7">
        <v>4.6434170999999997</v>
      </c>
      <c r="J7243" s="8">
        <v>-74.195370099999906</v>
      </c>
    </row>
    <row r="7244" spans="1:10" x14ac:dyDescent="0.35">
      <c r="A7244" s="5" t="s">
        <v>10</v>
      </c>
      <c r="B7244" s="6">
        <v>213825</v>
      </c>
      <c r="C7244" s="6" t="s">
        <v>68</v>
      </c>
      <c r="D7244" s="6" t="s">
        <v>69</v>
      </c>
      <c r="E7244" s="6">
        <v>11001</v>
      </c>
      <c r="F7244" s="6" t="s">
        <v>18</v>
      </c>
      <c r="G7244" s="6" t="s">
        <v>14593</v>
      </c>
      <c r="H7244" s="6" t="s">
        <v>14594</v>
      </c>
      <c r="I7244" s="7">
        <v>4.7317875999999996</v>
      </c>
      <c r="J7244" s="8">
        <v>-74.047231600000003</v>
      </c>
    </row>
    <row r="7245" spans="1:10" x14ac:dyDescent="0.35">
      <c r="A7245" s="5" t="s">
        <v>10</v>
      </c>
      <c r="B7245" s="6">
        <v>239054</v>
      </c>
      <c r="C7245" s="6" t="s">
        <v>68</v>
      </c>
      <c r="D7245" s="6" t="s">
        <v>69</v>
      </c>
      <c r="E7245" s="6">
        <v>11001</v>
      </c>
      <c r="F7245" s="6" t="s">
        <v>18</v>
      </c>
      <c r="G7245" s="6" t="s">
        <v>14595</v>
      </c>
      <c r="H7245" s="6" t="s">
        <v>14596</v>
      </c>
      <c r="I7245" s="7">
        <v>4.6358386999999999</v>
      </c>
      <c r="J7245" s="8">
        <v>-74.068302000000003</v>
      </c>
    </row>
    <row r="7246" spans="1:10" x14ac:dyDescent="0.35">
      <c r="A7246" s="5" t="s">
        <v>10</v>
      </c>
      <c r="B7246" s="6">
        <v>205871</v>
      </c>
      <c r="C7246" s="6" t="s">
        <v>2130</v>
      </c>
      <c r="D7246" s="6" t="s">
        <v>2131</v>
      </c>
      <c r="E7246" s="6">
        <v>85001</v>
      </c>
      <c r="F7246" s="6" t="s">
        <v>18</v>
      </c>
      <c r="G7246" s="6" t="s">
        <v>186</v>
      </c>
      <c r="H7246" s="6" t="s">
        <v>14597</v>
      </c>
      <c r="I7246" s="7">
        <v>5.3447360000000002</v>
      </c>
      <c r="J7246" s="8">
        <v>-72.388816800000001</v>
      </c>
    </row>
    <row r="7247" spans="1:10" x14ac:dyDescent="0.35">
      <c r="A7247" s="5" t="s">
        <v>10</v>
      </c>
      <c r="B7247" s="6">
        <v>207440</v>
      </c>
      <c r="C7247" s="6" t="s">
        <v>190</v>
      </c>
      <c r="D7247" s="6" t="s">
        <v>11740</v>
      </c>
      <c r="E7247" s="6">
        <v>5376</v>
      </c>
      <c r="F7247" s="6" t="s">
        <v>18</v>
      </c>
      <c r="G7247" s="6" t="s">
        <v>14598</v>
      </c>
      <c r="H7247" s="6" t="s">
        <v>14599</v>
      </c>
      <c r="I7247" s="7">
        <v>6.0298997999999999</v>
      </c>
      <c r="J7247" s="8">
        <v>-75.430571200000003</v>
      </c>
    </row>
    <row r="7248" spans="1:10" x14ac:dyDescent="0.35">
      <c r="A7248" s="5" t="s">
        <v>10</v>
      </c>
      <c r="B7248" s="6">
        <v>236148</v>
      </c>
      <c r="C7248" s="6" t="s">
        <v>308</v>
      </c>
      <c r="D7248" s="6" t="s">
        <v>10453</v>
      </c>
      <c r="E7248" s="6">
        <v>23807</v>
      </c>
      <c r="F7248" s="6" t="s">
        <v>13</v>
      </c>
      <c r="G7248" s="6" t="s">
        <v>14600</v>
      </c>
      <c r="H7248" s="6" t="s">
        <v>14601</v>
      </c>
      <c r="I7248" s="7">
        <v>8.1725960999999998</v>
      </c>
      <c r="J7248" s="8">
        <v>-76.057418200000001</v>
      </c>
    </row>
    <row r="7249" spans="1:10" x14ac:dyDescent="0.35">
      <c r="A7249" s="5" t="s">
        <v>10</v>
      </c>
      <c r="B7249" s="6">
        <v>167428</v>
      </c>
      <c r="C7249" s="6" t="s">
        <v>109</v>
      </c>
      <c r="D7249" s="6" t="s">
        <v>227</v>
      </c>
      <c r="E7249" s="6">
        <v>13001</v>
      </c>
      <c r="F7249" s="6" t="s">
        <v>18</v>
      </c>
      <c r="G7249" s="6" t="s">
        <v>14602</v>
      </c>
      <c r="H7249" s="6" t="s">
        <v>14603</v>
      </c>
      <c r="I7249" s="7">
        <v>10.6082509</v>
      </c>
      <c r="J7249" s="8">
        <v>-75.447242000000003</v>
      </c>
    </row>
    <row r="7250" spans="1:10" x14ac:dyDescent="0.35">
      <c r="A7250" s="5" t="s">
        <v>10</v>
      </c>
      <c r="B7250" s="6">
        <v>241020</v>
      </c>
      <c r="C7250" s="6" t="s">
        <v>117</v>
      </c>
      <c r="D7250" s="6" t="s">
        <v>1291</v>
      </c>
      <c r="E7250" s="6">
        <v>76834</v>
      </c>
      <c r="F7250" s="6" t="s">
        <v>18</v>
      </c>
      <c r="G7250" s="6" t="s">
        <v>14604</v>
      </c>
      <c r="H7250" s="6" t="s">
        <v>14605</v>
      </c>
      <c r="I7250" s="7">
        <v>4.1006178000000002</v>
      </c>
      <c r="J7250" s="8">
        <v>-76.203130599999994</v>
      </c>
    </row>
    <row r="7251" spans="1:10" x14ac:dyDescent="0.35">
      <c r="A7251" s="5" t="s">
        <v>10</v>
      </c>
      <c r="B7251" s="6">
        <v>240860</v>
      </c>
      <c r="C7251" s="6" t="s">
        <v>190</v>
      </c>
      <c r="D7251" s="6" t="s">
        <v>191</v>
      </c>
      <c r="E7251" s="6">
        <v>5001</v>
      </c>
      <c r="F7251" s="6" t="s">
        <v>18</v>
      </c>
      <c r="G7251" s="6" t="s">
        <v>14606</v>
      </c>
      <c r="H7251" s="6" t="s">
        <v>14607</v>
      </c>
      <c r="I7251" s="7">
        <v>6.2713533000000004</v>
      </c>
      <c r="J7251" s="8">
        <v>-75.545269200000007</v>
      </c>
    </row>
    <row r="7252" spans="1:10" x14ac:dyDescent="0.35">
      <c r="A7252" s="5" t="s">
        <v>10</v>
      </c>
      <c r="B7252" s="6">
        <v>192778</v>
      </c>
      <c r="C7252" s="6" t="s">
        <v>68</v>
      </c>
      <c r="D7252" s="6" t="s">
        <v>69</v>
      </c>
      <c r="E7252" s="6">
        <v>11001</v>
      </c>
      <c r="F7252" s="6" t="s">
        <v>18</v>
      </c>
      <c r="G7252" s="6" t="s">
        <v>14608</v>
      </c>
      <c r="H7252" s="6" t="s">
        <v>14609</v>
      </c>
      <c r="I7252" s="7">
        <v>4.7130038000000001</v>
      </c>
      <c r="J7252" s="8">
        <v>-74.139648299999905</v>
      </c>
    </row>
    <row r="7253" spans="1:10" x14ac:dyDescent="0.35">
      <c r="A7253" s="5" t="s">
        <v>10</v>
      </c>
      <c r="B7253" s="6">
        <v>207612</v>
      </c>
      <c r="C7253" s="6" t="s">
        <v>68</v>
      </c>
      <c r="D7253" s="6" t="s">
        <v>69</v>
      </c>
      <c r="E7253" s="6">
        <v>11001</v>
      </c>
      <c r="F7253" s="6" t="s">
        <v>18</v>
      </c>
      <c r="G7253" s="6" t="s">
        <v>14610</v>
      </c>
      <c r="H7253" s="6" t="s">
        <v>14611</v>
      </c>
      <c r="I7253" s="7">
        <v>4.5982015000000001</v>
      </c>
      <c r="J7253" s="8">
        <v>-74.078916199999995</v>
      </c>
    </row>
    <row r="7254" spans="1:10" x14ac:dyDescent="0.35">
      <c r="A7254" s="5" t="s">
        <v>10</v>
      </c>
      <c r="B7254" s="6">
        <v>210763</v>
      </c>
      <c r="C7254" s="6" t="s">
        <v>68</v>
      </c>
      <c r="D7254" s="6" t="s">
        <v>69</v>
      </c>
      <c r="E7254" s="6">
        <v>11001</v>
      </c>
      <c r="F7254" s="6" t="s">
        <v>18</v>
      </c>
      <c r="G7254" s="6" t="s">
        <v>14612</v>
      </c>
      <c r="H7254" s="6" t="s">
        <v>14613</v>
      </c>
      <c r="I7254" s="7">
        <v>4.6263293999999897</v>
      </c>
      <c r="J7254" s="8">
        <v>-74.108468099999996</v>
      </c>
    </row>
    <row r="7255" spans="1:10" x14ac:dyDescent="0.35">
      <c r="A7255" s="5" t="s">
        <v>10</v>
      </c>
      <c r="B7255" s="6">
        <v>237017</v>
      </c>
      <c r="C7255" s="6" t="s">
        <v>68</v>
      </c>
      <c r="D7255" s="6" t="s">
        <v>69</v>
      </c>
      <c r="E7255" s="6">
        <v>11001</v>
      </c>
      <c r="F7255" s="6" t="s">
        <v>18</v>
      </c>
      <c r="G7255" s="6" t="s">
        <v>14614</v>
      </c>
      <c r="H7255" s="6" t="s">
        <v>14615</v>
      </c>
      <c r="I7255" s="7">
        <v>4.6307033999999998</v>
      </c>
      <c r="J7255" s="8">
        <v>-74.082951100000002</v>
      </c>
    </row>
    <row r="7256" spans="1:10" x14ac:dyDescent="0.35">
      <c r="A7256" s="5" t="s">
        <v>10</v>
      </c>
      <c r="B7256" s="6">
        <v>215135</v>
      </c>
      <c r="C7256" s="6" t="s">
        <v>68</v>
      </c>
      <c r="D7256" s="6" t="s">
        <v>69</v>
      </c>
      <c r="E7256" s="6">
        <v>11001</v>
      </c>
      <c r="F7256" s="6" t="s">
        <v>18</v>
      </c>
      <c r="G7256" s="6" t="s">
        <v>14616</v>
      </c>
      <c r="H7256" s="6" t="s">
        <v>14617</v>
      </c>
      <c r="I7256" s="7">
        <v>4.6995423000000001</v>
      </c>
      <c r="J7256" s="8">
        <v>-74.118738899999997</v>
      </c>
    </row>
    <row r="7257" spans="1:10" x14ac:dyDescent="0.35">
      <c r="A7257" s="5" t="s">
        <v>10</v>
      </c>
      <c r="B7257" s="6">
        <v>142131</v>
      </c>
      <c r="C7257" s="6" t="s">
        <v>2130</v>
      </c>
      <c r="D7257" s="6" t="s">
        <v>2131</v>
      </c>
      <c r="E7257" s="6">
        <v>85001</v>
      </c>
      <c r="F7257" s="6" t="s">
        <v>18</v>
      </c>
      <c r="G7257" s="6" t="s">
        <v>14618</v>
      </c>
      <c r="H7257" s="6" t="s">
        <v>14619</v>
      </c>
      <c r="I7257" s="7">
        <v>5.3186527999999997</v>
      </c>
      <c r="J7257" s="8">
        <v>-72.398766999999907</v>
      </c>
    </row>
    <row r="7258" spans="1:10" x14ac:dyDescent="0.35">
      <c r="A7258" s="5" t="s">
        <v>10</v>
      </c>
      <c r="B7258" s="6">
        <v>247264</v>
      </c>
      <c r="C7258" s="6" t="s">
        <v>308</v>
      </c>
      <c r="D7258" s="6" t="s">
        <v>10782</v>
      </c>
      <c r="E7258" s="6">
        <v>23570</v>
      </c>
      <c r="F7258" s="6" t="s">
        <v>13</v>
      </c>
      <c r="G7258" s="6" t="s">
        <v>14620</v>
      </c>
      <c r="H7258" s="6" t="s">
        <v>14621</v>
      </c>
      <c r="I7258" s="7">
        <v>8.5031780000000001</v>
      </c>
      <c r="J7258" s="8">
        <v>-75.507523899999995</v>
      </c>
    </row>
    <row r="7259" spans="1:10" x14ac:dyDescent="0.35">
      <c r="A7259" s="5" t="s">
        <v>10</v>
      </c>
      <c r="B7259" s="6">
        <v>226037</v>
      </c>
      <c r="C7259" s="6" t="s">
        <v>3819</v>
      </c>
      <c r="D7259" s="6" t="s">
        <v>14622</v>
      </c>
      <c r="E7259" s="6">
        <v>86865</v>
      </c>
      <c r="F7259" s="6" t="s">
        <v>13</v>
      </c>
      <c r="G7259" s="6" t="s">
        <v>14623</v>
      </c>
      <c r="H7259" s="6" t="s">
        <v>14624</v>
      </c>
      <c r="I7259" s="7">
        <v>0.42338500000000001</v>
      </c>
      <c r="J7259" s="8">
        <v>-76.904996999999995</v>
      </c>
    </row>
    <row r="7260" spans="1:10" x14ac:dyDescent="0.35">
      <c r="A7260" s="5" t="s">
        <v>10</v>
      </c>
      <c r="B7260" s="6">
        <v>228094</v>
      </c>
      <c r="C7260" s="6" t="s">
        <v>551</v>
      </c>
      <c r="D7260" s="6" t="s">
        <v>3868</v>
      </c>
      <c r="E7260" s="6">
        <v>20001</v>
      </c>
      <c r="F7260" s="6" t="s">
        <v>13</v>
      </c>
      <c r="G7260" s="6" t="s">
        <v>14625</v>
      </c>
      <c r="H7260" s="6" t="s">
        <v>14626</v>
      </c>
      <c r="I7260" s="7">
        <v>10.4487466</v>
      </c>
      <c r="J7260" s="8">
        <v>-73.255180499999994</v>
      </c>
    </row>
    <row r="7261" spans="1:10" x14ac:dyDescent="0.35">
      <c r="A7261" s="5" t="s">
        <v>10</v>
      </c>
      <c r="B7261" s="6">
        <v>239892</v>
      </c>
      <c r="C7261" s="6" t="s">
        <v>117</v>
      </c>
      <c r="D7261" s="6" t="s">
        <v>3402</v>
      </c>
      <c r="E7261" s="6">
        <v>76364</v>
      </c>
      <c r="F7261" s="6" t="s">
        <v>18</v>
      </c>
      <c r="G7261" s="6" t="s">
        <v>14627</v>
      </c>
      <c r="H7261" s="6" t="s">
        <v>14628</v>
      </c>
      <c r="I7261" s="7">
        <v>3.2398535000000002</v>
      </c>
      <c r="J7261" s="8">
        <v>-76.511429300000003</v>
      </c>
    </row>
    <row r="7262" spans="1:10" x14ac:dyDescent="0.35">
      <c r="A7262" s="5" t="s">
        <v>10</v>
      </c>
      <c r="B7262" s="6">
        <v>246866</v>
      </c>
      <c r="C7262" s="6" t="s">
        <v>68</v>
      </c>
      <c r="D7262" s="6" t="s">
        <v>69</v>
      </c>
      <c r="E7262" s="6">
        <v>11001</v>
      </c>
      <c r="F7262" s="6" t="s">
        <v>18</v>
      </c>
      <c r="G7262" s="6" t="s">
        <v>14629</v>
      </c>
      <c r="H7262" s="6" t="s">
        <v>14630</v>
      </c>
      <c r="I7262" s="7">
        <v>4.5384722000000002</v>
      </c>
      <c r="J7262" s="8">
        <v>-74.115232399999996</v>
      </c>
    </row>
    <row r="7263" spans="1:10" x14ac:dyDescent="0.35">
      <c r="A7263" s="5" t="s">
        <v>10</v>
      </c>
      <c r="B7263" s="6">
        <v>198389</v>
      </c>
      <c r="C7263" s="6" t="s">
        <v>68</v>
      </c>
      <c r="D7263" s="6" t="s">
        <v>69</v>
      </c>
      <c r="E7263" s="6">
        <v>11001</v>
      </c>
      <c r="F7263" s="6" t="s">
        <v>18</v>
      </c>
      <c r="G7263" s="6" t="s">
        <v>14631</v>
      </c>
      <c r="H7263" s="6" t="s">
        <v>14632</v>
      </c>
      <c r="I7263" s="7">
        <v>4.6918272999999999</v>
      </c>
      <c r="J7263" s="8">
        <v>-74.104183300000003</v>
      </c>
    </row>
    <row r="7264" spans="1:10" x14ac:dyDescent="0.35">
      <c r="A7264" s="5" t="s">
        <v>10</v>
      </c>
      <c r="B7264" s="6">
        <v>204283</v>
      </c>
      <c r="C7264" s="6" t="s">
        <v>68</v>
      </c>
      <c r="D7264" s="6" t="s">
        <v>69</v>
      </c>
      <c r="E7264" s="6">
        <v>11001</v>
      </c>
      <c r="F7264" s="6" t="s">
        <v>18</v>
      </c>
      <c r="G7264" s="6" t="s">
        <v>14633</v>
      </c>
      <c r="H7264" s="6" t="s">
        <v>14634</v>
      </c>
      <c r="I7264" s="7">
        <v>4.6031076999999998</v>
      </c>
      <c r="J7264" s="8">
        <v>-74.150577599999906</v>
      </c>
    </row>
    <row r="7265" spans="1:10" x14ac:dyDescent="0.35">
      <c r="A7265" s="5" t="s">
        <v>10</v>
      </c>
      <c r="B7265" s="6">
        <v>208469</v>
      </c>
      <c r="C7265" s="6" t="s">
        <v>68</v>
      </c>
      <c r="D7265" s="6" t="s">
        <v>69</v>
      </c>
      <c r="E7265" s="6">
        <v>11001</v>
      </c>
      <c r="F7265" s="6" t="s">
        <v>18</v>
      </c>
      <c r="G7265" s="6" t="s">
        <v>14635</v>
      </c>
      <c r="H7265" s="6" t="s">
        <v>14636</v>
      </c>
      <c r="I7265" s="7">
        <v>4.6085994000000001</v>
      </c>
      <c r="J7265" s="8">
        <v>-74.200976599999905</v>
      </c>
    </row>
    <row r="7266" spans="1:10" x14ac:dyDescent="0.35">
      <c r="A7266" s="5" t="s">
        <v>10</v>
      </c>
      <c r="B7266" s="6">
        <v>211074</v>
      </c>
      <c r="C7266" s="6" t="s">
        <v>68</v>
      </c>
      <c r="D7266" s="6" t="s">
        <v>69</v>
      </c>
      <c r="E7266" s="6">
        <v>11001</v>
      </c>
      <c r="F7266" s="6" t="s">
        <v>18</v>
      </c>
      <c r="G7266" s="6" t="s">
        <v>14637</v>
      </c>
      <c r="H7266" s="6" t="s">
        <v>14638</v>
      </c>
      <c r="I7266" s="7">
        <v>4.5039375000000001</v>
      </c>
      <c r="J7266" s="8">
        <v>-74.120325600000001</v>
      </c>
    </row>
    <row r="7267" spans="1:10" x14ac:dyDescent="0.35">
      <c r="A7267" s="5" t="s">
        <v>10</v>
      </c>
      <c r="B7267" s="6">
        <v>213488</v>
      </c>
      <c r="C7267" s="6" t="s">
        <v>68</v>
      </c>
      <c r="D7267" s="6" t="s">
        <v>69</v>
      </c>
      <c r="E7267" s="6">
        <v>11001</v>
      </c>
      <c r="F7267" s="6" t="s">
        <v>18</v>
      </c>
      <c r="G7267" s="6" t="s">
        <v>14639</v>
      </c>
      <c r="H7267" s="6" t="s">
        <v>14640</v>
      </c>
      <c r="I7267" s="7">
        <v>4.7183500999999897</v>
      </c>
      <c r="J7267" s="8">
        <v>-74.091624999999993</v>
      </c>
    </row>
    <row r="7268" spans="1:10" x14ac:dyDescent="0.35">
      <c r="A7268" s="5" t="s">
        <v>10</v>
      </c>
      <c r="B7268" s="6">
        <v>238886</v>
      </c>
      <c r="C7268" s="6" t="s">
        <v>68</v>
      </c>
      <c r="D7268" s="6" t="s">
        <v>69</v>
      </c>
      <c r="E7268" s="6">
        <v>11001</v>
      </c>
      <c r="F7268" s="6" t="s">
        <v>18</v>
      </c>
      <c r="G7268" s="6" t="s">
        <v>14641</v>
      </c>
      <c r="H7268" s="6" t="s">
        <v>14642</v>
      </c>
      <c r="I7268" s="7">
        <v>4.6272601</v>
      </c>
      <c r="J7268" s="8">
        <v>-74.180219100000002</v>
      </c>
    </row>
    <row r="7269" spans="1:10" x14ac:dyDescent="0.35">
      <c r="A7269" s="5" t="s">
        <v>10</v>
      </c>
      <c r="B7269" s="6">
        <v>242561</v>
      </c>
      <c r="C7269" s="6" t="s">
        <v>68</v>
      </c>
      <c r="D7269" s="6" t="s">
        <v>69</v>
      </c>
      <c r="E7269" s="6">
        <v>11001</v>
      </c>
      <c r="F7269" s="6" t="s">
        <v>18</v>
      </c>
      <c r="G7269" s="6" t="s">
        <v>14643</v>
      </c>
      <c r="H7269" s="6" t="s">
        <v>14644</v>
      </c>
      <c r="I7269" s="7">
        <v>4.5708767999999997</v>
      </c>
      <c r="J7269" s="8">
        <v>-74.171304199999994</v>
      </c>
    </row>
    <row r="7270" spans="1:10" x14ac:dyDescent="0.35">
      <c r="A7270" s="5" t="s">
        <v>10</v>
      </c>
      <c r="B7270" s="6">
        <v>205148</v>
      </c>
      <c r="C7270" s="6" t="s">
        <v>68</v>
      </c>
      <c r="D7270" s="6" t="s">
        <v>69</v>
      </c>
      <c r="E7270" s="6">
        <v>11001</v>
      </c>
      <c r="F7270" s="6" t="s">
        <v>18</v>
      </c>
      <c r="G7270" s="6" t="s">
        <v>14645</v>
      </c>
      <c r="H7270" s="6" t="s">
        <v>14646</v>
      </c>
      <c r="I7270" s="7">
        <v>4.6470465999999897</v>
      </c>
      <c r="J7270" s="8">
        <v>-74.0926331</v>
      </c>
    </row>
    <row r="7271" spans="1:10" x14ac:dyDescent="0.35">
      <c r="A7271" s="5" t="s">
        <v>10</v>
      </c>
      <c r="B7271" s="6">
        <v>218489</v>
      </c>
      <c r="C7271" s="6" t="s">
        <v>68</v>
      </c>
      <c r="D7271" s="6" t="s">
        <v>69</v>
      </c>
      <c r="E7271" s="6">
        <v>11001</v>
      </c>
      <c r="F7271" s="6" t="s">
        <v>18</v>
      </c>
      <c r="G7271" s="6" t="s">
        <v>14647</v>
      </c>
      <c r="H7271" s="6" t="s">
        <v>14648</v>
      </c>
      <c r="I7271" s="7">
        <v>4.6215374999999996</v>
      </c>
      <c r="J7271" s="8">
        <v>-74.143844799999997</v>
      </c>
    </row>
    <row r="7272" spans="1:10" x14ac:dyDescent="0.35">
      <c r="A7272" s="5" t="s">
        <v>10</v>
      </c>
      <c r="B7272" s="6">
        <v>233271</v>
      </c>
      <c r="C7272" s="6" t="s">
        <v>68</v>
      </c>
      <c r="D7272" s="6" t="s">
        <v>69</v>
      </c>
      <c r="E7272" s="6">
        <v>11001</v>
      </c>
      <c r="F7272" s="6" t="s">
        <v>18</v>
      </c>
      <c r="G7272" s="6" t="s">
        <v>14649</v>
      </c>
      <c r="H7272" s="6" t="s">
        <v>14650</v>
      </c>
      <c r="I7272" s="7">
        <v>4.5255400000000003</v>
      </c>
      <c r="J7272" s="8">
        <v>-74.122399999999999</v>
      </c>
    </row>
    <row r="7273" spans="1:10" x14ac:dyDescent="0.35">
      <c r="A7273" s="5" t="s">
        <v>10</v>
      </c>
      <c r="B7273" s="6">
        <v>246409</v>
      </c>
      <c r="C7273" s="6" t="s">
        <v>68</v>
      </c>
      <c r="D7273" s="6" t="s">
        <v>69</v>
      </c>
      <c r="E7273" s="6">
        <v>11001</v>
      </c>
      <c r="F7273" s="6" t="s">
        <v>18</v>
      </c>
      <c r="G7273" s="6" t="s">
        <v>14651</v>
      </c>
      <c r="H7273" s="6" t="s">
        <v>14652</v>
      </c>
      <c r="I7273" s="7">
        <v>4.7453593999999999</v>
      </c>
      <c r="J7273" s="8">
        <v>-74.095926800000001</v>
      </c>
    </row>
    <row r="7274" spans="1:10" x14ac:dyDescent="0.35">
      <c r="A7274" s="5" t="s">
        <v>10</v>
      </c>
      <c r="B7274" s="6">
        <v>235639</v>
      </c>
      <c r="C7274" s="6" t="s">
        <v>68</v>
      </c>
      <c r="D7274" s="6" t="s">
        <v>69</v>
      </c>
      <c r="E7274" s="6">
        <v>11001</v>
      </c>
      <c r="F7274" s="6" t="s">
        <v>13</v>
      </c>
      <c r="G7274" s="6" t="s">
        <v>14653</v>
      </c>
      <c r="H7274" s="6" t="s">
        <v>14654</v>
      </c>
      <c r="I7274" s="7">
        <v>4.6244550999999996</v>
      </c>
      <c r="J7274" s="8">
        <v>-74.130437799999996</v>
      </c>
    </row>
    <row r="7275" spans="1:10" x14ac:dyDescent="0.35">
      <c r="A7275" s="5" t="s">
        <v>10</v>
      </c>
      <c r="B7275" s="6">
        <v>229786</v>
      </c>
      <c r="C7275" s="6" t="s">
        <v>117</v>
      </c>
      <c r="D7275" s="6" t="s">
        <v>1334</v>
      </c>
      <c r="E7275" s="6">
        <v>76001</v>
      </c>
      <c r="F7275" s="6" t="s">
        <v>18</v>
      </c>
      <c r="G7275" s="6" t="s">
        <v>14655</v>
      </c>
      <c r="H7275" s="6" t="s">
        <v>14656</v>
      </c>
      <c r="I7275" s="7">
        <v>3.3688210999999999</v>
      </c>
      <c r="J7275" s="8">
        <v>-76.523465700000003</v>
      </c>
    </row>
    <row r="7276" spans="1:10" x14ac:dyDescent="0.35">
      <c r="A7276" s="5" t="s">
        <v>10</v>
      </c>
      <c r="B7276" s="6">
        <v>236218</v>
      </c>
      <c r="C7276" s="6" t="s">
        <v>117</v>
      </c>
      <c r="D7276" s="6" t="s">
        <v>11867</v>
      </c>
      <c r="E7276" s="6">
        <v>76403</v>
      </c>
      <c r="F7276" s="6" t="s">
        <v>18</v>
      </c>
      <c r="G7276" s="6" t="s">
        <v>14657</v>
      </c>
      <c r="H7276" s="6" t="s">
        <v>14658</v>
      </c>
      <c r="I7276" s="7">
        <v>4.5238106</v>
      </c>
      <c r="J7276" s="8">
        <v>-76.036016399999994</v>
      </c>
    </row>
    <row r="7277" spans="1:10" x14ac:dyDescent="0.35">
      <c r="A7277" s="5" t="s">
        <v>10</v>
      </c>
      <c r="B7277" s="6">
        <v>154889</v>
      </c>
      <c r="C7277" s="6" t="s">
        <v>190</v>
      </c>
      <c r="D7277" s="6" t="s">
        <v>14010</v>
      </c>
      <c r="E7277" s="6">
        <v>5411</v>
      </c>
      <c r="F7277" s="6" t="s">
        <v>18</v>
      </c>
      <c r="G7277" s="6" t="s">
        <v>14659</v>
      </c>
      <c r="H7277" s="6" t="s">
        <v>14660</v>
      </c>
      <c r="I7277" s="7">
        <v>6.6774499999999897</v>
      </c>
      <c r="J7277" s="8">
        <v>-75.811743999999905</v>
      </c>
    </row>
    <row r="7278" spans="1:10" x14ac:dyDescent="0.35">
      <c r="A7278" s="5" t="s">
        <v>10</v>
      </c>
      <c r="B7278" s="6">
        <v>221004</v>
      </c>
      <c r="C7278" s="6" t="s">
        <v>68</v>
      </c>
      <c r="D7278" s="6" t="s">
        <v>69</v>
      </c>
      <c r="E7278" s="6">
        <v>11001</v>
      </c>
      <c r="F7278" s="6" t="s">
        <v>18</v>
      </c>
      <c r="G7278" s="6" t="s">
        <v>14661</v>
      </c>
      <c r="H7278" s="6" t="s">
        <v>14662</v>
      </c>
      <c r="I7278" s="7">
        <v>4.5199837999999897</v>
      </c>
      <c r="J7278" s="8">
        <v>-74.1181342</v>
      </c>
    </row>
    <row r="7279" spans="1:10" x14ac:dyDescent="0.35">
      <c r="A7279" s="5" t="s">
        <v>10</v>
      </c>
      <c r="B7279" s="6">
        <v>229362</v>
      </c>
      <c r="C7279" s="6" t="s">
        <v>68</v>
      </c>
      <c r="D7279" s="6" t="s">
        <v>69</v>
      </c>
      <c r="E7279" s="6">
        <v>11001</v>
      </c>
      <c r="F7279" s="6" t="s">
        <v>18</v>
      </c>
      <c r="G7279" s="6" t="s">
        <v>14663</v>
      </c>
      <c r="H7279" s="6" t="s">
        <v>14664</v>
      </c>
      <c r="I7279" s="7">
        <v>4.6245957000000004</v>
      </c>
      <c r="J7279" s="8">
        <v>-74.173635099999998</v>
      </c>
    </row>
    <row r="7280" spans="1:10" x14ac:dyDescent="0.35">
      <c r="A7280" s="5" t="s">
        <v>10</v>
      </c>
      <c r="B7280" s="6">
        <v>242219</v>
      </c>
      <c r="C7280" s="6" t="s">
        <v>68</v>
      </c>
      <c r="D7280" s="6" t="s">
        <v>69</v>
      </c>
      <c r="E7280" s="6">
        <v>11001</v>
      </c>
      <c r="F7280" s="6" t="s">
        <v>18</v>
      </c>
      <c r="G7280" s="6" t="s">
        <v>14665</v>
      </c>
      <c r="H7280" s="6" t="s">
        <v>14666</v>
      </c>
      <c r="I7280" s="7">
        <v>4.7469219000000002</v>
      </c>
      <c r="J7280" s="8">
        <v>-74.063066199999994</v>
      </c>
    </row>
    <row r="7281" spans="1:10" x14ac:dyDescent="0.35">
      <c r="A7281" s="5" t="s">
        <v>10</v>
      </c>
      <c r="B7281" s="6">
        <v>210016</v>
      </c>
      <c r="C7281" s="6" t="s">
        <v>68</v>
      </c>
      <c r="D7281" s="6" t="s">
        <v>69</v>
      </c>
      <c r="E7281" s="6">
        <v>11001</v>
      </c>
      <c r="F7281" s="6" t="s">
        <v>18</v>
      </c>
      <c r="G7281" s="6" t="s">
        <v>1940</v>
      </c>
      <c r="H7281" s="6" t="s">
        <v>14667</v>
      </c>
      <c r="I7281" s="7">
        <v>4.7272300999999999</v>
      </c>
      <c r="J7281" s="8">
        <v>-74.053930600000001</v>
      </c>
    </row>
    <row r="7282" spans="1:10" x14ac:dyDescent="0.35">
      <c r="A7282" s="5" t="s">
        <v>10</v>
      </c>
      <c r="B7282" s="6">
        <v>220859</v>
      </c>
      <c r="C7282" s="6" t="s">
        <v>68</v>
      </c>
      <c r="D7282" s="6" t="s">
        <v>69</v>
      </c>
      <c r="E7282" s="6">
        <v>11001</v>
      </c>
      <c r="F7282" s="6" t="s">
        <v>18</v>
      </c>
      <c r="G7282" s="6" t="s">
        <v>14668</v>
      </c>
      <c r="H7282" s="6" t="s">
        <v>14669</v>
      </c>
      <c r="I7282" s="7">
        <v>4.7109088999999997</v>
      </c>
      <c r="J7282" s="8">
        <v>-74.124836099999996</v>
      </c>
    </row>
    <row r="7283" spans="1:10" x14ac:dyDescent="0.35">
      <c r="A7283" s="5" t="s">
        <v>10</v>
      </c>
      <c r="B7283" s="6">
        <v>222592</v>
      </c>
      <c r="C7283" s="6" t="s">
        <v>68</v>
      </c>
      <c r="D7283" s="6" t="s">
        <v>69</v>
      </c>
      <c r="E7283" s="6">
        <v>11001</v>
      </c>
      <c r="F7283" s="6" t="s">
        <v>18</v>
      </c>
      <c r="G7283" s="6" t="s">
        <v>14670</v>
      </c>
      <c r="H7283" s="6" t="s">
        <v>14671</v>
      </c>
      <c r="I7283" s="7">
        <v>4.6202477999999996</v>
      </c>
      <c r="J7283" s="8">
        <v>-74.197335600000002</v>
      </c>
    </row>
    <row r="7284" spans="1:10" x14ac:dyDescent="0.35">
      <c r="A7284" s="5" t="s">
        <v>10</v>
      </c>
      <c r="B7284" s="6">
        <v>209737</v>
      </c>
      <c r="C7284" s="6" t="s">
        <v>68</v>
      </c>
      <c r="D7284" s="6" t="s">
        <v>69</v>
      </c>
      <c r="E7284" s="6">
        <v>11001</v>
      </c>
      <c r="F7284" s="6" t="s">
        <v>18</v>
      </c>
      <c r="G7284" s="6" t="s">
        <v>14672</v>
      </c>
      <c r="H7284" s="6" t="s">
        <v>14673</v>
      </c>
      <c r="I7284" s="7">
        <v>4.5314947999999999</v>
      </c>
      <c r="J7284" s="8">
        <v>-74.0870441</v>
      </c>
    </row>
    <row r="7285" spans="1:10" x14ac:dyDescent="0.35">
      <c r="A7285" s="5" t="s">
        <v>10</v>
      </c>
      <c r="B7285" s="6">
        <v>231192</v>
      </c>
      <c r="C7285" s="6" t="s">
        <v>68</v>
      </c>
      <c r="D7285" s="6" t="s">
        <v>69</v>
      </c>
      <c r="E7285" s="6">
        <v>11001</v>
      </c>
      <c r="F7285" s="6" t="s">
        <v>18</v>
      </c>
      <c r="G7285" s="6" t="s">
        <v>1940</v>
      </c>
      <c r="H7285" s="6" t="s">
        <v>14674</v>
      </c>
      <c r="I7285" s="7">
        <v>4.6905789000000002</v>
      </c>
      <c r="J7285" s="8">
        <v>-74.066113599999994</v>
      </c>
    </row>
    <row r="7286" spans="1:10" x14ac:dyDescent="0.35">
      <c r="A7286" s="5" t="s">
        <v>10</v>
      </c>
      <c r="B7286" s="6">
        <v>242257</v>
      </c>
      <c r="C7286" s="6" t="s">
        <v>68</v>
      </c>
      <c r="D7286" s="6" t="s">
        <v>69</v>
      </c>
      <c r="E7286" s="6">
        <v>11001</v>
      </c>
      <c r="F7286" s="6" t="s">
        <v>18</v>
      </c>
      <c r="G7286" s="6" t="s">
        <v>14675</v>
      </c>
      <c r="H7286" s="6" t="s">
        <v>14676</v>
      </c>
      <c r="I7286" s="7">
        <v>4.5792921</v>
      </c>
      <c r="J7286" s="8">
        <v>-74.075199600000005</v>
      </c>
    </row>
    <row r="7287" spans="1:10" x14ac:dyDescent="0.35">
      <c r="A7287" s="5" t="s">
        <v>10</v>
      </c>
      <c r="B7287" s="6">
        <v>126639</v>
      </c>
      <c r="C7287" s="6" t="s">
        <v>4364</v>
      </c>
      <c r="D7287" s="6" t="s">
        <v>4365</v>
      </c>
      <c r="E7287" s="6">
        <v>70001</v>
      </c>
      <c r="F7287" s="6" t="s">
        <v>18</v>
      </c>
      <c r="G7287" s="6" t="s">
        <v>14677</v>
      </c>
      <c r="H7287" s="6" t="s">
        <v>14678</v>
      </c>
      <c r="I7287" s="7">
        <v>9.3045773000000001</v>
      </c>
      <c r="J7287" s="8">
        <v>-75.390556699999905</v>
      </c>
    </row>
    <row r="7288" spans="1:10" x14ac:dyDescent="0.35">
      <c r="A7288" s="5" t="s">
        <v>10</v>
      </c>
      <c r="B7288" s="6">
        <v>207946</v>
      </c>
      <c r="C7288" s="6" t="s">
        <v>190</v>
      </c>
      <c r="D7288" s="6" t="s">
        <v>11740</v>
      </c>
      <c r="E7288" s="6">
        <v>5376</v>
      </c>
      <c r="F7288" s="6" t="s">
        <v>18</v>
      </c>
      <c r="G7288" s="6" t="s">
        <v>14679</v>
      </c>
      <c r="H7288" s="6" t="s">
        <v>14680</v>
      </c>
      <c r="I7288" s="7">
        <v>6.0359072999999999</v>
      </c>
      <c r="J7288" s="8">
        <v>-75.4314404</v>
      </c>
    </row>
    <row r="7289" spans="1:10" x14ac:dyDescent="0.35">
      <c r="A7289" s="5" t="s">
        <v>10</v>
      </c>
      <c r="B7289" s="6">
        <v>229461</v>
      </c>
      <c r="C7289" s="6" t="s">
        <v>117</v>
      </c>
      <c r="D7289" s="6" t="s">
        <v>1334</v>
      </c>
      <c r="E7289" s="6">
        <v>76001</v>
      </c>
      <c r="F7289" s="6" t="s">
        <v>18</v>
      </c>
      <c r="G7289" s="6" t="s">
        <v>14681</v>
      </c>
      <c r="H7289" s="6" t="s">
        <v>14682</v>
      </c>
      <c r="I7289" s="7">
        <v>3.4129257000000002</v>
      </c>
      <c r="J7289" s="8">
        <v>-76.528416500000006</v>
      </c>
    </row>
    <row r="7290" spans="1:10" x14ac:dyDescent="0.35">
      <c r="A7290" s="5" t="s">
        <v>10</v>
      </c>
      <c r="B7290" s="6">
        <v>240625</v>
      </c>
      <c r="C7290" s="6" t="s">
        <v>190</v>
      </c>
      <c r="D7290" s="6" t="s">
        <v>191</v>
      </c>
      <c r="E7290" s="6">
        <v>5001</v>
      </c>
      <c r="F7290" s="6" t="s">
        <v>18</v>
      </c>
      <c r="G7290" s="6" t="s">
        <v>14683</v>
      </c>
      <c r="H7290" s="6" t="s">
        <v>14684</v>
      </c>
      <c r="I7290" s="7">
        <v>6.2741239000000002</v>
      </c>
      <c r="J7290" s="8">
        <v>-75.561080200000006</v>
      </c>
    </row>
    <row r="7291" spans="1:10" x14ac:dyDescent="0.35">
      <c r="A7291" s="5" t="s">
        <v>10</v>
      </c>
      <c r="B7291" s="6">
        <v>246572</v>
      </c>
      <c r="C7291" s="6" t="s">
        <v>68</v>
      </c>
      <c r="D7291" s="6" t="s">
        <v>69</v>
      </c>
      <c r="E7291" s="6">
        <v>11001</v>
      </c>
      <c r="F7291" s="6" t="s">
        <v>18</v>
      </c>
      <c r="G7291" s="6" t="s">
        <v>14685</v>
      </c>
      <c r="H7291" s="6" t="s">
        <v>14686</v>
      </c>
      <c r="I7291" s="7">
        <v>4.6274306999999997</v>
      </c>
      <c r="J7291" s="8">
        <v>-74.195679900000002</v>
      </c>
    </row>
    <row r="7292" spans="1:10" x14ac:dyDescent="0.35">
      <c r="A7292" s="5" t="s">
        <v>10</v>
      </c>
      <c r="B7292" s="6">
        <v>204926</v>
      </c>
      <c r="C7292" s="6" t="s">
        <v>68</v>
      </c>
      <c r="D7292" s="6" t="s">
        <v>69</v>
      </c>
      <c r="E7292" s="6">
        <v>11001</v>
      </c>
      <c r="F7292" s="6" t="s">
        <v>18</v>
      </c>
      <c r="G7292" s="6" t="s">
        <v>14687</v>
      </c>
      <c r="H7292" s="6" t="s">
        <v>14688</v>
      </c>
      <c r="I7292" s="7">
        <v>4.6694087999999896</v>
      </c>
      <c r="J7292" s="8">
        <v>-74.133410599999905</v>
      </c>
    </row>
    <row r="7293" spans="1:10" x14ac:dyDescent="0.35">
      <c r="A7293" s="5" t="s">
        <v>10</v>
      </c>
      <c r="B7293" s="6">
        <v>238318</v>
      </c>
      <c r="C7293" s="6" t="s">
        <v>68</v>
      </c>
      <c r="D7293" s="6" t="s">
        <v>69</v>
      </c>
      <c r="E7293" s="6">
        <v>11001</v>
      </c>
      <c r="F7293" s="6" t="s">
        <v>18</v>
      </c>
      <c r="G7293" s="6" t="s">
        <v>14689</v>
      </c>
      <c r="H7293" s="6" t="s">
        <v>14690</v>
      </c>
      <c r="I7293" s="7">
        <v>4.6155537999999998</v>
      </c>
      <c r="J7293" s="8">
        <v>-74.146240800000001</v>
      </c>
    </row>
    <row r="7294" spans="1:10" x14ac:dyDescent="0.35">
      <c r="A7294" s="5" t="s">
        <v>10</v>
      </c>
      <c r="B7294" s="6">
        <v>242366</v>
      </c>
      <c r="C7294" s="6" t="s">
        <v>68</v>
      </c>
      <c r="D7294" s="6" t="s">
        <v>69</v>
      </c>
      <c r="E7294" s="6">
        <v>11001</v>
      </c>
      <c r="F7294" s="6" t="s">
        <v>18</v>
      </c>
      <c r="G7294" s="6" t="s">
        <v>14691</v>
      </c>
      <c r="H7294" s="6" t="s">
        <v>14692</v>
      </c>
      <c r="I7294" s="7">
        <v>4.6918923000000001</v>
      </c>
      <c r="J7294" s="8">
        <v>-74.107311499999994</v>
      </c>
    </row>
    <row r="7295" spans="1:10" x14ac:dyDescent="0.35">
      <c r="A7295" s="5" t="s">
        <v>10</v>
      </c>
      <c r="B7295" s="6">
        <v>236604</v>
      </c>
      <c r="C7295" s="6" t="s">
        <v>68</v>
      </c>
      <c r="D7295" s="6" t="s">
        <v>69</v>
      </c>
      <c r="E7295" s="6">
        <v>11001</v>
      </c>
      <c r="F7295" s="6" t="s">
        <v>18</v>
      </c>
      <c r="G7295" s="6" t="s">
        <v>14693</v>
      </c>
      <c r="H7295" s="6" t="s">
        <v>14694</v>
      </c>
      <c r="I7295" s="7">
        <v>4.6320325999999996</v>
      </c>
      <c r="J7295" s="8">
        <v>-74.112280999999996</v>
      </c>
    </row>
    <row r="7296" spans="1:10" x14ac:dyDescent="0.35">
      <c r="A7296" s="5" t="s">
        <v>10</v>
      </c>
      <c r="B7296" s="6">
        <v>190077</v>
      </c>
      <c r="C7296" s="6" t="s">
        <v>11</v>
      </c>
      <c r="D7296" s="6" t="s">
        <v>337</v>
      </c>
      <c r="E7296" s="6">
        <v>25290</v>
      </c>
      <c r="F7296" s="6" t="s">
        <v>13</v>
      </c>
      <c r="G7296" s="6" t="s">
        <v>12374</v>
      </c>
      <c r="H7296" s="6" t="s">
        <v>14695</v>
      </c>
      <c r="I7296" s="7">
        <v>4.3421922000000004</v>
      </c>
      <c r="J7296" s="8">
        <v>-74.361522399999998</v>
      </c>
    </row>
    <row r="7297" spans="1:10" x14ac:dyDescent="0.35">
      <c r="A7297" s="5" t="s">
        <v>10</v>
      </c>
      <c r="B7297" s="6">
        <v>206924</v>
      </c>
      <c r="C7297" s="6" t="s">
        <v>457</v>
      </c>
      <c r="D7297" s="6" t="s">
        <v>5293</v>
      </c>
      <c r="E7297" s="6">
        <v>52323</v>
      </c>
      <c r="F7297" s="6" t="s">
        <v>13</v>
      </c>
      <c r="G7297" s="6" t="s">
        <v>14696</v>
      </c>
      <c r="H7297" s="6" t="s">
        <v>14697</v>
      </c>
      <c r="I7297" s="7">
        <v>0.91864900000000005</v>
      </c>
      <c r="J7297" s="8">
        <v>-77.575111199999995</v>
      </c>
    </row>
    <row r="7298" spans="1:10" x14ac:dyDescent="0.35">
      <c r="A7298" s="5" t="s">
        <v>10</v>
      </c>
      <c r="B7298" s="6">
        <v>246112</v>
      </c>
      <c r="C7298" s="6" t="s">
        <v>117</v>
      </c>
      <c r="D7298" s="6" t="s">
        <v>1334</v>
      </c>
      <c r="E7298" s="6">
        <v>76001</v>
      </c>
      <c r="F7298" s="6" t="s">
        <v>18</v>
      </c>
      <c r="G7298" s="6" t="s">
        <v>14698</v>
      </c>
      <c r="H7298" s="6" t="s">
        <v>14699</v>
      </c>
      <c r="I7298" s="7">
        <v>3.4249149000000001</v>
      </c>
      <c r="J7298" s="8">
        <v>-76.511661000000004</v>
      </c>
    </row>
    <row r="7299" spans="1:10" x14ac:dyDescent="0.35">
      <c r="A7299" s="5" t="s">
        <v>10</v>
      </c>
      <c r="B7299" s="6">
        <v>221649</v>
      </c>
      <c r="C7299" s="6" t="s">
        <v>190</v>
      </c>
      <c r="D7299" s="6" t="s">
        <v>14700</v>
      </c>
      <c r="E7299" s="6">
        <v>5674</v>
      </c>
      <c r="F7299" s="6" t="s">
        <v>18</v>
      </c>
      <c r="G7299" s="6" t="s">
        <v>14701</v>
      </c>
      <c r="H7299" s="6" t="s">
        <v>14702</v>
      </c>
      <c r="I7299" s="7">
        <v>6.2811614999999996</v>
      </c>
      <c r="J7299" s="8">
        <v>-75.331842899999998</v>
      </c>
    </row>
    <row r="7300" spans="1:10" x14ac:dyDescent="0.35">
      <c r="A7300" s="5" t="s">
        <v>10</v>
      </c>
      <c r="B7300" s="6">
        <v>234863</v>
      </c>
      <c r="C7300" s="6" t="s">
        <v>190</v>
      </c>
      <c r="D7300" s="6" t="s">
        <v>438</v>
      </c>
      <c r="E7300" s="6">
        <v>5045</v>
      </c>
      <c r="F7300" s="6" t="s">
        <v>18</v>
      </c>
      <c r="G7300" s="6" t="s">
        <v>14703</v>
      </c>
      <c r="H7300" s="6" t="s">
        <v>14704</v>
      </c>
      <c r="I7300" s="7">
        <v>7.8805310000000004</v>
      </c>
      <c r="J7300" s="8">
        <v>-76.632420600000003</v>
      </c>
    </row>
    <row r="7301" spans="1:10" x14ac:dyDescent="0.35">
      <c r="A7301" s="5" t="s">
        <v>10</v>
      </c>
      <c r="B7301" s="6">
        <v>211027</v>
      </c>
      <c r="C7301" s="6" t="s">
        <v>68</v>
      </c>
      <c r="D7301" s="6" t="s">
        <v>69</v>
      </c>
      <c r="E7301" s="6">
        <v>11001</v>
      </c>
      <c r="F7301" s="6" t="s">
        <v>18</v>
      </c>
      <c r="G7301" s="6" t="s">
        <v>14705</v>
      </c>
      <c r="H7301" s="6" t="s">
        <v>14706</v>
      </c>
      <c r="I7301" s="7">
        <v>4.5500002999999998</v>
      </c>
      <c r="J7301" s="8">
        <v>-74.109220999999906</v>
      </c>
    </row>
    <row r="7302" spans="1:10" x14ac:dyDescent="0.35">
      <c r="A7302" s="5" t="s">
        <v>10</v>
      </c>
      <c r="B7302" s="6">
        <v>238707</v>
      </c>
      <c r="C7302" s="6" t="s">
        <v>68</v>
      </c>
      <c r="D7302" s="6" t="s">
        <v>69</v>
      </c>
      <c r="E7302" s="6">
        <v>11001</v>
      </c>
      <c r="F7302" s="6" t="s">
        <v>18</v>
      </c>
      <c r="G7302" s="6" t="s">
        <v>14707</v>
      </c>
      <c r="H7302" s="6" t="s">
        <v>14708</v>
      </c>
      <c r="I7302" s="7">
        <v>4.6332304000000004</v>
      </c>
      <c r="J7302" s="8">
        <v>-74.060651199999995</v>
      </c>
    </row>
    <row r="7303" spans="1:10" x14ac:dyDescent="0.35">
      <c r="A7303" s="5" t="s">
        <v>10</v>
      </c>
      <c r="B7303" s="6">
        <v>242378</v>
      </c>
      <c r="C7303" s="6" t="s">
        <v>68</v>
      </c>
      <c r="D7303" s="6" t="s">
        <v>69</v>
      </c>
      <c r="E7303" s="6">
        <v>11001</v>
      </c>
      <c r="F7303" s="6" t="s">
        <v>18</v>
      </c>
      <c r="G7303" s="6" t="s">
        <v>14709</v>
      </c>
      <c r="H7303" s="6" t="s">
        <v>14710</v>
      </c>
      <c r="I7303" s="7">
        <v>4.6952423999999997</v>
      </c>
      <c r="J7303" s="8">
        <v>-74.110129599999993</v>
      </c>
    </row>
    <row r="7304" spans="1:10" x14ac:dyDescent="0.35">
      <c r="A7304" s="5" t="s">
        <v>10</v>
      </c>
      <c r="B7304" s="6">
        <v>242442</v>
      </c>
      <c r="C7304" s="6" t="s">
        <v>68</v>
      </c>
      <c r="D7304" s="6" t="s">
        <v>69</v>
      </c>
      <c r="E7304" s="6">
        <v>11001</v>
      </c>
      <c r="F7304" s="6" t="s">
        <v>18</v>
      </c>
      <c r="G7304" s="6" t="s">
        <v>14711</v>
      </c>
      <c r="H7304" s="6" t="s">
        <v>14712</v>
      </c>
      <c r="I7304" s="7">
        <v>4.6717627000000004</v>
      </c>
      <c r="J7304" s="8">
        <v>-74.047990200000001</v>
      </c>
    </row>
    <row r="7305" spans="1:10" x14ac:dyDescent="0.35">
      <c r="A7305" s="5" t="s">
        <v>10</v>
      </c>
      <c r="B7305" s="6">
        <v>233847</v>
      </c>
      <c r="C7305" s="6" t="s">
        <v>68</v>
      </c>
      <c r="D7305" s="6" t="s">
        <v>69</v>
      </c>
      <c r="E7305" s="6">
        <v>11001</v>
      </c>
      <c r="F7305" s="6" t="s">
        <v>18</v>
      </c>
      <c r="G7305" s="6" t="s">
        <v>14713</v>
      </c>
      <c r="H7305" s="6" t="s">
        <v>14714</v>
      </c>
      <c r="I7305" s="7">
        <v>4.6644095999999999</v>
      </c>
      <c r="J7305" s="8">
        <v>-74.121868699999993</v>
      </c>
    </row>
    <row r="7306" spans="1:10" x14ac:dyDescent="0.35">
      <c r="A7306" s="5" t="s">
        <v>10</v>
      </c>
      <c r="B7306" s="6">
        <v>242666</v>
      </c>
      <c r="C7306" s="6" t="s">
        <v>68</v>
      </c>
      <c r="D7306" s="6" t="s">
        <v>69</v>
      </c>
      <c r="E7306" s="6">
        <v>11001</v>
      </c>
      <c r="F7306" s="6" t="s">
        <v>18</v>
      </c>
      <c r="G7306" s="6" t="s">
        <v>14715</v>
      </c>
      <c r="H7306" s="6" t="s">
        <v>14716</v>
      </c>
      <c r="I7306" s="7">
        <v>4.7425164000000004</v>
      </c>
      <c r="J7306" s="8">
        <v>-74.029723300000001</v>
      </c>
    </row>
    <row r="7307" spans="1:10" x14ac:dyDescent="0.35">
      <c r="A7307" s="5" t="s">
        <v>10</v>
      </c>
      <c r="B7307" s="6">
        <v>228364</v>
      </c>
      <c r="C7307" s="6" t="s">
        <v>68</v>
      </c>
      <c r="D7307" s="6" t="s">
        <v>69</v>
      </c>
      <c r="E7307" s="6">
        <v>11001</v>
      </c>
      <c r="F7307" s="6" t="s">
        <v>18</v>
      </c>
      <c r="G7307" s="6" t="s">
        <v>14717</v>
      </c>
      <c r="H7307" s="6" t="s">
        <v>14718</v>
      </c>
      <c r="I7307" s="7">
        <v>4.5902589999999996</v>
      </c>
      <c r="J7307" s="8">
        <v>-74.085476700000001</v>
      </c>
    </row>
    <row r="7308" spans="1:10" x14ac:dyDescent="0.35">
      <c r="A7308" s="5" t="s">
        <v>10</v>
      </c>
      <c r="B7308" s="6">
        <v>179578</v>
      </c>
      <c r="C7308" s="6" t="s">
        <v>68</v>
      </c>
      <c r="D7308" s="6" t="s">
        <v>69</v>
      </c>
      <c r="E7308" s="6">
        <v>11001</v>
      </c>
      <c r="F7308" s="6" t="s">
        <v>18</v>
      </c>
      <c r="G7308" s="6" t="s">
        <v>14719</v>
      </c>
      <c r="H7308" s="6" t="s">
        <v>14720</v>
      </c>
      <c r="I7308" s="7">
        <v>4.6736890000000004</v>
      </c>
      <c r="J7308" s="8">
        <v>-74.143670999999998</v>
      </c>
    </row>
    <row r="7309" spans="1:10" x14ac:dyDescent="0.35">
      <c r="A7309" s="5" t="s">
        <v>10</v>
      </c>
      <c r="B7309" s="6">
        <v>205393</v>
      </c>
      <c r="C7309" s="6" t="s">
        <v>68</v>
      </c>
      <c r="D7309" s="6" t="s">
        <v>69</v>
      </c>
      <c r="E7309" s="6">
        <v>11001</v>
      </c>
      <c r="F7309" s="6" t="s">
        <v>18</v>
      </c>
      <c r="G7309" s="6" t="s">
        <v>14721</v>
      </c>
      <c r="H7309" s="6" t="s">
        <v>14722</v>
      </c>
      <c r="I7309" s="7">
        <v>4.7377994000000001</v>
      </c>
      <c r="J7309" s="8">
        <v>-74.101646000000002</v>
      </c>
    </row>
    <row r="7310" spans="1:10" x14ac:dyDescent="0.35">
      <c r="A7310" s="5" t="s">
        <v>10</v>
      </c>
      <c r="B7310" s="6">
        <v>208458</v>
      </c>
      <c r="C7310" s="6" t="s">
        <v>68</v>
      </c>
      <c r="D7310" s="6" t="s">
        <v>69</v>
      </c>
      <c r="E7310" s="6">
        <v>11001</v>
      </c>
      <c r="F7310" s="6" t="s">
        <v>18</v>
      </c>
      <c r="G7310" s="6" t="s">
        <v>14723</v>
      </c>
      <c r="H7310" s="6" t="s">
        <v>14724</v>
      </c>
      <c r="I7310" s="7">
        <v>4.6672815999999999</v>
      </c>
      <c r="J7310" s="8">
        <v>-74.066345400000003</v>
      </c>
    </row>
    <row r="7311" spans="1:10" x14ac:dyDescent="0.35">
      <c r="A7311" s="5" t="s">
        <v>10</v>
      </c>
      <c r="B7311" s="6">
        <v>236103</v>
      </c>
      <c r="C7311" s="6" t="s">
        <v>68</v>
      </c>
      <c r="D7311" s="6" t="s">
        <v>69</v>
      </c>
      <c r="E7311" s="6">
        <v>11001</v>
      </c>
      <c r="F7311" s="6" t="s">
        <v>18</v>
      </c>
      <c r="G7311" s="6" t="s">
        <v>14725</v>
      </c>
      <c r="H7311" s="6" t="s">
        <v>14726</v>
      </c>
      <c r="I7311" s="7">
        <v>4.5834714999999999</v>
      </c>
      <c r="J7311" s="8">
        <v>-74.138887599999904</v>
      </c>
    </row>
    <row r="7312" spans="1:10" x14ac:dyDescent="0.35">
      <c r="A7312" s="5" t="s">
        <v>10</v>
      </c>
      <c r="B7312" s="6">
        <v>242691</v>
      </c>
      <c r="C7312" s="6" t="s">
        <v>68</v>
      </c>
      <c r="D7312" s="6" t="s">
        <v>69</v>
      </c>
      <c r="E7312" s="6">
        <v>11001</v>
      </c>
      <c r="F7312" s="6" t="s">
        <v>18</v>
      </c>
      <c r="G7312" s="6" t="s">
        <v>14727</v>
      </c>
      <c r="H7312" s="6" t="s">
        <v>14728</v>
      </c>
      <c r="I7312" s="7">
        <v>4.6074416999999999</v>
      </c>
      <c r="J7312" s="8">
        <v>-74.123679300000006</v>
      </c>
    </row>
    <row r="7313" spans="1:10" x14ac:dyDescent="0.35">
      <c r="A7313" s="5" t="s">
        <v>10</v>
      </c>
      <c r="B7313" s="6">
        <v>68241</v>
      </c>
      <c r="C7313" s="6" t="s">
        <v>2130</v>
      </c>
      <c r="D7313" s="6" t="s">
        <v>2131</v>
      </c>
      <c r="E7313" s="6">
        <v>85001</v>
      </c>
      <c r="F7313" s="6" t="s">
        <v>18</v>
      </c>
      <c r="G7313" s="6" t="s">
        <v>14729</v>
      </c>
      <c r="H7313" s="6" t="s">
        <v>14730</v>
      </c>
      <c r="I7313" s="7">
        <v>5.3472854999999999</v>
      </c>
      <c r="J7313" s="8">
        <v>-72.401201999999998</v>
      </c>
    </row>
    <row r="7314" spans="1:10" x14ac:dyDescent="0.35">
      <c r="A7314" s="5" t="s">
        <v>10</v>
      </c>
      <c r="B7314" s="6">
        <v>190458</v>
      </c>
      <c r="C7314" s="6" t="s">
        <v>2130</v>
      </c>
      <c r="D7314" s="6" t="s">
        <v>14731</v>
      </c>
      <c r="E7314" s="6">
        <v>85015</v>
      </c>
      <c r="F7314" s="6" t="s">
        <v>18</v>
      </c>
      <c r="G7314" s="6" t="s">
        <v>14732</v>
      </c>
      <c r="H7314" s="6" t="s">
        <v>14733</v>
      </c>
      <c r="I7314" s="7">
        <v>5.2133367000000002</v>
      </c>
      <c r="J7314" s="8">
        <v>-72.870383599999997</v>
      </c>
    </row>
    <row r="7315" spans="1:10" x14ac:dyDescent="0.35">
      <c r="A7315" s="5" t="s">
        <v>10</v>
      </c>
      <c r="B7315" s="6">
        <v>230622</v>
      </c>
      <c r="C7315" s="6" t="s">
        <v>109</v>
      </c>
      <c r="D7315" s="6" t="s">
        <v>227</v>
      </c>
      <c r="E7315" s="6">
        <v>13001</v>
      </c>
      <c r="F7315" s="6" t="s">
        <v>13</v>
      </c>
      <c r="G7315" s="6" t="s">
        <v>14734</v>
      </c>
      <c r="H7315" s="6" t="s">
        <v>14735</v>
      </c>
      <c r="I7315" s="7">
        <v>10.393227700000001</v>
      </c>
      <c r="J7315" s="8">
        <v>-75.483231099999998</v>
      </c>
    </row>
    <row r="7316" spans="1:10" x14ac:dyDescent="0.35">
      <c r="A7316" s="5" t="s">
        <v>10</v>
      </c>
      <c r="B7316" s="6">
        <v>248672</v>
      </c>
      <c r="C7316" s="6" t="s">
        <v>11</v>
      </c>
      <c r="D7316" s="6" t="s">
        <v>513</v>
      </c>
      <c r="E7316" s="6">
        <v>25286</v>
      </c>
      <c r="F7316" s="6" t="s">
        <v>18</v>
      </c>
      <c r="G7316" s="6" t="s">
        <v>14736</v>
      </c>
      <c r="H7316" s="6" t="s">
        <v>14737</v>
      </c>
      <c r="I7316" s="7">
        <v>4.7075842999999997</v>
      </c>
      <c r="J7316" s="8">
        <v>-74.206758800000003</v>
      </c>
    </row>
    <row r="7317" spans="1:10" x14ac:dyDescent="0.35">
      <c r="A7317" s="5" t="s">
        <v>10</v>
      </c>
      <c r="B7317" s="6">
        <v>245779</v>
      </c>
      <c r="C7317" s="6" t="s">
        <v>117</v>
      </c>
      <c r="D7317" s="6" t="s">
        <v>11783</v>
      </c>
      <c r="E7317" s="6">
        <v>76306</v>
      </c>
      <c r="F7317" s="6" t="s">
        <v>18</v>
      </c>
      <c r="G7317" s="6" t="s">
        <v>14738</v>
      </c>
      <c r="H7317" s="6" t="s">
        <v>14739</v>
      </c>
      <c r="I7317" s="7">
        <v>3.7512036000000002</v>
      </c>
      <c r="J7317" s="8">
        <v>-76.233338000000003</v>
      </c>
    </row>
    <row r="7318" spans="1:10" x14ac:dyDescent="0.35">
      <c r="A7318" s="5" t="s">
        <v>10</v>
      </c>
      <c r="B7318" s="6">
        <v>208170</v>
      </c>
      <c r="C7318" s="6" t="s">
        <v>7527</v>
      </c>
      <c r="D7318" s="6" t="s">
        <v>8249</v>
      </c>
      <c r="E7318" s="6">
        <v>27077</v>
      </c>
      <c r="F7318" s="6" t="s">
        <v>18</v>
      </c>
      <c r="G7318" s="6" t="s">
        <v>14740</v>
      </c>
      <c r="H7318" s="6" t="s">
        <v>14741</v>
      </c>
      <c r="I7318" s="7">
        <v>4.9536416000000001</v>
      </c>
      <c r="J7318" s="8">
        <v>-77.366031199999995</v>
      </c>
    </row>
    <row r="7319" spans="1:10" x14ac:dyDescent="0.35">
      <c r="A7319" s="5" t="s">
        <v>10</v>
      </c>
      <c r="B7319" s="6">
        <v>240830</v>
      </c>
      <c r="C7319" s="6" t="s">
        <v>190</v>
      </c>
      <c r="D7319" s="6" t="s">
        <v>191</v>
      </c>
      <c r="E7319" s="6">
        <v>5001</v>
      </c>
      <c r="F7319" s="6" t="s">
        <v>18</v>
      </c>
      <c r="G7319" s="6" t="s">
        <v>14742</v>
      </c>
      <c r="H7319" s="6" t="s">
        <v>14743</v>
      </c>
      <c r="I7319" s="7">
        <v>6.3069872</v>
      </c>
      <c r="J7319" s="8">
        <v>-75.565266600000001</v>
      </c>
    </row>
    <row r="7320" spans="1:10" x14ac:dyDescent="0.35">
      <c r="A7320" s="5" t="s">
        <v>10</v>
      </c>
      <c r="B7320" s="6">
        <v>240436</v>
      </c>
      <c r="C7320" s="6" t="s">
        <v>190</v>
      </c>
      <c r="D7320" s="6" t="s">
        <v>4063</v>
      </c>
      <c r="E7320" s="6">
        <v>5088</v>
      </c>
      <c r="F7320" s="6" t="s">
        <v>18</v>
      </c>
      <c r="G7320" s="6" t="s">
        <v>14744</v>
      </c>
      <c r="H7320" s="6" t="s">
        <v>14745</v>
      </c>
      <c r="I7320" s="7">
        <v>6.3408465999999999</v>
      </c>
      <c r="J7320" s="8">
        <v>-75.548325899999995</v>
      </c>
    </row>
    <row r="7321" spans="1:10" x14ac:dyDescent="0.35">
      <c r="A7321" s="5" t="s">
        <v>10</v>
      </c>
      <c r="B7321" s="6">
        <v>201828</v>
      </c>
      <c r="C7321" s="6" t="s">
        <v>68</v>
      </c>
      <c r="D7321" s="6" t="s">
        <v>69</v>
      </c>
      <c r="E7321" s="6">
        <v>11001</v>
      </c>
      <c r="F7321" s="6" t="s">
        <v>18</v>
      </c>
      <c r="G7321" s="6" t="s">
        <v>14746</v>
      </c>
      <c r="H7321" s="6" t="s">
        <v>14747</v>
      </c>
      <c r="I7321" s="7">
        <v>4.5034117</v>
      </c>
      <c r="J7321" s="8">
        <v>-74.111114999999998</v>
      </c>
    </row>
    <row r="7322" spans="1:10" x14ac:dyDescent="0.35">
      <c r="A7322" s="5" t="s">
        <v>10</v>
      </c>
      <c r="B7322" s="6">
        <v>203305</v>
      </c>
      <c r="C7322" s="6" t="s">
        <v>68</v>
      </c>
      <c r="D7322" s="6" t="s">
        <v>69</v>
      </c>
      <c r="E7322" s="6">
        <v>11001</v>
      </c>
      <c r="F7322" s="6" t="s">
        <v>18</v>
      </c>
      <c r="G7322" s="6" t="s">
        <v>14748</v>
      </c>
      <c r="H7322" s="6" t="s">
        <v>14749</v>
      </c>
      <c r="I7322" s="7">
        <v>4.7443989999999996</v>
      </c>
      <c r="J7322" s="8">
        <v>-74.128400799999994</v>
      </c>
    </row>
    <row r="7323" spans="1:10" x14ac:dyDescent="0.35">
      <c r="A7323" s="5" t="s">
        <v>10</v>
      </c>
      <c r="B7323" s="6">
        <v>212454</v>
      </c>
      <c r="C7323" s="6" t="s">
        <v>68</v>
      </c>
      <c r="D7323" s="6" t="s">
        <v>69</v>
      </c>
      <c r="E7323" s="6">
        <v>11001</v>
      </c>
      <c r="F7323" s="6" t="s">
        <v>18</v>
      </c>
      <c r="G7323" s="6" t="s">
        <v>14750</v>
      </c>
      <c r="H7323" s="6" t="s">
        <v>14751</v>
      </c>
      <c r="I7323" s="7">
        <v>4.5689533999999998</v>
      </c>
      <c r="J7323" s="8">
        <v>-74.151852899999994</v>
      </c>
    </row>
    <row r="7324" spans="1:10" x14ac:dyDescent="0.35">
      <c r="A7324" s="5" t="s">
        <v>10</v>
      </c>
      <c r="B7324" s="6">
        <v>214404</v>
      </c>
      <c r="C7324" s="6" t="s">
        <v>68</v>
      </c>
      <c r="D7324" s="6" t="s">
        <v>69</v>
      </c>
      <c r="E7324" s="6">
        <v>11001</v>
      </c>
      <c r="F7324" s="6" t="s">
        <v>18</v>
      </c>
      <c r="G7324" s="6" t="s">
        <v>3453</v>
      </c>
      <c r="H7324" s="6" t="s">
        <v>14752</v>
      </c>
      <c r="I7324" s="7">
        <v>4.6221863999999897</v>
      </c>
      <c r="J7324" s="8">
        <v>-74.169679399999893</v>
      </c>
    </row>
    <row r="7325" spans="1:10" x14ac:dyDescent="0.35">
      <c r="A7325" s="5" t="s">
        <v>10</v>
      </c>
      <c r="B7325" s="6">
        <v>220309</v>
      </c>
      <c r="C7325" s="6" t="s">
        <v>68</v>
      </c>
      <c r="D7325" s="6" t="s">
        <v>69</v>
      </c>
      <c r="E7325" s="6">
        <v>11001</v>
      </c>
      <c r="F7325" s="6" t="s">
        <v>18</v>
      </c>
      <c r="G7325" s="6" t="s">
        <v>14753</v>
      </c>
      <c r="H7325" s="6" t="s">
        <v>14754</v>
      </c>
      <c r="I7325" s="7">
        <v>4.6328826999999997</v>
      </c>
      <c r="J7325" s="8">
        <v>-74.202423499999995</v>
      </c>
    </row>
    <row r="7326" spans="1:10" x14ac:dyDescent="0.35">
      <c r="A7326" s="5" t="s">
        <v>10</v>
      </c>
      <c r="B7326" s="6">
        <v>224006</v>
      </c>
      <c r="C7326" s="6" t="s">
        <v>68</v>
      </c>
      <c r="D7326" s="6" t="s">
        <v>69</v>
      </c>
      <c r="E7326" s="6">
        <v>11001</v>
      </c>
      <c r="F7326" s="6" t="s">
        <v>18</v>
      </c>
      <c r="G7326" s="6" t="s">
        <v>14755</v>
      </c>
      <c r="H7326" s="6" t="s">
        <v>14756</v>
      </c>
      <c r="I7326" s="7">
        <v>4.7443346000000002</v>
      </c>
      <c r="J7326" s="8">
        <v>-74.096849899999995</v>
      </c>
    </row>
    <row r="7327" spans="1:10" x14ac:dyDescent="0.35">
      <c r="A7327" s="5" t="s">
        <v>10</v>
      </c>
      <c r="B7327" s="6">
        <v>233165</v>
      </c>
      <c r="C7327" s="6" t="s">
        <v>68</v>
      </c>
      <c r="D7327" s="6" t="s">
        <v>69</v>
      </c>
      <c r="E7327" s="6">
        <v>11001</v>
      </c>
      <c r="F7327" s="6" t="s">
        <v>18</v>
      </c>
      <c r="G7327" s="6" t="s">
        <v>14757</v>
      </c>
      <c r="H7327" s="6" t="s">
        <v>14758</v>
      </c>
      <c r="I7327" s="7">
        <v>4.5462999999999996</v>
      </c>
      <c r="J7327" s="8">
        <v>-74.149850000000001</v>
      </c>
    </row>
    <row r="7328" spans="1:10" x14ac:dyDescent="0.35">
      <c r="A7328" s="5" t="s">
        <v>10</v>
      </c>
      <c r="B7328" s="6">
        <v>236192</v>
      </c>
      <c r="C7328" s="6" t="s">
        <v>68</v>
      </c>
      <c r="D7328" s="6" t="s">
        <v>69</v>
      </c>
      <c r="E7328" s="6">
        <v>11001</v>
      </c>
      <c r="F7328" s="6" t="s">
        <v>18</v>
      </c>
      <c r="G7328" s="6" t="s">
        <v>14759</v>
      </c>
      <c r="H7328" s="6" t="s">
        <v>14760</v>
      </c>
      <c r="I7328" s="7">
        <v>4.562411</v>
      </c>
      <c r="J7328" s="8">
        <v>-74.144343399999997</v>
      </c>
    </row>
    <row r="7329" spans="1:10" x14ac:dyDescent="0.35">
      <c r="A7329" s="5" t="s">
        <v>10</v>
      </c>
      <c r="B7329" s="6">
        <v>235919</v>
      </c>
      <c r="C7329" s="6" t="s">
        <v>68</v>
      </c>
      <c r="D7329" s="6" t="s">
        <v>69</v>
      </c>
      <c r="E7329" s="6">
        <v>11001</v>
      </c>
      <c r="F7329" s="6" t="s">
        <v>18</v>
      </c>
      <c r="G7329" s="6" t="s">
        <v>14761</v>
      </c>
      <c r="H7329" s="6" t="s">
        <v>14762</v>
      </c>
      <c r="I7329" s="7">
        <v>4.5324691000000001</v>
      </c>
      <c r="J7329" s="8">
        <v>-74.087853600000003</v>
      </c>
    </row>
    <row r="7330" spans="1:10" x14ac:dyDescent="0.35">
      <c r="A7330" s="5" t="s">
        <v>10</v>
      </c>
      <c r="B7330" s="6">
        <v>243634</v>
      </c>
      <c r="C7330" s="6" t="s">
        <v>68</v>
      </c>
      <c r="D7330" s="6" t="s">
        <v>69</v>
      </c>
      <c r="E7330" s="6">
        <v>11001</v>
      </c>
      <c r="F7330" s="6" t="s">
        <v>18</v>
      </c>
      <c r="G7330" s="6" t="s">
        <v>14763</v>
      </c>
      <c r="H7330" s="6" t="s">
        <v>14764</v>
      </c>
      <c r="I7330" s="7">
        <v>4.6269390000000001</v>
      </c>
      <c r="J7330" s="8">
        <v>-74.169561000000002</v>
      </c>
    </row>
    <row r="7331" spans="1:10" x14ac:dyDescent="0.35">
      <c r="A7331" s="5" t="s">
        <v>10</v>
      </c>
      <c r="B7331" s="6">
        <v>204191</v>
      </c>
      <c r="C7331" s="6" t="s">
        <v>68</v>
      </c>
      <c r="D7331" s="6" t="s">
        <v>69</v>
      </c>
      <c r="E7331" s="6">
        <v>11001</v>
      </c>
      <c r="F7331" s="6" t="s">
        <v>18</v>
      </c>
      <c r="G7331" s="6" t="s">
        <v>14765</v>
      </c>
      <c r="H7331" s="6" t="s">
        <v>14766</v>
      </c>
      <c r="I7331" s="7">
        <v>4.6373989999999896</v>
      </c>
      <c r="J7331" s="8">
        <v>-74.184153100000003</v>
      </c>
    </row>
    <row r="7332" spans="1:10" x14ac:dyDescent="0.35">
      <c r="A7332" s="5" t="s">
        <v>10</v>
      </c>
      <c r="B7332" s="6">
        <v>231511</v>
      </c>
      <c r="C7332" s="6" t="s">
        <v>68</v>
      </c>
      <c r="D7332" s="6" t="s">
        <v>69</v>
      </c>
      <c r="E7332" s="6">
        <v>11001</v>
      </c>
      <c r="F7332" s="6" t="s">
        <v>18</v>
      </c>
      <c r="G7332" s="6" t="s">
        <v>14767</v>
      </c>
      <c r="H7332" s="6" t="s">
        <v>14768</v>
      </c>
      <c r="I7332" s="7">
        <v>4.5891487</v>
      </c>
      <c r="J7332" s="8">
        <v>-74.155051099999994</v>
      </c>
    </row>
    <row r="7333" spans="1:10" x14ac:dyDescent="0.35">
      <c r="A7333" s="5" t="s">
        <v>10</v>
      </c>
      <c r="B7333" s="6">
        <v>242255</v>
      </c>
      <c r="C7333" s="6" t="s">
        <v>68</v>
      </c>
      <c r="D7333" s="6" t="s">
        <v>69</v>
      </c>
      <c r="E7333" s="6">
        <v>11001</v>
      </c>
      <c r="F7333" s="6" t="s">
        <v>18</v>
      </c>
      <c r="G7333" s="6" t="s">
        <v>14769</v>
      </c>
      <c r="H7333" s="6" t="s">
        <v>14770</v>
      </c>
      <c r="I7333" s="7">
        <v>4.5879987</v>
      </c>
      <c r="J7333" s="8">
        <v>-74.079499400000003</v>
      </c>
    </row>
    <row r="7334" spans="1:10" x14ac:dyDescent="0.35">
      <c r="A7334" s="5" t="s">
        <v>10</v>
      </c>
      <c r="B7334" s="6">
        <v>240405</v>
      </c>
      <c r="C7334" s="6" t="s">
        <v>68</v>
      </c>
      <c r="D7334" s="6" t="s">
        <v>69</v>
      </c>
      <c r="E7334" s="6">
        <v>11001</v>
      </c>
      <c r="F7334" s="6" t="s">
        <v>18</v>
      </c>
      <c r="G7334" s="6" t="s">
        <v>14771</v>
      </c>
      <c r="H7334" s="6" t="s">
        <v>14772</v>
      </c>
      <c r="I7334" s="7">
        <v>4.5416338999999999</v>
      </c>
      <c r="J7334" s="8">
        <v>-74.080038400000007</v>
      </c>
    </row>
    <row r="7335" spans="1:10" x14ac:dyDescent="0.35">
      <c r="A7335" s="5" t="s">
        <v>10</v>
      </c>
      <c r="B7335" s="6">
        <v>190629</v>
      </c>
      <c r="C7335" s="6" t="s">
        <v>308</v>
      </c>
      <c r="D7335" s="6" t="s">
        <v>309</v>
      </c>
      <c r="E7335" s="6">
        <v>23001</v>
      </c>
      <c r="F7335" s="6" t="s">
        <v>13</v>
      </c>
      <c r="G7335" s="6" t="s">
        <v>2108</v>
      </c>
      <c r="H7335" s="6" t="s">
        <v>14773</v>
      </c>
      <c r="I7335" s="7">
        <v>8.7551196000000004</v>
      </c>
      <c r="J7335" s="8">
        <v>-75.878827599999994</v>
      </c>
    </row>
    <row r="7336" spans="1:10" x14ac:dyDescent="0.35">
      <c r="A7336" s="5" t="s">
        <v>10</v>
      </c>
      <c r="B7336" s="6">
        <v>239726</v>
      </c>
      <c r="C7336" s="6" t="s">
        <v>68</v>
      </c>
      <c r="D7336" s="6" t="s">
        <v>69</v>
      </c>
      <c r="E7336" s="6">
        <v>11001</v>
      </c>
      <c r="F7336" s="6" t="s">
        <v>13</v>
      </c>
      <c r="G7336" s="6" t="s">
        <v>14774</v>
      </c>
      <c r="H7336" s="6" t="s">
        <v>14775</v>
      </c>
      <c r="I7336" s="7">
        <v>4.6811600999999996</v>
      </c>
      <c r="J7336" s="8">
        <v>-74.138706099999993</v>
      </c>
    </row>
    <row r="7337" spans="1:10" x14ac:dyDescent="0.35">
      <c r="A7337" s="5" t="s">
        <v>10</v>
      </c>
      <c r="B7337" s="6">
        <v>240607</v>
      </c>
      <c r="C7337" s="6" t="s">
        <v>190</v>
      </c>
      <c r="D7337" s="6" t="s">
        <v>4063</v>
      </c>
      <c r="E7337" s="6">
        <v>5088</v>
      </c>
      <c r="F7337" s="6" t="s">
        <v>18</v>
      </c>
      <c r="G7337" s="6" t="s">
        <v>14776</v>
      </c>
      <c r="H7337" s="6" t="s">
        <v>14777</v>
      </c>
      <c r="I7337" s="7">
        <v>6.3483469000000001</v>
      </c>
      <c r="J7337" s="8">
        <v>-75.567305700000006</v>
      </c>
    </row>
    <row r="7338" spans="1:10" x14ac:dyDescent="0.35">
      <c r="A7338" s="5" t="s">
        <v>10</v>
      </c>
      <c r="B7338" s="6">
        <v>245351</v>
      </c>
      <c r="C7338" s="6" t="s">
        <v>190</v>
      </c>
      <c r="D7338" s="6" t="s">
        <v>4063</v>
      </c>
      <c r="E7338" s="6">
        <v>5088</v>
      </c>
      <c r="F7338" s="6" t="s">
        <v>18</v>
      </c>
      <c r="G7338" s="6" t="s">
        <v>14778</v>
      </c>
      <c r="H7338" s="6" t="s">
        <v>14779</v>
      </c>
      <c r="I7338" s="7">
        <v>6.3487168</v>
      </c>
      <c r="J7338" s="8">
        <v>-75.563142499999998</v>
      </c>
    </row>
    <row r="7339" spans="1:10" x14ac:dyDescent="0.35">
      <c r="A7339" s="5" t="s">
        <v>10</v>
      </c>
      <c r="B7339" s="6">
        <v>199819</v>
      </c>
      <c r="C7339" s="6" t="s">
        <v>68</v>
      </c>
      <c r="D7339" s="6" t="s">
        <v>69</v>
      </c>
      <c r="E7339" s="6">
        <v>11001</v>
      </c>
      <c r="F7339" s="6" t="s">
        <v>18</v>
      </c>
      <c r="G7339" s="6" t="s">
        <v>14780</v>
      </c>
      <c r="H7339" s="6" t="s">
        <v>14781</v>
      </c>
      <c r="I7339" s="7">
        <v>4.5487057999999996</v>
      </c>
      <c r="J7339" s="8">
        <v>-74.092520399999998</v>
      </c>
    </row>
    <row r="7340" spans="1:10" x14ac:dyDescent="0.35">
      <c r="A7340" s="5" t="s">
        <v>10</v>
      </c>
      <c r="B7340" s="6">
        <v>182935</v>
      </c>
      <c r="C7340" s="6" t="s">
        <v>68</v>
      </c>
      <c r="D7340" s="6" t="s">
        <v>69</v>
      </c>
      <c r="E7340" s="6">
        <v>11001</v>
      </c>
      <c r="F7340" s="6" t="s">
        <v>18</v>
      </c>
      <c r="G7340" s="6" t="s">
        <v>14782</v>
      </c>
      <c r="H7340" s="6" t="s">
        <v>14783</v>
      </c>
      <c r="I7340" s="7">
        <v>4.7109885999999896</v>
      </c>
      <c r="J7340" s="8">
        <v>-74.072091999999998</v>
      </c>
    </row>
    <row r="7341" spans="1:10" x14ac:dyDescent="0.35">
      <c r="A7341" s="5" t="s">
        <v>10</v>
      </c>
      <c r="B7341" s="6">
        <v>211909</v>
      </c>
      <c r="C7341" s="6" t="s">
        <v>68</v>
      </c>
      <c r="D7341" s="6" t="s">
        <v>69</v>
      </c>
      <c r="E7341" s="6">
        <v>11001</v>
      </c>
      <c r="F7341" s="6" t="s">
        <v>18</v>
      </c>
      <c r="G7341" s="6" t="s">
        <v>14784</v>
      </c>
      <c r="H7341" s="6" t="s">
        <v>14785</v>
      </c>
      <c r="I7341" s="7">
        <v>4.7575658000000001</v>
      </c>
      <c r="J7341" s="8">
        <v>-74.098215600000003</v>
      </c>
    </row>
    <row r="7342" spans="1:10" x14ac:dyDescent="0.35">
      <c r="A7342" s="5" t="s">
        <v>10</v>
      </c>
      <c r="B7342" s="6">
        <v>229861</v>
      </c>
      <c r="C7342" s="6" t="s">
        <v>68</v>
      </c>
      <c r="D7342" s="6" t="s">
        <v>69</v>
      </c>
      <c r="E7342" s="6">
        <v>11001</v>
      </c>
      <c r="F7342" s="6" t="s">
        <v>18</v>
      </c>
      <c r="G7342" s="6" t="s">
        <v>14786</v>
      </c>
      <c r="H7342" s="6" t="s">
        <v>14787</v>
      </c>
      <c r="I7342" s="7">
        <v>4.7350158000000002</v>
      </c>
      <c r="J7342" s="8">
        <v>-74.095255100000003</v>
      </c>
    </row>
    <row r="7343" spans="1:10" x14ac:dyDescent="0.35">
      <c r="A7343" s="5" t="s">
        <v>10</v>
      </c>
      <c r="B7343" s="6">
        <v>202113</v>
      </c>
      <c r="C7343" s="6" t="s">
        <v>68</v>
      </c>
      <c r="D7343" s="6" t="s">
        <v>69</v>
      </c>
      <c r="E7343" s="6">
        <v>11001</v>
      </c>
      <c r="F7343" s="6" t="s">
        <v>18</v>
      </c>
      <c r="G7343" s="6" t="s">
        <v>14788</v>
      </c>
      <c r="H7343" s="6" t="s">
        <v>14789</v>
      </c>
      <c r="I7343" s="7">
        <v>4.7540106</v>
      </c>
      <c r="J7343" s="8">
        <v>-74.106609800000001</v>
      </c>
    </row>
    <row r="7344" spans="1:10" x14ac:dyDescent="0.35">
      <c r="A7344" s="5" t="s">
        <v>10</v>
      </c>
      <c r="B7344" s="6">
        <v>205033</v>
      </c>
      <c r="C7344" s="6" t="s">
        <v>68</v>
      </c>
      <c r="D7344" s="6" t="s">
        <v>69</v>
      </c>
      <c r="E7344" s="6">
        <v>11001</v>
      </c>
      <c r="F7344" s="6" t="s">
        <v>18</v>
      </c>
      <c r="G7344" s="6" t="s">
        <v>14790</v>
      </c>
      <c r="H7344" s="6" t="s">
        <v>14791</v>
      </c>
      <c r="I7344" s="7">
        <v>4.5802877999999998</v>
      </c>
      <c r="J7344" s="8">
        <v>-74.128083199999907</v>
      </c>
    </row>
    <row r="7345" spans="1:10" x14ac:dyDescent="0.35">
      <c r="A7345" s="5" t="s">
        <v>10</v>
      </c>
      <c r="B7345" s="6">
        <v>192294</v>
      </c>
      <c r="C7345" s="6" t="s">
        <v>68</v>
      </c>
      <c r="D7345" s="6" t="s">
        <v>69</v>
      </c>
      <c r="E7345" s="6">
        <v>11001</v>
      </c>
      <c r="F7345" s="6" t="s">
        <v>18</v>
      </c>
      <c r="G7345" s="6" t="s">
        <v>14792</v>
      </c>
      <c r="H7345" s="6" t="s">
        <v>14793</v>
      </c>
      <c r="I7345" s="7">
        <v>4.6559404000000004</v>
      </c>
      <c r="J7345" s="8">
        <v>-74.110811100000006</v>
      </c>
    </row>
    <row r="7346" spans="1:10" x14ac:dyDescent="0.35">
      <c r="A7346" s="5" t="s">
        <v>10</v>
      </c>
      <c r="B7346" s="6">
        <v>202704</v>
      </c>
      <c r="C7346" s="6" t="s">
        <v>68</v>
      </c>
      <c r="D7346" s="6" t="s">
        <v>69</v>
      </c>
      <c r="E7346" s="6">
        <v>11001</v>
      </c>
      <c r="F7346" s="6" t="s">
        <v>18</v>
      </c>
      <c r="G7346" s="6" t="s">
        <v>14794</v>
      </c>
      <c r="H7346" s="6" t="s">
        <v>14795</v>
      </c>
      <c r="I7346" s="7">
        <v>4.5734984999999897</v>
      </c>
      <c r="J7346" s="8">
        <v>-74.163092399999996</v>
      </c>
    </row>
    <row r="7347" spans="1:10" x14ac:dyDescent="0.35">
      <c r="A7347" s="5" t="s">
        <v>10</v>
      </c>
      <c r="B7347" s="6">
        <v>239271</v>
      </c>
      <c r="C7347" s="6" t="s">
        <v>68</v>
      </c>
      <c r="D7347" s="6" t="s">
        <v>69</v>
      </c>
      <c r="E7347" s="6">
        <v>11001</v>
      </c>
      <c r="F7347" s="6" t="s">
        <v>18</v>
      </c>
      <c r="G7347" s="6" t="s">
        <v>14796</v>
      </c>
      <c r="H7347" s="6" t="s">
        <v>14797</v>
      </c>
      <c r="I7347" s="7">
        <v>4.7589917000000002</v>
      </c>
      <c r="J7347" s="8">
        <v>-74.034481099999994</v>
      </c>
    </row>
    <row r="7348" spans="1:10" x14ac:dyDescent="0.35">
      <c r="A7348" s="5" t="s">
        <v>10</v>
      </c>
      <c r="B7348" s="6">
        <v>187047</v>
      </c>
      <c r="C7348" s="6" t="s">
        <v>68</v>
      </c>
      <c r="D7348" s="6" t="s">
        <v>69</v>
      </c>
      <c r="E7348" s="6">
        <v>11001</v>
      </c>
      <c r="F7348" s="6" t="s">
        <v>18</v>
      </c>
      <c r="G7348" s="6" t="s">
        <v>14798</v>
      </c>
      <c r="H7348" s="6" t="s">
        <v>14799</v>
      </c>
      <c r="I7348" s="7">
        <v>4.6098355</v>
      </c>
      <c r="J7348" s="8">
        <v>-74.148303599999906</v>
      </c>
    </row>
    <row r="7349" spans="1:10" x14ac:dyDescent="0.35">
      <c r="A7349" s="5" t="s">
        <v>10</v>
      </c>
      <c r="B7349" s="6">
        <v>203580</v>
      </c>
      <c r="C7349" s="6" t="s">
        <v>2821</v>
      </c>
      <c r="D7349" s="6" t="s">
        <v>8204</v>
      </c>
      <c r="E7349" s="6">
        <v>47053</v>
      </c>
      <c r="F7349" s="6" t="s">
        <v>13</v>
      </c>
      <c r="G7349" s="6" t="s">
        <v>14800</v>
      </c>
      <c r="H7349" s="6" t="s">
        <v>14801</v>
      </c>
      <c r="I7349" s="7">
        <v>10.597937200000001</v>
      </c>
      <c r="J7349" s="8">
        <v>-74.189369900000003</v>
      </c>
    </row>
    <row r="7350" spans="1:10" x14ac:dyDescent="0.35">
      <c r="A7350" s="5" t="s">
        <v>10</v>
      </c>
      <c r="B7350" s="6">
        <v>230810</v>
      </c>
      <c r="C7350" s="6" t="s">
        <v>308</v>
      </c>
      <c r="D7350" s="6" t="s">
        <v>10453</v>
      </c>
      <c r="E7350" s="6">
        <v>23807</v>
      </c>
      <c r="F7350" s="6" t="s">
        <v>13</v>
      </c>
      <c r="G7350" s="6" t="s">
        <v>14802</v>
      </c>
      <c r="H7350" s="6" t="s">
        <v>14803</v>
      </c>
      <c r="I7350" s="7">
        <v>8.1724923999999994</v>
      </c>
      <c r="J7350" s="8">
        <v>-76.056992600000001</v>
      </c>
    </row>
    <row r="7351" spans="1:10" x14ac:dyDescent="0.35">
      <c r="A7351" s="5" t="s">
        <v>10</v>
      </c>
      <c r="B7351" s="6">
        <v>200541</v>
      </c>
      <c r="C7351" s="6" t="s">
        <v>11</v>
      </c>
      <c r="D7351" s="6" t="s">
        <v>901</v>
      </c>
      <c r="E7351" s="6">
        <v>25307</v>
      </c>
      <c r="F7351" s="6" t="s">
        <v>13</v>
      </c>
      <c r="G7351" s="6" t="s">
        <v>13335</v>
      </c>
      <c r="H7351" s="6" t="s">
        <v>14804</v>
      </c>
      <c r="I7351" s="7">
        <v>4.8635624000000002</v>
      </c>
      <c r="J7351" s="8">
        <v>-74.058777399999997</v>
      </c>
    </row>
    <row r="7352" spans="1:10" x14ac:dyDescent="0.35">
      <c r="A7352" s="5" t="s">
        <v>10</v>
      </c>
      <c r="B7352" s="6">
        <v>233023</v>
      </c>
      <c r="C7352" s="6" t="s">
        <v>3819</v>
      </c>
      <c r="D7352" s="6" t="s">
        <v>14805</v>
      </c>
      <c r="E7352" s="6">
        <v>86573</v>
      </c>
      <c r="F7352" s="6" t="s">
        <v>13</v>
      </c>
      <c r="G7352" s="6" t="s">
        <v>14806</v>
      </c>
      <c r="H7352" s="6" t="s">
        <v>14807</v>
      </c>
      <c r="I7352" s="7">
        <v>-0.18595700000000001</v>
      </c>
      <c r="J7352" s="8">
        <v>-74.783659999999998</v>
      </c>
    </row>
    <row r="7353" spans="1:10" x14ac:dyDescent="0.35">
      <c r="A7353" s="5" t="s">
        <v>10</v>
      </c>
      <c r="B7353" s="6">
        <v>241088</v>
      </c>
      <c r="C7353" s="6" t="s">
        <v>117</v>
      </c>
      <c r="D7353" s="6" t="s">
        <v>12447</v>
      </c>
      <c r="E7353" s="6">
        <v>76248</v>
      </c>
      <c r="F7353" s="6" t="s">
        <v>18</v>
      </c>
      <c r="G7353" s="6" t="s">
        <v>14808</v>
      </c>
      <c r="H7353" s="6" t="s">
        <v>14809</v>
      </c>
      <c r="I7353" s="7">
        <v>3.6825922000000002</v>
      </c>
      <c r="J7353" s="8">
        <v>-76.312897800000002</v>
      </c>
    </row>
    <row r="7354" spans="1:10" x14ac:dyDescent="0.35">
      <c r="A7354" s="5" t="s">
        <v>10</v>
      </c>
      <c r="B7354" s="6">
        <v>240668</v>
      </c>
      <c r="C7354" s="6" t="s">
        <v>190</v>
      </c>
      <c r="D7354" s="6" t="s">
        <v>12027</v>
      </c>
      <c r="E7354" s="6">
        <v>5585</v>
      </c>
      <c r="F7354" s="6" t="s">
        <v>18</v>
      </c>
      <c r="G7354" s="6" t="s">
        <v>14810</v>
      </c>
      <c r="H7354" s="6" t="s">
        <v>14811</v>
      </c>
      <c r="I7354" s="7">
        <v>6.1864970000000001</v>
      </c>
      <c r="J7354" s="8">
        <v>-74.583725999999999</v>
      </c>
    </row>
    <row r="7355" spans="1:10" x14ac:dyDescent="0.35">
      <c r="A7355" s="5" t="s">
        <v>10</v>
      </c>
      <c r="B7355" s="6">
        <v>198058</v>
      </c>
      <c r="C7355" s="6" t="s">
        <v>68</v>
      </c>
      <c r="D7355" s="6" t="s">
        <v>69</v>
      </c>
      <c r="E7355" s="6">
        <v>11001</v>
      </c>
      <c r="F7355" s="6" t="s">
        <v>18</v>
      </c>
      <c r="G7355" s="6" t="s">
        <v>14812</v>
      </c>
      <c r="H7355" s="6" t="s">
        <v>14813</v>
      </c>
      <c r="I7355" s="7">
        <v>4.7378939999999998</v>
      </c>
      <c r="J7355" s="8">
        <v>-74.086457199999998</v>
      </c>
    </row>
    <row r="7356" spans="1:10" x14ac:dyDescent="0.35">
      <c r="A7356" s="5" t="s">
        <v>10</v>
      </c>
      <c r="B7356" s="6">
        <v>181682</v>
      </c>
      <c r="C7356" s="6" t="s">
        <v>68</v>
      </c>
      <c r="D7356" s="6" t="s">
        <v>69</v>
      </c>
      <c r="E7356" s="6">
        <v>11001</v>
      </c>
      <c r="F7356" s="6" t="s">
        <v>18</v>
      </c>
      <c r="G7356" s="6" t="s">
        <v>14814</v>
      </c>
      <c r="H7356" s="6" t="s">
        <v>14815</v>
      </c>
      <c r="I7356" s="7">
        <v>4.5925463999999998</v>
      </c>
      <c r="J7356" s="8">
        <v>-74.1389171</v>
      </c>
    </row>
    <row r="7357" spans="1:10" x14ac:dyDescent="0.35">
      <c r="A7357" s="5" t="s">
        <v>10</v>
      </c>
      <c r="B7357" s="6">
        <v>203121</v>
      </c>
      <c r="C7357" s="6" t="s">
        <v>68</v>
      </c>
      <c r="D7357" s="6" t="s">
        <v>69</v>
      </c>
      <c r="E7357" s="6">
        <v>11001</v>
      </c>
      <c r="F7357" s="6" t="s">
        <v>18</v>
      </c>
      <c r="G7357" s="6" t="s">
        <v>14816</v>
      </c>
      <c r="H7357" s="6" t="s">
        <v>14817</v>
      </c>
      <c r="I7357" s="7">
        <v>4.6363154</v>
      </c>
      <c r="J7357" s="8">
        <v>-74.158866700000004</v>
      </c>
    </row>
    <row r="7358" spans="1:10" x14ac:dyDescent="0.35">
      <c r="A7358" s="5" t="s">
        <v>10</v>
      </c>
      <c r="B7358" s="6">
        <v>211096</v>
      </c>
      <c r="C7358" s="6" t="s">
        <v>68</v>
      </c>
      <c r="D7358" s="6" t="s">
        <v>69</v>
      </c>
      <c r="E7358" s="6">
        <v>11001</v>
      </c>
      <c r="F7358" s="6" t="s">
        <v>18</v>
      </c>
      <c r="G7358" s="6" t="s">
        <v>14818</v>
      </c>
      <c r="H7358" s="6" t="s">
        <v>14819</v>
      </c>
      <c r="I7358" s="7">
        <v>4.6375171999999996</v>
      </c>
      <c r="J7358" s="8">
        <v>-74.195314499999995</v>
      </c>
    </row>
    <row r="7359" spans="1:10" x14ac:dyDescent="0.35">
      <c r="A7359" s="5" t="s">
        <v>10</v>
      </c>
      <c r="B7359" s="6">
        <v>215011</v>
      </c>
      <c r="C7359" s="6" t="s">
        <v>68</v>
      </c>
      <c r="D7359" s="6" t="s">
        <v>69</v>
      </c>
      <c r="E7359" s="6">
        <v>11001</v>
      </c>
      <c r="F7359" s="6" t="s">
        <v>18</v>
      </c>
      <c r="G7359" s="6" t="s">
        <v>14820</v>
      </c>
      <c r="H7359" s="6" t="s">
        <v>14821</v>
      </c>
      <c r="I7359" s="7">
        <v>4.6841252000000004</v>
      </c>
      <c r="J7359" s="8">
        <v>-74.132025400000003</v>
      </c>
    </row>
    <row r="7360" spans="1:10" x14ac:dyDescent="0.35">
      <c r="A7360" s="5" t="s">
        <v>10</v>
      </c>
      <c r="B7360" s="6">
        <v>236110</v>
      </c>
      <c r="C7360" s="6" t="s">
        <v>68</v>
      </c>
      <c r="D7360" s="6" t="s">
        <v>69</v>
      </c>
      <c r="E7360" s="6">
        <v>11001</v>
      </c>
      <c r="F7360" s="6" t="s">
        <v>18</v>
      </c>
      <c r="G7360" s="6" t="s">
        <v>14822</v>
      </c>
      <c r="H7360" s="6" t="s">
        <v>14823</v>
      </c>
      <c r="I7360" s="7">
        <v>4.7565092</v>
      </c>
      <c r="J7360" s="8">
        <v>-74.066216600000004</v>
      </c>
    </row>
    <row r="7361" spans="1:10" x14ac:dyDescent="0.35">
      <c r="A7361" s="5" t="s">
        <v>10</v>
      </c>
      <c r="B7361" s="6">
        <v>236168</v>
      </c>
      <c r="C7361" s="6" t="s">
        <v>68</v>
      </c>
      <c r="D7361" s="6" t="s">
        <v>69</v>
      </c>
      <c r="E7361" s="6">
        <v>11001</v>
      </c>
      <c r="F7361" s="6" t="s">
        <v>18</v>
      </c>
      <c r="G7361" s="6" t="s">
        <v>14824</v>
      </c>
      <c r="H7361" s="6" t="s">
        <v>14825</v>
      </c>
      <c r="I7361" s="7">
        <v>4.5689944000000002</v>
      </c>
      <c r="J7361" s="8">
        <v>-74.163840299999904</v>
      </c>
    </row>
    <row r="7362" spans="1:10" x14ac:dyDescent="0.35">
      <c r="A7362" s="5" t="s">
        <v>10</v>
      </c>
      <c r="B7362" s="6">
        <v>239373</v>
      </c>
      <c r="C7362" s="6" t="s">
        <v>68</v>
      </c>
      <c r="D7362" s="6" t="s">
        <v>69</v>
      </c>
      <c r="E7362" s="6">
        <v>11001</v>
      </c>
      <c r="F7362" s="6" t="s">
        <v>18</v>
      </c>
      <c r="G7362" s="6" t="s">
        <v>14826</v>
      </c>
      <c r="H7362" s="6" t="s">
        <v>14827</v>
      </c>
      <c r="I7362" s="7">
        <v>4.7277389999999997</v>
      </c>
      <c r="J7362" s="8">
        <v>-74.0376215</v>
      </c>
    </row>
    <row r="7363" spans="1:10" x14ac:dyDescent="0.35">
      <c r="A7363" s="5" t="s">
        <v>10</v>
      </c>
      <c r="B7363" s="6">
        <v>232910</v>
      </c>
      <c r="C7363" s="6" t="s">
        <v>68</v>
      </c>
      <c r="D7363" s="6" t="s">
        <v>69</v>
      </c>
      <c r="E7363" s="6">
        <v>11001</v>
      </c>
      <c r="F7363" s="6" t="s">
        <v>18</v>
      </c>
      <c r="G7363" s="6" t="s">
        <v>14828</v>
      </c>
      <c r="H7363" s="6" t="s">
        <v>14829</v>
      </c>
      <c r="I7363" s="7">
        <v>4.5763100000000003</v>
      </c>
      <c r="J7363" s="8">
        <v>-74.107929999999996</v>
      </c>
    </row>
    <row r="7364" spans="1:10" x14ac:dyDescent="0.35">
      <c r="A7364" s="5" t="s">
        <v>10</v>
      </c>
      <c r="B7364" s="6">
        <v>213850</v>
      </c>
      <c r="C7364" s="6" t="s">
        <v>68</v>
      </c>
      <c r="D7364" s="6" t="s">
        <v>69</v>
      </c>
      <c r="E7364" s="6">
        <v>11001</v>
      </c>
      <c r="F7364" s="6" t="s">
        <v>18</v>
      </c>
      <c r="G7364" s="6" t="s">
        <v>855</v>
      </c>
      <c r="H7364" s="6" t="s">
        <v>14830</v>
      </c>
      <c r="I7364" s="7">
        <v>4.5974431999999998</v>
      </c>
      <c r="J7364" s="8">
        <v>-74.188130799999996</v>
      </c>
    </row>
    <row r="7365" spans="1:10" x14ac:dyDescent="0.35">
      <c r="A7365" s="5" t="s">
        <v>10</v>
      </c>
      <c r="B7365" s="6">
        <v>140384</v>
      </c>
      <c r="C7365" s="6" t="s">
        <v>190</v>
      </c>
      <c r="D7365" s="6" t="s">
        <v>11705</v>
      </c>
      <c r="E7365" s="6">
        <v>5318</v>
      </c>
      <c r="F7365" s="6" t="s">
        <v>18</v>
      </c>
      <c r="G7365" s="6" t="s">
        <v>14831</v>
      </c>
      <c r="H7365" s="6" t="s">
        <v>14832</v>
      </c>
      <c r="I7365" s="7">
        <v>6.2729203999999896</v>
      </c>
      <c r="J7365" s="8">
        <v>-75.437220600000003</v>
      </c>
    </row>
    <row r="7366" spans="1:10" x14ac:dyDescent="0.35">
      <c r="A7366" s="5" t="s">
        <v>10</v>
      </c>
      <c r="B7366" s="6">
        <v>222726</v>
      </c>
      <c r="C7366" s="6" t="s">
        <v>117</v>
      </c>
      <c r="D7366" s="6" t="s">
        <v>1334</v>
      </c>
      <c r="E7366" s="6">
        <v>76001</v>
      </c>
      <c r="F7366" s="6" t="s">
        <v>18</v>
      </c>
      <c r="G7366" s="6" t="s">
        <v>14833</v>
      </c>
      <c r="H7366" s="6" t="s">
        <v>14834</v>
      </c>
      <c r="I7366" s="7">
        <v>3.4138978999999998</v>
      </c>
      <c r="J7366" s="8">
        <v>-76.530526600000002</v>
      </c>
    </row>
    <row r="7367" spans="1:10" x14ac:dyDescent="0.35">
      <c r="A7367" s="5" t="s">
        <v>10</v>
      </c>
      <c r="B7367" s="6">
        <v>241214</v>
      </c>
      <c r="C7367" s="6" t="s">
        <v>117</v>
      </c>
      <c r="D7367" s="6" t="s">
        <v>1334</v>
      </c>
      <c r="E7367" s="6">
        <v>76001</v>
      </c>
      <c r="F7367" s="6" t="s">
        <v>18</v>
      </c>
      <c r="G7367" s="6" t="s">
        <v>14835</v>
      </c>
      <c r="H7367" s="6" t="s">
        <v>14836</v>
      </c>
      <c r="I7367" s="7">
        <v>3.4246544000000001</v>
      </c>
      <c r="J7367" s="8">
        <v>-76.478918100000001</v>
      </c>
    </row>
    <row r="7368" spans="1:10" x14ac:dyDescent="0.35">
      <c r="A7368" s="5" t="s">
        <v>10</v>
      </c>
      <c r="B7368" s="6">
        <v>229068</v>
      </c>
      <c r="C7368" s="6" t="s">
        <v>190</v>
      </c>
      <c r="D7368" s="6" t="s">
        <v>303</v>
      </c>
      <c r="E7368" s="6">
        <v>5628</v>
      </c>
      <c r="F7368" s="6" t="s">
        <v>18</v>
      </c>
      <c r="G7368" s="6" t="s">
        <v>14837</v>
      </c>
      <c r="H7368" s="6" t="s">
        <v>14838</v>
      </c>
      <c r="I7368" s="7">
        <v>6.8500693999999998</v>
      </c>
      <c r="J7368" s="8">
        <v>-75.817065200000002</v>
      </c>
    </row>
    <row r="7369" spans="1:10" x14ac:dyDescent="0.35">
      <c r="A7369" s="5" t="s">
        <v>10</v>
      </c>
      <c r="B7369" s="6">
        <v>240893</v>
      </c>
      <c r="C7369" s="6" t="s">
        <v>190</v>
      </c>
      <c r="D7369" s="6" t="s">
        <v>2202</v>
      </c>
      <c r="E7369" s="6">
        <v>5615</v>
      </c>
      <c r="F7369" s="6" t="s">
        <v>18</v>
      </c>
      <c r="G7369" s="6" t="s">
        <v>14839</v>
      </c>
      <c r="H7369" s="6" t="s">
        <v>14840</v>
      </c>
      <c r="I7369" s="7">
        <v>6.1723423000000004</v>
      </c>
      <c r="J7369" s="8">
        <v>-75.429373400000003</v>
      </c>
    </row>
    <row r="7370" spans="1:10" x14ac:dyDescent="0.35">
      <c r="A7370" s="5" t="s">
        <v>10</v>
      </c>
      <c r="B7370" s="6">
        <v>189766</v>
      </c>
      <c r="C7370" s="6" t="s">
        <v>190</v>
      </c>
      <c r="D7370" s="6" t="s">
        <v>14841</v>
      </c>
      <c r="E7370" s="6">
        <v>5854</v>
      </c>
      <c r="F7370" s="6" t="s">
        <v>18</v>
      </c>
      <c r="G7370" s="6" t="s">
        <v>14842</v>
      </c>
      <c r="H7370" s="6" t="s">
        <v>14843</v>
      </c>
      <c r="I7370" s="7">
        <v>7.1635920000000004</v>
      </c>
      <c r="J7370" s="8">
        <v>-75.438989999999905</v>
      </c>
    </row>
    <row r="7371" spans="1:10" x14ac:dyDescent="0.35">
      <c r="A7371" s="5" t="s">
        <v>10</v>
      </c>
      <c r="B7371" s="6">
        <v>242679</v>
      </c>
      <c r="C7371" s="6" t="s">
        <v>68</v>
      </c>
      <c r="D7371" s="6" t="s">
        <v>69</v>
      </c>
      <c r="E7371" s="6">
        <v>11001</v>
      </c>
      <c r="F7371" s="6" t="s">
        <v>18</v>
      </c>
      <c r="G7371" s="6" t="s">
        <v>14844</v>
      </c>
      <c r="H7371" s="6" t="s">
        <v>14845</v>
      </c>
      <c r="I7371" s="7">
        <v>4.6212805000000001</v>
      </c>
      <c r="J7371" s="8">
        <v>-74.189269999999993</v>
      </c>
    </row>
    <row r="7372" spans="1:10" x14ac:dyDescent="0.35">
      <c r="A7372" s="5" t="s">
        <v>10</v>
      </c>
      <c r="B7372" s="6">
        <v>202500</v>
      </c>
      <c r="C7372" s="6" t="s">
        <v>68</v>
      </c>
      <c r="D7372" s="6" t="s">
        <v>69</v>
      </c>
      <c r="E7372" s="6">
        <v>11001</v>
      </c>
      <c r="F7372" s="6" t="s">
        <v>18</v>
      </c>
      <c r="G7372" s="6" t="s">
        <v>14846</v>
      </c>
      <c r="H7372" s="6" t="s">
        <v>14847</v>
      </c>
      <c r="I7372" s="7">
        <v>4.5786714000000002</v>
      </c>
      <c r="J7372" s="8">
        <v>-74.1541541</v>
      </c>
    </row>
    <row r="7373" spans="1:10" x14ac:dyDescent="0.35">
      <c r="A7373" s="5" t="s">
        <v>10</v>
      </c>
      <c r="B7373" s="6">
        <v>203505</v>
      </c>
      <c r="C7373" s="6" t="s">
        <v>68</v>
      </c>
      <c r="D7373" s="6" t="s">
        <v>69</v>
      </c>
      <c r="E7373" s="6">
        <v>11001</v>
      </c>
      <c r="F7373" s="6" t="s">
        <v>18</v>
      </c>
      <c r="G7373" s="6" t="s">
        <v>14848</v>
      </c>
      <c r="H7373" s="6" t="s">
        <v>14849</v>
      </c>
      <c r="I7373" s="7">
        <v>4.5158261</v>
      </c>
      <c r="J7373" s="8">
        <v>-74.114184399999999</v>
      </c>
    </row>
    <row r="7374" spans="1:10" x14ac:dyDescent="0.35">
      <c r="A7374" s="5" t="s">
        <v>10</v>
      </c>
      <c r="B7374" s="6">
        <v>217247</v>
      </c>
      <c r="C7374" s="6" t="s">
        <v>68</v>
      </c>
      <c r="D7374" s="6" t="s">
        <v>69</v>
      </c>
      <c r="E7374" s="6">
        <v>11001</v>
      </c>
      <c r="F7374" s="6" t="s">
        <v>18</v>
      </c>
      <c r="G7374" s="6" t="s">
        <v>14850</v>
      </c>
      <c r="H7374" s="6" t="s">
        <v>14851</v>
      </c>
      <c r="I7374" s="7">
        <v>4.5886157999999897</v>
      </c>
      <c r="J7374" s="8">
        <v>-74.165947699999904</v>
      </c>
    </row>
    <row r="7375" spans="1:10" x14ac:dyDescent="0.35">
      <c r="A7375" s="5" t="s">
        <v>10</v>
      </c>
      <c r="B7375" s="6">
        <v>234939</v>
      </c>
      <c r="C7375" s="6" t="s">
        <v>68</v>
      </c>
      <c r="D7375" s="6" t="s">
        <v>69</v>
      </c>
      <c r="E7375" s="6">
        <v>11001</v>
      </c>
      <c r="F7375" s="6" t="s">
        <v>18</v>
      </c>
      <c r="G7375" s="6" t="s">
        <v>14852</v>
      </c>
      <c r="H7375" s="6" t="s">
        <v>14853</v>
      </c>
      <c r="I7375" s="7">
        <v>4.6177923999999999</v>
      </c>
      <c r="J7375" s="8">
        <v>-74.112512600000002</v>
      </c>
    </row>
    <row r="7376" spans="1:10" x14ac:dyDescent="0.35">
      <c r="A7376" s="5" t="s">
        <v>10</v>
      </c>
      <c r="B7376" s="6">
        <v>238724</v>
      </c>
      <c r="C7376" s="6" t="s">
        <v>68</v>
      </c>
      <c r="D7376" s="6" t="s">
        <v>69</v>
      </c>
      <c r="E7376" s="6">
        <v>11001</v>
      </c>
      <c r="F7376" s="6" t="s">
        <v>18</v>
      </c>
      <c r="G7376" s="6" t="s">
        <v>14854</v>
      </c>
      <c r="H7376" s="6" t="s">
        <v>14855</v>
      </c>
      <c r="I7376" s="7">
        <v>4.5861171000000001</v>
      </c>
      <c r="J7376" s="8">
        <v>-74.168602000000007</v>
      </c>
    </row>
    <row r="7377" spans="1:10" x14ac:dyDescent="0.35">
      <c r="A7377" s="5" t="s">
        <v>10</v>
      </c>
      <c r="B7377" s="6">
        <v>242720</v>
      </c>
      <c r="C7377" s="6" t="s">
        <v>68</v>
      </c>
      <c r="D7377" s="6" t="s">
        <v>69</v>
      </c>
      <c r="E7377" s="6">
        <v>11001</v>
      </c>
      <c r="F7377" s="6" t="s">
        <v>18</v>
      </c>
      <c r="G7377" s="6" t="s">
        <v>14856</v>
      </c>
      <c r="H7377" s="6" t="s">
        <v>14857</v>
      </c>
      <c r="I7377" s="7">
        <v>4.6824779999999997</v>
      </c>
      <c r="J7377" s="8">
        <v>-74.111364300000005</v>
      </c>
    </row>
    <row r="7378" spans="1:10" x14ac:dyDescent="0.35">
      <c r="A7378" s="5" t="s">
        <v>10</v>
      </c>
      <c r="B7378" s="6">
        <v>243691</v>
      </c>
      <c r="C7378" s="6" t="s">
        <v>68</v>
      </c>
      <c r="D7378" s="6" t="s">
        <v>69</v>
      </c>
      <c r="E7378" s="6">
        <v>11001</v>
      </c>
      <c r="F7378" s="6" t="s">
        <v>18</v>
      </c>
      <c r="G7378" s="6" t="s">
        <v>14858</v>
      </c>
      <c r="H7378" s="6" t="s">
        <v>14859</v>
      </c>
      <c r="I7378" s="7">
        <v>4.688841</v>
      </c>
      <c r="J7378" s="8">
        <v>-74.088267000000002</v>
      </c>
    </row>
    <row r="7379" spans="1:10" x14ac:dyDescent="0.35">
      <c r="A7379" s="5" t="s">
        <v>10</v>
      </c>
      <c r="B7379" s="6">
        <v>244043</v>
      </c>
      <c r="C7379" s="6" t="s">
        <v>68</v>
      </c>
      <c r="D7379" s="6" t="s">
        <v>69</v>
      </c>
      <c r="E7379" s="6">
        <v>11001</v>
      </c>
      <c r="F7379" s="6" t="s">
        <v>18</v>
      </c>
      <c r="G7379" s="6" t="s">
        <v>14860</v>
      </c>
      <c r="H7379" s="6" t="s">
        <v>14861</v>
      </c>
      <c r="I7379" s="7">
        <v>4.5584420000000003</v>
      </c>
      <c r="J7379" s="8">
        <v>-74.1175566</v>
      </c>
    </row>
    <row r="7380" spans="1:10" x14ac:dyDescent="0.35">
      <c r="A7380" s="5" t="s">
        <v>10</v>
      </c>
      <c r="B7380" s="6">
        <v>242092</v>
      </c>
      <c r="C7380" s="6" t="s">
        <v>68</v>
      </c>
      <c r="D7380" s="6" t="s">
        <v>69</v>
      </c>
      <c r="E7380" s="6">
        <v>11001</v>
      </c>
      <c r="F7380" s="6" t="s">
        <v>18</v>
      </c>
      <c r="G7380" s="6" t="s">
        <v>14862</v>
      </c>
      <c r="H7380" s="6" t="s">
        <v>14863</v>
      </c>
      <c r="I7380" s="7">
        <v>4.7110111000000003</v>
      </c>
      <c r="J7380" s="8">
        <v>-74.047903000000005</v>
      </c>
    </row>
    <row r="7381" spans="1:10" x14ac:dyDescent="0.35">
      <c r="A7381" s="5" t="s">
        <v>10</v>
      </c>
      <c r="B7381" s="6">
        <v>226457</v>
      </c>
      <c r="C7381" s="6" t="s">
        <v>68</v>
      </c>
      <c r="D7381" s="6" t="s">
        <v>69</v>
      </c>
      <c r="E7381" s="6">
        <v>11001</v>
      </c>
      <c r="F7381" s="6" t="s">
        <v>18</v>
      </c>
      <c r="G7381" s="6" t="s">
        <v>14864</v>
      </c>
      <c r="H7381" s="6" t="s">
        <v>14865</v>
      </c>
      <c r="I7381" s="7">
        <v>4.5762529000000001</v>
      </c>
      <c r="J7381" s="8">
        <v>-74.103241600000004</v>
      </c>
    </row>
    <row r="7382" spans="1:10" x14ac:dyDescent="0.35">
      <c r="A7382" s="5" t="s">
        <v>10</v>
      </c>
      <c r="B7382" s="6">
        <v>242168</v>
      </c>
      <c r="C7382" s="6" t="s">
        <v>68</v>
      </c>
      <c r="D7382" s="6" t="s">
        <v>69</v>
      </c>
      <c r="E7382" s="6">
        <v>11001</v>
      </c>
      <c r="F7382" s="6" t="s">
        <v>18</v>
      </c>
      <c r="G7382" s="6" t="s">
        <v>14866</v>
      </c>
      <c r="H7382" s="6" t="s">
        <v>14867</v>
      </c>
      <c r="I7382" s="7">
        <v>4.7229229000000004</v>
      </c>
      <c r="J7382" s="8">
        <v>-74.087446400000005</v>
      </c>
    </row>
    <row r="7383" spans="1:10" x14ac:dyDescent="0.35">
      <c r="A7383" s="5" t="s">
        <v>10</v>
      </c>
      <c r="B7383" s="6">
        <v>241222</v>
      </c>
      <c r="C7383" s="6" t="s">
        <v>117</v>
      </c>
      <c r="D7383" s="6" t="s">
        <v>4931</v>
      </c>
      <c r="E7383" s="6">
        <v>76892</v>
      </c>
      <c r="F7383" s="6" t="s">
        <v>18</v>
      </c>
      <c r="G7383" s="6" t="s">
        <v>14868</v>
      </c>
      <c r="H7383" s="6" t="s">
        <v>14869</v>
      </c>
      <c r="I7383" s="7">
        <v>3.5700832</v>
      </c>
      <c r="J7383" s="8">
        <v>-76.577790199999995</v>
      </c>
    </row>
    <row r="7384" spans="1:10" x14ac:dyDescent="0.35">
      <c r="A7384" s="5" t="s">
        <v>10</v>
      </c>
      <c r="B7384" s="6">
        <v>235861</v>
      </c>
      <c r="C7384" s="6" t="s">
        <v>117</v>
      </c>
      <c r="D7384" s="6" t="s">
        <v>1334</v>
      </c>
      <c r="E7384" s="6">
        <v>76001</v>
      </c>
      <c r="F7384" s="6" t="s">
        <v>18</v>
      </c>
      <c r="G7384" s="6" t="s">
        <v>14870</v>
      </c>
      <c r="H7384" s="6" t="s">
        <v>14871</v>
      </c>
      <c r="I7384" s="7">
        <v>3.4141267000000002</v>
      </c>
      <c r="J7384" s="8">
        <v>-76.546053099999995</v>
      </c>
    </row>
    <row r="7385" spans="1:10" x14ac:dyDescent="0.35">
      <c r="A7385" s="5" t="s">
        <v>10</v>
      </c>
      <c r="B7385" s="6">
        <v>186256</v>
      </c>
      <c r="C7385" s="6" t="s">
        <v>190</v>
      </c>
      <c r="D7385" s="6" t="s">
        <v>191</v>
      </c>
      <c r="E7385" s="6">
        <v>5001</v>
      </c>
      <c r="F7385" s="6" t="s">
        <v>18</v>
      </c>
      <c r="G7385" s="6" t="s">
        <v>14872</v>
      </c>
      <c r="H7385" s="6" t="s">
        <v>14873</v>
      </c>
      <c r="I7385" s="7">
        <v>6.2872155999999997</v>
      </c>
      <c r="J7385" s="8">
        <v>-75.563035999999997</v>
      </c>
    </row>
    <row r="7386" spans="1:10" x14ac:dyDescent="0.35">
      <c r="A7386" s="5" t="s">
        <v>10</v>
      </c>
      <c r="B7386" s="6">
        <v>240611</v>
      </c>
      <c r="C7386" s="6" t="s">
        <v>190</v>
      </c>
      <c r="D7386" s="6" t="s">
        <v>12606</v>
      </c>
      <c r="E7386" s="6">
        <v>5579</v>
      </c>
      <c r="F7386" s="6" t="s">
        <v>18</v>
      </c>
      <c r="G7386" s="6" t="s">
        <v>14874</v>
      </c>
      <c r="H7386" s="6" t="s">
        <v>14875</v>
      </c>
      <c r="I7386" s="7">
        <v>6.4895388000000001</v>
      </c>
      <c r="J7386" s="8">
        <v>-74.404758700000002</v>
      </c>
    </row>
    <row r="7387" spans="1:10" x14ac:dyDescent="0.35">
      <c r="A7387" s="5" t="s">
        <v>10</v>
      </c>
      <c r="B7387" s="6">
        <v>242678</v>
      </c>
      <c r="C7387" s="6" t="s">
        <v>68</v>
      </c>
      <c r="D7387" s="6" t="s">
        <v>69</v>
      </c>
      <c r="E7387" s="6">
        <v>11001</v>
      </c>
      <c r="F7387" s="6" t="s">
        <v>18</v>
      </c>
      <c r="G7387" s="6" t="s">
        <v>14876</v>
      </c>
      <c r="H7387" s="6" t="s">
        <v>14877</v>
      </c>
      <c r="I7387" s="7">
        <v>4.7074182999999996</v>
      </c>
      <c r="J7387" s="8">
        <v>-74.0979679</v>
      </c>
    </row>
    <row r="7388" spans="1:10" x14ac:dyDescent="0.35">
      <c r="A7388" s="5" t="s">
        <v>10</v>
      </c>
      <c r="B7388" s="6">
        <v>177682</v>
      </c>
      <c r="C7388" s="6" t="s">
        <v>68</v>
      </c>
      <c r="D7388" s="6" t="s">
        <v>69</v>
      </c>
      <c r="E7388" s="6">
        <v>11001</v>
      </c>
      <c r="F7388" s="6" t="s">
        <v>18</v>
      </c>
      <c r="G7388" s="6" t="s">
        <v>14878</v>
      </c>
      <c r="H7388" s="6" t="s">
        <v>14879</v>
      </c>
      <c r="I7388" s="7">
        <v>4.7629204999999999</v>
      </c>
      <c r="J7388" s="8">
        <v>-74.028078899999997</v>
      </c>
    </row>
    <row r="7389" spans="1:10" x14ac:dyDescent="0.35">
      <c r="A7389" s="5" t="s">
        <v>10</v>
      </c>
      <c r="B7389" s="6">
        <v>208099</v>
      </c>
      <c r="C7389" s="6" t="s">
        <v>68</v>
      </c>
      <c r="D7389" s="6" t="s">
        <v>69</v>
      </c>
      <c r="E7389" s="6">
        <v>11001</v>
      </c>
      <c r="F7389" s="6" t="s">
        <v>18</v>
      </c>
      <c r="G7389" s="6" t="s">
        <v>14880</v>
      </c>
      <c r="H7389" s="6" t="s">
        <v>14881</v>
      </c>
      <c r="I7389" s="7">
        <v>4.6534187999999999</v>
      </c>
      <c r="J7389" s="8">
        <v>-74.079229699999999</v>
      </c>
    </row>
    <row r="7390" spans="1:10" x14ac:dyDescent="0.35">
      <c r="A7390" s="5" t="s">
        <v>10</v>
      </c>
      <c r="B7390" s="6">
        <v>228612</v>
      </c>
      <c r="C7390" s="6" t="s">
        <v>68</v>
      </c>
      <c r="D7390" s="6" t="s">
        <v>69</v>
      </c>
      <c r="E7390" s="6">
        <v>11001</v>
      </c>
      <c r="F7390" s="6" t="s">
        <v>18</v>
      </c>
      <c r="G7390" s="6" t="s">
        <v>14882</v>
      </c>
      <c r="H7390" s="6" t="s">
        <v>14883</v>
      </c>
      <c r="I7390" s="7">
        <v>4.7632171999999997</v>
      </c>
      <c r="J7390" s="8">
        <v>-74.029874100000001</v>
      </c>
    </row>
    <row r="7391" spans="1:10" x14ac:dyDescent="0.35">
      <c r="A7391" s="5" t="s">
        <v>10</v>
      </c>
      <c r="B7391" s="6">
        <v>248251</v>
      </c>
      <c r="C7391" s="6" t="s">
        <v>68</v>
      </c>
      <c r="D7391" s="6" t="s">
        <v>69</v>
      </c>
      <c r="E7391" s="6">
        <v>11001</v>
      </c>
      <c r="F7391" s="6" t="s">
        <v>18</v>
      </c>
      <c r="G7391" s="6" t="s">
        <v>113</v>
      </c>
      <c r="H7391" s="6" t="s">
        <v>14884</v>
      </c>
      <c r="I7391" s="7">
        <v>4.6744249</v>
      </c>
      <c r="J7391" s="8">
        <v>-74.055623800000006</v>
      </c>
    </row>
    <row r="7392" spans="1:10" x14ac:dyDescent="0.35">
      <c r="A7392" s="5" t="s">
        <v>10</v>
      </c>
      <c r="B7392" s="6">
        <v>247900</v>
      </c>
      <c r="C7392" s="6" t="s">
        <v>68</v>
      </c>
      <c r="D7392" s="6" t="s">
        <v>69</v>
      </c>
      <c r="E7392" s="6">
        <v>11001</v>
      </c>
      <c r="F7392" s="6" t="s">
        <v>18</v>
      </c>
      <c r="G7392" s="6" t="s">
        <v>14885</v>
      </c>
      <c r="H7392" s="6" t="s">
        <v>14886</v>
      </c>
      <c r="I7392" s="7">
        <v>4.6046103</v>
      </c>
      <c r="J7392" s="8">
        <v>-74.185807999999994</v>
      </c>
    </row>
    <row r="7393" spans="1:10" x14ac:dyDescent="0.35">
      <c r="A7393" s="5" t="s">
        <v>10</v>
      </c>
      <c r="B7393" s="6">
        <v>236231</v>
      </c>
      <c r="C7393" s="6" t="s">
        <v>68</v>
      </c>
      <c r="D7393" s="6" t="s">
        <v>69</v>
      </c>
      <c r="E7393" s="6">
        <v>11001</v>
      </c>
      <c r="F7393" s="6" t="s">
        <v>18</v>
      </c>
      <c r="G7393" s="6" t="s">
        <v>14887</v>
      </c>
      <c r="H7393" s="6" t="s">
        <v>14888</v>
      </c>
      <c r="I7393" s="7">
        <v>4.4933917000000001</v>
      </c>
      <c r="J7393" s="8">
        <v>-74.115059799999997</v>
      </c>
    </row>
    <row r="7394" spans="1:10" x14ac:dyDescent="0.35">
      <c r="A7394" s="5" t="s">
        <v>10</v>
      </c>
      <c r="B7394" s="6">
        <v>228619</v>
      </c>
      <c r="C7394" s="6" t="s">
        <v>2130</v>
      </c>
      <c r="D7394" s="6" t="s">
        <v>2131</v>
      </c>
      <c r="E7394" s="6">
        <v>85001</v>
      </c>
      <c r="F7394" s="6" t="s">
        <v>18</v>
      </c>
      <c r="G7394" s="6" t="s">
        <v>14889</v>
      </c>
      <c r="H7394" s="6" t="s">
        <v>14890</v>
      </c>
      <c r="I7394" s="7">
        <v>5.3071997</v>
      </c>
      <c r="J7394" s="8">
        <v>-72.416497100000001</v>
      </c>
    </row>
    <row r="7395" spans="1:10" x14ac:dyDescent="0.35">
      <c r="A7395" s="5" t="s">
        <v>10</v>
      </c>
      <c r="B7395" s="6">
        <v>143526</v>
      </c>
      <c r="C7395" s="6" t="s">
        <v>190</v>
      </c>
      <c r="D7395" s="6" t="s">
        <v>191</v>
      </c>
      <c r="E7395" s="6">
        <v>5001</v>
      </c>
      <c r="F7395" s="6" t="s">
        <v>18</v>
      </c>
      <c r="G7395" s="6" t="s">
        <v>14891</v>
      </c>
      <c r="H7395" s="6" t="s">
        <v>14892</v>
      </c>
      <c r="I7395" s="7">
        <v>6.2388854</v>
      </c>
      <c r="J7395" s="8">
        <v>-75.5392449</v>
      </c>
    </row>
    <row r="7396" spans="1:10" x14ac:dyDescent="0.35">
      <c r="A7396" s="5" t="s">
        <v>10</v>
      </c>
      <c r="B7396" s="6">
        <v>203599</v>
      </c>
      <c r="C7396" s="6" t="s">
        <v>68</v>
      </c>
      <c r="D7396" s="6" t="s">
        <v>69</v>
      </c>
      <c r="E7396" s="6">
        <v>11001</v>
      </c>
      <c r="F7396" s="6" t="s">
        <v>18</v>
      </c>
      <c r="G7396" s="6" t="s">
        <v>14893</v>
      </c>
      <c r="H7396" s="6" t="s">
        <v>14894</v>
      </c>
      <c r="I7396" s="7">
        <v>4.6720202000000004</v>
      </c>
      <c r="J7396" s="8">
        <v>-74.124886000000004</v>
      </c>
    </row>
    <row r="7397" spans="1:10" x14ac:dyDescent="0.35">
      <c r="A7397" s="5" t="s">
        <v>10</v>
      </c>
      <c r="B7397" s="6">
        <v>218537</v>
      </c>
      <c r="C7397" s="6" t="s">
        <v>68</v>
      </c>
      <c r="D7397" s="6" t="s">
        <v>69</v>
      </c>
      <c r="E7397" s="6">
        <v>11001</v>
      </c>
      <c r="F7397" s="6" t="s">
        <v>18</v>
      </c>
      <c r="G7397" s="6" t="s">
        <v>14895</v>
      </c>
      <c r="H7397" s="6" t="s">
        <v>14896</v>
      </c>
      <c r="I7397" s="7">
        <v>4.5141545000000001</v>
      </c>
      <c r="J7397" s="8">
        <v>-74.116101999999998</v>
      </c>
    </row>
    <row r="7398" spans="1:10" x14ac:dyDescent="0.35">
      <c r="A7398" s="5" t="s">
        <v>10</v>
      </c>
      <c r="B7398" s="6">
        <v>233261</v>
      </c>
      <c r="C7398" s="6" t="s">
        <v>68</v>
      </c>
      <c r="D7398" s="6" t="s">
        <v>69</v>
      </c>
      <c r="E7398" s="6">
        <v>11001</v>
      </c>
      <c r="F7398" s="6" t="s">
        <v>18</v>
      </c>
      <c r="G7398" s="6" t="s">
        <v>14897</v>
      </c>
      <c r="H7398" s="6" t="s">
        <v>14898</v>
      </c>
      <c r="I7398" s="7">
        <v>4.6108000000000002</v>
      </c>
      <c r="J7398" s="8">
        <v>-74.186490000000006</v>
      </c>
    </row>
    <row r="7399" spans="1:10" x14ac:dyDescent="0.35">
      <c r="A7399" s="5" t="s">
        <v>10</v>
      </c>
      <c r="B7399" s="6">
        <v>221754</v>
      </c>
      <c r="C7399" s="6" t="s">
        <v>68</v>
      </c>
      <c r="D7399" s="6" t="s">
        <v>69</v>
      </c>
      <c r="E7399" s="6">
        <v>11001</v>
      </c>
      <c r="F7399" s="6" t="s">
        <v>18</v>
      </c>
      <c r="G7399" s="6" t="s">
        <v>14899</v>
      </c>
      <c r="H7399" s="6" t="s">
        <v>14900</v>
      </c>
      <c r="I7399" s="7">
        <v>4.7400715</v>
      </c>
      <c r="J7399" s="8">
        <v>-74.1059786</v>
      </c>
    </row>
    <row r="7400" spans="1:10" x14ac:dyDescent="0.35">
      <c r="A7400" s="5" t="s">
        <v>10</v>
      </c>
      <c r="B7400" s="6">
        <v>224507</v>
      </c>
      <c r="C7400" s="6" t="s">
        <v>68</v>
      </c>
      <c r="D7400" s="6" t="s">
        <v>69</v>
      </c>
      <c r="E7400" s="6">
        <v>11001</v>
      </c>
      <c r="F7400" s="6" t="s">
        <v>18</v>
      </c>
      <c r="G7400" s="6" t="s">
        <v>14901</v>
      </c>
      <c r="H7400" s="6" t="s">
        <v>14902</v>
      </c>
      <c r="I7400" s="7">
        <v>4.8163497999999896</v>
      </c>
      <c r="J7400" s="8">
        <v>-74.053215899999998</v>
      </c>
    </row>
    <row r="7401" spans="1:10" x14ac:dyDescent="0.35">
      <c r="A7401" s="5" t="s">
        <v>10</v>
      </c>
      <c r="B7401" s="6">
        <v>234112</v>
      </c>
      <c r="C7401" s="6" t="s">
        <v>68</v>
      </c>
      <c r="D7401" s="6" t="s">
        <v>69</v>
      </c>
      <c r="E7401" s="6">
        <v>11001</v>
      </c>
      <c r="F7401" s="6" t="s">
        <v>18</v>
      </c>
      <c r="G7401" s="6" t="s">
        <v>14903</v>
      </c>
      <c r="H7401" s="6" t="s">
        <v>14904</v>
      </c>
      <c r="I7401" s="7">
        <v>4.5634645000000003</v>
      </c>
      <c r="J7401" s="8">
        <v>-74.145747200000002</v>
      </c>
    </row>
    <row r="7402" spans="1:10" x14ac:dyDescent="0.35">
      <c r="A7402" s="5" t="s">
        <v>10</v>
      </c>
      <c r="B7402" s="6">
        <v>237465</v>
      </c>
      <c r="C7402" s="6" t="s">
        <v>68</v>
      </c>
      <c r="D7402" s="6" t="s">
        <v>69</v>
      </c>
      <c r="E7402" s="6">
        <v>11001</v>
      </c>
      <c r="F7402" s="6" t="s">
        <v>18</v>
      </c>
      <c r="G7402" s="6" t="s">
        <v>14905</v>
      </c>
      <c r="H7402" s="6" t="s">
        <v>14906</v>
      </c>
      <c r="I7402" s="7">
        <v>4.6120669999999997</v>
      </c>
      <c r="J7402" s="8">
        <v>-74.207208199999997</v>
      </c>
    </row>
    <row r="7403" spans="1:10" x14ac:dyDescent="0.35">
      <c r="A7403" s="5" t="s">
        <v>10</v>
      </c>
      <c r="B7403" s="6">
        <v>207511</v>
      </c>
      <c r="C7403" s="6" t="s">
        <v>68</v>
      </c>
      <c r="D7403" s="6" t="s">
        <v>69</v>
      </c>
      <c r="E7403" s="6">
        <v>11001</v>
      </c>
      <c r="F7403" s="6" t="s">
        <v>18</v>
      </c>
      <c r="G7403" s="6" t="s">
        <v>14907</v>
      </c>
      <c r="H7403" s="6" t="s">
        <v>14908</v>
      </c>
      <c r="I7403" s="7">
        <v>4.6597792999999896</v>
      </c>
      <c r="J7403" s="8">
        <v>-74.073818500000002</v>
      </c>
    </row>
    <row r="7404" spans="1:10" x14ac:dyDescent="0.35">
      <c r="A7404" s="5" t="s">
        <v>10</v>
      </c>
      <c r="B7404" s="6">
        <v>244822</v>
      </c>
      <c r="C7404" s="6" t="s">
        <v>68</v>
      </c>
      <c r="D7404" s="6" t="s">
        <v>69</v>
      </c>
      <c r="E7404" s="6">
        <v>11001</v>
      </c>
      <c r="F7404" s="6" t="s">
        <v>18</v>
      </c>
      <c r="G7404" s="6" t="s">
        <v>14909</v>
      </c>
      <c r="H7404" s="6" t="s">
        <v>14910</v>
      </c>
      <c r="I7404" s="7">
        <v>4.6387219000000002</v>
      </c>
      <c r="J7404" s="8">
        <v>-74.193004500000001</v>
      </c>
    </row>
    <row r="7405" spans="1:10" x14ac:dyDescent="0.35">
      <c r="A7405" s="5" t="s">
        <v>10</v>
      </c>
      <c r="B7405" s="6">
        <v>132102</v>
      </c>
      <c r="C7405" s="6" t="s">
        <v>2130</v>
      </c>
      <c r="D7405" s="6" t="s">
        <v>3979</v>
      </c>
      <c r="E7405" s="6">
        <v>85010</v>
      </c>
      <c r="F7405" s="6" t="s">
        <v>18</v>
      </c>
      <c r="G7405" s="6" t="s">
        <v>14911</v>
      </c>
      <c r="H7405" s="6" t="s">
        <v>14912</v>
      </c>
      <c r="I7405" s="7">
        <v>5.1708470000000002</v>
      </c>
      <c r="J7405" s="8">
        <v>-72.550818999999905</v>
      </c>
    </row>
    <row r="7406" spans="1:10" x14ac:dyDescent="0.35">
      <c r="A7406" s="5" t="s">
        <v>10</v>
      </c>
      <c r="B7406" s="6">
        <v>188292</v>
      </c>
      <c r="C7406" s="6" t="s">
        <v>190</v>
      </c>
      <c r="D7406" s="6" t="s">
        <v>12276</v>
      </c>
      <c r="E7406" s="6">
        <v>5051</v>
      </c>
      <c r="F7406" s="6" t="s">
        <v>18</v>
      </c>
      <c r="G7406" s="6" t="s">
        <v>14913</v>
      </c>
      <c r="H7406" s="6" t="s">
        <v>14914</v>
      </c>
      <c r="I7406" s="7">
        <v>8.8498882999999999</v>
      </c>
      <c r="J7406" s="8">
        <v>-76.426233199999999</v>
      </c>
    </row>
    <row r="7407" spans="1:10" x14ac:dyDescent="0.35">
      <c r="A7407" s="5" t="s">
        <v>10</v>
      </c>
      <c r="B7407" s="6">
        <v>216687</v>
      </c>
      <c r="C7407" s="6" t="s">
        <v>308</v>
      </c>
      <c r="D7407" s="6" t="s">
        <v>309</v>
      </c>
      <c r="E7407" s="6">
        <v>23001</v>
      </c>
      <c r="F7407" s="6" t="s">
        <v>13</v>
      </c>
      <c r="G7407" s="6" t="s">
        <v>14915</v>
      </c>
      <c r="H7407" s="6" t="s">
        <v>14916</v>
      </c>
      <c r="I7407" s="7">
        <v>8.7535261000000002</v>
      </c>
      <c r="J7407" s="8">
        <v>-75.876928300000003</v>
      </c>
    </row>
    <row r="7408" spans="1:10" x14ac:dyDescent="0.35">
      <c r="A7408" s="5" t="s">
        <v>10</v>
      </c>
      <c r="B7408" s="6">
        <v>240034</v>
      </c>
      <c r="C7408" s="6" t="s">
        <v>117</v>
      </c>
      <c r="D7408" s="6" t="s">
        <v>1334</v>
      </c>
      <c r="E7408" s="6">
        <v>76001</v>
      </c>
      <c r="F7408" s="6" t="s">
        <v>18</v>
      </c>
      <c r="G7408" s="6" t="s">
        <v>14917</v>
      </c>
      <c r="H7408" s="6" t="s">
        <v>14918</v>
      </c>
      <c r="I7408" s="7">
        <v>3.4366734999999999</v>
      </c>
      <c r="J7408" s="8">
        <v>-76.515334899999999</v>
      </c>
    </row>
    <row r="7409" spans="1:10" x14ac:dyDescent="0.35">
      <c r="A7409" s="5" t="s">
        <v>10</v>
      </c>
      <c r="B7409" s="6">
        <v>235486</v>
      </c>
      <c r="C7409" s="6" t="s">
        <v>190</v>
      </c>
      <c r="D7409" s="6" t="s">
        <v>438</v>
      </c>
      <c r="E7409" s="6">
        <v>5045</v>
      </c>
      <c r="F7409" s="6" t="s">
        <v>18</v>
      </c>
      <c r="G7409" s="6" t="s">
        <v>14919</v>
      </c>
      <c r="H7409" s="6" t="s">
        <v>14920</v>
      </c>
      <c r="I7409" s="7">
        <v>7.8811092</v>
      </c>
      <c r="J7409" s="8">
        <v>-76.630443600000007</v>
      </c>
    </row>
    <row r="7410" spans="1:10" x14ac:dyDescent="0.35">
      <c r="A7410" s="5" t="s">
        <v>10</v>
      </c>
      <c r="B7410" s="6">
        <v>240881</v>
      </c>
      <c r="C7410" s="6" t="s">
        <v>190</v>
      </c>
      <c r="D7410" s="6" t="s">
        <v>2202</v>
      </c>
      <c r="E7410" s="6">
        <v>5615</v>
      </c>
      <c r="F7410" s="6" t="s">
        <v>18</v>
      </c>
      <c r="G7410" s="6" t="s">
        <v>14921</v>
      </c>
      <c r="H7410" s="6" t="s">
        <v>14922</v>
      </c>
      <c r="I7410" s="7">
        <v>6.1249037</v>
      </c>
      <c r="J7410" s="8">
        <v>-75.422204600000001</v>
      </c>
    </row>
    <row r="7411" spans="1:10" x14ac:dyDescent="0.35">
      <c r="A7411" s="5" t="s">
        <v>10</v>
      </c>
      <c r="B7411" s="6">
        <v>203688</v>
      </c>
      <c r="C7411" s="6" t="s">
        <v>68</v>
      </c>
      <c r="D7411" s="6" t="s">
        <v>69</v>
      </c>
      <c r="E7411" s="6">
        <v>11001</v>
      </c>
      <c r="F7411" s="6" t="s">
        <v>18</v>
      </c>
      <c r="G7411" s="6" t="s">
        <v>14923</v>
      </c>
      <c r="H7411" s="6" t="s">
        <v>14924</v>
      </c>
      <c r="I7411" s="7">
        <v>4.5725407000000002</v>
      </c>
      <c r="J7411" s="8">
        <v>-74.091573999999994</v>
      </c>
    </row>
    <row r="7412" spans="1:10" x14ac:dyDescent="0.35">
      <c r="A7412" s="5" t="s">
        <v>10</v>
      </c>
      <c r="B7412" s="6">
        <v>235498</v>
      </c>
      <c r="C7412" s="6" t="s">
        <v>68</v>
      </c>
      <c r="D7412" s="6" t="s">
        <v>69</v>
      </c>
      <c r="E7412" s="6">
        <v>11001</v>
      </c>
      <c r="F7412" s="6" t="s">
        <v>18</v>
      </c>
      <c r="G7412" s="6" t="s">
        <v>8922</v>
      </c>
      <c r="H7412" s="6" t="s">
        <v>14925</v>
      </c>
      <c r="I7412" s="7">
        <v>4.6909944000000001</v>
      </c>
      <c r="J7412" s="8">
        <v>-74.086316800000006</v>
      </c>
    </row>
    <row r="7413" spans="1:10" x14ac:dyDescent="0.35">
      <c r="A7413" s="5" t="s">
        <v>10</v>
      </c>
      <c r="B7413" s="6">
        <v>245798</v>
      </c>
      <c r="C7413" s="6" t="s">
        <v>68</v>
      </c>
      <c r="D7413" s="6" t="s">
        <v>69</v>
      </c>
      <c r="E7413" s="6">
        <v>11001</v>
      </c>
      <c r="F7413" s="6" t="s">
        <v>18</v>
      </c>
      <c r="G7413" s="6" t="s">
        <v>14926</v>
      </c>
      <c r="H7413" s="6" t="s">
        <v>14927</v>
      </c>
      <c r="I7413" s="7">
        <v>4.5454445000000003</v>
      </c>
      <c r="J7413" s="8">
        <v>-74.083982199999994</v>
      </c>
    </row>
    <row r="7414" spans="1:10" x14ac:dyDescent="0.35">
      <c r="A7414" s="5" t="s">
        <v>10</v>
      </c>
      <c r="B7414" s="6">
        <v>242488</v>
      </c>
      <c r="C7414" s="6" t="s">
        <v>68</v>
      </c>
      <c r="D7414" s="6" t="s">
        <v>69</v>
      </c>
      <c r="E7414" s="6">
        <v>11001</v>
      </c>
      <c r="F7414" s="6" t="s">
        <v>18</v>
      </c>
      <c r="G7414" s="6" t="s">
        <v>14928</v>
      </c>
      <c r="H7414" s="6" t="s">
        <v>14929</v>
      </c>
      <c r="I7414" s="7">
        <v>4.7431276999999996</v>
      </c>
      <c r="J7414" s="8">
        <v>-74.033637900000002</v>
      </c>
    </row>
    <row r="7415" spans="1:10" x14ac:dyDescent="0.35">
      <c r="A7415" s="5" t="s">
        <v>10</v>
      </c>
      <c r="B7415" s="6">
        <v>184195</v>
      </c>
      <c r="C7415" s="6" t="s">
        <v>68</v>
      </c>
      <c r="D7415" s="6" t="s">
        <v>69</v>
      </c>
      <c r="E7415" s="6">
        <v>11001</v>
      </c>
      <c r="F7415" s="6" t="s">
        <v>18</v>
      </c>
      <c r="G7415" s="6" t="s">
        <v>14930</v>
      </c>
      <c r="H7415" s="6" t="s">
        <v>14931</v>
      </c>
      <c r="I7415" s="7">
        <v>4.7209284</v>
      </c>
      <c r="J7415" s="8">
        <v>-74.071364599999995</v>
      </c>
    </row>
    <row r="7416" spans="1:10" x14ac:dyDescent="0.35">
      <c r="A7416" s="5" t="s">
        <v>10</v>
      </c>
      <c r="B7416" s="6">
        <v>207939</v>
      </c>
      <c r="C7416" s="6" t="s">
        <v>68</v>
      </c>
      <c r="D7416" s="6" t="s">
        <v>69</v>
      </c>
      <c r="E7416" s="6">
        <v>11001</v>
      </c>
      <c r="F7416" s="6" t="s">
        <v>18</v>
      </c>
      <c r="G7416" s="6" t="s">
        <v>14932</v>
      </c>
      <c r="H7416" s="6" t="s">
        <v>14933</v>
      </c>
      <c r="I7416" s="7">
        <v>4.7526883</v>
      </c>
      <c r="J7416" s="8">
        <v>-74.115885499999905</v>
      </c>
    </row>
    <row r="7417" spans="1:10" x14ac:dyDescent="0.35">
      <c r="A7417" s="5" t="s">
        <v>10</v>
      </c>
      <c r="B7417" s="6">
        <v>216671</v>
      </c>
      <c r="C7417" s="6" t="s">
        <v>68</v>
      </c>
      <c r="D7417" s="6" t="s">
        <v>69</v>
      </c>
      <c r="E7417" s="6">
        <v>11001</v>
      </c>
      <c r="F7417" s="6" t="s">
        <v>18</v>
      </c>
      <c r="G7417" s="6" t="s">
        <v>14934</v>
      </c>
      <c r="H7417" s="6" t="s">
        <v>14935</v>
      </c>
      <c r="I7417" s="7">
        <v>4.6393458000000001</v>
      </c>
      <c r="J7417" s="8">
        <v>-74.166027900000003</v>
      </c>
    </row>
    <row r="7418" spans="1:10" x14ac:dyDescent="0.35">
      <c r="A7418" s="5" t="s">
        <v>10</v>
      </c>
      <c r="B7418" s="6">
        <v>243627</v>
      </c>
      <c r="C7418" s="6" t="s">
        <v>68</v>
      </c>
      <c r="D7418" s="6" t="s">
        <v>69</v>
      </c>
      <c r="E7418" s="6">
        <v>11001</v>
      </c>
      <c r="F7418" s="6" t="s">
        <v>18</v>
      </c>
      <c r="G7418" s="6" t="s">
        <v>14936</v>
      </c>
      <c r="H7418" s="6" t="s">
        <v>14937</v>
      </c>
      <c r="I7418" s="7">
        <v>4.5920084000000001</v>
      </c>
      <c r="J7418" s="8">
        <v>-74.145512299999993</v>
      </c>
    </row>
    <row r="7419" spans="1:10" x14ac:dyDescent="0.35">
      <c r="A7419" s="5" t="s">
        <v>10</v>
      </c>
      <c r="B7419" s="6">
        <v>236026</v>
      </c>
      <c r="C7419" s="6" t="s">
        <v>308</v>
      </c>
      <c r="D7419" s="6" t="s">
        <v>8102</v>
      </c>
      <c r="E7419" s="6">
        <v>23417</v>
      </c>
      <c r="F7419" s="6" t="s">
        <v>13</v>
      </c>
      <c r="G7419" s="6" t="s">
        <v>14938</v>
      </c>
      <c r="H7419" s="6" t="s">
        <v>14939</v>
      </c>
      <c r="I7419" s="7">
        <v>9.2271332000000008</v>
      </c>
      <c r="J7419" s="8">
        <v>-75.819354099999998</v>
      </c>
    </row>
    <row r="7420" spans="1:10" x14ac:dyDescent="0.35">
      <c r="A7420" s="5" t="s">
        <v>10</v>
      </c>
      <c r="B7420" s="6">
        <v>229547</v>
      </c>
      <c r="C7420" s="6" t="s">
        <v>117</v>
      </c>
      <c r="D7420" s="6" t="s">
        <v>1334</v>
      </c>
      <c r="E7420" s="6">
        <v>76001</v>
      </c>
      <c r="F7420" s="6" t="s">
        <v>18</v>
      </c>
      <c r="G7420" s="6" t="s">
        <v>14940</v>
      </c>
      <c r="H7420" s="6" t="s">
        <v>14941</v>
      </c>
      <c r="I7420" s="7">
        <v>3.4015843000000001</v>
      </c>
      <c r="J7420" s="8">
        <v>-76.524515699999995</v>
      </c>
    </row>
    <row r="7421" spans="1:10" x14ac:dyDescent="0.35">
      <c r="A7421" s="5" t="s">
        <v>10</v>
      </c>
      <c r="B7421" s="6">
        <v>241610</v>
      </c>
      <c r="C7421" s="6" t="s">
        <v>457</v>
      </c>
      <c r="D7421" s="6" t="s">
        <v>4060</v>
      </c>
      <c r="E7421" s="6">
        <v>52838</v>
      </c>
      <c r="F7421" s="6" t="s">
        <v>18</v>
      </c>
      <c r="G7421" s="6" t="s">
        <v>14942</v>
      </c>
      <c r="H7421" s="6" t="s">
        <v>14943</v>
      </c>
      <c r="I7421" s="7">
        <v>1.085739</v>
      </c>
      <c r="J7421" s="8">
        <v>-77.618640999999997</v>
      </c>
    </row>
    <row r="7422" spans="1:10" x14ac:dyDescent="0.35">
      <c r="A7422" s="5" t="s">
        <v>10</v>
      </c>
      <c r="B7422" s="6">
        <v>244682</v>
      </c>
      <c r="C7422" s="6" t="s">
        <v>190</v>
      </c>
      <c r="D7422" s="6" t="s">
        <v>3689</v>
      </c>
      <c r="E7422" s="6">
        <v>5266</v>
      </c>
      <c r="F7422" s="6" t="s">
        <v>18</v>
      </c>
      <c r="G7422" s="6" t="s">
        <v>14944</v>
      </c>
      <c r="H7422" s="6" t="s">
        <v>14945</v>
      </c>
      <c r="I7422" s="7">
        <v>6.1612894000000002</v>
      </c>
      <c r="J7422" s="8">
        <v>-75.594945300000006</v>
      </c>
    </row>
    <row r="7423" spans="1:10" x14ac:dyDescent="0.35">
      <c r="A7423" s="5" t="s">
        <v>10</v>
      </c>
      <c r="B7423" s="6">
        <v>207116</v>
      </c>
      <c r="C7423" s="6" t="s">
        <v>68</v>
      </c>
      <c r="D7423" s="6" t="s">
        <v>69</v>
      </c>
      <c r="E7423" s="6">
        <v>11001</v>
      </c>
      <c r="F7423" s="6" t="s">
        <v>18</v>
      </c>
      <c r="G7423" s="6" t="s">
        <v>14946</v>
      </c>
      <c r="H7423" s="6" t="s">
        <v>14947</v>
      </c>
      <c r="I7423" s="7">
        <v>4.6368752000000004</v>
      </c>
      <c r="J7423" s="8">
        <v>-74.195056399999999</v>
      </c>
    </row>
    <row r="7424" spans="1:10" x14ac:dyDescent="0.35">
      <c r="A7424" s="5" t="s">
        <v>10</v>
      </c>
      <c r="B7424" s="6">
        <v>227468</v>
      </c>
      <c r="C7424" s="6" t="s">
        <v>68</v>
      </c>
      <c r="D7424" s="6" t="s">
        <v>69</v>
      </c>
      <c r="E7424" s="6">
        <v>11001</v>
      </c>
      <c r="F7424" s="6" t="s">
        <v>18</v>
      </c>
      <c r="G7424" s="6" t="s">
        <v>14948</v>
      </c>
      <c r="H7424" s="6" t="s">
        <v>14949</v>
      </c>
      <c r="I7424" s="7">
        <v>4.7530903000000002</v>
      </c>
      <c r="J7424" s="8">
        <v>-74.098875499999906</v>
      </c>
    </row>
    <row r="7425" spans="1:10" x14ac:dyDescent="0.35">
      <c r="A7425" s="5" t="s">
        <v>10</v>
      </c>
      <c r="B7425" s="6">
        <v>239382</v>
      </c>
      <c r="C7425" s="6" t="s">
        <v>68</v>
      </c>
      <c r="D7425" s="6" t="s">
        <v>69</v>
      </c>
      <c r="E7425" s="6">
        <v>11001</v>
      </c>
      <c r="F7425" s="6" t="s">
        <v>18</v>
      </c>
      <c r="G7425" s="6" t="s">
        <v>14950</v>
      </c>
      <c r="H7425" s="6" t="s">
        <v>14951</v>
      </c>
      <c r="I7425" s="7">
        <v>4.7191144999999999</v>
      </c>
      <c r="J7425" s="8">
        <v>-74.040755899999994</v>
      </c>
    </row>
    <row r="7426" spans="1:10" x14ac:dyDescent="0.35">
      <c r="A7426" s="5" t="s">
        <v>10</v>
      </c>
      <c r="B7426" s="6">
        <v>192280</v>
      </c>
      <c r="C7426" s="6" t="s">
        <v>68</v>
      </c>
      <c r="D7426" s="6" t="s">
        <v>69</v>
      </c>
      <c r="E7426" s="6">
        <v>11001</v>
      </c>
      <c r="F7426" s="6" t="s">
        <v>18</v>
      </c>
      <c r="G7426" s="6" t="s">
        <v>14952</v>
      </c>
      <c r="H7426" s="6" t="s">
        <v>14953</v>
      </c>
      <c r="I7426" s="7">
        <v>4.7158335999999998</v>
      </c>
      <c r="J7426" s="8">
        <v>-74.126640399999999</v>
      </c>
    </row>
    <row r="7427" spans="1:10" x14ac:dyDescent="0.35">
      <c r="A7427" s="5" t="s">
        <v>10</v>
      </c>
      <c r="B7427" s="6">
        <v>181001</v>
      </c>
      <c r="C7427" s="6" t="s">
        <v>68</v>
      </c>
      <c r="D7427" s="6" t="s">
        <v>69</v>
      </c>
      <c r="E7427" s="6">
        <v>11001</v>
      </c>
      <c r="F7427" s="6" t="s">
        <v>18</v>
      </c>
      <c r="G7427" s="6" t="s">
        <v>14954</v>
      </c>
      <c r="H7427" s="6" t="s">
        <v>14955</v>
      </c>
      <c r="I7427" s="7">
        <v>4.5715214</v>
      </c>
      <c r="J7427" s="8">
        <v>-74.079869399999893</v>
      </c>
    </row>
    <row r="7428" spans="1:10" x14ac:dyDescent="0.35">
      <c r="A7428" s="5" t="s">
        <v>10</v>
      </c>
      <c r="B7428" s="6">
        <v>236856</v>
      </c>
      <c r="C7428" s="6" t="s">
        <v>68</v>
      </c>
      <c r="D7428" s="6" t="s">
        <v>69</v>
      </c>
      <c r="E7428" s="6">
        <v>11001</v>
      </c>
      <c r="F7428" s="6" t="s">
        <v>18</v>
      </c>
      <c r="G7428" s="6" t="s">
        <v>14956</v>
      </c>
      <c r="H7428" s="6" t="s">
        <v>14957</v>
      </c>
      <c r="I7428" s="7">
        <v>4.7158875</v>
      </c>
      <c r="J7428" s="8">
        <v>-74.041718799999998</v>
      </c>
    </row>
    <row r="7429" spans="1:10" x14ac:dyDescent="0.35">
      <c r="A7429" s="5" t="s">
        <v>10</v>
      </c>
      <c r="B7429" s="6">
        <v>168162</v>
      </c>
      <c r="C7429" s="6" t="s">
        <v>190</v>
      </c>
      <c r="D7429" s="6" t="s">
        <v>14958</v>
      </c>
      <c r="E7429" s="6">
        <v>5649</v>
      </c>
      <c r="F7429" s="6" t="s">
        <v>18</v>
      </c>
      <c r="G7429" s="6" t="s">
        <v>14959</v>
      </c>
      <c r="H7429" s="6" t="s">
        <v>14960</v>
      </c>
      <c r="I7429" s="7">
        <v>6.1879790000000003</v>
      </c>
      <c r="J7429" s="8">
        <v>-74.993226999999905</v>
      </c>
    </row>
    <row r="7430" spans="1:10" x14ac:dyDescent="0.35">
      <c r="A7430" s="5" t="s">
        <v>10</v>
      </c>
      <c r="B7430" s="6">
        <v>234414</v>
      </c>
      <c r="C7430" s="6" t="s">
        <v>551</v>
      </c>
      <c r="D7430" s="6" t="s">
        <v>3868</v>
      </c>
      <c r="E7430" s="6">
        <v>20001</v>
      </c>
      <c r="F7430" s="6" t="s">
        <v>13</v>
      </c>
      <c r="G7430" s="6" t="s">
        <v>14961</v>
      </c>
      <c r="H7430" s="6" t="s">
        <v>14962</v>
      </c>
      <c r="I7430" s="7">
        <v>10.4772146</v>
      </c>
      <c r="J7430" s="8">
        <v>-73.2556498</v>
      </c>
    </row>
    <row r="7431" spans="1:10" x14ac:dyDescent="0.35">
      <c r="A7431" s="5" t="s">
        <v>10</v>
      </c>
      <c r="B7431" s="6">
        <v>227218</v>
      </c>
      <c r="C7431" s="6" t="s">
        <v>11</v>
      </c>
      <c r="D7431" s="6" t="s">
        <v>10618</v>
      </c>
      <c r="E7431" s="6">
        <v>25095</v>
      </c>
      <c r="F7431" s="6" t="s">
        <v>13</v>
      </c>
      <c r="G7431" s="6" t="s">
        <v>14963</v>
      </c>
      <c r="H7431" s="6" t="s">
        <v>14964</v>
      </c>
      <c r="I7431" s="7">
        <v>4.7077125000000004</v>
      </c>
      <c r="J7431" s="8">
        <v>-74.558045399999997</v>
      </c>
    </row>
    <row r="7432" spans="1:10" x14ac:dyDescent="0.35">
      <c r="A7432" s="5" t="s">
        <v>10</v>
      </c>
      <c r="B7432" s="6">
        <v>220404</v>
      </c>
      <c r="C7432" s="6" t="s">
        <v>11</v>
      </c>
      <c r="D7432" s="6" t="s">
        <v>3054</v>
      </c>
      <c r="E7432" s="6">
        <v>25269</v>
      </c>
      <c r="F7432" s="6" t="s">
        <v>18</v>
      </c>
      <c r="G7432" s="6" t="s">
        <v>14965</v>
      </c>
      <c r="H7432" s="6" t="s">
        <v>14966</v>
      </c>
      <c r="I7432" s="7">
        <v>4.8048071999999999</v>
      </c>
      <c r="J7432" s="8">
        <v>-74.351599199999995</v>
      </c>
    </row>
    <row r="7433" spans="1:10" x14ac:dyDescent="0.35">
      <c r="A7433" s="5" t="s">
        <v>10</v>
      </c>
      <c r="B7433" s="6">
        <v>239160</v>
      </c>
      <c r="C7433" s="6" t="s">
        <v>117</v>
      </c>
      <c r="D7433" s="6" t="s">
        <v>1334</v>
      </c>
      <c r="E7433" s="6">
        <v>76001</v>
      </c>
      <c r="F7433" s="6" t="s">
        <v>18</v>
      </c>
      <c r="G7433" s="6" t="s">
        <v>14967</v>
      </c>
      <c r="H7433" s="6" t="s">
        <v>14968</v>
      </c>
      <c r="I7433" s="7">
        <v>3.3970061999999999</v>
      </c>
      <c r="J7433" s="8">
        <v>-76.553123200000002</v>
      </c>
    </row>
    <row r="7434" spans="1:10" x14ac:dyDescent="0.35">
      <c r="A7434" s="5" t="s">
        <v>10</v>
      </c>
      <c r="B7434" s="6">
        <v>233575</v>
      </c>
      <c r="C7434" s="6" t="s">
        <v>117</v>
      </c>
      <c r="D7434" s="6" t="s">
        <v>3860</v>
      </c>
      <c r="E7434" s="6">
        <v>76130</v>
      </c>
      <c r="F7434" s="6" t="s">
        <v>18</v>
      </c>
      <c r="G7434" s="6" t="s">
        <v>14969</v>
      </c>
      <c r="H7434" s="6" t="s">
        <v>14970</v>
      </c>
      <c r="I7434" s="7">
        <v>3.4094899999999999</v>
      </c>
      <c r="J7434" s="8">
        <v>-76.349950000000007</v>
      </c>
    </row>
    <row r="7435" spans="1:10" x14ac:dyDescent="0.35">
      <c r="A7435" s="5" t="s">
        <v>10</v>
      </c>
      <c r="B7435" s="6">
        <v>234733</v>
      </c>
      <c r="C7435" s="6" t="s">
        <v>190</v>
      </c>
      <c r="D7435" s="6" t="s">
        <v>438</v>
      </c>
      <c r="E7435" s="6">
        <v>5045</v>
      </c>
      <c r="F7435" s="6" t="s">
        <v>18</v>
      </c>
      <c r="G7435" s="6" t="s">
        <v>14971</v>
      </c>
      <c r="H7435" s="6" t="s">
        <v>14972</v>
      </c>
      <c r="I7435" s="7">
        <v>6.2063892000000003</v>
      </c>
      <c r="J7435" s="8">
        <v>-75.564668699999999</v>
      </c>
    </row>
    <row r="7436" spans="1:10" x14ac:dyDescent="0.35">
      <c r="A7436" s="5" t="s">
        <v>10</v>
      </c>
      <c r="B7436" s="6">
        <v>234427</v>
      </c>
      <c r="C7436" s="6" t="s">
        <v>190</v>
      </c>
      <c r="D7436" s="6" t="s">
        <v>12131</v>
      </c>
      <c r="E7436" s="6">
        <v>5837</v>
      </c>
      <c r="F7436" s="6" t="s">
        <v>18</v>
      </c>
      <c r="G7436" s="6" t="s">
        <v>14973</v>
      </c>
      <c r="H7436" s="6" t="s">
        <v>14974</v>
      </c>
      <c r="I7436" s="7">
        <v>7.9357164999999998</v>
      </c>
      <c r="J7436" s="8">
        <v>-76.717658499999999</v>
      </c>
    </row>
    <row r="7437" spans="1:10" x14ac:dyDescent="0.35">
      <c r="A7437" s="5" t="s">
        <v>10</v>
      </c>
      <c r="B7437" s="6">
        <v>204411</v>
      </c>
      <c r="C7437" s="6" t="s">
        <v>68</v>
      </c>
      <c r="D7437" s="6" t="s">
        <v>69</v>
      </c>
      <c r="E7437" s="6">
        <v>11001</v>
      </c>
      <c r="F7437" s="6" t="s">
        <v>18</v>
      </c>
      <c r="G7437" s="6" t="s">
        <v>14975</v>
      </c>
      <c r="H7437" s="6" t="s">
        <v>14976</v>
      </c>
      <c r="I7437" s="7">
        <v>4.7035698999999997</v>
      </c>
      <c r="J7437" s="8">
        <v>-74.116114999999994</v>
      </c>
    </row>
    <row r="7438" spans="1:10" x14ac:dyDescent="0.35">
      <c r="A7438" s="5" t="s">
        <v>10</v>
      </c>
      <c r="B7438" s="6">
        <v>242285</v>
      </c>
      <c r="C7438" s="6" t="s">
        <v>68</v>
      </c>
      <c r="D7438" s="6" t="s">
        <v>69</v>
      </c>
      <c r="E7438" s="6">
        <v>11001</v>
      </c>
      <c r="F7438" s="6" t="s">
        <v>18</v>
      </c>
      <c r="G7438" s="6" t="s">
        <v>14977</v>
      </c>
      <c r="H7438" s="6" t="s">
        <v>14978</v>
      </c>
      <c r="I7438" s="7">
        <v>4.6090102000000002</v>
      </c>
      <c r="J7438" s="8">
        <v>-74.138592299999999</v>
      </c>
    </row>
    <row r="7439" spans="1:10" x14ac:dyDescent="0.35">
      <c r="A7439" s="5" t="s">
        <v>10</v>
      </c>
      <c r="B7439" s="6">
        <v>227698</v>
      </c>
      <c r="C7439" s="6" t="s">
        <v>68</v>
      </c>
      <c r="D7439" s="6" t="s">
        <v>69</v>
      </c>
      <c r="E7439" s="6">
        <v>11001</v>
      </c>
      <c r="F7439" s="6" t="s">
        <v>18</v>
      </c>
      <c r="G7439" s="6" t="s">
        <v>14979</v>
      </c>
      <c r="H7439" s="6" t="s">
        <v>14980</v>
      </c>
      <c r="I7439" s="7">
        <v>4.6402339000000001</v>
      </c>
      <c r="J7439" s="8">
        <v>-74.063561399999998</v>
      </c>
    </row>
    <row r="7440" spans="1:10" x14ac:dyDescent="0.35">
      <c r="A7440" s="5" t="s">
        <v>10</v>
      </c>
      <c r="B7440" s="6">
        <v>229196</v>
      </c>
      <c r="C7440" s="6" t="s">
        <v>68</v>
      </c>
      <c r="D7440" s="6" t="s">
        <v>69</v>
      </c>
      <c r="E7440" s="6">
        <v>11001</v>
      </c>
      <c r="F7440" s="6" t="s">
        <v>18</v>
      </c>
      <c r="G7440" s="6" t="s">
        <v>14981</v>
      </c>
      <c r="H7440" s="6" t="s">
        <v>14982</v>
      </c>
      <c r="I7440" s="7">
        <v>4.6352017999999999</v>
      </c>
      <c r="J7440" s="8">
        <v>-74.191079500000001</v>
      </c>
    </row>
    <row r="7441" spans="1:10" x14ac:dyDescent="0.35">
      <c r="A7441" s="5" t="s">
        <v>10</v>
      </c>
      <c r="B7441" s="6">
        <v>229387</v>
      </c>
      <c r="C7441" s="6" t="s">
        <v>68</v>
      </c>
      <c r="D7441" s="6" t="s">
        <v>69</v>
      </c>
      <c r="E7441" s="6">
        <v>11001</v>
      </c>
      <c r="F7441" s="6" t="s">
        <v>18</v>
      </c>
      <c r="G7441" s="6" t="s">
        <v>14983</v>
      </c>
      <c r="H7441" s="6" t="s">
        <v>14984</v>
      </c>
      <c r="I7441" s="7">
        <v>4.6217727000000002</v>
      </c>
      <c r="J7441" s="8">
        <v>-74.205875500000005</v>
      </c>
    </row>
    <row r="7442" spans="1:10" x14ac:dyDescent="0.35">
      <c r="A7442" s="5" t="s">
        <v>10</v>
      </c>
      <c r="B7442" s="6">
        <v>242486</v>
      </c>
      <c r="C7442" s="6" t="s">
        <v>68</v>
      </c>
      <c r="D7442" s="6" t="s">
        <v>69</v>
      </c>
      <c r="E7442" s="6">
        <v>11001</v>
      </c>
      <c r="F7442" s="6" t="s">
        <v>18</v>
      </c>
      <c r="G7442" s="6" t="s">
        <v>14985</v>
      </c>
      <c r="H7442" s="6" t="s">
        <v>14986</v>
      </c>
      <c r="I7442" s="7">
        <v>4.6903192000000002</v>
      </c>
      <c r="J7442" s="8">
        <v>-74.042569</v>
      </c>
    </row>
    <row r="7443" spans="1:10" x14ac:dyDescent="0.35">
      <c r="A7443" s="5" t="s">
        <v>10</v>
      </c>
      <c r="B7443" s="6">
        <v>242659</v>
      </c>
      <c r="C7443" s="6" t="s">
        <v>68</v>
      </c>
      <c r="D7443" s="6" t="s">
        <v>69</v>
      </c>
      <c r="E7443" s="6">
        <v>11001</v>
      </c>
      <c r="F7443" s="6" t="s">
        <v>18</v>
      </c>
      <c r="G7443" s="6" t="s">
        <v>14987</v>
      </c>
      <c r="H7443" s="6" t="s">
        <v>14988</v>
      </c>
      <c r="I7443" s="7">
        <v>4.6289045</v>
      </c>
      <c r="J7443" s="8">
        <v>-74.155745400000001</v>
      </c>
    </row>
    <row r="7444" spans="1:10" x14ac:dyDescent="0.35">
      <c r="A7444" s="5" t="s">
        <v>10</v>
      </c>
      <c r="B7444" s="6">
        <v>210209</v>
      </c>
      <c r="C7444" s="6" t="s">
        <v>68</v>
      </c>
      <c r="D7444" s="6" t="s">
        <v>69</v>
      </c>
      <c r="E7444" s="6">
        <v>11001</v>
      </c>
      <c r="F7444" s="6" t="s">
        <v>18</v>
      </c>
      <c r="G7444" s="6" t="s">
        <v>14989</v>
      </c>
      <c r="H7444" s="6" t="s">
        <v>14990</v>
      </c>
      <c r="I7444" s="7">
        <v>4.6092905000000002</v>
      </c>
      <c r="J7444" s="8">
        <v>-74.1824941</v>
      </c>
    </row>
    <row r="7445" spans="1:10" x14ac:dyDescent="0.35">
      <c r="A7445" s="5" t="s">
        <v>10</v>
      </c>
      <c r="B7445" s="6">
        <v>246789</v>
      </c>
      <c r="C7445" s="6" t="s">
        <v>68</v>
      </c>
      <c r="D7445" s="6" t="s">
        <v>69</v>
      </c>
      <c r="E7445" s="6">
        <v>11001</v>
      </c>
      <c r="F7445" s="6" t="s">
        <v>18</v>
      </c>
      <c r="G7445" s="6" t="s">
        <v>14991</v>
      </c>
      <c r="H7445" s="6" t="s">
        <v>14992</v>
      </c>
      <c r="I7445" s="7">
        <v>4.5400752999999998</v>
      </c>
      <c r="J7445" s="8">
        <v>-74.089391300000003</v>
      </c>
    </row>
    <row r="7446" spans="1:10" x14ac:dyDescent="0.35">
      <c r="A7446" s="5" t="s">
        <v>10</v>
      </c>
      <c r="B7446" s="6">
        <v>242306</v>
      </c>
      <c r="C7446" s="6" t="s">
        <v>68</v>
      </c>
      <c r="D7446" s="6" t="s">
        <v>69</v>
      </c>
      <c r="E7446" s="6">
        <v>11001</v>
      </c>
      <c r="F7446" s="6" t="s">
        <v>18</v>
      </c>
      <c r="G7446" s="6" t="s">
        <v>14993</v>
      </c>
      <c r="H7446" s="6" t="s">
        <v>14994</v>
      </c>
      <c r="I7446" s="7">
        <v>4.5873135999999999</v>
      </c>
      <c r="J7446" s="8">
        <v>-74.137645300000003</v>
      </c>
    </row>
    <row r="7447" spans="1:10" x14ac:dyDescent="0.35">
      <c r="A7447" s="5" t="s">
        <v>10</v>
      </c>
      <c r="B7447" s="6">
        <v>244450</v>
      </c>
      <c r="C7447" s="6" t="s">
        <v>68</v>
      </c>
      <c r="D7447" s="6" t="s">
        <v>69</v>
      </c>
      <c r="E7447" s="6">
        <v>11001</v>
      </c>
      <c r="F7447" s="6" t="s">
        <v>18</v>
      </c>
      <c r="G7447" s="6" t="s">
        <v>14995</v>
      </c>
      <c r="H7447" s="6" t="s">
        <v>14996</v>
      </c>
      <c r="I7447" s="7">
        <v>4.5888869999999997</v>
      </c>
      <c r="J7447" s="8">
        <v>-74.090547000000001</v>
      </c>
    </row>
    <row r="7448" spans="1:10" x14ac:dyDescent="0.35">
      <c r="A7448" s="5" t="s">
        <v>10</v>
      </c>
      <c r="B7448" s="6">
        <v>249491</v>
      </c>
      <c r="C7448" s="6" t="s">
        <v>94</v>
      </c>
      <c r="D7448" s="6" t="s">
        <v>98</v>
      </c>
      <c r="E7448" s="6">
        <v>66001</v>
      </c>
      <c r="F7448" s="6" t="s">
        <v>13</v>
      </c>
      <c r="G7448" s="6" t="s">
        <v>14997</v>
      </c>
      <c r="H7448" s="6" t="s">
        <v>14998</v>
      </c>
      <c r="I7448" s="7">
        <v>4.8136255999999999</v>
      </c>
      <c r="J7448" s="8">
        <v>-75.694772099999994</v>
      </c>
    </row>
    <row r="7449" spans="1:10" x14ac:dyDescent="0.35">
      <c r="A7449" s="5" t="s">
        <v>10</v>
      </c>
      <c r="B7449" s="6">
        <v>192758</v>
      </c>
      <c r="C7449" s="6" t="s">
        <v>366</v>
      </c>
      <c r="D7449" s="6" t="s">
        <v>367</v>
      </c>
      <c r="E7449" s="6">
        <v>44430</v>
      </c>
      <c r="F7449" s="6" t="s">
        <v>13</v>
      </c>
      <c r="G7449" s="6" t="s">
        <v>14999</v>
      </c>
      <c r="H7449" s="6" t="s">
        <v>15000</v>
      </c>
      <c r="I7449" s="7">
        <v>11.378863300000001</v>
      </c>
      <c r="J7449" s="8">
        <v>-72.238852800000004</v>
      </c>
    </row>
    <row r="7450" spans="1:10" x14ac:dyDescent="0.35">
      <c r="A7450" s="5" t="s">
        <v>10</v>
      </c>
      <c r="B7450" s="6">
        <v>206696</v>
      </c>
      <c r="C7450" s="6" t="s">
        <v>117</v>
      </c>
      <c r="D7450" s="6" t="s">
        <v>4394</v>
      </c>
      <c r="E7450" s="6">
        <v>76823</v>
      </c>
      <c r="F7450" s="6" t="s">
        <v>18</v>
      </c>
      <c r="G7450" s="6" t="s">
        <v>15001</v>
      </c>
      <c r="H7450" s="6" t="s">
        <v>15002</v>
      </c>
      <c r="I7450" s="7">
        <v>4.6101561999999996</v>
      </c>
      <c r="J7450" s="8">
        <v>-76.0801436</v>
      </c>
    </row>
    <row r="7451" spans="1:10" x14ac:dyDescent="0.35">
      <c r="A7451" s="5" t="s">
        <v>10</v>
      </c>
      <c r="B7451" s="6">
        <v>209890</v>
      </c>
      <c r="C7451" s="6" t="s">
        <v>117</v>
      </c>
      <c r="D7451" s="6" t="s">
        <v>4146</v>
      </c>
      <c r="E7451" s="6">
        <v>76606</v>
      </c>
      <c r="F7451" s="6" t="s">
        <v>18</v>
      </c>
      <c r="G7451" s="6" t="s">
        <v>15003</v>
      </c>
      <c r="H7451" s="6" t="s">
        <v>15004</v>
      </c>
      <c r="I7451" s="7">
        <v>3.8225392</v>
      </c>
      <c r="J7451" s="8">
        <v>-76.523216599999998</v>
      </c>
    </row>
    <row r="7452" spans="1:10" x14ac:dyDescent="0.35">
      <c r="A7452" s="5" t="s">
        <v>10</v>
      </c>
      <c r="B7452" s="6">
        <v>234757</v>
      </c>
      <c r="C7452" s="6" t="s">
        <v>68</v>
      </c>
      <c r="D7452" s="6" t="s">
        <v>69</v>
      </c>
      <c r="E7452" s="6">
        <v>11001</v>
      </c>
      <c r="F7452" s="6" t="s">
        <v>18</v>
      </c>
      <c r="G7452" s="6" t="s">
        <v>15005</v>
      </c>
      <c r="H7452" s="6" t="s">
        <v>15006</v>
      </c>
      <c r="I7452" s="7">
        <v>4.7040059999999997</v>
      </c>
      <c r="J7452" s="8">
        <v>-74.109522600000005</v>
      </c>
    </row>
    <row r="7453" spans="1:10" x14ac:dyDescent="0.35">
      <c r="A7453" s="5" t="s">
        <v>10</v>
      </c>
      <c r="B7453" s="6">
        <v>235204</v>
      </c>
      <c r="C7453" s="6" t="s">
        <v>68</v>
      </c>
      <c r="D7453" s="6" t="s">
        <v>69</v>
      </c>
      <c r="E7453" s="6">
        <v>11001</v>
      </c>
      <c r="F7453" s="6" t="s">
        <v>18</v>
      </c>
      <c r="G7453" s="6" t="s">
        <v>15007</v>
      </c>
      <c r="H7453" s="6" t="s">
        <v>15008</v>
      </c>
      <c r="I7453" s="7">
        <v>4.6034518999999996</v>
      </c>
      <c r="J7453" s="8">
        <v>-74.085199700000004</v>
      </c>
    </row>
    <row r="7454" spans="1:10" x14ac:dyDescent="0.35">
      <c r="A7454" s="5" t="s">
        <v>10</v>
      </c>
      <c r="B7454" s="6">
        <v>242138</v>
      </c>
      <c r="C7454" s="6" t="s">
        <v>68</v>
      </c>
      <c r="D7454" s="6" t="s">
        <v>69</v>
      </c>
      <c r="E7454" s="6">
        <v>11001</v>
      </c>
      <c r="F7454" s="6" t="s">
        <v>18</v>
      </c>
      <c r="G7454" s="6" t="s">
        <v>15009</v>
      </c>
      <c r="H7454" s="6" t="s">
        <v>15010</v>
      </c>
      <c r="I7454" s="7">
        <v>4.6824819</v>
      </c>
      <c r="J7454" s="8">
        <v>-74.038744899999998</v>
      </c>
    </row>
    <row r="7455" spans="1:10" x14ac:dyDescent="0.35">
      <c r="A7455" s="5" t="s">
        <v>10</v>
      </c>
      <c r="B7455" s="6">
        <v>206994</v>
      </c>
      <c r="C7455" s="6" t="s">
        <v>68</v>
      </c>
      <c r="D7455" s="6" t="s">
        <v>69</v>
      </c>
      <c r="E7455" s="6">
        <v>11001</v>
      </c>
      <c r="F7455" s="6" t="s">
        <v>18</v>
      </c>
      <c r="G7455" s="6" t="s">
        <v>15011</v>
      </c>
      <c r="H7455" s="6" t="s">
        <v>15012</v>
      </c>
      <c r="I7455" s="7">
        <v>4.5840455999999996</v>
      </c>
      <c r="J7455" s="8">
        <v>-74.0728218</v>
      </c>
    </row>
    <row r="7456" spans="1:10" x14ac:dyDescent="0.35">
      <c r="A7456" s="5" t="s">
        <v>10</v>
      </c>
      <c r="B7456" s="6">
        <v>201843</v>
      </c>
      <c r="C7456" s="6" t="s">
        <v>68</v>
      </c>
      <c r="D7456" s="6" t="s">
        <v>69</v>
      </c>
      <c r="E7456" s="6">
        <v>11001</v>
      </c>
      <c r="F7456" s="6" t="s">
        <v>18</v>
      </c>
      <c r="G7456" s="6" t="s">
        <v>15013</v>
      </c>
      <c r="H7456" s="6" t="s">
        <v>15014</v>
      </c>
      <c r="I7456" s="7">
        <v>4.5568333999999897</v>
      </c>
      <c r="J7456" s="8">
        <v>-74.121738399999998</v>
      </c>
    </row>
    <row r="7457" spans="1:10" x14ac:dyDescent="0.35">
      <c r="A7457" s="5" t="s">
        <v>10</v>
      </c>
      <c r="B7457" s="6">
        <v>209764</v>
      </c>
      <c r="C7457" s="6" t="s">
        <v>68</v>
      </c>
      <c r="D7457" s="6" t="s">
        <v>69</v>
      </c>
      <c r="E7457" s="6">
        <v>11001</v>
      </c>
      <c r="F7457" s="6" t="s">
        <v>18</v>
      </c>
      <c r="G7457" s="6" t="s">
        <v>15015</v>
      </c>
      <c r="H7457" s="6" t="s">
        <v>15016</v>
      </c>
      <c r="I7457" s="7">
        <v>4.7232994000000001</v>
      </c>
      <c r="J7457" s="8">
        <v>-74.0972802</v>
      </c>
    </row>
    <row r="7458" spans="1:10" x14ac:dyDescent="0.35">
      <c r="A7458" s="5" t="s">
        <v>10</v>
      </c>
      <c r="B7458" s="6">
        <v>236389</v>
      </c>
      <c r="C7458" s="6" t="s">
        <v>68</v>
      </c>
      <c r="D7458" s="6" t="s">
        <v>69</v>
      </c>
      <c r="E7458" s="6">
        <v>11001</v>
      </c>
      <c r="F7458" s="6" t="s">
        <v>18</v>
      </c>
      <c r="G7458" s="6" t="s">
        <v>15017</v>
      </c>
      <c r="H7458" s="6" t="s">
        <v>15018</v>
      </c>
      <c r="I7458" s="7">
        <v>4.5999916000000001</v>
      </c>
      <c r="J7458" s="8">
        <v>-74.154433499999996</v>
      </c>
    </row>
    <row r="7459" spans="1:10" x14ac:dyDescent="0.35">
      <c r="A7459" s="5" t="s">
        <v>10</v>
      </c>
      <c r="B7459" s="6">
        <v>201184</v>
      </c>
      <c r="C7459" s="6" t="s">
        <v>68</v>
      </c>
      <c r="D7459" s="6" t="s">
        <v>69</v>
      </c>
      <c r="E7459" s="6">
        <v>11001</v>
      </c>
      <c r="F7459" s="6" t="s">
        <v>18</v>
      </c>
      <c r="G7459" s="6" t="s">
        <v>15019</v>
      </c>
      <c r="H7459" s="6" t="s">
        <v>15020</v>
      </c>
      <c r="I7459" s="7">
        <v>4.6246906000000001</v>
      </c>
      <c r="J7459" s="8">
        <v>-74.2050567</v>
      </c>
    </row>
    <row r="7460" spans="1:10" x14ac:dyDescent="0.35">
      <c r="A7460" s="5" t="s">
        <v>10</v>
      </c>
      <c r="B7460" s="6">
        <v>215609</v>
      </c>
      <c r="C7460" s="6" t="s">
        <v>68</v>
      </c>
      <c r="D7460" s="6" t="s">
        <v>69</v>
      </c>
      <c r="E7460" s="6">
        <v>11001</v>
      </c>
      <c r="F7460" s="6" t="s">
        <v>18</v>
      </c>
      <c r="G7460" s="6" t="s">
        <v>15021</v>
      </c>
      <c r="H7460" s="6" t="s">
        <v>15022</v>
      </c>
      <c r="I7460" s="7">
        <v>4.7447445999999998</v>
      </c>
      <c r="J7460" s="8">
        <v>-74.115129699999997</v>
      </c>
    </row>
    <row r="7461" spans="1:10" x14ac:dyDescent="0.35">
      <c r="A7461" s="5" t="s">
        <v>10</v>
      </c>
      <c r="B7461" s="6">
        <v>229218</v>
      </c>
      <c r="C7461" s="6" t="s">
        <v>68</v>
      </c>
      <c r="D7461" s="6" t="s">
        <v>69</v>
      </c>
      <c r="E7461" s="6">
        <v>11001</v>
      </c>
      <c r="F7461" s="6" t="s">
        <v>18</v>
      </c>
      <c r="G7461" s="6" t="s">
        <v>15023</v>
      </c>
      <c r="H7461" s="6" t="s">
        <v>15024</v>
      </c>
      <c r="I7461" s="7">
        <v>4.6039279999999998</v>
      </c>
      <c r="J7461" s="8">
        <v>-74.195322200000007</v>
      </c>
    </row>
    <row r="7462" spans="1:10" x14ac:dyDescent="0.35">
      <c r="A7462" s="5" t="s">
        <v>10</v>
      </c>
      <c r="B7462" s="6">
        <v>229588</v>
      </c>
      <c r="C7462" s="6" t="s">
        <v>68</v>
      </c>
      <c r="D7462" s="6" t="s">
        <v>69</v>
      </c>
      <c r="E7462" s="6">
        <v>11001</v>
      </c>
      <c r="F7462" s="6" t="s">
        <v>18</v>
      </c>
      <c r="G7462" s="6" t="s">
        <v>15025</v>
      </c>
      <c r="H7462" s="6" t="s">
        <v>15026</v>
      </c>
      <c r="I7462" s="7">
        <v>4.5759584000000002</v>
      </c>
      <c r="J7462" s="8">
        <v>-74.109661299999999</v>
      </c>
    </row>
    <row r="7463" spans="1:10" x14ac:dyDescent="0.35">
      <c r="A7463" s="5" t="s">
        <v>10</v>
      </c>
      <c r="B7463" s="6">
        <v>206896</v>
      </c>
      <c r="C7463" s="6" t="s">
        <v>457</v>
      </c>
      <c r="D7463" s="6" t="s">
        <v>15027</v>
      </c>
      <c r="E7463" s="6">
        <v>52240</v>
      </c>
      <c r="F7463" s="6" t="s">
        <v>13</v>
      </c>
      <c r="G7463" s="6" t="s">
        <v>15028</v>
      </c>
      <c r="H7463" s="6" t="s">
        <v>15029</v>
      </c>
      <c r="I7463" s="7">
        <v>1.359869</v>
      </c>
      <c r="J7463" s="8">
        <v>-77.282841000000005</v>
      </c>
    </row>
    <row r="7464" spans="1:10" x14ac:dyDescent="0.35">
      <c r="A7464" s="5" t="s">
        <v>10</v>
      </c>
      <c r="B7464" s="6">
        <v>240609</v>
      </c>
      <c r="C7464" s="6" t="s">
        <v>190</v>
      </c>
      <c r="D7464" s="6" t="s">
        <v>191</v>
      </c>
      <c r="E7464" s="6">
        <v>5001</v>
      </c>
      <c r="F7464" s="6" t="s">
        <v>18</v>
      </c>
      <c r="G7464" s="6" t="s">
        <v>15030</v>
      </c>
      <c r="H7464" s="6" t="s">
        <v>15031</v>
      </c>
      <c r="I7464" s="7">
        <v>6.3489613</v>
      </c>
      <c r="J7464" s="8">
        <v>-75.563126100000005</v>
      </c>
    </row>
    <row r="7465" spans="1:10" x14ac:dyDescent="0.35">
      <c r="A7465" s="5" t="s">
        <v>10</v>
      </c>
      <c r="B7465" s="6">
        <v>187090</v>
      </c>
      <c r="C7465" s="6" t="s">
        <v>68</v>
      </c>
      <c r="D7465" s="6" t="s">
        <v>69</v>
      </c>
      <c r="E7465" s="6">
        <v>11001</v>
      </c>
      <c r="F7465" s="6" t="s">
        <v>18</v>
      </c>
      <c r="G7465" s="6" t="s">
        <v>15032</v>
      </c>
      <c r="H7465" s="6" t="s">
        <v>15033</v>
      </c>
      <c r="I7465" s="7">
        <v>4.6332358999999999</v>
      </c>
      <c r="J7465" s="8">
        <v>-74.091519899999994</v>
      </c>
    </row>
    <row r="7466" spans="1:10" x14ac:dyDescent="0.35">
      <c r="A7466" s="5" t="s">
        <v>10</v>
      </c>
      <c r="B7466" s="6">
        <v>232413</v>
      </c>
      <c r="C7466" s="6" t="s">
        <v>68</v>
      </c>
      <c r="D7466" s="6" t="s">
        <v>69</v>
      </c>
      <c r="E7466" s="6">
        <v>11001</v>
      </c>
      <c r="F7466" s="6" t="s">
        <v>18</v>
      </c>
      <c r="G7466" s="6" t="s">
        <v>15034</v>
      </c>
      <c r="H7466" s="6" t="s">
        <v>15035</v>
      </c>
      <c r="I7466" s="7">
        <v>4.5891171000000002</v>
      </c>
      <c r="J7466" s="8">
        <v>-74.090627499999997</v>
      </c>
    </row>
    <row r="7467" spans="1:10" x14ac:dyDescent="0.35">
      <c r="A7467" s="5" t="s">
        <v>10</v>
      </c>
      <c r="B7467" s="6">
        <v>236220</v>
      </c>
      <c r="C7467" s="6" t="s">
        <v>68</v>
      </c>
      <c r="D7467" s="6" t="s">
        <v>69</v>
      </c>
      <c r="E7467" s="6">
        <v>11001</v>
      </c>
      <c r="F7467" s="6" t="s">
        <v>18</v>
      </c>
      <c r="G7467" s="6" t="s">
        <v>15036</v>
      </c>
      <c r="H7467" s="6" t="s">
        <v>15037</v>
      </c>
      <c r="I7467" s="7">
        <v>4.7587877000000001</v>
      </c>
      <c r="J7467" s="8">
        <v>-74.029482799999997</v>
      </c>
    </row>
    <row r="7468" spans="1:10" x14ac:dyDescent="0.35">
      <c r="A7468" s="5" t="s">
        <v>10</v>
      </c>
      <c r="B7468" s="6">
        <v>239747</v>
      </c>
      <c r="C7468" s="6" t="s">
        <v>68</v>
      </c>
      <c r="D7468" s="6" t="s">
        <v>69</v>
      </c>
      <c r="E7468" s="6">
        <v>11001</v>
      </c>
      <c r="F7468" s="6" t="s">
        <v>18</v>
      </c>
      <c r="G7468" s="6" t="s">
        <v>15038</v>
      </c>
      <c r="H7468" s="6" t="s">
        <v>15039</v>
      </c>
      <c r="I7468" s="7">
        <v>4.5829858999999997</v>
      </c>
      <c r="J7468" s="8">
        <v>-74.115876700000001</v>
      </c>
    </row>
    <row r="7469" spans="1:10" x14ac:dyDescent="0.35">
      <c r="A7469" s="5" t="s">
        <v>10</v>
      </c>
      <c r="B7469" s="6">
        <v>242188</v>
      </c>
      <c r="C7469" s="6" t="s">
        <v>68</v>
      </c>
      <c r="D7469" s="6" t="s">
        <v>69</v>
      </c>
      <c r="E7469" s="6">
        <v>11001</v>
      </c>
      <c r="F7469" s="6" t="s">
        <v>18</v>
      </c>
      <c r="G7469" s="6" t="s">
        <v>15040</v>
      </c>
      <c r="H7469" s="6" t="s">
        <v>15041</v>
      </c>
      <c r="I7469" s="7">
        <v>4.7404355000000002</v>
      </c>
      <c r="J7469" s="8">
        <v>-74.0866331</v>
      </c>
    </row>
    <row r="7470" spans="1:10" x14ac:dyDescent="0.35">
      <c r="A7470" s="5" t="s">
        <v>10</v>
      </c>
      <c r="B7470" s="6">
        <v>203988</v>
      </c>
      <c r="C7470" s="6" t="s">
        <v>68</v>
      </c>
      <c r="D7470" s="6" t="s">
        <v>69</v>
      </c>
      <c r="E7470" s="6">
        <v>11001</v>
      </c>
      <c r="F7470" s="6" t="s">
        <v>18</v>
      </c>
      <c r="G7470" s="6" t="s">
        <v>15042</v>
      </c>
      <c r="H7470" s="6" t="s">
        <v>15043</v>
      </c>
      <c r="I7470" s="7">
        <v>4.6033944999999896</v>
      </c>
      <c r="J7470" s="8">
        <v>-74.196418399999999</v>
      </c>
    </row>
    <row r="7471" spans="1:10" x14ac:dyDescent="0.35">
      <c r="A7471" s="5" t="s">
        <v>10</v>
      </c>
      <c r="B7471" s="6">
        <v>209508</v>
      </c>
      <c r="C7471" s="6" t="s">
        <v>68</v>
      </c>
      <c r="D7471" s="6" t="s">
        <v>69</v>
      </c>
      <c r="E7471" s="6">
        <v>11001</v>
      </c>
      <c r="F7471" s="6" t="s">
        <v>18</v>
      </c>
      <c r="G7471" s="6" t="s">
        <v>15044</v>
      </c>
      <c r="H7471" s="6" t="s">
        <v>15045</v>
      </c>
      <c r="I7471" s="7">
        <v>4.5854264000000002</v>
      </c>
      <c r="J7471" s="8">
        <v>-74.127899299999996</v>
      </c>
    </row>
    <row r="7472" spans="1:10" x14ac:dyDescent="0.35">
      <c r="A7472" s="5" t="s">
        <v>10</v>
      </c>
      <c r="B7472" s="6">
        <v>214521</v>
      </c>
      <c r="C7472" s="6" t="s">
        <v>68</v>
      </c>
      <c r="D7472" s="6" t="s">
        <v>69</v>
      </c>
      <c r="E7472" s="6">
        <v>11001</v>
      </c>
      <c r="F7472" s="6" t="s">
        <v>18</v>
      </c>
      <c r="G7472" s="6" t="s">
        <v>15046</v>
      </c>
      <c r="H7472" s="6" t="s">
        <v>15047</v>
      </c>
      <c r="I7472" s="7">
        <v>4.5847612</v>
      </c>
      <c r="J7472" s="8">
        <v>-74.128895799999995</v>
      </c>
    </row>
    <row r="7473" spans="1:10" x14ac:dyDescent="0.35">
      <c r="A7473" s="5" t="s">
        <v>10</v>
      </c>
      <c r="B7473" s="6">
        <v>208772</v>
      </c>
      <c r="C7473" s="6" t="s">
        <v>68</v>
      </c>
      <c r="D7473" s="6" t="s">
        <v>69</v>
      </c>
      <c r="E7473" s="6">
        <v>11001</v>
      </c>
      <c r="F7473" s="6" t="s">
        <v>18</v>
      </c>
      <c r="G7473" s="6" t="s">
        <v>15048</v>
      </c>
      <c r="H7473" s="6" t="s">
        <v>15049</v>
      </c>
      <c r="I7473" s="7">
        <v>4.6298772000000001</v>
      </c>
      <c r="J7473" s="8">
        <v>-74.183159099999997</v>
      </c>
    </row>
    <row r="7474" spans="1:10" x14ac:dyDescent="0.35">
      <c r="A7474" s="5" t="s">
        <v>10</v>
      </c>
      <c r="B7474" s="6">
        <v>225640</v>
      </c>
      <c r="C7474" s="6" t="s">
        <v>68</v>
      </c>
      <c r="D7474" s="6" t="s">
        <v>69</v>
      </c>
      <c r="E7474" s="6">
        <v>11001</v>
      </c>
      <c r="F7474" s="6" t="s">
        <v>18</v>
      </c>
      <c r="G7474" s="6" t="s">
        <v>15050</v>
      </c>
      <c r="H7474" s="6" t="s">
        <v>15051</v>
      </c>
      <c r="I7474" s="7">
        <v>4.6044213999999997</v>
      </c>
      <c r="J7474" s="8">
        <v>-74.081267800000006</v>
      </c>
    </row>
    <row r="7475" spans="1:10" x14ac:dyDescent="0.35">
      <c r="A7475" s="5" t="s">
        <v>10</v>
      </c>
      <c r="B7475" s="6">
        <v>229456</v>
      </c>
      <c r="C7475" s="6" t="s">
        <v>68</v>
      </c>
      <c r="D7475" s="6" t="s">
        <v>69</v>
      </c>
      <c r="E7475" s="6">
        <v>11001</v>
      </c>
      <c r="F7475" s="6" t="s">
        <v>18</v>
      </c>
      <c r="G7475" s="6" t="s">
        <v>15052</v>
      </c>
      <c r="H7475" s="6" t="s">
        <v>15053</v>
      </c>
      <c r="I7475" s="7">
        <v>4.7109886000000003</v>
      </c>
      <c r="J7475" s="8">
        <v>-74.072091999999998</v>
      </c>
    </row>
    <row r="7476" spans="1:10" x14ac:dyDescent="0.35">
      <c r="A7476" s="5" t="s">
        <v>10</v>
      </c>
      <c r="B7476" s="6">
        <v>231619</v>
      </c>
      <c r="C7476" s="6" t="s">
        <v>68</v>
      </c>
      <c r="D7476" s="6" t="s">
        <v>69</v>
      </c>
      <c r="E7476" s="6">
        <v>11001</v>
      </c>
      <c r="F7476" s="6" t="s">
        <v>18</v>
      </c>
      <c r="G7476" s="6" t="s">
        <v>15054</v>
      </c>
      <c r="H7476" s="6" t="s">
        <v>15055</v>
      </c>
      <c r="I7476" s="7">
        <v>4.6986454000000002</v>
      </c>
      <c r="J7476" s="8">
        <v>-74.042288200000002</v>
      </c>
    </row>
    <row r="7477" spans="1:10" x14ac:dyDescent="0.35">
      <c r="A7477" s="5" t="s">
        <v>10</v>
      </c>
      <c r="B7477" s="6">
        <v>239100</v>
      </c>
      <c r="C7477" s="6" t="s">
        <v>68</v>
      </c>
      <c r="D7477" s="6" t="s">
        <v>69</v>
      </c>
      <c r="E7477" s="6">
        <v>11001</v>
      </c>
      <c r="F7477" s="6" t="s">
        <v>18</v>
      </c>
      <c r="G7477" s="6" t="s">
        <v>15056</v>
      </c>
      <c r="H7477" s="6" t="s">
        <v>15057</v>
      </c>
      <c r="I7477" s="7">
        <v>4.6292089000000001</v>
      </c>
      <c r="J7477" s="8">
        <v>-74.101339600000003</v>
      </c>
    </row>
    <row r="7478" spans="1:10" x14ac:dyDescent="0.35">
      <c r="A7478" s="5" t="s">
        <v>10</v>
      </c>
      <c r="B7478" s="6">
        <v>209910</v>
      </c>
      <c r="C7478" s="6" t="s">
        <v>68</v>
      </c>
      <c r="D7478" s="6" t="s">
        <v>69</v>
      </c>
      <c r="E7478" s="6">
        <v>11001</v>
      </c>
      <c r="F7478" s="6" t="s">
        <v>18</v>
      </c>
      <c r="G7478" s="6" t="s">
        <v>14525</v>
      </c>
      <c r="H7478" s="6" t="s">
        <v>15058</v>
      </c>
      <c r="I7478" s="7">
        <v>4.6228363999999997</v>
      </c>
      <c r="J7478" s="8">
        <v>-74.153862500000002</v>
      </c>
    </row>
    <row r="7479" spans="1:10" x14ac:dyDescent="0.35">
      <c r="A7479" s="5" t="s">
        <v>10</v>
      </c>
      <c r="B7479" s="6">
        <v>238054</v>
      </c>
      <c r="C7479" s="6" t="s">
        <v>68</v>
      </c>
      <c r="D7479" s="6" t="s">
        <v>69</v>
      </c>
      <c r="E7479" s="6">
        <v>11001</v>
      </c>
      <c r="F7479" s="6" t="s">
        <v>18</v>
      </c>
      <c r="G7479" s="6" t="s">
        <v>15059</v>
      </c>
      <c r="H7479" s="6" t="s">
        <v>15060</v>
      </c>
      <c r="I7479" s="7">
        <v>4.6148036000000001</v>
      </c>
      <c r="J7479" s="8">
        <v>-74.151271300000005</v>
      </c>
    </row>
    <row r="7480" spans="1:10" x14ac:dyDescent="0.35">
      <c r="A7480" s="5" t="s">
        <v>10</v>
      </c>
      <c r="B7480" s="6">
        <v>239707</v>
      </c>
      <c r="C7480" s="6" t="s">
        <v>68</v>
      </c>
      <c r="D7480" s="6" t="s">
        <v>69</v>
      </c>
      <c r="E7480" s="6">
        <v>11001</v>
      </c>
      <c r="F7480" s="6" t="s">
        <v>18</v>
      </c>
      <c r="G7480" s="6" t="s">
        <v>15061</v>
      </c>
      <c r="H7480" s="6" t="s">
        <v>15062</v>
      </c>
      <c r="I7480" s="7">
        <v>4.5536868999999998</v>
      </c>
      <c r="J7480" s="8">
        <v>-74.140338200000002</v>
      </c>
    </row>
    <row r="7481" spans="1:10" x14ac:dyDescent="0.35">
      <c r="A7481" s="5" t="s">
        <v>10</v>
      </c>
      <c r="B7481" s="6">
        <v>202001</v>
      </c>
      <c r="C7481" s="6" t="s">
        <v>4364</v>
      </c>
      <c r="D7481" s="6" t="s">
        <v>4365</v>
      </c>
      <c r="E7481" s="6">
        <v>70001</v>
      </c>
      <c r="F7481" s="6" t="s">
        <v>18</v>
      </c>
      <c r="G7481" s="6" t="s">
        <v>15063</v>
      </c>
      <c r="H7481" s="6" t="s">
        <v>15064</v>
      </c>
      <c r="I7481" s="7">
        <v>9.3045773000000001</v>
      </c>
      <c r="J7481" s="8">
        <v>-75.390556699999905</v>
      </c>
    </row>
    <row r="7482" spans="1:10" x14ac:dyDescent="0.35">
      <c r="A7482" s="5" t="s">
        <v>10</v>
      </c>
      <c r="B7482" s="6">
        <v>192839</v>
      </c>
      <c r="C7482" s="6" t="s">
        <v>11</v>
      </c>
      <c r="D7482" s="6" t="s">
        <v>513</v>
      </c>
      <c r="E7482" s="6">
        <v>25286</v>
      </c>
      <c r="F7482" s="6" t="s">
        <v>18</v>
      </c>
      <c r="G7482" s="6" t="s">
        <v>13425</v>
      </c>
      <c r="H7482" s="6" t="s">
        <v>15065</v>
      </c>
      <c r="I7482" s="7">
        <v>4.7176676999999998</v>
      </c>
      <c r="J7482" s="8">
        <v>-74.211874100000003</v>
      </c>
    </row>
    <row r="7483" spans="1:10" x14ac:dyDescent="0.35">
      <c r="A7483" s="5" t="s">
        <v>10</v>
      </c>
      <c r="B7483" s="6">
        <v>239659</v>
      </c>
      <c r="C7483" s="6" t="s">
        <v>117</v>
      </c>
      <c r="D7483" s="6" t="s">
        <v>1334</v>
      </c>
      <c r="E7483" s="6">
        <v>76001</v>
      </c>
      <c r="F7483" s="6" t="s">
        <v>18</v>
      </c>
      <c r="G7483" s="6" t="s">
        <v>15066</v>
      </c>
      <c r="H7483" s="6" t="s">
        <v>15067</v>
      </c>
      <c r="I7483" s="7">
        <v>3.3738603</v>
      </c>
      <c r="J7483" s="8">
        <v>-76.519614599999997</v>
      </c>
    </row>
    <row r="7484" spans="1:10" x14ac:dyDescent="0.35">
      <c r="A7484" s="5" t="s">
        <v>10</v>
      </c>
      <c r="B7484" s="6">
        <v>230489</v>
      </c>
      <c r="C7484" s="6" t="s">
        <v>117</v>
      </c>
      <c r="D7484" s="6" t="s">
        <v>1334</v>
      </c>
      <c r="E7484" s="6">
        <v>76001</v>
      </c>
      <c r="F7484" s="6" t="s">
        <v>18</v>
      </c>
      <c r="G7484" s="6" t="s">
        <v>15068</v>
      </c>
      <c r="H7484" s="6" t="s">
        <v>15069</v>
      </c>
      <c r="I7484" s="7">
        <v>3.4101173</v>
      </c>
      <c r="J7484" s="8">
        <v>-76.505027699999999</v>
      </c>
    </row>
    <row r="7485" spans="1:10" x14ac:dyDescent="0.35">
      <c r="A7485" s="5" t="s">
        <v>10</v>
      </c>
      <c r="B7485" s="6">
        <v>240634</v>
      </c>
      <c r="C7485" s="6" t="s">
        <v>190</v>
      </c>
      <c r="D7485" s="6" t="s">
        <v>191</v>
      </c>
      <c r="E7485" s="6">
        <v>5001</v>
      </c>
      <c r="F7485" s="6" t="s">
        <v>18</v>
      </c>
      <c r="G7485" s="6" t="s">
        <v>15070</v>
      </c>
      <c r="H7485" s="6" t="s">
        <v>15071</v>
      </c>
      <c r="I7485" s="7">
        <v>6.2191634000000002</v>
      </c>
      <c r="J7485" s="8">
        <v>-75.598260400000001</v>
      </c>
    </row>
    <row r="7486" spans="1:10" x14ac:dyDescent="0.35">
      <c r="A7486" s="5" t="s">
        <v>10</v>
      </c>
      <c r="B7486" s="6">
        <v>240431</v>
      </c>
      <c r="C7486" s="6" t="s">
        <v>190</v>
      </c>
      <c r="D7486" s="6" t="s">
        <v>13614</v>
      </c>
      <c r="E7486" s="6">
        <v>5212</v>
      </c>
      <c r="F7486" s="6" t="s">
        <v>18</v>
      </c>
      <c r="G7486" s="6" t="s">
        <v>15072</v>
      </c>
      <c r="H7486" s="6" t="s">
        <v>15073</v>
      </c>
      <c r="I7486" s="7">
        <v>6.3599363000000002</v>
      </c>
      <c r="J7486" s="8">
        <v>-75.505786400000005</v>
      </c>
    </row>
    <row r="7487" spans="1:10" x14ac:dyDescent="0.35">
      <c r="A7487" s="5" t="s">
        <v>10</v>
      </c>
      <c r="B7487" s="6">
        <v>182090</v>
      </c>
      <c r="C7487" s="6" t="s">
        <v>68</v>
      </c>
      <c r="D7487" s="6" t="s">
        <v>69</v>
      </c>
      <c r="E7487" s="6">
        <v>11001</v>
      </c>
      <c r="F7487" s="6" t="s">
        <v>18</v>
      </c>
      <c r="G7487" s="6" t="s">
        <v>15074</v>
      </c>
      <c r="H7487" s="6" t="s">
        <v>15075</v>
      </c>
      <c r="I7487" s="7">
        <v>4.7128112</v>
      </c>
      <c r="J7487" s="8">
        <v>-74.143536999999995</v>
      </c>
    </row>
    <row r="7488" spans="1:10" x14ac:dyDescent="0.35">
      <c r="A7488" s="5" t="s">
        <v>10</v>
      </c>
      <c r="B7488" s="6">
        <v>229778</v>
      </c>
      <c r="C7488" s="6" t="s">
        <v>68</v>
      </c>
      <c r="D7488" s="6" t="s">
        <v>69</v>
      </c>
      <c r="E7488" s="6">
        <v>11001</v>
      </c>
      <c r="F7488" s="6" t="s">
        <v>18</v>
      </c>
      <c r="G7488" s="6" t="s">
        <v>15076</v>
      </c>
      <c r="H7488" s="6" t="s">
        <v>15077</v>
      </c>
      <c r="I7488" s="7">
        <v>4.4930925999999998</v>
      </c>
      <c r="J7488" s="8">
        <v>-74.115104700000003</v>
      </c>
    </row>
    <row r="7489" spans="1:10" x14ac:dyDescent="0.35">
      <c r="A7489" s="5" t="s">
        <v>10</v>
      </c>
      <c r="B7489" s="6">
        <v>242323</v>
      </c>
      <c r="C7489" s="6" t="s">
        <v>68</v>
      </c>
      <c r="D7489" s="6" t="s">
        <v>69</v>
      </c>
      <c r="E7489" s="6">
        <v>11001</v>
      </c>
      <c r="F7489" s="6" t="s">
        <v>18</v>
      </c>
      <c r="G7489" s="6" t="s">
        <v>15078</v>
      </c>
      <c r="H7489" s="6" t="s">
        <v>15079</v>
      </c>
      <c r="I7489" s="7">
        <v>4.6473977</v>
      </c>
      <c r="J7489" s="8">
        <v>-74.079948099999996</v>
      </c>
    </row>
    <row r="7490" spans="1:10" x14ac:dyDescent="0.35">
      <c r="A7490" s="5" t="s">
        <v>10</v>
      </c>
      <c r="B7490" s="6">
        <v>215326</v>
      </c>
      <c r="C7490" s="6" t="s">
        <v>68</v>
      </c>
      <c r="D7490" s="6" t="s">
        <v>69</v>
      </c>
      <c r="E7490" s="6">
        <v>11001</v>
      </c>
      <c r="F7490" s="6" t="s">
        <v>18</v>
      </c>
      <c r="G7490" s="6" t="s">
        <v>113</v>
      </c>
      <c r="H7490" s="6" t="s">
        <v>15080</v>
      </c>
      <c r="I7490" s="7">
        <v>4.6076765000000002</v>
      </c>
      <c r="J7490" s="8">
        <v>-74.220867299999995</v>
      </c>
    </row>
    <row r="7491" spans="1:10" x14ac:dyDescent="0.35">
      <c r="A7491" s="5" t="s">
        <v>10</v>
      </c>
      <c r="B7491" s="6">
        <v>231302</v>
      </c>
      <c r="C7491" s="6" t="s">
        <v>68</v>
      </c>
      <c r="D7491" s="6" t="s">
        <v>69</v>
      </c>
      <c r="E7491" s="6">
        <v>11001</v>
      </c>
      <c r="F7491" s="6" t="s">
        <v>18</v>
      </c>
      <c r="G7491" s="6" t="s">
        <v>15081</v>
      </c>
      <c r="H7491" s="6" t="s">
        <v>15082</v>
      </c>
      <c r="I7491" s="7">
        <v>4.7504441999999996</v>
      </c>
      <c r="J7491" s="8">
        <v>-74.115065400000006</v>
      </c>
    </row>
    <row r="7492" spans="1:10" x14ac:dyDescent="0.35">
      <c r="A7492" s="5" t="s">
        <v>10</v>
      </c>
      <c r="B7492" s="6">
        <v>242351</v>
      </c>
      <c r="C7492" s="6" t="s">
        <v>68</v>
      </c>
      <c r="D7492" s="6" t="s">
        <v>69</v>
      </c>
      <c r="E7492" s="6">
        <v>11001</v>
      </c>
      <c r="F7492" s="6" t="s">
        <v>18</v>
      </c>
      <c r="G7492" s="6" t="s">
        <v>15083</v>
      </c>
      <c r="H7492" s="6" t="s">
        <v>15084</v>
      </c>
      <c r="I7492" s="7">
        <v>4.6481370000000002</v>
      </c>
      <c r="J7492" s="8">
        <v>-74.057729499999994</v>
      </c>
    </row>
    <row r="7493" spans="1:10" x14ac:dyDescent="0.35">
      <c r="A7493" s="5" t="s">
        <v>10</v>
      </c>
      <c r="B7493" s="6">
        <v>215180</v>
      </c>
      <c r="C7493" s="6" t="s">
        <v>68</v>
      </c>
      <c r="D7493" s="6" t="s">
        <v>69</v>
      </c>
      <c r="E7493" s="6">
        <v>11001</v>
      </c>
      <c r="F7493" s="6" t="s">
        <v>18</v>
      </c>
      <c r="G7493" s="6" t="s">
        <v>15085</v>
      </c>
      <c r="H7493" s="6" t="s">
        <v>15086</v>
      </c>
      <c r="I7493" s="7">
        <v>4.7519115999999997</v>
      </c>
      <c r="J7493" s="8">
        <v>-74.118392200000002</v>
      </c>
    </row>
    <row r="7494" spans="1:10" x14ac:dyDescent="0.35">
      <c r="A7494" s="5" t="s">
        <v>10</v>
      </c>
      <c r="B7494" s="6">
        <v>245417</v>
      </c>
      <c r="C7494" s="6" t="s">
        <v>68</v>
      </c>
      <c r="D7494" s="6" t="s">
        <v>69</v>
      </c>
      <c r="E7494" s="6">
        <v>11001</v>
      </c>
      <c r="F7494" s="6" t="s">
        <v>18</v>
      </c>
      <c r="G7494" s="6" t="s">
        <v>15087</v>
      </c>
      <c r="H7494" s="6" t="s">
        <v>15088</v>
      </c>
      <c r="I7494" s="7">
        <v>4.5398965000000002</v>
      </c>
      <c r="J7494" s="8">
        <v>-74.109081500000002</v>
      </c>
    </row>
    <row r="7495" spans="1:10" x14ac:dyDescent="0.35">
      <c r="A7495" s="5" t="s">
        <v>10</v>
      </c>
      <c r="B7495" s="6">
        <v>246807</v>
      </c>
      <c r="C7495" s="6" t="s">
        <v>68</v>
      </c>
      <c r="D7495" s="6" t="s">
        <v>69</v>
      </c>
      <c r="E7495" s="6">
        <v>11001</v>
      </c>
      <c r="F7495" s="6" t="s">
        <v>18</v>
      </c>
      <c r="G7495" s="6" t="s">
        <v>15089</v>
      </c>
      <c r="H7495" s="6" t="s">
        <v>15090</v>
      </c>
      <c r="I7495" s="7">
        <v>4.6032440000000001</v>
      </c>
      <c r="J7495" s="8">
        <v>-74.165571299999996</v>
      </c>
    </row>
    <row r="7496" spans="1:10" x14ac:dyDescent="0.35">
      <c r="A7496" s="5" t="s">
        <v>10</v>
      </c>
      <c r="B7496" s="6">
        <v>190053</v>
      </c>
      <c r="C7496" s="6" t="s">
        <v>68</v>
      </c>
      <c r="D7496" s="6" t="s">
        <v>69</v>
      </c>
      <c r="E7496" s="6">
        <v>11001</v>
      </c>
      <c r="F7496" s="6" t="s">
        <v>13</v>
      </c>
      <c r="G7496" s="6" t="s">
        <v>12374</v>
      </c>
      <c r="H7496" s="6" t="s">
        <v>15091</v>
      </c>
      <c r="I7496" s="7">
        <v>4.7109886000000003</v>
      </c>
      <c r="J7496" s="8">
        <v>-74.072091999999998</v>
      </c>
    </row>
    <row r="7497" spans="1:10" x14ac:dyDescent="0.35">
      <c r="A7497" s="5" t="s">
        <v>10</v>
      </c>
      <c r="B7497" s="6">
        <v>224745</v>
      </c>
      <c r="C7497" s="6" t="s">
        <v>68</v>
      </c>
      <c r="D7497" s="6" t="s">
        <v>69</v>
      </c>
      <c r="E7497" s="6">
        <v>11001</v>
      </c>
      <c r="F7497" s="6" t="s">
        <v>13</v>
      </c>
      <c r="G7497" s="6" t="s">
        <v>15092</v>
      </c>
      <c r="H7497" s="6" t="s">
        <v>15093</v>
      </c>
      <c r="I7497" s="7">
        <v>4.6825165999999996</v>
      </c>
      <c r="J7497" s="8">
        <v>-74.088363799999996</v>
      </c>
    </row>
    <row r="7498" spans="1:10" x14ac:dyDescent="0.35">
      <c r="A7498" s="5" t="s">
        <v>10</v>
      </c>
      <c r="B7498" s="6">
        <v>233253</v>
      </c>
      <c r="C7498" s="6" t="s">
        <v>28</v>
      </c>
      <c r="D7498" s="6" t="s">
        <v>29</v>
      </c>
      <c r="E7498" s="6">
        <v>54001</v>
      </c>
      <c r="F7498" s="6" t="s">
        <v>13</v>
      </c>
      <c r="G7498" s="6" t="s">
        <v>15094</v>
      </c>
      <c r="H7498" s="6" t="s">
        <v>15095</v>
      </c>
      <c r="I7498" s="7">
        <v>7.8898099999999998</v>
      </c>
      <c r="J7498" s="8">
        <v>-72.47672</v>
      </c>
    </row>
    <row r="7499" spans="1:10" x14ac:dyDescent="0.35">
      <c r="A7499" s="5" t="s">
        <v>10</v>
      </c>
      <c r="B7499" s="6">
        <v>233476</v>
      </c>
      <c r="C7499" s="6" t="s">
        <v>2821</v>
      </c>
      <c r="D7499" s="6" t="s">
        <v>8204</v>
      </c>
      <c r="E7499" s="6">
        <v>47053</v>
      </c>
      <c r="F7499" s="6" t="s">
        <v>13</v>
      </c>
      <c r="G7499" s="6" t="s">
        <v>15096</v>
      </c>
      <c r="H7499" s="6" t="s">
        <v>15097</v>
      </c>
      <c r="I7499" s="7">
        <v>10.591900000000001</v>
      </c>
      <c r="J7499" s="8">
        <v>-74.186099999999996</v>
      </c>
    </row>
    <row r="7500" spans="1:10" x14ac:dyDescent="0.35">
      <c r="A7500" s="5" t="s">
        <v>10</v>
      </c>
      <c r="B7500" s="6">
        <v>229466</v>
      </c>
      <c r="C7500" s="6" t="s">
        <v>117</v>
      </c>
      <c r="D7500" s="6" t="s">
        <v>1334</v>
      </c>
      <c r="E7500" s="6">
        <v>76001</v>
      </c>
      <c r="F7500" s="6" t="s">
        <v>18</v>
      </c>
      <c r="G7500" s="6" t="s">
        <v>15098</v>
      </c>
      <c r="H7500" s="6" t="s">
        <v>15099</v>
      </c>
      <c r="I7500" s="7">
        <v>3.4191275000000001</v>
      </c>
      <c r="J7500" s="8">
        <v>-76.5271987</v>
      </c>
    </row>
    <row r="7501" spans="1:10" x14ac:dyDescent="0.35">
      <c r="A7501" s="5" t="s">
        <v>10</v>
      </c>
      <c r="B7501" s="6">
        <v>231052</v>
      </c>
      <c r="C7501" s="6" t="s">
        <v>190</v>
      </c>
      <c r="D7501" s="6" t="s">
        <v>11790</v>
      </c>
      <c r="E7501" s="6">
        <v>5642</v>
      </c>
      <c r="F7501" s="6" t="s">
        <v>18</v>
      </c>
      <c r="G7501" s="6" t="s">
        <v>15100</v>
      </c>
      <c r="H7501" s="6" t="s">
        <v>15101</v>
      </c>
      <c r="I7501" s="7">
        <v>5.9635800000000003</v>
      </c>
      <c r="J7501" s="8">
        <v>-75.979335000000006</v>
      </c>
    </row>
    <row r="7502" spans="1:10" x14ac:dyDescent="0.35">
      <c r="A7502" s="5" t="s">
        <v>10</v>
      </c>
      <c r="B7502" s="6">
        <v>216580</v>
      </c>
      <c r="C7502" s="6" t="s">
        <v>68</v>
      </c>
      <c r="D7502" s="6" t="s">
        <v>69</v>
      </c>
      <c r="E7502" s="6">
        <v>11001</v>
      </c>
      <c r="F7502" s="6" t="s">
        <v>18</v>
      </c>
      <c r="G7502" s="6" t="s">
        <v>15102</v>
      </c>
      <c r="H7502" s="6" t="s">
        <v>15103</v>
      </c>
      <c r="I7502" s="7">
        <v>4.6225911999999996</v>
      </c>
      <c r="J7502" s="8">
        <v>-74.199304999999995</v>
      </c>
    </row>
    <row r="7503" spans="1:10" x14ac:dyDescent="0.35">
      <c r="A7503" s="5" t="s">
        <v>10</v>
      </c>
      <c r="B7503" s="6">
        <v>232903</v>
      </c>
      <c r="C7503" s="6" t="s">
        <v>68</v>
      </c>
      <c r="D7503" s="6" t="s">
        <v>69</v>
      </c>
      <c r="E7503" s="6">
        <v>11001</v>
      </c>
      <c r="F7503" s="6" t="s">
        <v>18</v>
      </c>
      <c r="G7503" s="6" t="s">
        <v>15104</v>
      </c>
      <c r="H7503" s="6" t="s">
        <v>15105</v>
      </c>
      <c r="I7503" s="7">
        <v>4.5891500000000001</v>
      </c>
      <c r="J7503" s="8">
        <v>-74.155050000000003</v>
      </c>
    </row>
    <row r="7504" spans="1:10" x14ac:dyDescent="0.35">
      <c r="A7504" s="5" t="s">
        <v>10</v>
      </c>
      <c r="B7504" s="6">
        <v>236663</v>
      </c>
      <c r="C7504" s="6" t="s">
        <v>68</v>
      </c>
      <c r="D7504" s="6" t="s">
        <v>69</v>
      </c>
      <c r="E7504" s="6">
        <v>11001</v>
      </c>
      <c r="F7504" s="6" t="s">
        <v>18</v>
      </c>
      <c r="G7504" s="6" t="s">
        <v>15106</v>
      </c>
      <c r="H7504" s="6" t="s">
        <v>15107</v>
      </c>
      <c r="I7504" s="7">
        <v>4.6623669999999997</v>
      </c>
      <c r="J7504" s="8">
        <v>-74.081515499999995</v>
      </c>
    </row>
    <row r="7505" spans="1:10" x14ac:dyDescent="0.35">
      <c r="A7505" s="5" t="s">
        <v>10</v>
      </c>
      <c r="B7505" s="6">
        <v>242690</v>
      </c>
      <c r="C7505" s="6" t="s">
        <v>68</v>
      </c>
      <c r="D7505" s="6" t="s">
        <v>69</v>
      </c>
      <c r="E7505" s="6">
        <v>11001</v>
      </c>
      <c r="F7505" s="6" t="s">
        <v>18</v>
      </c>
      <c r="G7505" s="6" t="s">
        <v>15108</v>
      </c>
      <c r="H7505" s="6" t="s">
        <v>15109</v>
      </c>
      <c r="I7505" s="7">
        <v>4.6418055999999996</v>
      </c>
      <c r="J7505" s="8">
        <v>-74.184819399999995</v>
      </c>
    </row>
    <row r="7506" spans="1:10" x14ac:dyDescent="0.35">
      <c r="A7506" s="5" t="s">
        <v>10</v>
      </c>
      <c r="B7506" s="6">
        <v>245506</v>
      </c>
      <c r="C7506" s="6" t="s">
        <v>68</v>
      </c>
      <c r="D7506" s="6" t="s">
        <v>69</v>
      </c>
      <c r="E7506" s="6">
        <v>11001</v>
      </c>
      <c r="F7506" s="6" t="s">
        <v>18</v>
      </c>
      <c r="G7506" s="6" t="s">
        <v>15110</v>
      </c>
      <c r="H7506" s="6" t="s">
        <v>15111</v>
      </c>
      <c r="I7506" s="7">
        <v>4.7423152999999996</v>
      </c>
      <c r="J7506" s="8">
        <v>-74.111568700000007</v>
      </c>
    </row>
    <row r="7507" spans="1:10" x14ac:dyDescent="0.35">
      <c r="A7507" s="5" t="s">
        <v>10</v>
      </c>
      <c r="B7507" s="6">
        <v>116302</v>
      </c>
      <c r="C7507" s="6" t="s">
        <v>68</v>
      </c>
      <c r="D7507" s="6" t="s">
        <v>69</v>
      </c>
      <c r="E7507" s="6">
        <v>11001</v>
      </c>
      <c r="F7507" s="6" t="s">
        <v>18</v>
      </c>
      <c r="G7507" s="6" t="s">
        <v>15112</v>
      </c>
      <c r="H7507" s="6" t="s">
        <v>15113</v>
      </c>
      <c r="I7507" s="7">
        <v>4.6912715999999897</v>
      </c>
      <c r="J7507" s="8">
        <v>-74.086597299999994</v>
      </c>
    </row>
    <row r="7508" spans="1:10" x14ac:dyDescent="0.35">
      <c r="A7508" s="5" t="s">
        <v>10</v>
      </c>
      <c r="B7508" s="6">
        <v>238479</v>
      </c>
      <c r="C7508" s="6" t="s">
        <v>68</v>
      </c>
      <c r="D7508" s="6" t="s">
        <v>69</v>
      </c>
      <c r="E7508" s="6">
        <v>11001</v>
      </c>
      <c r="F7508" s="6" t="s">
        <v>18</v>
      </c>
      <c r="G7508" s="6" t="s">
        <v>15114</v>
      </c>
      <c r="H7508" s="6" t="s">
        <v>15115</v>
      </c>
      <c r="I7508" s="7">
        <v>4.7256064000000002</v>
      </c>
      <c r="J7508" s="8">
        <v>-74.0890244</v>
      </c>
    </row>
    <row r="7509" spans="1:10" x14ac:dyDescent="0.35">
      <c r="A7509" s="5" t="s">
        <v>10</v>
      </c>
      <c r="B7509" s="6">
        <v>245089</v>
      </c>
      <c r="C7509" s="6" t="s">
        <v>68</v>
      </c>
      <c r="D7509" s="6" t="s">
        <v>69</v>
      </c>
      <c r="E7509" s="6">
        <v>11001</v>
      </c>
      <c r="F7509" s="6" t="s">
        <v>18</v>
      </c>
      <c r="G7509" s="6" t="s">
        <v>15116</v>
      </c>
      <c r="H7509" s="6" t="s">
        <v>15117</v>
      </c>
      <c r="I7509" s="7">
        <v>4.6509241000000001</v>
      </c>
      <c r="J7509" s="8">
        <v>-74.066466500000004</v>
      </c>
    </row>
    <row r="7510" spans="1:10" x14ac:dyDescent="0.35">
      <c r="A7510" s="5" t="s">
        <v>10</v>
      </c>
      <c r="B7510" s="6">
        <v>210089</v>
      </c>
      <c r="C7510" s="6" t="s">
        <v>68</v>
      </c>
      <c r="D7510" s="6" t="s">
        <v>69</v>
      </c>
      <c r="E7510" s="6">
        <v>11001</v>
      </c>
      <c r="F7510" s="6" t="s">
        <v>18</v>
      </c>
      <c r="G7510" s="6" t="s">
        <v>15118</v>
      </c>
      <c r="H7510" s="6" t="s">
        <v>15119</v>
      </c>
      <c r="I7510" s="7">
        <v>4.5493556000000002</v>
      </c>
      <c r="J7510" s="8">
        <v>-74.163376399999905</v>
      </c>
    </row>
    <row r="7511" spans="1:10" x14ac:dyDescent="0.35">
      <c r="A7511" s="5" t="s">
        <v>10</v>
      </c>
      <c r="B7511" s="6">
        <v>216484</v>
      </c>
      <c r="C7511" s="6" t="s">
        <v>68</v>
      </c>
      <c r="D7511" s="6" t="s">
        <v>69</v>
      </c>
      <c r="E7511" s="6">
        <v>11001</v>
      </c>
      <c r="F7511" s="6" t="s">
        <v>18</v>
      </c>
      <c r="G7511" s="6" t="s">
        <v>15120</v>
      </c>
      <c r="H7511" s="6" t="s">
        <v>15121</v>
      </c>
      <c r="I7511" s="7">
        <v>4.5816527999999996</v>
      </c>
      <c r="J7511" s="8">
        <v>-74.084344900000005</v>
      </c>
    </row>
    <row r="7512" spans="1:10" x14ac:dyDescent="0.35">
      <c r="A7512" s="5" t="s">
        <v>10</v>
      </c>
      <c r="B7512" s="6">
        <v>231101</v>
      </c>
      <c r="C7512" s="6" t="s">
        <v>68</v>
      </c>
      <c r="D7512" s="6" t="s">
        <v>69</v>
      </c>
      <c r="E7512" s="6">
        <v>11001</v>
      </c>
      <c r="F7512" s="6" t="s">
        <v>18</v>
      </c>
      <c r="G7512" s="6" t="s">
        <v>15122</v>
      </c>
      <c r="H7512" s="6" t="s">
        <v>15123</v>
      </c>
      <c r="I7512" s="7">
        <v>4.6032342000000002</v>
      </c>
      <c r="J7512" s="8">
        <v>-74.150761000000003</v>
      </c>
    </row>
    <row r="7513" spans="1:10" x14ac:dyDescent="0.35">
      <c r="A7513" s="5" t="s">
        <v>10</v>
      </c>
      <c r="B7513" s="6">
        <v>238487</v>
      </c>
      <c r="C7513" s="6" t="s">
        <v>68</v>
      </c>
      <c r="D7513" s="6" t="s">
        <v>69</v>
      </c>
      <c r="E7513" s="6">
        <v>11001</v>
      </c>
      <c r="F7513" s="6" t="s">
        <v>18</v>
      </c>
      <c r="G7513" s="6" t="s">
        <v>15124</v>
      </c>
      <c r="H7513" s="6" t="s">
        <v>15125</v>
      </c>
      <c r="I7513" s="7">
        <v>4.5816222</v>
      </c>
      <c r="J7513" s="8">
        <v>-74.183835599999995</v>
      </c>
    </row>
    <row r="7514" spans="1:10" x14ac:dyDescent="0.35">
      <c r="A7514" s="5" t="s">
        <v>10</v>
      </c>
      <c r="B7514" s="6">
        <v>232965</v>
      </c>
      <c r="C7514" s="6" t="s">
        <v>68</v>
      </c>
      <c r="D7514" s="6" t="s">
        <v>69</v>
      </c>
      <c r="E7514" s="6">
        <v>11001</v>
      </c>
      <c r="F7514" s="6" t="s">
        <v>18</v>
      </c>
      <c r="G7514" s="6" t="s">
        <v>15126</v>
      </c>
      <c r="H7514" s="6" t="s">
        <v>15127</v>
      </c>
      <c r="I7514" s="7">
        <v>4.5138199999999999</v>
      </c>
      <c r="J7514" s="8">
        <v>-74.111760000000004</v>
      </c>
    </row>
    <row r="7515" spans="1:10" x14ac:dyDescent="0.35">
      <c r="A7515" s="5" t="s">
        <v>10</v>
      </c>
      <c r="B7515" s="6">
        <v>204512</v>
      </c>
      <c r="C7515" s="6" t="s">
        <v>190</v>
      </c>
      <c r="D7515" s="6" t="s">
        <v>15128</v>
      </c>
      <c r="E7515" s="6">
        <v>5055</v>
      </c>
      <c r="F7515" s="6" t="s">
        <v>18</v>
      </c>
      <c r="G7515" s="6" t="s">
        <v>15129</v>
      </c>
      <c r="H7515" s="6" t="s">
        <v>15130</v>
      </c>
      <c r="I7515" s="7">
        <v>5.7308589999999997</v>
      </c>
      <c r="J7515" s="8">
        <v>-75.142185999999995</v>
      </c>
    </row>
    <row r="7516" spans="1:10" x14ac:dyDescent="0.35">
      <c r="A7516" s="5" t="s">
        <v>10</v>
      </c>
      <c r="B7516" s="6">
        <v>229007</v>
      </c>
      <c r="C7516" s="6" t="s">
        <v>366</v>
      </c>
      <c r="D7516" s="6" t="s">
        <v>367</v>
      </c>
      <c r="E7516" s="6">
        <v>44430</v>
      </c>
      <c r="F7516" s="6" t="s">
        <v>13</v>
      </c>
      <c r="G7516" s="6" t="s">
        <v>15131</v>
      </c>
      <c r="H7516" s="6" t="s">
        <v>15132</v>
      </c>
      <c r="I7516" s="7">
        <v>11.1792122</v>
      </c>
      <c r="J7516" s="8">
        <v>-72.502826499999998</v>
      </c>
    </row>
    <row r="7517" spans="1:10" x14ac:dyDescent="0.35">
      <c r="A7517" s="5" t="s">
        <v>10</v>
      </c>
      <c r="B7517" s="6">
        <v>206639</v>
      </c>
      <c r="C7517" s="6" t="s">
        <v>28</v>
      </c>
      <c r="D7517" s="6" t="s">
        <v>29</v>
      </c>
      <c r="E7517" s="6">
        <v>54001</v>
      </c>
      <c r="F7517" s="6" t="s">
        <v>13</v>
      </c>
      <c r="G7517" s="6" t="s">
        <v>15133</v>
      </c>
      <c r="H7517" s="6" t="s">
        <v>15134</v>
      </c>
      <c r="I7517" s="7">
        <v>7.8966168000000003</v>
      </c>
      <c r="J7517" s="8">
        <v>-72.500067099999995</v>
      </c>
    </row>
    <row r="7518" spans="1:10" x14ac:dyDescent="0.35">
      <c r="A7518" s="5" t="s">
        <v>10</v>
      </c>
      <c r="B7518" s="6">
        <v>241055</v>
      </c>
      <c r="C7518" s="6" t="s">
        <v>117</v>
      </c>
      <c r="D7518" s="6" t="s">
        <v>12447</v>
      </c>
      <c r="E7518" s="6">
        <v>76248</v>
      </c>
      <c r="F7518" s="6" t="s">
        <v>18</v>
      </c>
      <c r="G7518" s="6" t="s">
        <v>15135</v>
      </c>
      <c r="H7518" s="6" t="s">
        <v>15136</v>
      </c>
      <c r="I7518" s="7">
        <v>3.6840839999999999</v>
      </c>
      <c r="J7518" s="8">
        <v>-76.312995999999998</v>
      </c>
    </row>
    <row r="7519" spans="1:10" x14ac:dyDescent="0.35">
      <c r="A7519" s="5" t="s">
        <v>10</v>
      </c>
      <c r="B7519" s="6">
        <v>236140</v>
      </c>
      <c r="C7519" s="6" t="s">
        <v>117</v>
      </c>
      <c r="D7519" s="6" t="s">
        <v>1334</v>
      </c>
      <c r="E7519" s="6">
        <v>76001</v>
      </c>
      <c r="F7519" s="6" t="s">
        <v>18</v>
      </c>
      <c r="G7519" s="6" t="s">
        <v>15137</v>
      </c>
      <c r="H7519" s="6" t="s">
        <v>15138</v>
      </c>
      <c r="I7519" s="7">
        <v>3.4325562999999999</v>
      </c>
      <c r="J7519" s="8">
        <v>-76.478790099999998</v>
      </c>
    </row>
    <row r="7520" spans="1:10" x14ac:dyDescent="0.35">
      <c r="A7520" s="5" t="s">
        <v>10</v>
      </c>
      <c r="B7520" s="6">
        <v>241024</v>
      </c>
      <c r="C7520" s="6" t="s">
        <v>117</v>
      </c>
      <c r="D7520" s="6" t="s">
        <v>1334</v>
      </c>
      <c r="E7520" s="6">
        <v>76001</v>
      </c>
      <c r="F7520" s="6" t="s">
        <v>18</v>
      </c>
      <c r="G7520" s="6" t="s">
        <v>15139</v>
      </c>
      <c r="H7520" s="6" t="s">
        <v>15140</v>
      </c>
      <c r="I7520" s="7">
        <v>3.3959700000000002</v>
      </c>
      <c r="J7520" s="8">
        <v>-76.547750199999996</v>
      </c>
    </row>
    <row r="7521" spans="1:10" x14ac:dyDescent="0.35">
      <c r="A7521" s="5" t="s">
        <v>10</v>
      </c>
      <c r="B7521" s="6">
        <v>229466</v>
      </c>
      <c r="C7521" s="6" t="s">
        <v>117</v>
      </c>
      <c r="D7521" s="6" t="s">
        <v>1334</v>
      </c>
      <c r="E7521" s="6">
        <v>76001</v>
      </c>
      <c r="F7521" s="6" t="s">
        <v>18</v>
      </c>
      <c r="G7521" s="6" t="s">
        <v>15098</v>
      </c>
      <c r="H7521" s="6" t="s">
        <v>15099</v>
      </c>
      <c r="I7521" s="7">
        <v>3.4191275000000001</v>
      </c>
      <c r="J7521" s="8">
        <v>-76.5271987</v>
      </c>
    </row>
    <row r="7522" spans="1:10" x14ac:dyDescent="0.35">
      <c r="A7522" s="5" t="s">
        <v>10</v>
      </c>
      <c r="B7522" s="6">
        <v>241075</v>
      </c>
      <c r="C7522" s="6" t="s">
        <v>117</v>
      </c>
      <c r="D7522" s="6" t="s">
        <v>1334</v>
      </c>
      <c r="E7522" s="6">
        <v>76001</v>
      </c>
      <c r="F7522" s="6" t="s">
        <v>18</v>
      </c>
      <c r="G7522" s="6" t="s">
        <v>15141</v>
      </c>
      <c r="H7522" s="6" t="s">
        <v>15142</v>
      </c>
      <c r="I7522" s="7">
        <v>3.4848344</v>
      </c>
      <c r="J7522" s="8">
        <v>-76.498000300000001</v>
      </c>
    </row>
    <row r="7523" spans="1:10" x14ac:dyDescent="0.35">
      <c r="A7523" s="5" t="s">
        <v>10</v>
      </c>
      <c r="B7523" s="6">
        <v>240595</v>
      </c>
      <c r="C7523" s="6" t="s">
        <v>190</v>
      </c>
      <c r="D7523" s="6" t="s">
        <v>191</v>
      </c>
      <c r="E7523" s="6">
        <v>5001</v>
      </c>
      <c r="F7523" s="6" t="s">
        <v>18</v>
      </c>
      <c r="G7523" s="6" t="s">
        <v>15143</v>
      </c>
      <c r="H7523" s="6" t="s">
        <v>15144</v>
      </c>
      <c r="I7523" s="7">
        <v>6.1847833999999997</v>
      </c>
      <c r="J7523" s="8">
        <v>-75.657514699999993</v>
      </c>
    </row>
    <row r="7524" spans="1:10" x14ac:dyDescent="0.35">
      <c r="A7524" s="5" t="s">
        <v>10</v>
      </c>
      <c r="B7524" s="6">
        <v>185116</v>
      </c>
      <c r="C7524" s="6" t="s">
        <v>68</v>
      </c>
      <c r="D7524" s="6" t="s">
        <v>69</v>
      </c>
      <c r="E7524" s="6">
        <v>11001</v>
      </c>
      <c r="F7524" s="6" t="s">
        <v>18</v>
      </c>
      <c r="G7524" s="6" t="s">
        <v>15145</v>
      </c>
      <c r="H7524" s="6" t="s">
        <v>15146</v>
      </c>
      <c r="I7524" s="7">
        <v>4.7375672999999896</v>
      </c>
      <c r="J7524" s="8">
        <v>-74.100554000000002</v>
      </c>
    </row>
    <row r="7525" spans="1:10" x14ac:dyDescent="0.35">
      <c r="A7525" s="5" t="s">
        <v>10</v>
      </c>
      <c r="B7525" s="6">
        <v>208503</v>
      </c>
      <c r="C7525" s="6" t="s">
        <v>68</v>
      </c>
      <c r="D7525" s="6" t="s">
        <v>69</v>
      </c>
      <c r="E7525" s="6">
        <v>11001</v>
      </c>
      <c r="F7525" s="6" t="s">
        <v>18</v>
      </c>
      <c r="G7525" s="6" t="s">
        <v>15147</v>
      </c>
      <c r="H7525" s="6" t="s">
        <v>15148</v>
      </c>
      <c r="I7525" s="7">
        <v>4.6429643999999897</v>
      </c>
      <c r="J7525" s="8">
        <v>-74.163931599999998</v>
      </c>
    </row>
    <row r="7526" spans="1:10" x14ac:dyDescent="0.35">
      <c r="A7526" s="5" t="s">
        <v>10</v>
      </c>
      <c r="B7526" s="6">
        <v>238789</v>
      </c>
      <c r="C7526" s="6" t="s">
        <v>68</v>
      </c>
      <c r="D7526" s="6" t="s">
        <v>69</v>
      </c>
      <c r="E7526" s="6">
        <v>11001</v>
      </c>
      <c r="F7526" s="6" t="s">
        <v>18</v>
      </c>
      <c r="G7526" s="6" t="s">
        <v>15149</v>
      </c>
      <c r="H7526" s="6" t="s">
        <v>15150</v>
      </c>
      <c r="I7526" s="7">
        <v>4.7058872999999997</v>
      </c>
      <c r="J7526" s="8">
        <v>-74.113646900000006</v>
      </c>
    </row>
    <row r="7527" spans="1:10" x14ac:dyDescent="0.35">
      <c r="A7527" s="5" t="s">
        <v>10</v>
      </c>
      <c r="B7527" s="6">
        <v>239367</v>
      </c>
      <c r="C7527" s="6" t="s">
        <v>68</v>
      </c>
      <c r="D7527" s="6" t="s">
        <v>69</v>
      </c>
      <c r="E7527" s="6">
        <v>11001</v>
      </c>
      <c r="F7527" s="6" t="s">
        <v>18</v>
      </c>
      <c r="G7527" s="6" t="s">
        <v>15151</v>
      </c>
      <c r="H7527" s="6" t="s">
        <v>15152</v>
      </c>
      <c r="I7527" s="7">
        <v>4.7249186999999999</v>
      </c>
      <c r="J7527" s="8">
        <v>-74.033508100000006</v>
      </c>
    </row>
    <row r="7528" spans="1:10" x14ac:dyDescent="0.35">
      <c r="A7528" s="5" t="s">
        <v>10</v>
      </c>
      <c r="B7528" s="6">
        <v>215622</v>
      </c>
      <c r="C7528" s="6" t="s">
        <v>68</v>
      </c>
      <c r="D7528" s="6" t="s">
        <v>69</v>
      </c>
      <c r="E7528" s="6">
        <v>11001</v>
      </c>
      <c r="F7528" s="6" t="s">
        <v>18</v>
      </c>
      <c r="G7528" s="6" t="s">
        <v>15153</v>
      </c>
      <c r="H7528" s="6" t="s">
        <v>15154</v>
      </c>
      <c r="I7528" s="7">
        <v>4.6226032999999997</v>
      </c>
      <c r="J7528" s="8">
        <v>-74.202932699999906</v>
      </c>
    </row>
    <row r="7529" spans="1:10" x14ac:dyDescent="0.35">
      <c r="A7529" s="5" t="s">
        <v>10</v>
      </c>
      <c r="B7529" s="6">
        <v>242630</v>
      </c>
      <c r="C7529" s="6" t="s">
        <v>68</v>
      </c>
      <c r="D7529" s="6" t="s">
        <v>69</v>
      </c>
      <c r="E7529" s="6">
        <v>11001</v>
      </c>
      <c r="F7529" s="6" t="s">
        <v>18</v>
      </c>
      <c r="G7529" s="6" t="s">
        <v>15155</v>
      </c>
      <c r="H7529" s="6" t="s">
        <v>15156</v>
      </c>
      <c r="I7529" s="7">
        <v>4.7598716999999997</v>
      </c>
      <c r="J7529" s="8">
        <v>-74.028102799999999</v>
      </c>
    </row>
    <row r="7530" spans="1:10" x14ac:dyDescent="0.35">
      <c r="A7530" s="5" t="s">
        <v>10</v>
      </c>
      <c r="B7530" s="6">
        <v>219918</v>
      </c>
      <c r="C7530" s="6" t="s">
        <v>366</v>
      </c>
      <c r="D7530" s="6" t="s">
        <v>6386</v>
      </c>
      <c r="E7530" s="6">
        <v>44035</v>
      </c>
      <c r="F7530" s="6" t="s">
        <v>13</v>
      </c>
      <c r="G7530" s="6" t="s">
        <v>3392</v>
      </c>
      <c r="H7530" s="6" t="s">
        <v>15157</v>
      </c>
      <c r="I7530" s="7">
        <v>11.160512600000001</v>
      </c>
      <c r="J7530" s="8">
        <v>-72.591628400000005</v>
      </c>
    </row>
    <row r="7531" spans="1:10" x14ac:dyDescent="0.35">
      <c r="A7531" s="5" t="s">
        <v>10</v>
      </c>
      <c r="B7531" s="6">
        <v>208443</v>
      </c>
      <c r="C7531" s="6" t="s">
        <v>68</v>
      </c>
      <c r="D7531" s="6" t="s">
        <v>69</v>
      </c>
      <c r="E7531" s="6">
        <v>11001</v>
      </c>
      <c r="F7531" s="6" t="s">
        <v>13</v>
      </c>
      <c r="G7531" s="6" t="s">
        <v>15158</v>
      </c>
      <c r="H7531" s="6" t="s">
        <v>15159</v>
      </c>
      <c r="I7531" s="7">
        <v>4.6069336999999999</v>
      </c>
      <c r="J7531" s="8">
        <v>-74.169851899999998</v>
      </c>
    </row>
    <row r="7532" spans="1:10" x14ac:dyDescent="0.35">
      <c r="A7532" s="5" t="s">
        <v>10</v>
      </c>
      <c r="B7532" s="6">
        <v>241092</v>
      </c>
      <c r="C7532" s="6" t="s">
        <v>117</v>
      </c>
      <c r="D7532" s="6" t="s">
        <v>4637</v>
      </c>
      <c r="E7532" s="6">
        <v>76275</v>
      </c>
      <c r="F7532" s="6" t="s">
        <v>18</v>
      </c>
      <c r="G7532" s="6" t="s">
        <v>15160</v>
      </c>
      <c r="H7532" s="6" t="s">
        <v>15161</v>
      </c>
      <c r="I7532" s="7">
        <v>3.3211808</v>
      </c>
      <c r="J7532" s="8">
        <v>-76.231727000000006</v>
      </c>
    </row>
    <row r="7533" spans="1:10" x14ac:dyDescent="0.35">
      <c r="A7533" s="5" t="s">
        <v>10</v>
      </c>
      <c r="B7533" s="6">
        <v>241642</v>
      </c>
      <c r="C7533" s="6" t="s">
        <v>457</v>
      </c>
      <c r="D7533" s="6" t="s">
        <v>4400</v>
      </c>
      <c r="E7533" s="6">
        <v>52001</v>
      </c>
      <c r="F7533" s="6" t="s">
        <v>18</v>
      </c>
      <c r="G7533" s="6" t="s">
        <v>15162</v>
      </c>
      <c r="H7533" s="6" t="s">
        <v>15163</v>
      </c>
      <c r="I7533" s="7">
        <v>1.1963687000000001</v>
      </c>
      <c r="J7533" s="8">
        <v>-77.274222100000003</v>
      </c>
    </row>
    <row r="7534" spans="1:10" x14ac:dyDescent="0.35">
      <c r="A7534" s="5" t="s">
        <v>10</v>
      </c>
      <c r="B7534" s="6">
        <v>192884</v>
      </c>
      <c r="C7534" s="6" t="s">
        <v>68</v>
      </c>
      <c r="D7534" s="6" t="s">
        <v>69</v>
      </c>
      <c r="E7534" s="6">
        <v>11001</v>
      </c>
      <c r="F7534" s="6" t="s">
        <v>18</v>
      </c>
      <c r="G7534" s="6" t="s">
        <v>15164</v>
      </c>
      <c r="H7534" s="6" t="s">
        <v>15165</v>
      </c>
      <c r="I7534" s="7">
        <v>4.5611366999999996</v>
      </c>
      <c r="J7534" s="8">
        <v>-74.129565900000003</v>
      </c>
    </row>
    <row r="7535" spans="1:10" x14ac:dyDescent="0.35">
      <c r="A7535" s="5" t="s">
        <v>10</v>
      </c>
      <c r="B7535" s="6">
        <v>221220</v>
      </c>
      <c r="C7535" s="6" t="s">
        <v>68</v>
      </c>
      <c r="D7535" s="6" t="s">
        <v>69</v>
      </c>
      <c r="E7535" s="6">
        <v>11001</v>
      </c>
      <c r="F7535" s="6" t="s">
        <v>18</v>
      </c>
      <c r="G7535" s="6" t="s">
        <v>12809</v>
      </c>
      <c r="H7535" s="6" t="s">
        <v>15166</v>
      </c>
      <c r="I7535" s="7">
        <v>4.5222230999999997</v>
      </c>
      <c r="J7535" s="8">
        <v>-74.118031199999905</v>
      </c>
    </row>
    <row r="7536" spans="1:10" x14ac:dyDescent="0.35">
      <c r="A7536" s="5" t="s">
        <v>10</v>
      </c>
      <c r="B7536" s="6">
        <v>236205</v>
      </c>
      <c r="C7536" s="6" t="s">
        <v>68</v>
      </c>
      <c r="D7536" s="6" t="s">
        <v>69</v>
      </c>
      <c r="E7536" s="6">
        <v>11001</v>
      </c>
      <c r="F7536" s="6" t="s">
        <v>18</v>
      </c>
      <c r="G7536" s="6" t="s">
        <v>15167</v>
      </c>
      <c r="H7536" s="6" t="s">
        <v>15168</v>
      </c>
      <c r="I7536" s="7">
        <v>4.6329409999999998</v>
      </c>
      <c r="J7536" s="8">
        <v>-74.065014500000004</v>
      </c>
    </row>
    <row r="7537" spans="1:10" x14ac:dyDescent="0.35">
      <c r="A7537" s="5" t="s">
        <v>10</v>
      </c>
      <c r="B7537" s="6">
        <v>211269</v>
      </c>
      <c r="C7537" s="6" t="s">
        <v>68</v>
      </c>
      <c r="D7537" s="6" t="s">
        <v>69</v>
      </c>
      <c r="E7537" s="6">
        <v>11001</v>
      </c>
      <c r="F7537" s="6" t="s">
        <v>18</v>
      </c>
      <c r="G7537" s="6" t="s">
        <v>15169</v>
      </c>
      <c r="H7537" s="6" t="s">
        <v>15170</v>
      </c>
      <c r="I7537" s="7">
        <v>4.6211224999999896</v>
      </c>
      <c r="J7537" s="8">
        <v>-74.189605499999999</v>
      </c>
    </row>
    <row r="7538" spans="1:10" x14ac:dyDescent="0.35">
      <c r="A7538" s="5" t="s">
        <v>10</v>
      </c>
      <c r="B7538" s="6">
        <v>220150</v>
      </c>
      <c r="C7538" s="6" t="s">
        <v>68</v>
      </c>
      <c r="D7538" s="6" t="s">
        <v>69</v>
      </c>
      <c r="E7538" s="6">
        <v>11001</v>
      </c>
      <c r="F7538" s="6" t="s">
        <v>18</v>
      </c>
      <c r="G7538" s="6" t="s">
        <v>15171</v>
      </c>
      <c r="H7538" s="6" t="s">
        <v>15172</v>
      </c>
      <c r="I7538" s="7">
        <v>4.5408314000000001</v>
      </c>
      <c r="J7538" s="8">
        <v>-74.148014699999905</v>
      </c>
    </row>
    <row r="7539" spans="1:10" x14ac:dyDescent="0.35">
      <c r="A7539" s="5" t="s">
        <v>10</v>
      </c>
      <c r="B7539" s="6">
        <v>243340</v>
      </c>
      <c r="C7539" s="6" t="s">
        <v>68</v>
      </c>
      <c r="D7539" s="6" t="s">
        <v>69</v>
      </c>
      <c r="E7539" s="6">
        <v>11001</v>
      </c>
      <c r="F7539" s="6" t="s">
        <v>18</v>
      </c>
      <c r="G7539" s="6" t="s">
        <v>15173</v>
      </c>
      <c r="H7539" s="6" t="s">
        <v>15174</v>
      </c>
      <c r="I7539" s="7">
        <v>4.6336900999999999</v>
      </c>
      <c r="J7539" s="8">
        <v>-74.162875</v>
      </c>
    </row>
    <row r="7540" spans="1:10" x14ac:dyDescent="0.35">
      <c r="A7540" s="5" t="s">
        <v>10</v>
      </c>
      <c r="B7540" s="6">
        <v>207443</v>
      </c>
      <c r="C7540" s="6" t="s">
        <v>68</v>
      </c>
      <c r="D7540" s="6" t="s">
        <v>69</v>
      </c>
      <c r="E7540" s="6">
        <v>11001</v>
      </c>
      <c r="F7540" s="6" t="s">
        <v>18</v>
      </c>
      <c r="G7540" s="6" t="s">
        <v>15175</v>
      </c>
      <c r="H7540" s="6" t="s">
        <v>15176</v>
      </c>
      <c r="I7540" s="7">
        <v>4.5105157</v>
      </c>
      <c r="J7540" s="8">
        <v>-74.119943699999993</v>
      </c>
    </row>
    <row r="7541" spans="1:10" x14ac:dyDescent="0.35">
      <c r="A7541" s="5" t="s">
        <v>10</v>
      </c>
      <c r="B7541" s="6">
        <v>242632</v>
      </c>
      <c r="C7541" s="6" t="s">
        <v>68</v>
      </c>
      <c r="D7541" s="6" t="s">
        <v>69</v>
      </c>
      <c r="E7541" s="6">
        <v>11001</v>
      </c>
      <c r="F7541" s="6" t="s">
        <v>18</v>
      </c>
      <c r="G7541" s="6" t="s">
        <v>15177</v>
      </c>
      <c r="H7541" s="6" t="s">
        <v>15178</v>
      </c>
      <c r="I7541" s="7">
        <v>4.6744497000000003</v>
      </c>
      <c r="J7541" s="8">
        <v>-74.0979119</v>
      </c>
    </row>
    <row r="7542" spans="1:10" x14ac:dyDescent="0.35">
      <c r="A7542" s="5" t="s">
        <v>10</v>
      </c>
      <c r="B7542" s="6">
        <v>203771</v>
      </c>
      <c r="C7542" s="6" t="s">
        <v>278</v>
      </c>
      <c r="D7542" s="6" t="s">
        <v>279</v>
      </c>
      <c r="E7542" s="6">
        <v>50001</v>
      </c>
      <c r="F7542" s="6" t="s">
        <v>13</v>
      </c>
      <c r="G7542" s="6" t="s">
        <v>15179</v>
      </c>
      <c r="H7542" s="6" t="s">
        <v>15180</v>
      </c>
      <c r="I7542" s="7">
        <v>4.1518854999999997</v>
      </c>
      <c r="J7542" s="8">
        <v>-73.620834700000003</v>
      </c>
    </row>
    <row r="7543" spans="1:10" x14ac:dyDescent="0.35">
      <c r="A7543" s="5" t="s">
        <v>10</v>
      </c>
      <c r="B7543" s="6">
        <v>226183</v>
      </c>
      <c r="C7543" s="6" t="s">
        <v>308</v>
      </c>
      <c r="D7543" s="6" t="s">
        <v>309</v>
      </c>
      <c r="E7543" s="6">
        <v>23001</v>
      </c>
      <c r="F7543" s="6" t="s">
        <v>13</v>
      </c>
      <c r="G7543" s="6" t="s">
        <v>15181</v>
      </c>
      <c r="H7543" s="6" t="s">
        <v>15182</v>
      </c>
      <c r="I7543" s="7">
        <v>8.7371076999999993</v>
      </c>
      <c r="J7543" s="8">
        <v>-75.884996999999998</v>
      </c>
    </row>
    <row r="7544" spans="1:10" x14ac:dyDescent="0.35">
      <c r="A7544" s="5" t="s">
        <v>10</v>
      </c>
      <c r="B7544" s="6">
        <v>211058</v>
      </c>
      <c r="C7544" s="6" t="s">
        <v>117</v>
      </c>
      <c r="D7544" s="6" t="s">
        <v>1334</v>
      </c>
      <c r="E7544" s="6">
        <v>76001</v>
      </c>
      <c r="F7544" s="6" t="s">
        <v>18</v>
      </c>
      <c r="G7544" s="6" t="s">
        <v>15183</v>
      </c>
      <c r="H7544" s="6" t="s">
        <v>15184</v>
      </c>
      <c r="I7544" s="7">
        <v>3.4541677000000002</v>
      </c>
      <c r="J7544" s="8">
        <v>-76.535988799999998</v>
      </c>
    </row>
    <row r="7545" spans="1:10" x14ac:dyDescent="0.35">
      <c r="A7545" s="5" t="s">
        <v>10</v>
      </c>
      <c r="B7545" s="6">
        <v>240906</v>
      </c>
      <c r="C7545" s="6" t="s">
        <v>117</v>
      </c>
      <c r="D7545" s="6" t="s">
        <v>1291</v>
      </c>
      <c r="E7545" s="6">
        <v>76834</v>
      </c>
      <c r="F7545" s="6" t="s">
        <v>18</v>
      </c>
      <c r="G7545" s="6" t="s">
        <v>15185</v>
      </c>
      <c r="H7545" s="6" t="s">
        <v>15186</v>
      </c>
      <c r="I7545" s="7">
        <v>4.0831289999999996</v>
      </c>
      <c r="J7545" s="8">
        <v>-76.196553399999999</v>
      </c>
    </row>
    <row r="7546" spans="1:10" x14ac:dyDescent="0.35">
      <c r="A7546" s="5" t="s">
        <v>10</v>
      </c>
      <c r="B7546" s="6">
        <v>235787</v>
      </c>
      <c r="C7546" s="6" t="s">
        <v>190</v>
      </c>
      <c r="D7546" s="6" t="s">
        <v>12678</v>
      </c>
      <c r="E7546" s="6">
        <v>5664</v>
      </c>
      <c r="F7546" s="6" t="s">
        <v>18</v>
      </c>
      <c r="G7546" s="6" t="s">
        <v>15187</v>
      </c>
      <c r="H7546" s="6" t="s">
        <v>15188</v>
      </c>
      <c r="I7546" s="7">
        <v>6.4596051000000001</v>
      </c>
      <c r="J7546" s="8">
        <v>-75.559813399999996</v>
      </c>
    </row>
    <row r="7547" spans="1:10" x14ac:dyDescent="0.35">
      <c r="A7547" s="5" t="s">
        <v>10</v>
      </c>
      <c r="B7547" s="6">
        <v>200168</v>
      </c>
      <c r="C7547" s="6" t="s">
        <v>68</v>
      </c>
      <c r="D7547" s="6" t="s">
        <v>69</v>
      </c>
      <c r="E7547" s="6">
        <v>11001</v>
      </c>
      <c r="F7547" s="6" t="s">
        <v>18</v>
      </c>
      <c r="G7547" s="6" t="s">
        <v>15189</v>
      </c>
      <c r="H7547" s="6" t="s">
        <v>15190</v>
      </c>
      <c r="I7547" s="7">
        <v>4.6414127000000001</v>
      </c>
      <c r="J7547" s="8">
        <v>-74.185262300000005</v>
      </c>
    </row>
    <row r="7548" spans="1:10" x14ac:dyDescent="0.35">
      <c r="A7548" s="5" t="s">
        <v>10</v>
      </c>
      <c r="B7548" s="6">
        <v>202433</v>
      </c>
      <c r="C7548" s="6" t="s">
        <v>68</v>
      </c>
      <c r="D7548" s="6" t="s">
        <v>69</v>
      </c>
      <c r="E7548" s="6">
        <v>11001</v>
      </c>
      <c r="F7548" s="6" t="s">
        <v>18</v>
      </c>
      <c r="G7548" s="6" t="s">
        <v>15191</v>
      </c>
      <c r="H7548" s="6" t="s">
        <v>15192</v>
      </c>
      <c r="I7548" s="7">
        <v>4.6327235</v>
      </c>
      <c r="J7548" s="8">
        <v>-74.183652100000003</v>
      </c>
    </row>
    <row r="7549" spans="1:10" x14ac:dyDescent="0.35">
      <c r="A7549" s="5" t="s">
        <v>10</v>
      </c>
      <c r="B7549" s="6">
        <v>182091</v>
      </c>
      <c r="C7549" s="6" t="s">
        <v>68</v>
      </c>
      <c r="D7549" s="6" t="s">
        <v>69</v>
      </c>
      <c r="E7549" s="6">
        <v>11001</v>
      </c>
      <c r="F7549" s="6" t="s">
        <v>18</v>
      </c>
      <c r="G7549" s="6" t="s">
        <v>7521</v>
      </c>
      <c r="H7549" s="6" t="s">
        <v>15193</v>
      </c>
      <c r="I7549" s="7">
        <v>4.7116644999999897</v>
      </c>
      <c r="J7549" s="8">
        <v>-74.142266499999906</v>
      </c>
    </row>
    <row r="7550" spans="1:10" x14ac:dyDescent="0.35">
      <c r="A7550" s="5" t="s">
        <v>10</v>
      </c>
      <c r="B7550" s="6">
        <v>237132</v>
      </c>
      <c r="C7550" s="6" t="s">
        <v>68</v>
      </c>
      <c r="D7550" s="6" t="s">
        <v>69</v>
      </c>
      <c r="E7550" s="6">
        <v>11001</v>
      </c>
      <c r="F7550" s="6" t="s">
        <v>18</v>
      </c>
      <c r="G7550" s="6" t="s">
        <v>15194</v>
      </c>
      <c r="H7550" s="6" t="s">
        <v>15195</v>
      </c>
      <c r="I7550" s="7">
        <v>4.7233317000000001</v>
      </c>
      <c r="J7550" s="8">
        <v>-74.0937287</v>
      </c>
    </row>
    <row r="7551" spans="1:10" x14ac:dyDescent="0.35">
      <c r="A7551" s="5" t="s">
        <v>10</v>
      </c>
      <c r="B7551" s="6">
        <v>242159</v>
      </c>
      <c r="C7551" s="6" t="s">
        <v>68</v>
      </c>
      <c r="D7551" s="6" t="s">
        <v>69</v>
      </c>
      <c r="E7551" s="6">
        <v>11001</v>
      </c>
      <c r="F7551" s="6" t="s">
        <v>18</v>
      </c>
      <c r="G7551" s="6" t="s">
        <v>15196</v>
      </c>
      <c r="H7551" s="6" t="s">
        <v>15197</v>
      </c>
      <c r="I7551" s="7">
        <v>4.6429467999999998</v>
      </c>
      <c r="J7551" s="8">
        <v>-74.127038799999994</v>
      </c>
    </row>
    <row r="7552" spans="1:10" x14ac:dyDescent="0.35">
      <c r="A7552" s="5" t="s">
        <v>10</v>
      </c>
      <c r="B7552" s="6">
        <v>242232</v>
      </c>
      <c r="C7552" s="6" t="s">
        <v>68</v>
      </c>
      <c r="D7552" s="6" t="s">
        <v>69</v>
      </c>
      <c r="E7552" s="6">
        <v>11001</v>
      </c>
      <c r="F7552" s="6" t="s">
        <v>18</v>
      </c>
      <c r="G7552" s="6" t="s">
        <v>15198</v>
      </c>
      <c r="H7552" s="6" t="s">
        <v>15199</v>
      </c>
      <c r="I7552" s="7">
        <v>4.6742189999999999</v>
      </c>
      <c r="J7552" s="8">
        <v>-74.146823999999995</v>
      </c>
    </row>
    <row r="7553" spans="1:10" x14ac:dyDescent="0.35">
      <c r="A7553" s="5" t="s">
        <v>10</v>
      </c>
      <c r="B7553" s="6">
        <v>242729</v>
      </c>
      <c r="C7553" s="6" t="s">
        <v>68</v>
      </c>
      <c r="D7553" s="6" t="s">
        <v>69</v>
      </c>
      <c r="E7553" s="6">
        <v>11001</v>
      </c>
      <c r="F7553" s="6" t="s">
        <v>18</v>
      </c>
      <c r="G7553" s="6" t="s">
        <v>15200</v>
      </c>
      <c r="H7553" s="6" t="s">
        <v>15201</v>
      </c>
      <c r="I7553" s="7">
        <v>4.5284053000000002</v>
      </c>
      <c r="J7553" s="8">
        <v>-74.082101499999993</v>
      </c>
    </row>
    <row r="7554" spans="1:10" x14ac:dyDescent="0.35">
      <c r="A7554" s="5" t="s">
        <v>10</v>
      </c>
      <c r="B7554" s="6">
        <v>239247</v>
      </c>
      <c r="C7554" s="6" t="s">
        <v>68</v>
      </c>
      <c r="D7554" s="6" t="s">
        <v>69</v>
      </c>
      <c r="E7554" s="6">
        <v>11001</v>
      </c>
      <c r="F7554" s="6" t="s">
        <v>18</v>
      </c>
      <c r="G7554" s="6" t="s">
        <v>15202</v>
      </c>
      <c r="H7554" s="6" t="s">
        <v>15203</v>
      </c>
      <c r="I7554" s="7">
        <v>4.5641293000000003</v>
      </c>
      <c r="J7554" s="8">
        <v>-74.0915143</v>
      </c>
    </row>
    <row r="7555" spans="1:10" x14ac:dyDescent="0.35">
      <c r="A7555" s="5" t="s">
        <v>10</v>
      </c>
      <c r="B7555" s="6">
        <v>243567</v>
      </c>
      <c r="C7555" s="6" t="s">
        <v>68</v>
      </c>
      <c r="D7555" s="6" t="s">
        <v>69</v>
      </c>
      <c r="E7555" s="6">
        <v>11001</v>
      </c>
      <c r="F7555" s="6" t="s">
        <v>18</v>
      </c>
      <c r="G7555" s="6" t="s">
        <v>15204</v>
      </c>
      <c r="H7555" s="6" t="s">
        <v>15205</v>
      </c>
      <c r="I7555" s="7">
        <v>4.7525931000000003</v>
      </c>
      <c r="J7555" s="8">
        <v>-74.091474399999996</v>
      </c>
    </row>
    <row r="7556" spans="1:10" x14ac:dyDescent="0.35">
      <c r="A7556" s="5" t="s">
        <v>10</v>
      </c>
      <c r="B7556" s="6">
        <v>225900</v>
      </c>
      <c r="C7556" s="6" t="s">
        <v>68</v>
      </c>
      <c r="D7556" s="6" t="s">
        <v>69</v>
      </c>
      <c r="E7556" s="6">
        <v>11001</v>
      </c>
      <c r="F7556" s="6" t="s">
        <v>18</v>
      </c>
      <c r="G7556" s="6" t="s">
        <v>15206</v>
      </c>
      <c r="H7556" s="6" t="s">
        <v>15207</v>
      </c>
      <c r="I7556" s="7">
        <v>4.6338188999999996</v>
      </c>
      <c r="J7556" s="8">
        <v>-74.186666099999997</v>
      </c>
    </row>
    <row r="7557" spans="1:10" x14ac:dyDescent="0.35">
      <c r="A7557" s="5" t="s">
        <v>10</v>
      </c>
      <c r="B7557" s="6">
        <v>240160</v>
      </c>
      <c r="C7557" s="6" t="s">
        <v>190</v>
      </c>
      <c r="D7557" s="6" t="s">
        <v>11705</v>
      </c>
      <c r="E7557" s="6">
        <v>5318</v>
      </c>
      <c r="F7557" s="6" t="s">
        <v>18</v>
      </c>
      <c r="G7557" s="6" t="s">
        <v>15208</v>
      </c>
      <c r="H7557" s="6" t="s">
        <v>15209</v>
      </c>
      <c r="I7557" s="7">
        <v>6.2847305000000002</v>
      </c>
      <c r="J7557" s="8">
        <v>-75.445211499999999</v>
      </c>
    </row>
    <row r="7558" spans="1:10" x14ac:dyDescent="0.35">
      <c r="A7558" s="5" t="s">
        <v>10</v>
      </c>
      <c r="B7558" s="6">
        <v>227957</v>
      </c>
      <c r="C7558" s="6" t="s">
        <v>551</v>
      </c>
      <c r="D7558" s="6" t="s">
        <v>3868</v>
      </c>
      <c r="E7558" s="6">
        <v>20001</v>
      </c>
      <c r="F7558" s="6" t="s">
        <v>13</v>
      </c>
      <c r="G7558" s="6" t="s">
        <v>15210</v>
      </c>
      <c r="H7558" s="6" t="s">
        <v>15211</v>
      </c>
      <c r="I7558" s="7">
        <v>10.485743899999999</v>
      </c>
      <c r="J7558" s="8">
        <v>-73.269901899999994</v>
      </c>
    </row>
    <row r="7559" spans="1:10" x14ac:dyDescent="0.35">
      <c r="A7559" s="5" t="s">
        <v>10</v>
      </c>
      <c r="B7559" s="6">
        <v>240993</v>
      </c>
      <c r="C7559" s="6" t="s">
        <v>117</v>
      </c>
      <c r="D7559" s="6" t="s">
        <v>1334</v>
      </c>
      <c r="E7559" s="6">
        <v>76001</v>
      </c>
      <c r="F7559" s="6" t="s">
        <v>18</v>
      </c>
      <c r="G7559" s="6" t="s">
        <v>15212</v>
      </c>
      <c r="H7559" s="6" t="s">
        <v>15213</v>
      </c>
      <c r="I7559" s="7">
        <v>3.44347</v>
      </c>
      <c r="J7559" s="8">
        <v>-76.513365800000003</v>
      </c>
    </row>
    <row r="7560" spans="1:10" x14ac:dyDescent="0.35">
      <c r="A7560" s="5" t="s">
        <v>10</v>
      </c>
      <c r="B7560" s="6">
        <v>240481</v>
      </c>
      <c r="C7560" s="6" t="s">
        <v>190</v>
      </c>
      <c r="D7560" s="6" t="s">
        <v>705</v>
      </c>
      <c r="E7560" s="6">
        <v>5079</v>
      </c>
      <c r="F7560" s="6" t="s">
        <v>18</v>
      </c>
      <c r="G7560" s="6" t="s">
        <v>15214</v>
      </c>
      <c r="H7560" s="6" t="s">
        <v>15215</v>
      </c>
      <c r="I7560" s="7">
        <v>6.4379517000000002</v>
      </c>
      <c r="J7560" s="8">
        <v>-75.331815599999999</v>
      </c>
    </row>
    <row r="7561" spans="1:10" x14ac:dyDescent="0.35">
      <c r="A7561" s="5" t="s">
        <v>10</v>
      </c>
      <c r="B7561" s="6">
        <v>240862</v>
      </c>
      <c r="C7561" s="6" t="s">
        <v>190</v>
      </c>
      <c r="D7561" s="6" t="s">
        <v>191</v>
      </c>
      <c r="E7561" s="6">
        <v>5001</v>
      </c>
      <c r="F7561" s="6" t="s">
        <v>18</v>
      </c>
      <c r="G7561" s="6" t="s">
        <v>15216</v>
      </c>
      <c r="H7561" s="6" t="s">
        <v>15217</v>
      </c>
      <c r="I7561" s="7">
        <v>6.3006741000000002</v>
      </c>
      <c r="J7561" s="8">
        <v>-75.581848800000003</v>
      </c>
    </row>
    <row r="7562" spans="1:10" x14ac:dyDescent="0.35">
      <c r="A7562" s="5" t="s">
        <v>10</v>
      </c>
      <c r="B7562" s="6">
        <v>192692</v>
      </c>
      <c r="C7562" s="6" t="s">
        <v>190</v>
      </c>
      <c r="D7562" s="6" t="s">
        <v>191</v>
      </c>
      <c r="E7562" s="6">
        <v>5001</v>
      </c>
      <c r="F7562" s="6" t="s">
        <v>18</v>
      </c>
      <c r="G7562" s="6" t="s">
        <v>15218</v>
      </c>
      <c r="H7562" s="6" t="s">
        <v>15219</v>
      </c>
      <c r="I7562" s="7">
        <v>6.2692033999999897</v>
      </c>
      <c r="J7562" s="8">
        <v>-75.599127600000003</v>
      </c>
    </row>
    <row r="7563" spans="1:10" x14ac:dyDescent="0.35">
      <c r="A7563" s="5" t="s">
        <v>10</v>
      </c>
      <c r="B7563" s="6">
        <v>224022</v>
      </c>
      <c r="C7563" s="6" t="s">
        <v>68</v>
      </c>
      <c r="D7563" s="6" t="s">
        <v>69</v>
      </c>
      <c r="E7563" s="6">
        <v>11001</v>
      </c>
      <c r="F7563" s="6" t="s">
        <v>18</v>
      </c>
      <c r="G7563" s="6" t="s">
        <v>15220</v>
      </c>
      <c r="H7563" s="6" t="s">
        <v>15221</v>
      </c>
      <c r="I7563" s="7">
        <v>4.7205946000000001</v>
      </c>
      <c r="J7563" s="8">
        <v>-74.070323500000001</v>
      </c>
    </row>
    <row r="7564" spans="1:10" x14ac:dyDescent="0.35">
      <c r="A7564" s="5" t="s">
        <v>10</v>
      </c>
      <c r="B7564" s="6">
        <v>242226</v>
      </c>
      <c r="C7564" s="6" t="s">
        <v>68</v>
      </c>
      <c r="D7564" s="6" t="s">
        <v>69</v>
      </c>
      <c r="E7564" s="6">
        <v>11001</v>
      </c>
      <c r="F7564" s="6" t="s">
        <v>18</v>
      </c>
      <c r="G7564" s="6" t="s">
        <v>15222</v>
      </c>
      <c r="H7564" s="6" t="s">
        <v>15223</v>
      </c>
      <c r="I7564" s="7">
        <v>4.7492578999999999</v>
      </c>
      <c r="J7564" s="8">
        <v>-74.053904099999997</v>
      </c>
    </row>
    <row r="7565" spans="1:10" x14ac:dyDescent="0.35">
      <c r="A7565" s="5" t="s">
        <v>10</v>
      </c>
      <c r="B7565" s="6">
        <v>203238</v>
      </c>
      <c r="C7565" s="6" t="s">
        <v>68</v>
      </c>
      <c r="D7565" s="6" t="s">
        <v>69</v>
      </c>
      <c r="E7565" s="6">
        <v>11001</v>
      </c>
      <c r="F7565" s="6" t="s">
        <v>18</v>
      </c>
      <c r="G7565" s="6" t="s">
        <v>15224</v>
      </c>
      <c r="H7565" s="6" t="s">
        <v>15225</v>
      </c>
      <c r="I7565" s="7">
        <v>4.6274528999999998</v>
      </c>
      <c r="J7565" s="8">
        <v>-74.190301499999904</v>
      </c>
    </row>
    <row r="7566" spans="1:10" x14ac:dyDescent="0.35">
      <c r="A7566" s="5" t="s">
        <v>10</v>
      </c>
      <c r="B7566" s="6">
        <v>204284</v>
      </c>
      <c r="C7566" s="6" t="s">
        <v>68</v>
      </c>
      <c r="D7566" s="6" t="s">
        <v>69</v>
      </c>
      <c r="E7566" s="6">
        <v>11001</v>
      </c>
      <c r="F7566" s="6" t="s">
        <v>18</v>
      </c>
      <c r="G7566" s="6" t="s">
        <v>15226</v>
      </c>
      <c r="H7566" s="6" t="s">
        <v>15227</v>
      </c>
      <c r="I7566" s="7">
        <v>4.5695956999999998</v>
      </c>
      <c r="J7566" s="8">
        <v>-74.150770299999905</v>
      </c>
    </row>
    <row r="7567" spans="1:10" x14ac:dyDescent="0.35">
      <c r="A7567" s="5" t="s">
        <v>10</v>
      </c>
      <c r="B7567" s="6">
        <v>225844</v>
      </c>
      <c r="C7567" s="6" t="s">
        <v>302</v>
      </c>
      <c r="D7567" s="6" t="s">
        <v>359</v>
      </c>
      <c r="E7567" s="6">
        <v>8001</v>
      </c>
      <c r="F7567" s="6" t="s">
        <v>18</v>
      </c>
      <c r="G7567" s="6" t="s">
        <v>15228</v>
      </c>
      <c r="H7567" s="6" t="s">
        <v>15229</v>
      </c>
      <c r="I7567" s="7">
        <v>4.5332397999999996</v>
      </c>
      <c r="J7567" s="8">
        <v>-74.151154399999996</v>
      </c>
    </row>
    <row r="7568" spans="1:10" x14ac:dyDescent="0.35">
      <c r="A7568" s="5" t="s">
        <v>10</v>
      </c>
      <c r="B7568" s="6">
        <v>242597</v>
      </c>
      <c r="C7568" s="6" t="s">
        <v>68</v>
      </c>
      <c r="D7568" s="6" t="s">
        <v>69</v>
      </c>
      <c r="E7568" s="6">
        <v>11001</v>
      </c>
      <c r="F7568" s="6" t="s">
        <v>18</v>
      </c>
      <c r="G7568" s="6" t="s">
        <v>15230</v>
      </c>
      <c r="H7568" s="6" t="s">
        <v>15231</v>
      </c>
      <c r="I7568" s="7">
        <v>4.7385507000000002</v>
      </c>
      <c r="J7568" s="8">
        <v>-74.064917399999999</v>
      </c>
    </row>
    <row r="7569" spans="1:10" x14ac:dyDescent="0.35">
      <c r="A7569" s="5" t="s">
        <v>10</v>
      </c>
      <c r="B7569" s="6">
        <v>208196</v>
      </c>
      <c r="C7569" s="6" t="s">
        <v>68</v>
      </c>
      <c r="D7569" s="6" t="s">
        <v>69</v>
      </c>
      <c r="E7569" s="6">
        <v>11001</v>
      </c>
      <c r="F7569" s="6" t="s">
        <v>18</v>
      </c>
      <c r="G7569" s="6" t="s">
        <v>15232</v>
      </c>
      <c r="H7569" s="6" t="s">
        <v>15233</v>
      </c>
      <c r="I7569" s="7">
        <v>4.7394841999999997</v>
      </c>
      <c r="J7569" s="8">
        <v>-74.075239999999994</v>
      </c>
    </row>
    <row r="7570" spans="1:10" x14ac:dyDescent="0.35">
      <c r="A7570" s="5" t="s">
        <v>10</v>
      </c>
      <c r="B7570" s="6">
        <v>239272</v>
      </c>
      <c r="C7570" s="6" t="s">
        <v>68</v>
      </c>
      <c r="D7570" s="6" t="s">
        <v>69</v>
      </c>
      <c r="E7570" s="6">
        <v>11001</v>
      </c>
      <c r="F7570" s="6" t="s">
        <v>18</v>
      </c>
      <c r="G7570" s="6" t="s">
        <v>15234</v>
      </c>
      <c r="H7570" s="6" t="s">
        <v>15235</v>
      </c>
      <c r="I7570" s="7">
        <v>4.5499121000000002</v>
      </c>
      <c r="J7570" s="8">
        <v>-74.141087600000006</v>
      </c>
    </row>
    <row r="7571" spans="1:10" x14ac:dyDescent="0.35">
      <c r="A7571" s="5" t="s">
        <v>10</v>
      </c>
      <c r="B7571" s="6">
        <v>170739</v>
      </c>
      <c r="C7571" s="6" t="s">
        <v>466</v>
      </c>
      <c r="D7571" s="6" t="s">
        <v>1262</v>
      </c>
      <c r="E7571" s="6">
        <v>81001</v>
      </c>
      <c r="F7571" s="6" t="s">
        <v>18</v>
      </c>
      <c r="G7571" s="6" t="s">
        <v>15236</v>
      </c>
      <c r="H7571" s="6" t="s">
        <v>15237</v>
      </c>
      <c r="I7571" s="7">
        <v>7.0830886999999896</v>
      </c>
      <c r="J7571" s="8">
        <v>-70.756285499999905</v>
      </c>
    </row>
    <row r="7572" spans="1:10" x14ac:dyDescent="0.35">
      <c r="A7572" s="5" t="s">
        <v>10</v>
      </c>
      <c r="B7572" s="6">
        <v>190039</v>
      </c>
      <c r="C7572" s="6" t="s">
        <v>11</v>
      </c>
      <c r="D7572" s="6" t="s">
        <v>1193</v>
      </c>
      <c r="E7572" s="6">
        <v>25035</v>
      </c>
      <c r="F7572" s="6" t="s">
        <v>13</v>
      </c>
      <c r="G7572" s="6" t="s">
        <v>12374</v>
      </c>
      <c r="H7572" s="6" t="s">
        <v>15238</v>
      </c>
      <c r="I7572" s="7">
        <v>4.5507369999999998</v>
      </c>
      <c r="J7572" s="8">
        <v>-74.536911500000002</v>
      </c>
    </row>
    <row r="7573" spans="1:10" x14ac:dyDescent="0.35">
      <c r="A7573" s="5" t="s">
        <v>10</v>
      </c>
      <c r="B7573" s="6">
        <v>233067</v>
      </c>
      <c r="C7573" s="6" t="s">
        <v>68</v>
      </c>
      <c r="D7573" s="6" t="s">
        <v>69</v>
      </c>
      <c r="E7573" s="6">
        <v>11001</v>
      </c>
      <c r="F7573" s="6" t="s">
        <v>13</v>
      </c>
      <c r="G7573" s="6" t="s">
        <v>15239</v>
      </c>
      <c r="H7573" s="6" t="s">
        <v>15240</v>
      </c>
      <c r="I7573" s="7">
        <v>4.6676219000000003</v>
      </c>
      <c r="J7573" s="8">
        <v>-74.122821299999998</v>
      </c>
    </row>
    <row r="7574" spans="1:10" x14ac:dyDescent="0.35">
      <c r="A7574" s="5" t="s">
        <v>10</v>
      </c>
      <c r="B7574" s="6">
        <v>232421</v>
      </c>
      <c r="C7574" s="6" t="s">
        <v>11</v>
      </c>
      <c r="D7574" s="6" t="s">
        <v>101</v>
      </c>
      <c r="E7574" s="6">
        <v>25473</v>
      </c>
      <c r="F7574" s="6" t="s">
        <v>18</v>
      </c>
      <c r="G7574" s="6" t="s">
        <v>15241</v>
      </c>
      <c r="H7574" s="6" t="s">
        <v>15242</v>
      </c>
      <c r="I7574" s="7">
        <v>4.7232628999999999</v>
      </c>
      <c r="J7574" s="8">
        <v>-74.226423600000004</v>
      </c>
    </row>
    <row r="7575" spans="1:10" x14ac:dyDescent="0.35">
      <c r="A7575" s="5" t="s">
        <v>10</v>
      </c>
      <c r="B7575" s="6">
        <v>241644</v>
      </c>
      <c r="C7575" s="6" t="s">
        <v>457</v>
      </c>
      <c r="D7575" s="6" t="s">
        <v>15243</v>
      </c>
      <c r="E7575" s="6">
        <v>52378</v>
      </c>
      <c r="F7575" s="6" t="s">
        <v>18</v>
      </c>
      <c r="G7575" s="6" t="s">
        <v>15244</v>
      </c>
      <c r="H7575" s="6" t="s">
        <v>15245</v>
      </c>
      <c r="I7575" s="7">
        <v>1.2891509999999999</v>
      </c>
      <c r="J7575" s="8">
        <v>-77.357939999999999</v>
      </c>
    </row>
    <row r="7576" spans="1:10" x14ac:dyDescent="0.35">
      <c r="A7576" s="5" t="s">
        <v>10</v>
      </c>
      <c r="B7576" s="6">
        <v>216741</v>
      </c>
      <c r="C7576" s="6" t="s">
        <v>117</v>
      </c>
      <c r="D7576" s="6" t="s">
        <v>4096</v>
      </c>
      <c r="E7576" s="6">
        <v>76233</v>
      </c>
      <c r="F7576" s="6" t="s">
        <v>18</v>
      </c>
      <c r="G7576" s="6" t="s">
        <v>15246</v>
      </c>
      <c r="H7576" s="6" t="s">
        <v>15247</v>
      </c>
      <c r="I7576" s="7">
        <v>3.4378790000000001</v>
      </c>
      <c r="J7576" s="8">
        <v>-76.526083799999995</v>
      </c>
    </row>
    <row r="7577" spans="1:10" x14ac:dyDescent="0.35">
      <c r="A7577" s="5" t="s">
        <v>10</v>
      </c>
      <c r="B7577" s="6">
        <v>240825</v>
      </c>
      <c r="C7577" s="6" t="s">
        <v>190</v>
      </c>
      <c r="D7577" s="6" t="s">
        <v>4063</v>
      </c>
      <c r="E7577" s="6">
        <v>5088</v>
      </c>
      <c r="F7577" s="6" t="s">
        <v>18</v>
      </c>
      <c r="G7577" s="6" t="s">
        <v>15248</v>
      </c>
      <c r="H7577" s="6" t="s">
        <v>15249</v>
      </c>
      <c r="I7577" s="7">
        <v>6.3554085000000002</v>
      </c>
      <c r="J7577" s="8">
        <v>-75.569312300000007</v>
      </c>
    </row>
    <row r="7578" spans="1:10" x14ac:dyDescent="0.35">
      <c r="A7578" s="5" t="s">
        <v>10</v>
      </c>
      <c r="B7578" s="6">
        <v>242508</v>
      </c>
      <c r="C7578" s="6" t="s">
        <v>68</v>
      </c>
      <c r="D7578" s="6" t="s">
        <v>69</v>
      </c>
      <c r="E7578" s="6">
        <v>11001</v>
      </c>
      <c r="F7578" s="6" t="s">
        <v>18</v>
      </c>
      <c r="G7578" s="6" t="s">
        <v>15250</v>
      </c>
      <c r="H7578" s="6" t="s">
        <v>15251</v>
      </c>
      <c r="I7578" s="7">
        <v>4.7280177999999999</v>
      </c>
      <c r="J7578" s="8">
        <v>-74.043388199999995</v>
      </c>
    </row>
    <row r="7579" spans="1:10" x14ac:dyDescent="0.35">
      <c r="A7579" s="5" t="s">
        <v>10</v>
      </c>
      <c r="B7579" s="6">
        <v>242582</v>
      </c>
      <c r="C7579" s="6" t="s">
        <v>68</v>
      </c>
      <c r="D7579" s="6" t="s">
        <v>69</v>
      </c>
      <c r="E7579" s="6">
        <v>11001</v>
      </c>
      <c r="F7579" s="6" t="s">
        <v>18</v>
      </c>
      <c r="G7579" s="6" t="s">
        <v>15252</v>
      </c>
      <c r="H7579" s="6" t="s">
        <v>15253</v>
      </c>
      <c r="I7579" s="7">
        <v>4.5913424000000003</v>
      </c>
      <c r="J7579" s="8">
        <v>-74.138605799999993</v>
      </c>
    </row>
    <row r="7580" spans="1:10" x14ac:dyDescent="0.35">
      <c r="A7580" s="5" t="s">
        <v>10</v>
      </c>
      <c r="B7580" s="6">
        <v>242585</v>
      </c>
      <c r="C7580" s="6" t="s">
        <v>68</v>
      </c>
      <c r="D7580" s="6" t="s">
        <v>69</v>
      </c>
      <c r="E7580" s="6">
        <v>11001</v>
      </c>
      <c r="F7580" s="6" t="s">
        <v>18</v>
      </c>
      <c r="G7580" s="6" t="s">
        <v>15254</v>
      </c>
      <c r="H7580" s="6" t="s">
        <v>15255</v>
      </c>
      <c r="I7580" s="7">
        <v>4.6668507000000004</v>
      </c>
      <c r="J7580" s="8">
        <v>-74.078297399999997</v>
      </c>
    </row>
    <row r="7581" spans="1:10" x14ac:dyDescent="0.35">
      <c r="A7581" s="5" t="s">
        <v>10</v>
      </c>
      <c r="B7581" s="6">
        <v>246693</v>
      </c>
      <c r="C7581" s="6" t="s">
        <v>68</v>
      </c>
      <c r="D7581" s="6" t="s">
        <v>69</v>
      </c>
      <c r="E7581" s="6">
        <v>11001</v>
      </c>
      <c r="F7581" s="6" t="s">
        <v>18</v>
      </c>
      <c r="G7581" s="6" t="s">
        <v>15256</v>
      </c>
      <c r="H7581" s="6" t="s">
        <v>15257</v>
      </c>
      <c r="I7581" s="7">
        <v>4.6777676000000001</v>
      </c>
      <c r="J7581" s="8">
        <v>-74.102915999999993</v>
      </c>
    </row>
    <row r="7582" spans="1:10" x14ac:dyDescent="0.35">
      <c r="A7582" s="5" t="s">
        <v>10</v>
      </c>
      <c r="B7582" s="6">
        <v>211892</v>
      </c>
      <c r="C7582" s="6" t="s">
        <v>68</v>
      </c>
      <c r="D7582" s="6" t="s">
        <v>69</v>
      </c>
      <c r="E7582" s="6">
        <v>11001</v>
      </c>
      <c r="F7582" s="6" t="s">
        <v>18</v>
      </c>
      <c r="G7582" s="6" t="s">
        <v>15258</v>
      </c>
      <c r="H7582" s="6" t="s">
        <v>15259</v>
      </c>
      <c r="I7582" s="7">
        <v>4.5518869999999998</v>
      </c>
      <c r="J7582" s="8">
        <v>-74.095962200000002</v>
      </c>
    </row>
    <row r="7583" spans="1:10" x14ac:dyDescent="0.35">
      <c r="A7583" s="5" t="s">
        <v>10</v>
      </c>
      <c r="B7583" s="6">
        <v>212965</v>
      </c>
      <c r="C7583" s="6" t="s">
        <v>68</v>
      </c>
      <c r="D7583" s="6" t="s">
        <v>69</v>
      </c>
      <c r="E7583" s="6">
        <v>11001</v>
      </c>
      <c r="F7583" s="6" t="s">
        <v>18</v>
      </c>
      <c r="G7583" s="6" t="s">
        <v>15260</v>
      </c>
      <c r="H7583" s="6" t="s">
        <v>15261</v>
      </c>
      <c r="I7583" s="7">
        <v>4.6285617999999999</v>
      </c>
      <c r="J7583" s="8">
        <v>-74.164545699999906</v>
      </c>
    </row>
    <row r="7584" spans="1:10" x14ac:dyDescent="0.35">
      <c r="A7584" s="5" t="s">
        <v>10</v>
      </c>
      <c r="B7584" s="6">
        <v>221882</v>
      </c>
      <c r="C7584" s="6" t="s">
        <v>68</v>
      </c>
      <c r="D7584" s="6" t="s">
        <v>69</v>
      </c>
      <c r="E7584" s="6">
        <v>11001</v>
      </c>
      <c r="F7584" s="6" t="s">
        <v>18</v>
      </c>
      <c r="G7584" s="6" t="s">
        <v>15262</v>
      </c>
      <c r="H7584" s="6" t="s">
        <v>15263</v>
      </c>
      <c r="I7584" s="7">
        <v>4.6406321999999998</v>
      </c>
      <c r="J7584" s="8">
        <v>-74.074738400000001</v>
      </c>
    </row>
    <row r="7585" spans="1:10" x14ac:dyDescent="0.35">
      <c r="A7585" s="5" t="s">
        <v>10</v>
      </c>
      <c r="B7585" s="6">
        <v>235351</v>
      </c>
      <c r="C7585" s="6" t="s">
        <v>68</v>
      </c>
      <c r="D7585" s="6" t="s">
        <v>69</v>
      </c>
      <c r="E7585" s="6">
        <v>11001</v>
      </c>
      <c r="F7585" s="6" t="s">
        <v>18</v>
      </c>
      <c r="G7585" s="6" t="s">
        <v>15264</v>
      </c>
      <c r="H7585" s="6" t="s">
        <v>15265</v>
      </c>
      <c r="I7585" s="7">
        <v>4.6431084</v>
      </c>
      <c r="J7585" s="8">
        <v>-74.129319199999998</v>
      </c>
    </row>
    <row r="7586" spans="1:10" x14ac:dyDescent="0.35">
      <c r="A7586" s="5" t="s">
        <v>10</v>
      </c>
      <c r="B7586" s="6">
        <v>217256</v>
      </c>
      <c r="C7586" s="6" t="s">
        <v>68</v>
      </c>
      <c r="D7586" s="6" t="s">
        <v>69</v>
      </c>
      <c r="E7586" s="6">
        <v>11001</v>
      </c>
      <c r="F7586" s="6" t="s">
        <v>18</v>
      </c>
      <c r="G7586" s="6" t="s">
        <v>15266</v>
      </c>
      <c r="H7586" s="6" t="s">
        <v>15267</v>
      </c>
      <c r="I7586" s="7">
        <v>4.6126671000000004</v>
      </c>
      <c r="J7586" s="8">
        <v>-74.158255999999994</v>
      </c>
    </row>
    <row r="7587" spans="1:10" x14ac:dyDescent="0.35">
      <c r="A7587" s="5" t="s">
        <v>10</v>
      </c>
      <c r="B7587" s="6">
        <v>233924</v>
      </c>
      <c r="C7587" s="6" t="s">
        <v>68</v>
      </c>
      <c r="D7587" s="6" t="s">
        <v>69</v>
      </c>
      <c r="E7587" s="6">
        <v>11001</v>
      </c>
      <c r="F7587" s="6" t="s">
        <v>18</v>
      </c>
      <c r="G7587" s="6" t="s">
        <v>15268</v>
      </c>
      <c r="H7587" s="6" t="s">
        <v>15269</v>
      </c>
      <c r="I7587" s="7">
        <v>4.5923499999999997</v>
      </c>
      <c r="J7587" s="8">
        <v>-74.137458699999996</v>
      </c>
    </row>
    <row r="7588" spans="1:10" x14ac:dyDescent="0.35">
      <c r="A7588" s="5" t="s">
        <v>10</v>
      </c>
      <c r="B7588" s="6">
        <v>183927</v>
      </c>
      <c r="C7588" s="6" t="s">
        <v>68</v>
      </c>
      <c r="D7588" s="6" t="s">
        <v>69</v>
      </c>
      <c r="E7588" s="6">
        <v>11001</v>
      </c>
      <c r="F7588" s="6" t="s">
        <v>18</v>
      </c>
      <c r="G7588" s="6" t="s">
        <v>15270</v>
      </c>
      <c r="H7588" s="6" t="s">
        <v>15271</v>
      </c>
      <c r="I7588" s="7">
        <v>4.6687811999999997</v>
      </c>
      <c r="J7588" s="8">
        <v>-74.021543199999996</v>
      </c>
    </row>
    <row r="7589" spans="1:10" x14ac:dyDescent="0.35">
      <c r="A7589" s="5" t="s">
        <v>10</v>
      </c>
      <c r="B7589" s="6">
        <v>213228</v>
      </c>
      <c r="C7589" s="6" t="s">
        <v>11</v>
      </c>
      <c r="D7589" s="6" t="s">
        <v>334</v>
      </c>
      <c r="E7589" s="6">
        <v>25754</v>
      </c>
      <c r="F7589" s="6" t="s">
        <v>18</v>
      </c>
      <c r="G7589" s="6" t="s">
        <v>15272</v>
      </c>
      <c r="H7589" s="6" t="s">
        <v>15273</v>
      </c>
      <c r="I7589" s="7">
        <v>4.5813829999999998</v>
      </c>
      <c r="J7589" s="8">
        <v>-74.192496800000001</v>
      </c>
    </row>
    <row r="7590" spans="1:10" x14ac:dyDescent="0.35">
      <c r="A7590" s="5" t="s">
        <v>10</v>
      </c>
      <c r="B7590" s="6">
        <v>207442</v>
      </c>
      <c r="C7590" s="6" t="s">
        <v>190</v>
      </c>
      <c r="D7590" s="6" t="s">
        <v>11740</v>
      </c>
      <c r="E7590" s="6">
        <v>5376</v>
      </c>
      <c r="F7590" s="6" t="s">
        <v>18</v>
      </c>
      <c r="G7590" s="6" t="s">
        <v>15274</v>
      </c>
      <c r="H7590" s="6" t="s">
        <v>15275</v>
      </c>
      <c r="I7590" s="7">
        <v>6.0288643999999998</v>
      </c>
      <c r="J7590" s="8">
        <v>-75.435004500000005</v>
      </c>
    </row>
    <row r="7591" spans="1:10" x14ac:dyDescent="0.35">
      <c r="A7591" s="5" t="s">
        <v>10</v>
      </c>
      <c r="B7591" s="6">
        <v>230276</v>
      </c>
      <c r="C7591" s="6" t="s">
        <v>308</v>
      </c>
      <c r="D7591" s="6" t="s">
        <v>309</v>
      </c>
      <c r="E7591" s="6">
        <v>23001</v>
      </c>
      <c r="F7591" s="6" t="s">
        <v>13</v>
      </c>
      <c r="G7591" s="6" t="s">
        <v>15276</v>
      </c>
      <c r="H7591" s="6" t="s">
        <v>15277</v>
      </c>
      <c r="I7591" s="7">
        <v>8.7453360999999994</v>
      </c>
      <c r="J7591" s="8">
        <v>-75.894166299999995</v>
      </c>
    </row>
    <row r="7592" spans="1:10" x14ac:dyDescent="0.35">
      <c r="A7592" s="5" t="s">
        <v>10</v>
      </c>
      <c r="B7592" s="6">
        <v>202848</v>
      </c>
      <c r="C7592" s="6" t="s">
        <v>457</v>
      </c>
      <c r="D7592" s="6" t="s">
        <v>1086</v>
      </c>
      <c r="E7592" s="6">
        <v>52356</v>
      </c>
      <c r="F7592" s="6" t="s">
        <v>18</v>
      </c>
      <c r="G7592" s="6" t="s">
        <v>15278</v>
      </c>
      <c r="H7592" s="6" t="s">
        <v>15279</v>
      </c>
      <c r="I7592" s="7">
        <v>0.83811429999999998</v>
      </c>
      <c r="J7592" s="8">
        <v>-77.642146599999904</v>
      </c>
    </row>
    <row r="7593" spans="1:10" x14ac:dyDescent="0.35">
      <c r="A7593" s="5" t="s">
        <v>10</v>
      </c>
      <c r="B7593" s="6">
        <v>240876</v>
      </c>
      <c r="C7593" s="6" t="s">
        <v>190</v>
      </c>
      <c r="D7593" s="6" t="s">
        <v>15280</v>
      </c>
      <c r="E7593" s="6">
        <v>5145</v>
      </c>
      <c r="F7593" s="6" t="s">
        <v>18</v>
      </c>
      <c r="G7593" s="6" t="s">
        <v>15281</v>
      </c>
      <c r="H7593" s="6" t="s">
        <v>15282</v>
      </c>
      <c r="I7593" s="7">
        <v>5.5489560000000004</v>
      </c>
      <c r="J7593" s="8">
        <v>-75.643707000000006</v>
      </c>
    </row>
    <row r="7594" spans="1:10" x14ac:dyDescent="0.35">
      <c r="A7594" s="5" t="s">
        <v>10</v>
      </c>
      <c r="B7594" s="6">
        <v>203715</v>
      </c>
      <c r="C7594" s="6" t="s">
        <v>68</v>
      </c>
      <c r="D7594" s="6" t="s">
        <v>69</v>
      </c>
      <c r="E7594" s="6">
        <v>11001</v>
      </c>
      <c r="F7594" s="6" t="s">
        <v>18</v>
      </c>
      <c r="G7594" s="6" t="s">
        <v>15283</v>
      </c>
      <c r="H7594" s="6" t="s">
        <v>15284</v>
      </c>
      <c r="I7594" s="7">
        <v>4.6343477000000002</v>
      </c>
      <c r="J7594" s="8">
        <v>-74.182875600000003</v>
      </c>
    </row>
    <row r="7595" spans="1:10" x14ac:dyDescent="0.35">
      <c r="A7595" s="5" t="s">
        <v>10</v>
      </c>
      <c r="B7595" s="6">
        <v>205540</v>
      </c>
      <c r="C7595" s="6" t="s">
        <v>68</v>
      </c>
      <c r="D7595" s="6" t="s">
        <v>69</v>
      </c>
      <c r="E7595" s="6">
        <v>11001</v>
      </c>
      <c r="F7595" s="6" t="s">
        <v>18</v>
      </c>
      <c r="G7595" s="6" t="s">
        <v>15285</v>
      </c>
      <c r="H7595" s="6" t="s">
        <v>15286</v>
      </c>
      <c r="I7595" s="7">
        <v>4.6239492000000002</v>
      </c>
      <c r="J7595" s="8">
        <v>-74.208635099999995</v>
      </c>
    </row>
    <row r="7596" spans="1:10" x14ac:dyDescent="0.35">
      <c r="A7596" s="5" t="s">
        <v>10</v>
      </c>
      <c r="B7596" s="6">
        <v>235746</v>
      </c>
      <c r="C7596" s="6" t="s">
        <v>68</v>
      </c>
      <c r="D7596" s="6" t="s">
        <v>69</v>
      </c>
      <c r="E7596" s="6">
        <v>11001</v>
      </c>
      <c r="F7596" s="6" t="s">
        <v>18</v>
      </c>
      <c r="G7596" s="6" t="s">
        <v>15287</v>
      </c>
      <c r="H7596" s="6" t="s">
        <v>15288</v>
      </c>
      <c r="I7596" s="7">
        <v>4.6818930999999999</v>
      </c>
      <c r="J7596" s="8">
        <v>-74.151241799999994</v>
      </c>
    </row>
    <row r="7597" spans="1:10" x14ac:dyDescent="0.35">
      <c r="A7597" s="5" t="s">
        <v>10</v>
      </c>
      <c r="B7597" s="6">
        <v>181677</v>
      </c>
      <c r="C7597" s="6" t="s">
        <v>68</v>
      </c>
      <c r="D7597" s="6" t="s">
        <v>69</v>
      </c>
      <c r="E7597" s="6">
        <v>11001</v>
      </c>
      <c r="F7597" s="6" t="s">
        <v>18</v>
      </c>
      <c r="G7597" s="6" t="s">
        <v>15289</v>
      </c>
      <c r="H7597" s="6" t="s">
        <v>15290</v>
      </c>
      <c r="I7597" s="7">
        <v>4.5909192999999897</v>
      </c>
      <c r="J7597" s="8">
        <v>-74.137616600000001</v>
      </c>
    </row>
    <row r="7598" spans="1:10" x14ac:dyDescent="0.35">
      <c r="A7598" s="5" t="s">
        <v>10</v>
      </c>
      <c r="B7598" s="6">
        <v>207992</v>
      </c>
      <c r="C7598" s="6" t="s">
        <v>68</v>
      </c>
      <c r="D7598" s="6" t="s">
        <v>69</v>
      </c>
      <c r="E7598" s="6">
        <v>11001</v>
      </c>
      <c r="F7598" s="6" t="s">
        <v>18</v>
      </c>
      <c r="G7598" s="6" t="s">
        <v>15291</v>
      </c>
      <c r="H7598" s="6" t="s">
        <v>15292</v>
      </c>
      <c r="I7598" s="7">
        <v>4.5726927999999996</v>
      </c>
      <c r="J7598" s="8">
        <v>-74.171912599999999</v>
      </c>
    </row>
    <row r="7599" spans="1:10" x14ac:dyDescent="0.35">
      <c r="A7599" s="5" t="s">
        <v>10</v>
      </c>
      <c r="B7599" s="6">
        <v>208917</v>
      </c>
      <c r="C7599" s="6" t="s">
        <v>68</v>
      </c>
      <c r="D7599" s="6" t="s">
        <v>69</v>
      </c>
      <c r="E7599" s="6">
        <v>11001</v>
      </c>
      <c r="F7599" s="6" t="s">
        <v>18</v>
      </c>
      <c r="G7599" s="6" t="s">
        <v>15293</v>
      </c>
      <c r="H7599" s="6" t="s">
        <v>15294</v>
      </c>
      <c r="I7599" s="7">
        <v>4.6098659999999896</v>
      </c>
      <c r="J7599" s="8">
        <v>-74.184113600000003</v>
      </c>
    </row>
    <row r="7600" spans="1:10" x14ac:dyDescent="0.35">
      <c r="A7600" s="5" t="s">
        <v>10</v>
      </c>
      <c r="B7600" s="6">
        <v>239526</v>
      </c>
      <c r="C7600" s="6" t="s">
        <v>68</v>
      </c>
      <c r="D7600" s="6" t="s">
        <v>69</v>
      </c>
      <c r="E7600" s="6">
        <v>11001</v>
      </c>
      <c r="F7600" s="6" t="s">
        <v>18</v>
      </c>
      <c r="G7600" s="6" t="s">
        <v>15295</v>
      </c>
      <c r="H7600" s="6" t="s">
        <v>15296</v>
      </c>
      <c r="I7600" s="7">
        <v>4.6499800000000002</v>
      </c>
      <c r="J7600" s="8">
        <v>-74.134525800000006</v>
      </c>
    </row>
    <row r="7601" spans="1:10" x14ac:dyDescent="0.35">
      <c r="A7601" s="5" t="s">
        <v>10</v>
      </c>
      <c r="B7601" s="6">
        <v>205643</v>
      </c>
      <c r="C7601" s="6" t="s">
        <v>68</v>
      </c>
      <c r="D7601" s="6" t="s">
        <v>69</v>
      </c>
      <c r="E7601" s="6">
        <v>11001</v>
      </c>
      <c r="F7601" s="6" t="s">
        <v>18</v>
      </c>
      <c r="G7601" s="6" t="s">
        <v>15297</v>
      </c>
      <c r="H7601" s="6" t="s">
        <v>15298</v>
      </c>
      <c r="I7601" s="7">
        <v>4.7465511999999999</v>
      </c>
      <c r="J7601" s="8">
        <v>-74.113225</v>
      </c>
    </row>
    <row r="7602" spans="1:10" x14ac:dyDescent="0.35">
      <c r="A7602" s="5" t="s">
        <v>10</v>
      </c>
      <c r="B7602" s="6">
        <v>206089</v>
      </c>
      <c r="C7602" s="6" t="s">
        <v>68</v>
      </c>
      <c r="D7602" s="6" t="s">
        <v>69</v>
      </c>
      <c r="E7602" s="6">
        <v>11001</v>
      </c>
      <c r="F7602" s="6" t="s">
        <v>18</v>
      </c>
      <c r="G7602" s="6" t="s">
        <v>15299</v>
      </c>
      <c r="H7602" s="6" t="s">
        <v>15300</v>
      </c>
      <c r="I7602" s="7">
        <v>4.6107879000000001</v>
      </c>
      <c r="J7602" s="8">
        <v>-74.108100299999904</v>
      </c>
    </row>
    <row r="7603" spans="1:10" x14ac:dyDescent="0.35">
      <c r="A7603" s="5" t="s">
        <v>10</v>
      </c>
      <c r="B7603" s="6">
        <v>223555</v>
      </c>
      <c r="C7603" s="6" t="s">
        <v>68</v>
      </c>
      <c r="D7603" s="6" t="s">
        <v>69</v>
      </c>
      <c r="E7603" s="6">
        <v>11001</v>
      </c>
      <c r="F7603" s="6" t="s">
        <v>18</v>
      </c>
      <c r="G7603" s="6" t="s">
        <v>2391</v>
      </c>
      <c r="H7603" s="6" t="s">
        <v>15301</v>
      </c>
      <c r="I7603" s="7">
        <v>4.6671201</v>
      </c>
      <c r="J7603" s="8">
        <v>-74.022883899999997</v>
      </c>
    </row>
    <row r="7604" spans="1:10" x14ac:dyDescent="0.35">
      <c r="A7604" s="5" t="s">
        <v>10</v>
      </c>
      <c r="B7604" s="6">
        <v>232626</v>
      </c>
      <c r="C7604" s="6" t="s">
        <v>68</v>
      </c>
      <c r="D7604" s="6" t="s">
        <v>69</v>
      </c>
      <c r="E7604" s="6">
        <v>11001</v>
      </c>
      <c r="F7604" s="6" t="s">
        <v>18</v>
      </c>
      <c r="G7604" s="6" t="s">
        <v>15302</v>
      </c>
      <c r="H7604" s="6" t="s">
        <v>15303</v>
      </c>
      <c r="I7604" s="7">
        <v>4.6022777000000001</v>
      </c>
      <c r="J7604" s="8">
        <v>-74.131645000000006</v>
      </c>
    </row>
    <row r="7605" spans="1:10" x14ac:dyDescent="0.35">
      <c r="A7605" s="5" t="s">
        <v>10</v>
      </c>
      <c r="B7605" s="6">
        <v>237021</v>
      </c>
      <c r="C7605" s="6" t="s">
        <v>68</v>
      </c>
      <c r="D7605" s="6" t="s">
        <v>69</v>
      </c>
      <c r="E7605" s="6">
        <v>11001</v>
      </c>
      <c r="F7605" s="6" t="s">
        <v>18</v>
      </c>
      <c r="G7605" s="6" t="s">
        <v>15304</v>
      </c>
      <c r="H7605" s="6" t="s">
        <v>15305</v>
      </c>
      <c r="I7605" s="7">
        <v>4.6140891000000002</v>
      </c>
      <c r="J7605" s="8">
        <v>-74.177989299999993</v>
      </c>
    </row>
    <row r="7606" spans="1:10" x14ac:dyDescent="0.35">
      <c r="A7606" s="5" t="s">
        <v>10</v>
      </c>
      <c r="B7606" s="6">
        <v>130048</v>
      </c>
      <c r="C7606" s="6" t="s">
        <v>190</v>
      </c>
      <c r="D7606" s="6" t="s">
        <v>118</v>
      </c>
      <c r="E7606" s="6">
        <v>5400</v>
      </c>
      <c r="F7606" s="6" t="s">
        <v>18</v>
      </c>
      <c r="G7606" s="6" t="s">
        <v>15306</v>
      </c>
      <c r="H7606" s="6" t="s">
        <v>15307</v>
      </c>
      <c r="I7606" s="7">
        <v>5.9737393000000001</v>
      </c>
      <c r="J7606" s="8">
        <v>-75.361324600000003</v>
      </c>
    </row>
    <row r="7607" spans="1:10" x14ac:dyDescent="0.35">
      <c r="A7607" s="5" t="s">
        <v>10</v>
      </c>
      <c r="B7607" s="6">
        <v>204214</v>
      </c>
      <c r="C7607" s="6" t="s">
        <v>68</v>
      </c>
      <c r="D7607" s="6" t="s">
        <v>69</v>
      </c>
      <c r="E7607" s="6">
        <v>11001</v>
      </c>
      <c r="F7607" s="6" t="s">
        <v>13</v>
      </c>
      <c r="G7607" s="6" t="s">
        <v>15308</v>
      </c>
      <c r="H7607" s="6" t="s">
        <v>15309</v>
      </c>
      <c r="I7607" s="7">
        <v>4.5838956</v>
      </c>
      <c r="J7607" s="8">
        <v>-74.219697600000003</v>
      </c>
    </row>
    <row r="7608" spans="1:10" x14ac:dyDescent="0.35">
      <c r="A7608" s="5" t="s">
        <v>10</v>
      </c>
      <c r="B7608" s="6">
        <v>220588</v>
      </c>
      <c r="C7608" s="6" t="s">
        <v>117</v>
      </c>
      <c r="D7608" s="6" t="s">
        <v>1334</v>
      </c>
      <c r="E7608" s="6">
        <v>76001</v>
      </c>
      <c r="F7608" s="6" t="s">
        <v>18</v>
      </c>
      <c r="G7608" s="6" t="s">
        <v>15310</v>
      </c>
      <c r="H7608" s="6" t="s">
        <v>15311</v>
      </c>
      <c r="I7608" s="7">
        <v>3.4218093000000001</v>
      </c>
      <c r="J7608" s="8">
        <v>-76.508457999999905</v>
      </c>
    </row>
    <row r="7609" spans="1:10" x14ac:dyDescent="0.35">
      <c r="A7609" s="5" t="s">
        <v>10</v>
      </c>
      <c r="B7609" s="6">
        <v>207256</v>
      </c>
      <c r="C7609" s="6" t="s">
        <v>117</v>
      </c>
      <c r="D7609" s="6" t="s">
        <v>5316</v>
      </c>
      <c r="E7609" s="6">
        <v>76109</v>
      </c>
      <c r="F7609" s="6" t="s">
        <v>18</v>
      </c>
      <c r="G7609" s="6" t="s">
        <v>15312</v>
      </c>
      <c r="H7609" s="6" t="s">
        <v>15313</v>
      </c>
      <c r="I7609" s="7">
        <v>3.8766357999999999</v>
      </c>
      <c r="J7609" s="8">
        <v>-77.031937299999996</v>
      </c>
    </row>
    <row r="7610" spans="1:10" x14ac:dyDescent="0.35">
      <c r="A7610" s="5" t="s">
        <v>10</v>
      </c>
      <c r="B7610" s="6">
        <v>237451</v>
      </c>
      <c r="C7610" s="6" t="s">
        <v>117</v>
      </c>
      <c r="D7610" s="6" t="s">
        <v>12789</v>
      </c>
      <c r="E7610" s="6">
        <v>76497</v>
      </c>
      <c r="F7610" s="6" t="s">
        <v>18</v>
      </c>
      <c r="G7610" s="6" t="s">
        <v>15314</v>
      </c>
      <c r="H7610" s="6" t="s">
        <v>15315</v>
      </c>
      <c r="I7610" s="7">
        <v>4.5744727999999997</v>
      </c>
      <c r="J7610" s="8">
        <v>-75.973920300000003</v>
      </c>
    </row>
    <row r="7611" spans="1:10" x14ac:dyDescent="0.35">
      <c r="A7611" s="5" t="s">
        <v>10</v>
      </c>
      <c r="B7611" s="6">
        <v>245423</v>
      </c>
      <c r="C7611" s="6" t="s">
        <v>117</v>
      </c>
      <c r="D7611" s="6" t="s">
        <v>12447</v>
      </c>
      <c r="E7611" s="6">
        <v>76248</v>
      </c>
      <c r="F7611" s="6" t="s">
        <v>18</v>
      </c>
      <c r="G7611" s="6" t="s">
        <v>15316</v>
      </c>
      <c r="H7611" s="6" t="s">
        <v>15317</v>
      </c>
      <c r="I7611" s="7">
        <v>3.6840839999999999</v>
      </c>
      <c r="J7611" s="8">
        <v>-76.312995999999998</v>
      </c>
    </row>
    <row r="7612" spans="1:10" x14ac:dyDescent="0.35">
      <c r="A7612" s="5" t="s">
        <v>10</v>
      </c>
      <c r="B7612" s="6">
        <v>240878</v>
      </c>
      <c r="C7612" s="6" t="s">
        <v>190</v>
      </c>
      <c r="D7612" s="6" t="s">
        <v>191</v>
      </c>
      <c r="E7612" s="6">
        <v>5001</v>
      </c>
      <c r="F7612" s="6" t="s">
        <v>18</v>
      </c>
      <c r="G7612" s="6" t="s">
        <v>15318</v>
      </c>
      <c r="H7612" s="6" t="s">
        <v>15319</v>
      </c>
      <c r="I7612" s="7">
        <v>6.2860813999999996</v>
      </c>
      <c r="J7612" s="8">
        <v>-75.555216599999994</v>
      </c>
    </row>
    <row r="7613" spans="1:10" x14ac:dyDescent="0.35">
      <c r="A7613" s="5" t="s">
        <v>10</v>
      </c>
      <c r="B7613" s="6">
        <v>107073</v>
      </c>
      <c r="C7613" s="6" t="s">
        <v>308</v>
      </c>
      <c r="D7613" s="6" t="s">
        <v>15320</v>
      </c>
      <c r="E7613" s="6">
        <v>23168</v>
      </c>
      <c r="F7613" s="6" t="s">
        <v>13</v>
      </c>
      <c r="G7613" s="6" t="s">
        <v>11877</v>
      </c>
      <c r="H7613" s="6" t="s">
        <v>15321</v>
      </c>
      <c r="I7613" s="7">
        <v>8.0492930000000005</v>
      </c>
      <c r="J7613" s="8">
        <v>-75.57405</v>
      </c>
    </row>
    <row r="7614" spans="1:10" x14ac:dyDescent="0.35">
      <c r="A7614" s="5" t="s">
        <v>10</v>
      </c>
      <c r="B7614" s="6">
        <v>236411</v>
      </c>
      <c r="C7614" s="6" t="s">
        <v>68</v>
      </c>
      <c r="D7614" s="6" t="s">
        <v>69</v>
      </c>
      <c r="E7614" s="6">
        <v>11001</v>
      </c>
      <c r="F7614" s="6" t="s">
        <v>18</v>
      </c>
      <c r="G7614" s="6" t="s">
        <v>15322</v>
      </c>
      <c r="H7614" s="6" t="s">
        <v>15323</v>
      </c>
      <c r="I7614" s="7">
        <v>4.6315106999999998</v>
      </c>
      <c r="J7614" s="8">
        <v>-74.189184299999994</v>
      </c>
    </row>
    <row r="7615" spans="1:10" x14ac:dyDescent="0.35">
      <c r="A7615" s="5" t="s">
        <v>10</v>
      </c>
      <c r="B7615" s="6">
        <v>220779</v>
      </c>
      <c r="C7615" s="6" t="s">
        <v>68</v>
      </c>
      <c r="D7615" s="6" t="s">
        <v>69</v>
      </c>
      <c r="E7615" s="6">
        <v>11001</v>
      </c>
      <c r="F7615" s="6" t="s">
        <v>18</v>
      </c>
      <c r="G7615" s="6" t="s">
        <v>15324</v>
      </c>
      <c r="H7615" s="6" t="s">
        <v>15325</v>
      </c>
      <c r="I7615" s="7">
        <v>4.6046103</v>
      </c>
      <c r="J7615" s="8">
        <v>-74.185807999999994</v>
      </c>
    </row>
    <row r="7616" spans="1:10" x14ac:dyDescent="0.35">
      <c r="A7616" s="5" t="s">
        <v>10</v>
      </c>
      <c r="B7616" s="6">
        <v>238505</v>
      </c>
      <c r="C7616" s="6" t="s">
        <v>68</v>
      </c>
      <c r="D7616" s="6" t="s">
        <v>69</v>
      </c>
      <c r="E7616" s="6">
        <v>11001</v>
      </c>
      <c r="F7616" s="6" t="s">
        <v>18</v>
      </c>
      <c r="G7616" s="6" t="s">
        <v>15326</v>
      </c>
      <c r="H7616" s="6" t="s">
        <v>15327</v>
      </c>
      <c r="I7616" s="7">
        <v>4.5610263</v>
      </c>
      <c r="J7616" s="8">
        <v>-74.149554499999994</v>
      </c>
    </row>
    <row r="7617" spans="1:10" x14ac:dyDescent="0.35">
      <c r="A7617" s="5" t="s">
        <v>10</v>
      </c>
      <c r="B7617" s="6">
        <v>205346</v>
      </c>
      <c r="C7617" s="6" t="s">
        <v>68</v>
      </c>
      <c r="D7617" s="6" t="s">
        <v>69</v>
      </c>
      <c r="E7617" s="6">
        <v>11001</v>
      </c>
      <c r="F7617" s="6" t="s">
        <v>18</v>
      </c>
      <c r="G7617" s="6" t="s">
        <v>15328</v>
      </c>
      <c r="H7617" s="6" t="s">
        <v>15329</v>
      </c>
      <c r="I7617" s="7">
        <v>4.6862145000000002</v>
      </c>
      <c r="J7617" s="8">
        <v>-74.144195799999906</v>
      </c>
    </row>
    <row r="7618" spans="1:10" x14ac:dyDescent="0.35">
      <c r="A7618" s="5" t="s">
        <v>10</v>
      </c>
      <c r="B7618" s="6">
        <v>210447</v>
      </c>
      <c r="C7618" s="6" t="s">
        <v>68</v>
      </c>
      <c r="D7618" s="6" t="s">
        <v>69</v>
      </c>
      <c r="E7618" s="6">
        <v>11001</v>
      </c>
      <c r="F7618" s="6" t="s">
        <v>18</v>
      </c>
      <c r="G7618" s="6" t="s">
        <v>15330</v>
      </c>
      <c r="H7618" s="6" t="s">
        <v>15331</v>
      </c>
      <c r="I7618" s="7">
        <v>4.7170534999999996</v>
      </c>
      <c r="J7618" s="8">
        <v>-74.124594299999998</v>
      </c>
    </row>
    <row r="7619" spans="1:10" x14ac:dyDescent="0.35">
      <c r="A7619" s="5" t="s">
        <v>10</v>
      </c>
      <c r="B7619" s="6">
        <v>210453</v>
      </c>
      <c r="C7619" s="6" t="s">
        <v>68</v>
      </c>
      <c r="D7619" s="6" t="s">
        <v>69</v>
      </c>
      <c r="E7619" s="6">
        <v>11001</v>
      </c>
      <c r="F7619" s="6" t="s">
        <v>18</v>
      </c>
      <c r="G7619" s="6" t="s">
        <v>15332</v>
      </c>
      <c r="H7619" s="6" t="s">
        <v>15333</v>
      </c>
      <c r="I7619" s="7">
        <v>4.5877096000000002</v>
      </c>
      <c r="J7619" s="8">
        <v>-74.167791600000001</v>
      </c>
    </row>
    <row r="7620" spans="1:10" x14ac:dyDescent="0.35">
      <c r="A7620" s="5" t="s">
        <v>10</v>
      </c>
      <c r="B7620" s="6">
        <v>208555</v>
      </c>
      <c r="C7620" s="6" t="s">
        <v>68</v>
      </c>
      <c r="D7620" s="6" t="s">
        <v>69</v>
      </c>
      <c r="E7620" s="6">
        <v>11001</v>
      </c>
      <c r="F7620" s="6" t="s">
        <v>18</v>
      </c>
      <c r="G7620" s="6" t="s">
        <v>15334</v>
      </c>
      <c r="H7620" s="6" t="s">
        <v>15335</v>
      </c>
      <c r="I7620" s="7">
        <v>4.7095129</v>
      </c>
      <c r="J7620" s="8">
        <v>-74.119350699999998</v>
      </c>
    </row>
    <row r="7621" spans="1:10" x14ac:dyDescent="0.35">
      <c r="A7621" s="5" t="s">
        <v>10</v>
      </c>
      <c r="B7621" s="6">
        <v>224176</v>
      </c>
      <c r="C7621" s="6" t="s">
        <v>68</v>
      </c>
      <c r="D7621" s="6" t="s">
        <v>69</v>
      </c>
      <c r="E7621" s="6">
        <v>11001</v>
      </c>
      <c r="F7621" s="6" t="s">
        <v>18</v>
      </c>
      <c r="G7621" s="6" t="s">
        <v>15336</v>
      </c>
      <c r="H7621" s="6" t="s">
        <v>15337</v>
      </c>
      <c r="I7621" s="7">
        <v>4.5686362999999997</v>
      </c>
      <c r="J7621" s="8">
        <v>-74.149984699999905</v>
      </c>
    </row>
    <row r="7622" spans="1:10" x14ac:dyDescent="0.35">
      <c r="A7622" s="5" t="s">
        <v>10</v>
      </c>
      <c r="B7622" s="6">
        <v>242200</v>
      </c>
      <c r="C7622" s="6" t="s">
        <v>68</v>
      </c>
      <c r="D7622" s="6" t="s">
        <v>69</v>
      </c>
      <c r="E7622" s="6">
        <v>11001</v>
      </c>
      <c r="F7622" s="6" t="s">
        <v>18</v>
      </c>
      <c r="G7622" s="6" t="s">
        <v>15338</v>
      </c>
      <c r="H7622" s="6" t="s">
        <v>15339</v>
      </c>
      <c r="I7622" s="7">
        <v>4.7327352999999999</v>
      </c>
      <c r="J7622" s="8">
        <v>-74.028053600000007</v>
      </c>
    </row>
    <row r="7623" spans="1:10" x14ac:dyDescent="0.35">
      <c r="A7623" s="5" t="s">
        <v>10</v>
      </c>
      <c r="B7623" s="6">
        <v>244037</v>
      </c>
      <c r="C7623" s="6" t="s">
        <v>68</v>
      </c>
      <c r="D7623" s="6" t="s">
        <v>69</v>
      </c>
      <c r="E7623" s="6">
        <v>11001</v>
      </c>
      <c r="F7623" s="6" t="s">
        <v>18</v>
      </c>
      <c r="G7623" s="6" t="s">
        <v>15340</v>
      </c>
      <c r="H7623" s="6" t="s">
        <v>15341</v>
      </c>
      <c r="I7623" s="7">
        <v>4.5132801000000002</v>
      </c>
      <c r="J7623" s="8">
        <v>-74.119442800000002</v>
      </c>
    </row>
    <row r="7624" spans="1:10" x14ac:dyDescent="0.35">
      <c r="A7624" s="5" t="s">
        <v>10</v>
      </c>
      <c r="B7624" s="6">
        <v>163695</v>
      </c>
      <c r="C7624" s="6" t="s">
        <v>190</v>
      </c>
      <c r="D7624" s="6" t="s">
        <v>15342</v>
      </c>
      <c r="E7624" s="6">
        <v>5440</v>
      </c>
      <c r="F7624" s="6" t="s">
        <v>18</v>
      </c>
      <c r="G7624" s="6" t="s">
        <v>15343</v>
      </c>
      <c r="H7624" s="6" t="s">
        <v>15344</v>
      </c>
      <c r="I7624" s="7">
        <v>6.1769619999999996</v>
      </c>
      <c r="J7624" s="8">
        <v>-75.332877999999994</v>
      </c>
    </row>
    <row r="7625" spans="1:10" x14ac:dyDescent="0.35">
      <c r="A7625" s="5" t="s">
        <v>10</v>
      </c>
      <c r="B7625" s="6">
        <v>236497</v>
      </c>
      <c r="C7625" s="6" t="s">
        <v>117</v>
      </c>
      <c r="D7625" s="6" t="s">
        <v>15345</v>
      </c>
      <c r="E7625" s="6">
        <v>76563</v>
      </c>
      <c r="F7625" s="6" t="s">
        <v>18</v>
      </c>
      <c r="G7625" s="6" t="s">
        <v>15346</v>
      </c>
      <c r="H7625" s="6" t="s">
        <v>15347</v>
      </c>
      <c r="I7625" s="7">
        <v>3.4215512000000001</v>
      </c>
      <c r="J7625" s="8">
        <v>-76.242419299999995</v>
      </c>
    </row>
    <row r="7626" spans="1:10" x14ac:dyDescent="0.35">
      <c r="A7626" s="5" t="s">
        <v>10</v>
      </c>
      <c r="B7626" s="6">
        <v>211162</v>
      </c>
      <c r="C7626" s="6" t="s">
        <v>68</v>
      </c>
      <c r="D7626" s="6" t="s">
        <v>69</v>
      </c>
      <c r="E7626" s="6">
        <v>11001</v>
      </c>
      <c r="F7626" s="6" t="s">
        <v>18</v>
      </c>
      <c r="G7626" s="6" t="s">
        <v>15348</v>
      </c>
      <c r="H7626" s="6" t="s">
        <v>15349</v>
      </c>
      <c r="I7626" s="7">
        <v>4.6146199000000001</v>
      </c>
      <c r="J7626" s="8">
        <v>-74.177262400000004</v>
      </c>
    </row>
    <row r="7627" spans="1:10" x14ac:dyDescent="0.35">
      <c r="A7627" s="5" t="s">
        <v>10</v>
      </c>
      <c r="B7627" s="6">
        <v>198806</v>
      </c>
      <c r="C7627" s="6" t="s">
        <v>68</v>
      </c>
      <c r="D7627" s="6" t="s">
        <v>69</v>
      </c>
      <c r="E7627" s="6">
        <v>11001</v>
      </c>
      <c r="F7627" s="6" t="s">
        <v>18</v>
      </c>
      <c r="G7627" s="6" t="s">
        <v>15350</v>
      </c>
      <c r="H7627" s="6" t="s">
        <v>15351</v>
      </c>
      <c r="I7627" s="7">
        <v>4.7419770999999997</v>
      </c>
      <c r="J7627" s="8">
        <v>-74.128484399999905</v>
      </c>
    </row>
    <row r="7628" spans="1:10" x14ac:dyDescent="0.35">
      <c r="A7628" s="5" t="s">
        <v>10</v>
      </c>
      <c r="B7628" s="6">
        <v>203677</v>
      </c>
      <c r="C7628" s="6" t="s">
        <v>68</v>
      </c>
      <c r="D7628" s="6" t="s">
        <v>69</v>
      </c>
      <c r="E7628" s="6">
        <v>11001</v>
      </c>
      <c r="F7628" s="6" t="s">
        <v>18</v>
      </c>
      <c r="G7628" s="6" t="s">
        <v>15352</v>
      </c>
      <c r="H7628" s="6" t="s">
        <v>15353</v>
      </c>
      <c r="I7628" s="7">
        <v>4.6884199999999998</v>
      </c>
      <c r="J7628" s="8">
        <v>-74.102012999999999</v>
      </c>
    </row>
    <row r="7629" spans="1:10" x14ac:dyDescent="0.35">
      <c r="A7629" s="5" t="s">
        <v>10</v>
      </c>
      <c r="B7629" s="6">
        <v>235228</v>
      </c>
      <c r="C7629" s="6" t="s">
        <v>68</v>
      </c>
      <c r="D7629" s="6" t="s">
        <v>69</v>
      </c>
      <c r="E7629" s="6">
        <v>11001</v>
      </c>
      <c r="F7629" s="6" t="s">
        <v>18</v>
      </c>
      <c r="G7629" s="6" t="s">
        <v>15354</v>
      </c>
      <c r="H7629" s="6" t="s">
        <v>15355</v>
      </c>
      <c r="I7629" s="7">
        <v>4.6366053000000003</v>
      </c>
      <c r="J7629" s="8">
        <v>-74.165643599999996</v>
      </c>
    </row>
    <row r="7630" spans="1:10" x14ac:dyDescent="0.35">
      <c r="A7630" s="5" t="s">
        <v>10</v>
      </c>
      <c r="B7630" s="6">
        <v>201163</v>
      </c>
      <c r="C7630" s="6" t="s">
        <v>68</v>
      </c>
      <c r="D7630" s="6" t="s">
        <v>69</v>
      </c>
      <c r="E7630" s="6">
        <v>11001</v>
      </c>
      <c r="F7630" s="6" t="s">
        <v>18</v>
      </c>
      <c r="G7630" s="6" t="s">
        <v>15356</v>
      </c>
      <c r="H7630" s="6" t="s">
        <v>15357</v>
      </c>
      <c r="I7630" s="7">
        <v>4.5363901999999996</v>
      </c>
      <c r="J7630" s="8">
        <v>-74.114716900000005</v>
      </c>
    </row>
    <row r="7631" spans="1:10" x14ac:dyDescent="0.35">
      <c r="A7631" s="5" t="s">
        <v>10</v>
      </c>
      <c r="B7631" s="6">
        <v>242049</v>
      </c>
      <c r="C7631" s="6" t="s">
        <v>68</v>
      </c>
      <c r="D7631" s="6" t="s">
        <v>69</v>
      </c>
      <c r="E7631" s="6">
        <v>11001</v>
      </c>
      <c r="F7631" s="6" t="s">
        <v>18</v>
      </c>
      <c r="G7631" s="6" t="s">
        <v>15358</v>
      </c>
      <c r="H7631" s="6" t="s">
        <v>15359</v>
      </c>
      <c r="I7631" s="7">
        <v>4.6085387999999998</v>
      </c>
      <c r="J7631" s="8">
        <v>-74.0979423</v>
      </c>
    </row>
    <row r="7632" spans="1:10" x14ac:dyDescent="0.35">
      <c r="A7632" s="5" t="s">
        <v>10</v>
      </c>
      <c r="B7632" s="6">
        <v>245193</v>
      </c>
      <c r="C7632" s="6" t="s">
        <v>68</v>
      </c>
      <c r="D7632" s="6" t="s">
        <v>69</v>
      </c>
      <c r="E7632" s="6">
        <v>11001</v>
      </c>
      <c r="F7632" s="6" t="s">
        <v>18</v>
      </c>
      <c r="G7632" s="6" t="s">
        <v>15360</v>
      </c>
      <c r="H7632" s="6" t="s">
        <v>15361</v>
      </c>
      <c r="I7632" s="7">
        <v>4.5412077000000002</v>
      </c>
      <c r="J7632" s="8">
        <v>-74.155631099999994</v>
      </c>
    </row>
    <row r="7633" spans="1:10" x14ac:dyDescent="0.35">
      <c r="A7633" s="5" t="s">
        <v>10</v>
      </c>
      <c r="B7633" s="6">
        <v>206939</v>
      </c>
      <c r="C7633" s="6" t="s">
        <v>2130</v>
      </c>
      <c r="D7633" s="6" t="s">
        <v>2131</v>
      </c>
      <c r="E7633" s="6">
        <v>85001</v>
      </c>
      <c r="F7633" s="6" t="s">
        <v>18</v>
      </c>
      <c r="G7633" s="6" t="s">
        <v>15362</v>
      </c>
      <c r="H7633" s="6" t="s">
        <v>15363</v>
      </c>
      <c r="I7633" s="7">
        <v>5.348903</v>
      </c>
      <c r="J7633" s="8">
        <v>-72.400522999999893</v>
      </c>
    </row>
    <row r="7634" spans="1:10" x14ac:dyDescent="0.35">
      <c r="A7634" s="5" t="s">
        <v>10</v>
      </c>
      <c r="B7634" s="6">
        <v>210744</v>
      </c>
      <c r="C7634" s="6" t="s">
        <v>302</v>
      </c>
      <c r="D7634" s="6" t="s">
        <v>8024</v>
      </c>
      <c r="E7634" s="6">
        <v>8078</v>
      </c>
      <c r="F7634" s="6" t="s">
        <v>13</v>
      </c>
      <c r="G7634" s="6" t="s">
        <v>15364</v>
      </c>
      <c r="H7634" s="6" t="s">
        <v>15365</v>
      </c>
      <c r="I7634" s="7">
        <v>10.794323</v>
      </c>
      <c r="J7634" s="8">
        <v>-74.916064700000007</v>
      </c>
    </row>
    <row r="7635" spans="1:10" x14ac:dyDescent="0.35">
      <c r="A7635" s="5" t="s">
        <v>10</v>
      </c>
      <c r="B7635" s="6">
        <v>109722</v>
      </c>
      <c r="C7635" s="6" t="s">
        <v>11</v>
      </c>
      <c r="D7635" s="6" t="s">
        <v>3763</v>
      </c>
      <c r="E7635" s="6">
        <v>25438</v>
      </c>
      <c r="F7635" s="6" t="s">
        <v>18</v>
      </c>
      <c r="G7635" s="6" t="s">
        <v>15366</v>
      </c>
      <c r="H7635" s="6" t="s">
        <v>15367</v>
      </c>
      <c r="I7635" s="7">
        <v>4.5083989999999998</v>
      </c>
      <c r="J7635" s="8">
        <v>-73.349852999999996</v>
      </c>
    </row>
    <row r="7636" spans="1:10" x14ac:dyDescent="0.35">
      <c r="A7636" s="5" t="s">
        <v>10</v>
      </c>
      <c r="B7636" s="6">
        <v>230739</v>
      </c>
      <c r="C7636" s="6" t="s">
        <v>190</v>
      </c>
      <c r="D7636" s="6" t="s">
        <v>15368</v>
      </c>
      <c r="E7636" s="6">
        <v>5002</v>
      </c>
      <c r="F7636" s="6" t="s">
        <v>18</v>
      </c>
      <c r="G7636" s="6" t="s">
        <v>15369</v>
      </c>
      <c r="H7636" s="6" t="s">
        <v>15370</v>
      </c>
      <c r="I7636" s="7">
        <v>6.3322317999999997</v>
      </c>
      <c r="J7636" s="8">
        <v>-75.559861799999993</v>
      </c>
    </row>
    <row r="7637" spans="1:10" x14ac:dyDescent="0.35">
      <c r="A7637" s="5" t="s">
        <v>10</v>
      </c>
      <c r="B7637" s="6">
        <v>206178</v>
      </c>
      <c r="C7637" s="6" t="s">
        <v>68</v>
      </c>
      <c r="D7637" s="6" t="s">
        <v>69</v>
      </c>
      <c r="E7637" s="6">
        <v>11001</v>
      </c>
      <c r="F7637" s="6" t="s">
        <v>18</v>
      </c>
      <c r="G7637" s="6" t="s">
        <v>15371</v>
      </c>
      <c r="H7637" s="6" t="s">
        <v>15372</v>
      </c>
      <c r="I7637" s="7">
        <v>4.6399080000000001</v>
      </c>
      <c r="J7637" s="8">
        <v>-74.168323000000001</v>
      </c>
    </row>
    <row r="7638" spans="1:10" x14ac:dyDescent="0.35">
      <c r="A7638" s="5" t="s">
        <v>10</v>
      </c>
      <c r="B7638" s="6">
        <v>209931</v>
      </c>
      <c r="C7638" s="6" t="s">
        <v>68</v>
      </c>
      <c r="D7638" s="6" t="s">
        <v>69</v>
      </c>
      <c r="E7638" s="6">
        <v>11001</v>
      </c>
      <c r="F7638" s="6" t="s">
        <v>18</v>
      </c>
      <c r="G7638" s="6" t="s">
        <v>15373</v>
      </c>
      <c r="H7638" s="6" t="s">
        <v>15374</v>
      </c>
      <c r="I7638" s="7">
        <v>4.6686521000000001</v>
      </c>
      <c r="J7638" s="8">
        <v>-74.019339799999997</v>
      </c>
    </row>
    <row r="7639" spans="1:10" x14ac:dyDescent="0.35">
      <c r="A7639" s="5" t="s">
        <v>10</v>
      </c>
      <c r="B7639" s="6">
        <v>237869</v>
      </c>
      <c r="C7639" s="6" t="s">
        <v>68</v>
      </c>
      <c r="D7639" s="6" t="s">
        <v>69</v>
      </c>
      <c r="E7639" s="6">
        <v>11001</v>
      </c>
      <c r="F7639" s="6" t="s">
        <v>18</v>
      </c>
      <c r="G7639" s="6" t="s">
        <v>15375</v>
      </c>
      <c r="H7639" s="6" t="s">
        <v>15376</v>
      </c>
      <c r="I7639" s="7">
        <v>4.5820897</v>
      </c>
      <c r="J7639" s="8">
        <v>-74.116993100000002</v>
      </c>
    </row>
    <row r="7640" spans="1:10" x14ac:dyDescent="0.35">
      <c r="A7640" s="5" t="s">
        <v>10</v>
      </c>
      <c r="B7640" s="6">
        <v>243509</v>
      </c>
      <c r="C7640" s="6" t="s">
        <v>68</v>
      </c>
      <c r="D7640" s="6" t="s">
        <v>69</v>
      </c>
      <c r="E7640" s="6">
        <v>11001</v>
      </c>
      <c r="F7640" s="6" t="s">
        <v>18</v>
      </c>
      <c r="G7640" s="6" t="s">
        <v>15377</v>
      </c>
      <c r="H7640" s="6" t="s">
        <v>15378</v>
      </c>
      <c r="I7640" s="7">
        <v>4.5842036000000004</v>
      </c>
      <c r="J7640" s="8">
        <v>-74.131822499999998</v>
      </c>
    </row>
    <row r="7641" spans="1:10" x14ac:dyDescent="0.35">
      <c r="A7641" s="5" t="s">
        <v>10</v>
      </c>
      <c r="B7641" s="6">
        <v>229571</v>
      </c>
      <c r="C7641" s="6" t="s">
        <v>68</v>
      </c>
      <c r="D7641" s="6" t="s">
        <v>69</v>
      </c>
      <c r="E7641" s="6">
        <v>11001</v>
      </c>
      <c r="F7641" s="6" t="s">
        <v>18</v>
      </c>
      <c r="G7641" s="6" t="s">
        <v>15379</v>
      </c>
      <c r="H7641" s="6" t="s">
        <v>15380</v>
      </c>
      <c r="I7641" s="7">
        <v>4.5161530000000001</v>
      </c>
      <c r="J7641" s="8">
        <v>-74.105639800000006</v>
      </c>
    </row>
    <row r="7642" spans="1:10" x14ac:dyDescent="0.35">
      <c r="A7642" s="5" t="s">
        <v>10</v>
      </c>
      <c r="B7642" s="6">
        <v>247959</v>
      </c>
      <c r="C7642" s="6" t="s">
        <v>68</v>
      </c>
      <c r="D7642" s="6" t="s">
        <v>69</v>
      </c>
      <c r="E7642" s="6">
        <v>11001</v>
      </c>
      <c r="F7642" s="6" t="s">
        <v>18</v>
      </c>
      <c r="G7642" s="6" t="s">
        <v>15381</v>
      </c>
      <c r="H7642" s="6" t="s">
        <v>15382</v>
      </c>
      <c r="I7642" s="7">
        <v>4.5882541999999997</v>
      </c>
      <c r="J7642" s="8">
        <v>-74.100131500000003</v>
      </c>
    </row>
    <row r="7643" spans="1:10" x14ac:dyDescent="0.35">
      <c r="A7643" s="5" t="s">
        <v>10</v>
      </c>
      <c r="B7643" s="6">
        <v>217307</v>
      </c>
      <c r="C7643" s="6" t="s">
        <v>68</v>
      </c>
      <c r="D7643" s="6" t="s">
        <v>69</v>
      </c>
      <c r="E7643" s="6">
        <v>11001</v>
      </c>
      <c r="F7643" s="6" t="s">
        <v>18</v>
      </c>
      <c r="G7643" s="6" t="s">
        <v>15383</v>
      </c>
      <c r="H7643" s="6" t="s">
        <v>15384</v>
      </c>
      <c r="I7643" s="7">
        <v>4.7328954999999997</v>
      </c>
      <c r="J7643" s="8">
        <v>-74.095530600000004</v>
      </c>
    </row>
    <row r="7644" spans="1:10" x14ac:dyDescent="0.35">
      <c r="A7644" s="5" t="s">
        <v>10</v>
      </c>
      <c r="B7644" s="6">
        <v>234966</v>
      </c>
      <c r="C7644" s="6" t="s">
        <v>68</v>
      </c>
      <c r="D7644" s="6" t="s">
        <v>69</v>
      </c>
      <c r="E7644" s="6">
        <v>11001</v>
      </c>
      <c r="F7644" s="6" t="s">
        <v>18</v>
      </c>
      <c r="G7644" s="6" t="s">
        <v>15385</v>
      </c>
      <c r="H7644" s="6" t="s">
        <v>15386</v>
      </c>
      <c r="I7644" s="7">
        <v>4.6003471999999999</v>
      </c>
      <c r="J7644" s="8">
        <v>-74.132752199999999</v>
      </c>
    </row>
    <row r="7645" spans="1:10" x14ac:dyDescent="0.35">
      <c r="A7645" s="5" t="s">
        <v>10</v>
      </c>
      <c r="B7645" s="6">
        <v>247711</v>
      </c>
      <c r="C7645" s="6" t="s">
        <v>68</v>
      </c>
      <c r="D7645" s="6" t="s">
        <v>69</v>
      </c>
      <c r="E7645" s="6">
        <v>11001</v>
      </c>
      <c r="F7645" s="6" t="s">
        <v>18</v>
      </c>
      <c r="G7645" s="6" t="s">
        <v>15387</v>
      </c>
      <c r="H7645" s="6" t="s">
        <v>15388</v>
      </c>
      <c r="I7645" s="7">
        <v>4.6310646999999996</v>
      </c>
      <c r="J7645" s="8">
        <v>-74.204145199999999</v>
      </c>
    </row>
    <row r="7646" spans="1:10" x14ac:dyDescent="0.35">
      <c r="A7646" s="5" t="s">
        <v>10</v>
      </c>
      <c r="B7646" s="6">
        <v>181253</v>
      </c>
      <c r="C7646" s="6" t="s">
        <v>68</v>
      </c>
      <c r="D7646" s="6" t="s">
        <v>69</v>
      </c>
      <c r="E7646" s="6">
        <v>11001</v>
      </c>
      <c r="F7646" s="6" t="s">
        <v>18</v>
      </c>
      <c r="G7646" s="6" t="s">
        <v>186</v>
      </c>
      <c r="H7646" s="6" t="s">
        <v>15389</v>
      </c>
      <c r="I7646" s="7">
        <v>4.5705235999999996</v>
      </c>
      <c r="J7646" s="8">
        <v>-74.082432599999905</v>
      </c>
    </row>
    <row r="7647" spans="1:10" x14ac:dyDescent="0.35">
      <c r="A7647" s="5" t="s">
        <v>10</v>
      </c>
      <c r="B7647" s="6">
        <v>224733</v>
      </c>
      <c r="C7647" s="6" t="s">
        <v>68</v>
      </c>
      <c r="D7647" s="6" t="s">
        <v>69</v>
      </c>
      <c r="E7647" s="6">
        <v>11001</v>
      </c>
      <c r="F7647" s="6" t="s">
        <v>18</v>
      </c>
      <c r="G7647" s="6" t="s">
        <v>15390</v>
      </c>
      <c r="H7647" s="6" t="s">
        <v>15391</v>
      </c>
      <c r="I7647" s="7">
        <v>4.5964415999999897</v>
      </c>
      <c r="J7647" s="8">
        <v>-74.106790199999907</v>
      </c>
    </row>
    <row r="7648" spans="1:10" x14ac:dyDescent="0.35">
      <c r="A7648" s="5" t="s">
        <v>10</v>
      </c>
      <c r="B7648" s="6">
        <v>231004</v>
      </c>
      <c r="C7648" s="6" t="s">
        <v>68</v>
      </c>
      <c r="D7648" s="6" t="s">
        <v>69</v>
      </c>
      <c r="E7648" s="6">
        <v>11001</v>
      </c>
      <c r="F7648" s="6" t="s">
        <v>18</v>
      </c>
      <c r="G7648" s="6" t="s">
        <v>15392</v>
      </c>
      <c r="H7648" s="6" t="s">
        <v>15393</v>
      </c>
      <c r="I7648" s="7">
        <v>4.750718</v>
      </c>
      <c r="J7648" s="8">
        <v>-74.112785400000007</v>
      </c>
    </row>
    <row r="7649" spans="1:10" x14ac:dyDescent="0.35">
      <c r="A7649" s="5" t="s">
        <v>10</v>
      </c>
      <c r="B7649" s="6">
        <v>234331</v>
      </c>
      <c r="C7649" s="6" t="s">
        <v>68</v>
      </c>
      <c r="D7649" s="6" t="s">
        <v>69</v>
      </c>
      <c r="E7649" s="6">
        <v>11001</v>
      </c>
      <c r="F7649" s="6" t="s">
        <v>18</v>
      </c>
      <c r="G7649" s="6" t="s">
        <v>15394</v>
      </c>
      <c r="H7649" s="6" t="s">
        <v>15395</v>
      </c>
      <c r="I7649" s="7">
        <v>4.6013994</v>
      </c>
      <c r="J7649" s="8">
        <v>-74.076353400000002</v>
      </c>
    </row>
    <row r="7650" spans="1:10" x14ac:dyDescent="0.35">
      <c r="A7650" s="5" t="s">
        <v>10</v>
      </c>
      <c r="B7650" s="6">
        <v>240133</v>
      </c>
      <c r="C7650" s="6" t="s">
        <v>68</v>
      </c>
      <c r="D7650" s="6" t="s">
        <v>69</v>
      </c>
      <c r="E7650" s="6">
        <v>11001</v>
      </c>
      <c r="F7650" s="6" t="s">
        <v>18</v>
      </c>
      <c r="G7650" s="6" t="s">
        <v>15396</v>
      </c>
      <c r="H7650" s="6" t="s">
        <v>15397</v>
      </c>
      <c r="I7650" s="7">
        <v>4.7636358999999997</v>
      </c>
      <c r="J7650" s="8">
        <v>-74.029882400000005</v>
      </c>
    </row>
    <row r="7651" spans="1:10" x14ac:dyDescent="0.35">
      <c r="A7651" s="5" t="s">
        <v>10</v>
      </c>
      <c r="B7651" s="6">
        <v>236235</v>
      </c>
      <c r="C7651" s="6" t="s">
        <v>68</v>
      </c>
      <c r="D7651" s="6" t="s">
        <v>69</v>
      </c>
      <c r="E7651" s="6">
        <v>11001</v>
      </c>
      <c r="F7651" s="6" t="s">
        <v>18</v>
      </c>
      <c r="G7651" s="6" t="s">
        <v>15398</v>
      </c>
      <c r="H7651" s="6" t="s">
        <v>15399</v>
      </c>
      <c r="I7651" s="7">
        <v>4.7128401999999996</v>
      </c>
      <c r="J7651" s="8">
        <v>-74.119066399999994</v>
      </c>
    </row>
    <row r="7652" spans="1:10" x14ac:dyDescent="0.35">
      <c r="A7652" s="5" t="s">
        <v>10</v>
      </c>
      <c r="B7652" s="6">
        <v>208474</v>
      </c>
      <c r="C7652" s="6" t="s">
        <v>278</v>
      </c>
      <c r="D7652" s="6" t="s">
        <v>279</v>
      </c>
      <c r="E7652" s="6">
        <v>50001</v>
      </c>
      <c r="F7652" s="6" t="s">
        <v>13</v>
      </c>
      <c r="G7652" s="6" t="s">
        <v>15400</v>
      </c>
      <c r="H7652" s="6" t="s">
        <v>15401</v>
      </c>
      <c r="I7652" s="7">
        <v>4.1288530999999997</v>
      </c>
      <c r="J7652" s="8">
        <v>-73.631620999999996</v>
      </c>
    </row>
    <row r="7653" spans="1:10" x14ac:dyDescent="0.35">
      <c r="A7653" s="5" t="s">
        <v>10</v>
      </c>
      <c r="B7653" s="6">
        <v>241090</v>
      </c>
      <c r="C7653" s="6" t="s">
        <v>117</v>
      </c>
      <c r="D7653" s="6" t="s">
        <v>1334</v>
      </c>
      <c r="E7653" s="6">
        <v>76001</v>
      </c>
      <c r="F7653" s="6" t="s">
        <v>18</v>
      </c>
      <c r="G7653" s="6" t="s">
        <v>15402</v>
      </c>
      <c r="H7653" s="6" t="s">
        <v>15403</v>
      </c>
      <c r="I7653" s="7">
        <v>3.4482436000000001</v>
      </c>
      <c r="J7653" s="8">
        <v>-76.499479800000003</v>
      </c>
    </row>
    <row r="7654" spans="1:10" x14ac:dyDescent="0.35">
      <c r="A7654" s="5" t="s">
        <v>10</v>
      </c>
      <c r="B7654" s="6">
        <v>213048</v>
      </c>
      <c r="C7654" s="6" t="s">
        <v>68</v>
      </c>
      <c r="D7654" s="6" t="s">
        <v>69</v>
      </c>
      <c r="E7654" s="6">
        <v>11001</v>
      </c>
      <c r="F7654" s="6" t="s">
        <v>18</v>
      </c>
      <c r="G7654" s="6" t="s">
        <v>15404</v>
      </c>
      <c r="H7654" s="6" t="s">
        <v>15405</v>
      </c>
      <c r="I7654" s="7">
        <v>4.5907146999999897</v>
      </c>
      <c r="J7654" s="8">
        <v>-74.146565999999893</v>
      </c>
    </row>
    <row r="7655" spans="1:10" x14ac:dyDescent="0.35">
      <c r="A7655" s="5" t="s">
        <v>10</v>
      </c>
      <c r="B7655" s="6">
        <v>232537</v>
      </c>
      <c r="C7655" s="6" t="s">
        <v>68</v>
      </c>
      <c r="D7655" s="6" t="s">
        <v>69</v>
      </c>
      <c r="E7655" s="6">
        <v>11001</v>
      </c>
      <c r="F7655" s="6" t="s">
        <v>18</v>
      </c>
      <c r="G7655" s="6" t="s">
        <v>15406</v>
      </c>
      <c r="H7655" s="6" t="s">
        <v>15407</v>
      </c>
      <c r="I7655" s="7">
        <v>4.5406114999999998</v>
      </c>
      <c r="J7655" s="8">
        <v>-74.155766299999996</v>
      </c>
    </row>
    <row r="7656" spans="1:10" x14ac:dyDescent="0.35">
      <c r="A7656" s="5" t="s">
        <v>10</v>
      </c>
      <c r="B7656" s="6">
        <v>235952</v>
      </c>
      <c r="C7656" s="6" t="s">
        <v>68</v>
      </c>
      <c r="D7656" s="6" t="s">
        <v>69</v>
      </c>
      <c r="E7656" s="6">
        <v>11001</v>
      </c>
      <c r="F7656" s="6" t="s">
        <v>18</v>
      </c>
      <c r="G7656" s="6" t="s">
        <v>15408</v>
      </c>
      <c r="H7656" s="6" t="s">
        <v>15409</v>
      </c>
      <c r="I7656" s="7">
        <v>4.6107953999999998</v>
      </c>
      <c r="J7656" s="8">
        <v>-74.186493099999893</v>
      </c>
    </row>
    <row r="7657" spans="1:10" x14ac:dyDescent="0.35">
      <c r="A7657" s="5" t="s">
        <v>10</v>
      </c>
      <c r="B7657" s="6">
        <v>242724</v>
      </c>
      <c r="C7657" s="6" t="s">
        <v>68</v>
      </c>
      <c r="D7657" s="6" t="s">
        <v>69</v>
      </c>
      <c r="E7657" s="6">
        <v>11001</v>
      </c>
      <c r="F7657" s="6" t="s">
        <v>18</v>
      </c>
      <c r="G7657" s="6" t="s">
        <v>15410</v>
      </c>
      <c r="H7657" s="6" t="s">
        <v>15411</v>
      </c>
      <c r="I7657" s="7">
        <v>4.7413033000000002</v>
      </c>
      <c r="J7657" s="8">
        <v>-74.124181100000001</v>
      </c>
    </row>
    <row r="7658" spans="1:10" x14ac:dyDescent="0.35">
      <c r="A7658" s="5" t="s">
        <v>10</v>
      </c>
      <c r="B7658" s="6">
        <v>243994</v>
      </c>
      <c r="C7658" s="6" t="s">
        <v>68</v>
      </c>
      <c r="D7658" s="6" t="s">
        <v>69</v>
      </c>
      <c r="E7658" s="6">
        <v>11001</v>
      </c>
      <c r="F7658" s="6" t="s">
        <v>18</v>
      </c>
      <c r="G7658" s="6" t="s">
        <v>15412</v>
      </c>
      <c r="H7658" s="6" t="s">
        <v>15413</v>
      </c>
      <c r="I7658" s="7">
        <v>4.6076088999999998</v>
      </c>
      <c r="J7658" s="8">
        <v>-74.205172599999997</v>
      </c>
    </row>
    <row r="7659" spans="1:10" x14ac:dyDescent="0.35">
      <c r="A7659" s="5" t="s">
        <v>10</v>
      </c>
      <c r="B7659" s="6">
        <v>206530</v>
      </c>
      <c r="C7659" s="6" t="s">
        <v>68</v>
      </c>
      <c r="D7659" s="6" t="s">
        <v>69</v>
      </c>
      <c r="E7659" s="6">
        <v>11001</v>
      </c>
      <c r="F7659" s="6" t="s">
        <v>18</v>
      </c>
      <c r="G7659" s="6" t="s">
        <v>15414</v>
      </c>
      <c r="H7659" s="6" t="s">
        <v>15415</v>
      </c>
      <c r="I7659" s="7">
        <v>4.7024895999999998</v>
      </c>
      <c r="J7659" s="8">
        <v>-74.133420399999906</v>
      </c>
    </row>
    <row r="7660" spans="1:10" x14ac:dyDescent="0.35">
      <c r="A7660" s="5" t="s">
        <v>10</v>
      </c>
      <c r="B7660" s="6">
        <v>230113</v>
      </c>
      <c r="C7660" s="6" t="s">
        <v>68</v>
      </c>
      <c r="D7660" s="6" t="s">
        <v>69</v>
      </c>
      <c r="E7660" s="6">
        <v>11001</v>
      </c>
      <c r="F7660" s="6" t="s">
        <v>18</v>
      </c>
      <c r="G7660" s="6" t="s">
        <v>15416</v>
      </c>
      <c r="H7660" s="6" t="s">
        <v>15417</v>
      </c>
      <c r="I7660" s="7">
        <v>4.6681495000000002</v>
      </c>
      <c r="J7660" s="8">
        <v>-74.062211199999993</v>
      </c>
    </row>
    <row r="7661" spans="1:10" x14ac:dyDescent="0.35">
      <c r="A7661" s="5" t="s">
        <v>10</v>
      </c>
      <c r="B7661" s="6">
        <v>232340</v>
      </c>
      <c r="C7661" s="6" t="s">
        <v>68</v>
      </c>
      <c r="D7661" s="6" t="s">
        <v>69</v>
      </c>
      <c r="E7661" s="6">
        <v>11001</v>
      </c>
      <c r="F7661" s="6" t="s">
        <v>18</v>
      </c>
      <c r="G7661" s="6" t="s">
        <v>15418</v>
      </c>
      <c r="H7661" s="6" t="s">
        <v>15419</v>
      </c>
      <c r="I7661" s="7">
        <v>4.5769411</v>
      </c>
      <c r="J7661" s="8">
        <v>-74.153754699999993</v>
      </c>
    </row>
    <row r="7662" spans="1:10" x14ac:dyDescent="0.35">
      <c r="A7662" s="5" t="s">
        <v>10</v>
      </c>
      <c r="B7662" s="6">
        <v>234125</v>
      </c>
      <c r="C7662" s="6" t="s">
        <v>68</v>
      </c>
      <c r="D7662" s="6" t="s">
        <v>69</v>
      </c>
      <c r="E7662" s="6">
        <v>11001</v>
      </c>
      <c r="F7662" s="6" t="s">
        <v>18</v>
      </c>
      <c r="G7662" s="6" t="s">
        <v>15420</v>
      </c>
      <c r="H7662" s="6" t="s">
        <v>15421</v>
      </c>
      <c r="I7662" s="7">
        <v>4.6053598999999998</v>
      </c>
      <c r="J7662" s="8">
        <v>-74.096164799999997</v>
      </c>
    </row>
    <row r="7663" spans="1:10" x14ac:dyDescent="0.35">
      <c r="A7663" s="5" t="s">
        <v>10</v>
      </c>
      <c r="B7663" s="6">
        <v>237248</v>
      </c>
      <c r="C7663" s="6" t="s">
        <v>68</v>
      </c>
      <c r="D7663" s="6" t="s">
        <v>69</v>
      </c>
      <c r="E7663" s="6">
        <v>11001</v>
      </c>
      <c r="F7663" s="6" t="s">
        <v>18</v>
      </c>
      <c r="G7663" s="6" t="s">
        <v>15422</v>
      </c>
      <c r="H7663" s="6" t="s">
        <v>15423</v>
      </c>
      <c r="I7663" s="7">
        <v>4.7669455000000003</v>
      </c>
      <c r="J7663" s="8">
        <v>-74.025746299999994</v>
      </c>
    </row>
    <row r="7664" spans="1:10" x14ac:dyDescent="0.35">
      <c r="A7664" s="5" t="s">
        <v>10</v>
      </c>
      <c r="B7664" s="6">
        <v>230307</v>
      </c>
      <c r="C7664" s="6" t="s">
        <v>28</v>
      </c>
      <c r="D7664" s="6" t="s">
        <v>153</v>
      </c>
      <c r="E7664" s="6">
        <v>54518</v>
      </c>
      <c r="F7664" s="6" t="s">
        <v>13</v>
      </c>
      <c r="G7664" s="6" t="s">
        <v>15424</v>
      </c>
      <c r="H7664" s="6" t="s">
        <v>15425</v>
      </c>
      <c r="I7664" s="7">
        <v>7.3773251999999996</v>
      </c>
      <c r="J7664" s="8">
        <v>-72.643506599999995</v>
      </c>
    </row>
    <row r="7665" spans="1:10" x14ac:dyDescent="0.35">
      <c r="A7665" s="5" t="s">
        <v>10</v>
      </c>
      <c r="B7665" s="6">
        <v>207075</v>
      </c>
      <c r="C7665" s="6" t="s">
        <v>68</v>
      </c>
      <c r="D7665" s="6" t="s">
        <v>69</v>
      </c>
      <c r="E7665" s="6">
        <v>11001</v>
      </c>
      <c r="F7665" s="6" t="s">
        <v>13</v>
      </c>
      <c r="G7665" s="6" t="s">
        <v>15426</v>
      </c>
      <c r="H7665" s="6" t="s">
        <v>15427</v>
      </c>
      <c r="I7665" s="7">
        <v>4.6876633999999999</v>
      </c>
      <c r="J7665" s="8">
        <v>-74.128625299999996</v>
      </c>
    </row>
    <row r="7666" spans="1:10" x14ac:dyDescent="0.35">
      <c r="A7666" s="5" t="s">
        <v>10</v>
      </c>
      <c r="B7666" s="6">
        <v>189336</v>
      </c>
      <c r="C7666" s="6" t="s">
        <v>11</v>
      </c>
      <c r="D7666" s="6" t="s">
        <v>101</v>
      </c>
      <c r="E7666" s="6">
        <v>25473</v>
      </c>
      <c r="F7666" s="6" t="s">
        <v>18</v>
      </c>
      <c r="G7666" s="6" t="s">
        <v>15428</v>
      </c>
      <c r="H7666" s="6" t="s">
        <v>15429</v>
      </c>
      <c r="I7666" s="7">
        <v>4.7182246000000001</v>
      </c>
      <c r="J7666" s="8">
        <v>-74.224674899999997</v>
      </c>
    </row>
    <row r="7667" spans="1:10" x14ac:dyDescent="0.35">
      <c r="A7667" s="5" t="s">
        <v>10</v>
      </c>
      <c r="B7667" s="6">
        <v>229445</v>
      </c>
      <c r="C7667" s="6" t="s">
        <v>117</v>
      </c>
      <c r="D7667" s="6" t="s">
        <v>1334</v>
      </c>
      <c r="E7667" s="6">
        <v>76001</v>
      </c>
      <c r="F7667" s="6" t="s">
        <v>18</v>
      </c>
      <c r="G7667" s="6" t="s">
        <v>15430</v>
      </c>
      <c r="H7667" s="6" t="s">
        <v>15431</v>
      </c>
      <c r="I7667" s="7">
        <v>3.4330911</v>
      </c>
      <c r="J7667" s="8">
        <v>-76.509187100000005</v>
      </c>
    </row>
    <row r="7668" spans="1:10" x14ac:dyDescent="0.35">
      <c r="A7668" s="5" t="s">
        <v>10</v>
      </c>
      <c r="B7668" s="6">
        <v>241053</v>
      </c>
      <c r="C7668" s="6" t="s">
        <v>117</v>
      </c>
      <c r="D7668" s="6" t="s">
        <v>1334</v>
      </c>
      <c r="E7668" s="6">
        <v>76001</v>
      </c>
      <c r="F7668" s="6" t="s">
        <v>18</v>
      </c>
      <c r="G7668" s="6" t="s">
        <v>15432</v>
      </c>
      <c r="H7668" s="6" t="s">
        <v>15433</v>
      </c>
      <c r="I7668" s="7">
        <v>3.4946470000000001</v>
      </c>
      <c r="J7668" s="8">
        <v>-76.500747599999997</v>
      </c>
    </row>
    <row r="7669" spans="1:10" x14ac:dyDescent="0.35">
      <c r="A7669" s="5" t="s">
        <v>10</v>
      </c>
      <c r="B7669" s="6">
        <v>241178</v>
      </c>
      <c r="C7669" s="6" t="s">
        <v>117</v>
      </c>
      <c r="D7669" s="6" t="s">
        <v>3402</v>
      </c>
      <c r="E7669" s="6">
        <v>76364</v>
      </c>
      <c r="F7669" s="6" t="s">
        <v>18</v>
      </c>
      <c r="G7669" s="6" t="s">
        <v>15434</v>
      </c>
      <c r="H7669" s="6" t="s">
        <v>15435</v>
      </c>
      <c r="I7669" s="7">
        <v>3.4497456</v>
      </c>
      <c r="J7669" s="8">
        <v>-76.531957599999998</v>
      </c>
    </row>
    <row r="7670" spans="1:10" x14ac:dyDescent="0.35">
      <c r="A7670" s="5" t="s">
        <v>10</v>
      </c>
      <c r="B7670" s="6">
        <v>246506</v>
      </c>
      <c r="C7670" s="6" t="s">
        <v>190</v>
      </c>
      <c r="D7670" s="6" t="s">
        <v>191</v>
      </c>
      <c r="E7670" s="6">
        <v>5001</v>
      </c>
      <c r="F7670" s="6" t="s">
        <v>18</v>
      </c>
      <c r="G7670" s="6" t="s">
        <v>15436</v>
      </c>
      <c r="H7670" s="6" t="s">
        <v>15437</v>
      </c>
      <c r="I7670" s="7">
        <v>6.2891209999999997</v>
      </c>
      <c r="J7670" s="8">
        <v>-75.594237199999995</v>
      </c>
    </row>
    <row r="7671" spans="1:10" x14ac:dyDescent="0.35">
      <c r="A7671" s="5" t="s">
        <v>10</v>
      </c>
      <c r="B7671" s="6">
        <v>192085</v>
      </c>
      <c r="C7671" s="6" t="s">
        <v>190</v>
      </c>
      <c r="D7671" s="6" t="s">
        <v>15438</v>
      </c>
      <c r="E7671" s="6">
        <v>5148</v>
      </c>
      <c r="F7671" s="6" t="s">
        <v>18</v>
      </c>
      <c r="G7671" s="6" t="s">
        <v>15439</v>
      </c>
      <c r="H7671" s="6" t="s">
        <v>15440</v>
      </c>
      <c r="I7671" s="7">
        <v>6.0804656000000001</v>
      </c>
      <c r="J7671" s="8">
        <v>-75.334430400000002</v>
      </c>
    </row>
    <row r="7672" spans="1:10" x14ac:dyDescent="0.35">
      <c r="A7672" s="5" t="s">
        <v>10</v>
      </c>
      <c r="B7672" s="6">
        <v>204789</v>
      </c>
      <c r="C7672" s="6" t="s">
        <v>190</v>
      </c>
      <c r="D7672" s="6" t="s">
        <v>6084</v>
      </c>
      <c r="E7672" s="6">
        <v>5154</v>
      </c>
      <c r="F7672" s="6" t="s">
        <v>18</v>
      </c>
      <c r="G7672" s="6" t="s">
        <v>15441</v>
      </c>
      <c r="H7672" s="6" t="s">
        <v>15442</v>
      </c>
      <c r="I7672" s="7">
        <v>7.9802272999999904</v>
      </c>
      <c r="J7672" s="8">
        <v>-75.204145699999998</v>
      </c>
    </row>
    <row r="7673" spans="1:10" x14ac:dyDescent="0.35">
      <c r="A7673" s="5" t="s">
        <v>10</v>
      </c>
      <c r="B7673" s="6">
        <v>239214</v>
      </c>
      <c r="C7673" s="6" t="s">
        <v>190</v>
      </c>
      <c r="D7673" s="6" t="s">
        <v>14059</v>
      </c>
      <c r="E7673" s="6">
        <v>5670</v>
      </c>
      <c r="F7673" s="6" t="s">
        <v>18</v>
      </c>
      <c r="G7673" s="6" t="s">
        <v>15443</v>
      </c>
      <c r="H7673" s="6" t="s">
        <v>15444</v>
      </c>
      <c r="I7673" s="7">
        <v>6.4853519999999998</v>
      </c>
      <c r="J7673" s="8">
        <v>-75.018419600000001</v>
      </c>
    </row>
    <row r="7674" spans="1:10" x14ac:dyDescent="0.35">
      <c r="A7674" s="5" t="s">
        <v>10</v>
      </c>
      <c r="B7674" s="6">
        <v>227984</v>
      </c>
      <c r="C7674" s="6" t="s">
        <v>68</v>
      </c>
      <c r="D7674" s="6" t="s">
        <v>69</v>
      </c>
      <c r="E7674" s="6">
        <v>11001</v>
      </c>
      <c r="F7674" s="6" t="s">
        <v>18</v>
      </c>
      <c r="G7674" s="6" t="s">
        <v>15445</v>
      </c>
      <c r="H7674" s="6" t="s">
        <v>15446</v>
      </c>
      <c r="I7674" s="7">
        <v>4.6080192000000002</v>
      </c>
      <c r="J7674" s="8">
        <v>-74.179737000000003</v>
      </c>
    </row>
    <row r="7675" spans="1:10" x14ac:dyDescent="0.35">
      <c r="A7675" s="5" t="s">
        <v>10</v>
      </c>
      <c r="B7675" s="6">
        <v>245256</v>
      </c>
      <c r="C7675" s="6" t="s">
        <v>68</v>
      </c>
      <c r="D7675" s="6" t="s">
        <v>69</v>
      </c>
      <c r="E7675" s="6">
        <v>11001</v>
      </c>
      <c r="F7675" s="6" t="s">
        <v>18</v>
      </c>
      <c r="G7675" s="6" t="s">
        <v>15447</v>
      </c>
      <c r="H7675" s="6" t="s">
        <v>15448</v>
      </c>
      <c r="I7675" s="7">
        <v>4.6016399999999997</v>
      </c>
      <c r="J7675" s="8">
        <v>-74.160640000000001</v>
      </c>
    </row>
    <row r="7676" spans="1:10" x14ac:dyDescent="0.35">
      <c r="A7676" s="5" t="s">
        <v>10</v>
      </c>
      <c r="B7676" s="6">
        <v>204996</v>
      </c>
      <c r="C7676" s="6" t="s">
        <v>68</v>
      </c>
      <c r="D7676" s="6" t="s">
        <v>69</v>
      </c>
      <c r="E7676" s="6">
        <v>11001</v>
      </c>
      <c r="F7676" s="6" t="s">
        <v>18</v>
      </c>
      <c r="G7676" s="6" t="s">
        <v>15449</v>
      </c>
      <c r="H7676" s="6" t="s">
        <v>15450</v>
      </c>
      <c r="I7676" s="7">
        <v>4.6113700999999896</v>
      </c>
      <c r="J7676" s="8">
        <v>-74.136474699999994</v>
      </c>
    </row>
    <row r="7677" spans="1:10" x14ac:dyDescent="0.35">
      <c r="A7677" s="5" t="s">
        <v>10</v>
      </c>
      <c r="B7677" s="6">
        <v>219570</v>
      </c>
      <c r="C7677" s="6" t="s">
        <v>68</v>
      </c>
      <c r="D7677" s="6" t="s">
        <v>69</v>
      </c>
      <c r="E7677" s="6">
        <v>11001</v>
      </c>
      <c r="F7677" s="6" t="s">
        <v>18</v>
      </c>
      <c r="G7677" s="6" t="s">
        <v>15451</v>
      </c>
      <c r="H7677" s="6" t="s">
        <v>15452</v>
      </c>
      <c r="I7677" s="7">
        <v>4.5206599000000001</v>
      </c>
      <c r="J7677" s="8">
        <v>-74.119569599999906</v>
      </c>
    </row>
    <row r="7678" spans="1:10" x14ac:dyDescent="0.35">
      <c r="A7678" s="5" t="s">
        <v>10</v>
      </c>
      <c r="B7678" s="6">
        <v>228727</v>
      </c>
      <c r="C7678" s="6" t="s">
        <v>68</v>
      </c>
      <c r="D7678" s="6" t="s">
        <v>69</v>
      </c>
      <c r="E7678" s="6">
        <v>11001</v>
      </c>
      <c r="F7678" s="6" t="s">
        <v>18</v>
      </c>
      <c r="G7678" s="6" t="s">
        <v>15453</v>
      </c>
      <c r="H7678" s="6" t="s">
        <v>15454</v>
      </c>
      <c r="I7678" s="7">
        <v>4.7444189999999997</v>
      </c>
      <c r="J7678" s="8">
        <v>-74.128462999999996</v>
      </c>
    </row>
    <row r="7679" spans="1:10" x14ac:dyDescent="0.35">
      <c r="A7679" s="5" t="s">
        <v>10</v>
      </c>
      <c r="B7679" s="6">
        <v>208293</v>
      </c>
      <c r="C7679" s="6" t="s">
        <v>68</v>
      </c>
      <c r="D7679" s="6" t="s">
        <v>69</v>
      </c>
      <c r="E7679" s="6">
        <v>11001</v>
      </c>
      <c r="F7679" s="6" t="s">
        <v>18</v>
      </c>
      <c r="G7679" s="6" t="s">
        <v>15455</v>
      </c>
      <c r="H7679" s="6" t="s">
        <v>15456</v>
      </c>
      <c r="I7679" s="7">
        <v>4.5529890000000002</v>
      </c>
      <c r="J7679" s="8">
        <v>-74.144883100000001</v>
      </c>
    </row>
    <row r="7680" spans="1:10" x14ac:dyDescent="0.35">
      <c r="A7680" s="5" t="s">
        <v>10</v>
      </c>
      <c r="B7680" s="6">
        <v>165403</v>
      </c>
      <c r="C7680" s="6" t="s">
        <v>68</v>
      </c>
      <c r="D7680" s="6" t="s">
        <v>69</v>
      </c>
      <c r="E7680" s="6">
        <v>11001</v>
      </c>
      <c r="F7680" s="6" t="s">
        <v>18</v>
      </c>
      <c r="G7680" s="6" t="s">
        <v>15457</v>
      </c>
      <c r="H7680" s="6" t="s">
        <v>15458</v>
      </c>
      <c r="I7680" s="7">
        <v>4.7264400999999996</v>
      </c>
      <c r="J7680" s="8">
        <v>-74.060545899999994</v>
      </c>
    </row>
    <row r="7681" spans="1:10" x14ac:dyDescent="0.35">
      <c r="A7681" s="5" t="s">
        <v>10</v>
      </c>
      <c r="B7681" s="6">
        <v>242223</v>
      </c>
      <c r="C7681" s="6" t="s">
        <v>68</v>
      </c>
      <c r="D7681" s="6" t="s">
        <v>69</v>
      </c>
      <c r="E7681" s="6">
        <v>11001</v>
      </c>
      <c r="F7681" s="6" t="s">
        <v>18</v>
      </c>
      <c r="G7681" s="6" t="s">
        <v>15459</v>
      </c>
      <c r="H7681" s="6" t="s">
        <v>15460</v>
      </c>
      <c r="I7681" s="7">
        <v>4.7483854000000001</v>
      </c>
      <c r="J7681" s="8">
        <v>-74.056630299999995</v>
      </c>
    </row>
    <row r="7682" spans="1:10" x14ac:dyDescent="0.35">
      <c r="A7682" s="5" t="s">
        <v>10</v>
      </c>
      <c r="B7682" s="6">
        <v>183870</v>
      </c>
      <c r="C7682" s="6" t="s">
        <v>68</v>
      </c>
      <c r="D7682" s="6" t="s">
        <v>69</v>
      </c>
      <c r="E7682" s="6">
        <v>11001</v>
      </c>
      <c r="F7682" s="6" t="s">
        <v>18</v>
      </c>
      <c r="G7682" s="6" t="s">
        <v>15461</v>
      </c>
      <c r="H7682" s="6" t="s">
        <v>15462</v>
      </c>
      <c r="I7682" s="7">
        <v>4.7023910000000004</v>
      </c>
      <c r="J7682" s="8">
        <v>-74.043064000000001</v>
      </c>
    </row>
    <row r="7683" spans="1:10" x14ac:dyDescent="0.35">
      <c r="A7683" s="5" t="s">
        <v>10</v>
      </c>
      <c r="B7683" s="6">
        <v>235446</v>
      </c>
      <c r="C7683" s="6" t="s">
        <v>68</v>
      </c>
      <c r="D7683" s="6" t="s">
        <v>69</v>
      </c>
      <c r="E7683" s="6">
        <v>11001</v>
      </c>
      <c r="F7683" s="6" t="s">
        <v>18</v>
      </c>
      <c r="G7683" s="6" t="s">
        <v>7521</v>
      </c>
      <c r="H7683" s="6" t="s">
        <v>15463</v>
      </c>
      <c r="I7683" s="7">
        <v>4.6239241</v>
      </c>
      <c r="J7683" s="8">
        <v>-74.0776343</v>
      </c>
    </row>
    <row r="7684" spans="1:10" x14ac:dyDescent="0.35">
      <c r="A7684" s="5" t="s">
        <v>10</v>
      </c>
      <c r="B7684" s="6">
        <v>177984</v>
      </c>
      <c r="C7684" s="6" t="s">
        <v>190</v>
      </c>
      <c r="D7684" s="6" t="s">
        <v>13266</v>
      </c>
      <c r="E7684" s="6">
        <v>5034</v>
      </c>
      <c r="F7684" s="6" t="s">
        <v>18</v>
      </c>
      <c r="G7684" s="6" t="s">
        <v>15464</v>
      </c>
      <c r="H7684" s="6" t="s">
        <v>15465</v>
      </c>
      <c r="I7684" s="7">
        <v>5.6545638</v>
      </c>
      <c r="J7684" s="8">
        <v>-75.877842399999906</v>
      </c>
    </row>
    <row r="7685" spans="1:10" x14ac:dyDescent="0.35">
      <c r="A7685" s="5" t="s">
        <v>10</v>
      </c>
      <c r="B7685" s="6">
        <v>241604</v>
      </c>
      <c r="C7685" s="6" t="s">
        <v>457</v>
      </c>
      <c r="D7685" s="6" t="s">
        <v>11471</v>
      </c>
      <c r="E7685" s="6">
        <v>52227</v>
      </c>
      <c r="F7685" s="6" t="s">
        <v>18</v>
      </c>
      <c r="G7685" s="6" t="s">
        <v>15466</v>
      </c>
      <c r="H7685" s="6" t="s">
        <v>15467</v>
      </c>
      <c r="I7685" s="7">
        <v>0.90713480000000002</v>
      </c>
      <c r="J7685" s="8">
        <v>-77.793184800000006</v>
      </c>
    </row>
    <row r="7686" spans="1:10" x14ac:dyDescent="0.35">
      <c r="A7686" s="5" t="s">
        <v>10</v>
      </c>
      <c r="B7686" s="6">
        <v>154923</v>
      </c>
      <c r="C7686" s="6" t="s">
        <v>190</v>
      </c>
      <c r="D7686" s="6" t="s">
        <v>15468</v>
      </c>
      <c r="E7686" s="6">
        <v>5206</v>
      </c>
      <c r="F7686" s="6" t="s">
        <v>18</v>
      </c>
      <c r="G7686" s="6" t="s">
        <v>15469</v>
      </c>
      <c r="H7686" s="6" t="s">
        <v>15470</v>
      </c>
      <c r="I7686" s="7">
        <v>6.3946116999999996</v>
      </c>
      <c r="J7686" s="8">
        <v>-75.2575535</v>
      </c>
    </row>
    <row r="7687" spans="1:10" x14ac:dyDescent="0.35">
      <c r="A7687" s="5" t="s">
        <v>10</v>
      </c>
      <c r="B7687" s="6">
        <v>246778</v>
      </c>
      <c r="C7687" s="6" t="s">
        <v>190</v>
      </c>
      <c r="D7687" s="6" t="s">
        <v>438</v>
      </c>
      <c r="E7687" s="6">
        <v>5045</v>
      </c>
      <c r="F7687" s="6" t="s">
        <v>18</v>
      </c>
      <c r="G7687" s="6" t="s">
        <v>15471</v>
      </c>
      <c r="H7687" s="6" t="s">
        <v>15472</v>
      </c>
      <c r="I7687" s="7">
        <v>7.8759930000000002</v>
      </c>
      <c r="J7687" s="8">
        <v>-76.628274700000006</v>
      </c>
    </row>
    <row r="7688" spans="1:10" x14ac:dyDescent="0.35">
      <c r="A7688" s="5" t="s">
        <v>10</v>
      </c>
      <c r="B7688" s="6">
        <v>107125</v>
      </c>
      <c r="C7688" s="6" t="s">
        <v>4364</v>
      </c>
      <c r="D7688" s="6" t="s">
        <v>9953</v>
      </c>
      <c r="E7688" s="6">
        <v>70742</v>
      </c>
      <c r="F7688" s="6" t="s">
        <v>13</v>
      </c>
      <c r="G7688" s="6" t="s">
        <v>11877</v>
      </c>
      <c r="H7688" s="6" t="s">
        <v>15473</v>
      </c>
      <c r="I7688" s="7">
        <v>10.425742400000001</v>
      </c>
      <c r="J7688" s="8">
        <v>-75.545945199999906</v>
      </c>
    </row>
    <row r="7689" spans="1:10" x14ac:dyDescent="0.35">
      <c r="A7689" s="5" t="s">
        <v>10</v>
      </c>
      <c r="B7689" s="6">
        <v>224512</v>
      </c>
      <c r="C7689" s="6" t="s">
        <v>68</v>
      </c>
      <c r="D7689" s="6" t="s">
        <v>69</v>
      </c>
      <c r="E7689" s="6">
        <v>11001</v>
      </c>
      <c r="F7689" s="6" t="s">
        <v>18</v>
      </c>
      <c r="G7689" s="6" t="s">
        <v>15474</v>
      </c>
      <c r="H7689" s="6" t="s">
        <v>15475</v>
      </c>
      <c r="I7689" s="7">
        <v>4.6724052</v>
      </c>
      <c r="J7689" s="8">
        <v>-74.146131299999993</v>
      </c>
    </row>
    <row r="7690" spans="1:10" x14ac:dyDescent="0.35">
      <c r="A7690" s="5" t="s">
        <v>10</v>
      </c>
      <c r="B7690" s="6">
        <v>228426</v>
      </c>
      <c r="C7690" s="6" t="s">
        <v>68</v>
      </c>
      <c r="D7690" s="6" t="s">
        <v>69</v>
      </c>
      <c r="E7690" s="6">
        <v>11001</v>
      </c>
      <c r="F7690" s="6" t="s">
        <v>18</v>
      </c>
      <c r="G7690" s="6" t="s">
        <v>15476</v>
      </c>
      <c r="H7690" s="6" t="s">
        <v>15477</v>
      </c>
      <c r="I7690" s="7">
        <v>4.4925611999999999</v>
      </c>
      <c r="J7690" s="8">
        <v>-74.116162399999993</v>
      </c>
    </row>
    <row r="7691" spans="1:10" x14ac:dyDescent="0.35">
      <c r="A7691" s="5" t="s">
        <v>10</v>
      </c>
      <c r="B7691" s="6">
        <v>233502</v>
      </c>
      <c r="C7691" s="6" t="s">
        <v>68</v>
      </c>
      <c r="D7691" s="6" t="s">
        <v>69</v>
      </c>
      <c r="E7691" s="6">
        <v>11001</v>
      </c>
      <c r="F7691" s="6" t="s">
        <v>18</v>
      </c>
      <c r="G7691" s="6" t="s">
        <v>15478</v>
      </c>
      <c r="H7691" s="6" t="s">
        <v>15479</v>
      </c>
      <c r="I7691" s="7">
        <v>4.7530000000000001</v>
      </c>
      <c r="J7691" s="8">
        <v>-74.097009999999997</v>
      </c>
    </row>
    <row r="7692" spans="1:10" x14ac:dyDescent="0.35">
      <c r="A7692" s="5" t="s">
        <v>10</v>
      </c>
      <c r="B7692" s="6">
        <v>242274</v>
      </c>
      <c r="C7692" s="6" t="s">
        <v>68</v>
      </c>
      <c r="D7692" s="6" t="s">
        <v>69</v>
      </c>
      <c r="E7692" s="6">
        <v>11001</v>
      </c>
      <c r="F7692" s="6" t="s">
        <v>18</v>
      </c>
      <c r="G7692" s="6" t="s">
        <v>15480</v>
      </c>
      <c r="H7692" s="6" t="s">
        <v>15481</v>
      </c>
      <c r="I7692" s="7">
        <v>4.5711063000000003</v>
      </c>
      <c r="J7692" s="8">
        <v>-74.097029800000001</v>
      </c>
    </row>
    <row r="7693" spans="1:10" x14ac:dyDescent="0.35">
      <c r="A7693" s="5" t="s">
        <v>10</v>
      </c>
      <c r="B7693" s="6">
        <v>195951</v>
      </c>
      <c r="C7693" s="6" t="s">
        <v>68</v>
      </c>
      <c r="D7693" s="6" t="s">
        <v>69</v>
      </c>
      <c r="E7693" s="6">
        <v>11001</v>
      </c>
      <c r="F7693" s="6" t="s">
        <v>18</v>
      </c>
      <c r="G7693" s="6" t="s">
        <v>15482</v>
      </c>
      <c r="H7693" s="6" t="s">
        <v>15483</v>
      </c>
      <c r="I7693" s="7">
        <v>4.5669652999999997</v>
      </c>
      <c r="J7693" s="8">
        <v>-74.129215299999998</v>
      </c>
    </row>
    <row r="7694" spans="1:10" x14ac:dyDescent="0.35">
      <c r="A7694" s="5" t="s">
        <v>10</v>
      </c>
      <c r="B7694" s="6">
        <v>212590</v>
      </c>
      <c r="C7694" s="6" t="s">
        <v>68</v>
      </c>
      <c r="D7694" s="6" t="s">
        <v>69</v>
      </c>
      <c r="E7694" s="6">
        <v>11001</v>
      </c>
      <c r="F7694" s="6" t="s">
        <v>18</v>
      </c>
      <c r="G7694" s="6" t="s">
        <v>15484</v>
      </c>
      <c r="H7694" s="6" t="s">
        <v>15485</v>
      </c>
      <c r="I7694" s="7">
        <v>4.6198008000000002</v>
      </c>
      <c r="J7694" s="8">
        <v>-74.100997699999994</v>
      </c>
    </row>
    <row r="7695" spans="1:10" x14ac:dyDescent="0.35">
      <c r="A7695" s="5" t="s">
        <v>10</v>
      </c>
      <c r="B7695" s="6">
        <v>229317</v>
      </c>
      <c r="C7695" s="6" t="s">
        <v>68</v>
      </c>
      <c r="D7695" s="6" t="s">
        <v>69</v>
      </c>
      <c r="E7695" s="6">
        <v>11001</v>
      </c>
      <c r="F7695" s="6" t="s">
        <v>18</v>
      </c>
      <c r="G7695" s="6" t="s">
        <v>15486</v>
      </c>
      <c r="H7695" s="6" t="s">
        <v>15487</v>
      </c>
      <c r="I7695" s="7">
        <v>4.6336009999999996</v>
      </c>
      <c r="J7695" s="8">
        <v>-74.163002000000006</v>
      </c>
    </row>
    <row r="7696" spans="1:10" x14ac:dyDescent="0.35">
      <c r="A7696" s="5" t="s">
        <v>10</v>
      </c>
      <c r="B7696" s="6">
        <v>236865</v>
      </c>
      <c r="C7696" s="6" t="s">
        <v>68</v>
      </c>
      <c r="D7696" s="6" t="s">
        <v>69</v>
      </c>
      <c r="E7696" s="6">
        <v>11001</v>
      </c>
      <c r="F7696" s="6" t="s">
        <v>18</v>
      </c>
      <c r="G7696" s="6" t="s">
        <v>15488</v>
      </c>
      <c r="H7696" s="6" t="s">
        <v>15489</v>
      </c>
      <c r="I7696" s="7">
        <v>4.7584898999999998</v>
      </c>
      <c r="J7696" s="8">
        <v>-74.033440600000006</v>
      </c>
    </row>
    <row r="7697" spans="1:10" x14ac:dyDescent="0.35">
      <c r="A7697" s="5" t="s">
        <v>10</v>
      </c>
      <c r="B7697" s="6">
        <v>242074</v>
      </c>
      <c r="C7697" s="6" t="s">
        <v>68</v>
      </c>
      <c r="D7697" s="6" t="s">
        <v>69</v>
      </c>
      <c r="E7697" s="6">
        <v>11001</v>
      </c>
      <c r="F7697" s="6" t="s">
        <v>18</v>
      </c>
      <c r="G7697" s="6" t="s">
        <v>15490</v>
      </c>
      <c r="H7697" s="6" t="s">
        <v>15491</v>
      </c>
      <c r="I7697" s="7">
        <v>4.6804259000000004</v>
      </c>
      <c r="J7697" s="8">
        <v>-74.092739800000004</v>
      </c>
    </row>
    <row r="7698" spans="1:10" x14ac:dyDescent="0.35">
      <c r="A7698" s="5" t="s">
        <v>10</v>
      </c>
      <c r="B7698" s="6">
        <v>240254</v>
      </c>
      <c r="C7698" s="6" t="s">
        <v>68</v>
      </c>
      <c r="D7698" s="6" t="s">
        <v>69</v>
      </c>
      <c r="E7698" s="6">
        <v>11001</v>
      </c>
      <c r="F7698" s="6" t="s">
        <v>18</v>
      </c>
      <c r="G7698" s="6" t="s">
        <v>15492</v>
      </c>
      <c r="H7698" s="6" t="s">
        <v>15493</v>
      </c>
      <c r="I7698" s="7">
        <v>4.5577899999999998</v>
      </c>
      <c r="J7698" s="8">
        <v>-74.146649400000001</v>
      </c>
    </row>
    <row r="7699" spans="1:10" x14ac:dyDescent="0.35">
      <c r="A7699" s="5" t="s">
        <v>10</v>
      </c>
      <c r="B7699" s="6">
        <v>186529</v>
      </c>
      <c r="C7699" s="6" t="s">
        <v>68</v>
      </c>
      <c r="D7699" s="6" t="s">
        <v>69</v>
      </c>
      <c r="E7699" s="6">
        <v>11001</v>
      </c>
      <c r="F7699" s="6" t="s">
        <v>18</v>
      </c>
      <c r="G7699" s="6" t="s">
        <v>15494</v>
      </c>
      <c r="H7699" s="6" t="s">
        <v>15495</v>
      </c>
      <c r="I7699" s="7">
        <v>4.7238106000000002</v>
      </c>
      <c r="J7699" s="8">
        <v>-74.090124099999997</v>
      </c>
    </row>
    <row r="7700" spans="1:10" x14ac:dyDescent="0.35">
      <c r="A7700" s="5" t="s">
        <v>10</v>
      </c>
      <c r="B7700" s="6">
        <v>238295</v>
      </c>
      <c r="C7700" s="6" t="s">
        <v>2130</v>
      </c>
      <c r="D7700" s="6" t="s">
        <v>2131</v>
      </c>
      <c r="E7700" s="6">
        <v>85001</v>
      </c>
      <c r="F7700" s="6" t="s">
        <v>18</v>
      </c>
      <c r="G7700" s="6" t="s">
        <v>15496</v>
      </c>
      <c r="H7700" s="6" t="s">
        <v>15497</v>
      </c>
      <c r="I7700" s="7">
        <v>5.3297957</v>
      </c>
      <c r="J7700" s="8">
        <v>-72.3838382</v>
      </c>
    </row>
    <row r="7701" spans="1:10" x14ac:dyDescent="0.35">
      <c r="A7701" s="5" t="s">
        <v>10</v>
      </c>
      <c r="B7701" s="6">
        <v>228282</v>
      </c>
      <c r="C7701" s="6" t="s">
        <v>16</v>
      </c>
      <c r="D7701" s="6" t="s">
        <v>8062</v>
      </c>
      <c r="E7701" s="6">
        <v>68575</v>
      </c>
      <c r="F7701" s="6" t="s">
        <v>13</v>
      </c>
      <c r="G7701" s="6" t="s">
        <v>15498</v>
      </c>
      <c r="H7701" s="6" t="s">
        <v>15499</v>
      </c>
      <c r="I7701" s="7">
        <v>7.3483695000000004</v>
      </c>
      <c r="J7701" s="8">
        <v>-73.902995399999995</v>
      </c>
    </row>
    <row r="7702" spans="1:10" x14ac:dyDescent="0.35">
      <c r="A7702" s="5" t="s">
        <v>10</v>
      </c>
      <c r="B7702" s="6">
        <v>226200</v>
      </c>
      <c r="C7702" s="6" t="s">
        <v>308</v>
      </c>
      <c r="D7702" s="6" t="s">
        <v>309</v>
      </c>
      <c r="E7702" s="6">
        <v>23001</v>
      </c>
      <c r="F7702" s="6" t="s">
        <v>13</v>
      </c>
      <c r="G7702" s="6" t="s">
        <v>15500</v>
      </c>
      <c r="H7702" s="6" t="s">
        <v>15501</v>
      </c>
      <c r="I7702" s="7">
        <v>8.7603769000000007</v>
      </c>
      <c r="J7702" s="8">
        <v>-75.895969100000002</v>
      </c>
    </row>
    <row r="7703" spans="1:10" x14ac:dyDescent="0.35">
      <c r="A7703" s="5" t="s">
        <v>10</v>
      </c>
      <c r="B7703" s="6">
        <v>231948</v>
      </c>
      <c r="C7703" s="6" t="s">
        <v>11</v>
      </c>
      <c r="D7703" s="6" t="s">
        <v>4733</v>
      </c>
      <c r="E7703" s="6">
        <v>25885</v>
      </c>
      <c r="F7703" s="6" t="s">
        <v>13</v>
      </c>
      <c r="G7703" s="6" t="s">
        <v>15502</v>
      </c>
      <c r="H7703" s="6" t="s">
        <v>15503</v>
      </c>
      <c r="I7703" s="7">
        <v>5.4599650000000004</v>
      </c>
      <c r="J7703" s="8">
        <v>-74.338177999999999</v>
      </c>
    </row>
    <row r="7704" spans="1:10" x14ac:dyDescent="0.35">
      <c r="A7704" s="5" t="s">
        <v>10</v>
      </c>
      <c r="B7704" s="6">
        <v>168448</v>
      </c>
      <c r="C7704" s="6" t="s">
        <v>68</v>
      </c>
      <c r="D7704" s="6" t="s">
        <v>69</v>
      </c>
      <c r="E7704" s="6">
        <v>11001</v>
      </c>
      <c r="F7704" s="6" t="s">
        <v>13</v>
      </c>
      <c r="G7704" s="6" t="s">
        <v>15504</v>
      </c>
      <c r="H7704" s="6" t="s">
        <v>15505</v>
      </c>
      <c r="I7704" s="7">
        <v>4.5793648999999998</v>
      </c>
      <c r="J7704" s="8">
        <v>-74.178988399999994</v>
      </c>
    </row>
    <row r="7705" spans="1:10" x14ac:dyDescent="0.35">
      <c r="A7705" s="5" t="s">
        <v>10</v>
      </c>
      <c r="B7705" s="6">
        <v>244920</v>
      </c>
      <c r="C7705" s="6" t="s">
        <v>117</v>
      </c>
      <c r="D7705" s="6" t="s">
        <v>3492</v>
      </c>
      <c r="E7705" s="6">
        <v>76520</v>
      </c>
      <c r="F7705" s="6" t="s">
        <v>18</v>
      </c>
      <c r="G7705" s="6" t="s">
        <v>15506</v>
      </c>
      <c r="H7705" s="6" t="s">
        <v>15507</v>
      </c>
      <c r="I7705" s="7">
        <v>3.4592627999999999</v>
      </c>
      <c r="J7705" s="8">
        <v>-76.464103600000001</v>
      </c>
    </row>
    <row r="7706" spans="1:10" x14ac:dyDescent="0.35">
      <c r="A7706" s="5" t="s">
        <v>10</v>
      </c>
      <c r="B7706" s="6">
        <v>240544</v>
      </c>
      <c r="C7706" s="6" t="s">
        <v>190</v>
      </c>
      <c r="D7706" s="6" t="s">
        <v>191</v>
      </c>
      <c r="E7706" s="6">
        <v>5001</v>
      </c>
      <c r="F7706" s="6" t="s">
        <v>18</v>
      </c>
      <c r="G7706" s="6" t="s">
        <v>15508</v>
      </c>
      <c r="H7706" s="6" t="s">
        <v>15509</v>
      </c>
      <c r="I7706" s="7">
        <v>6.2487221999999996</v>
      </c>
      <c r="J7706" s="8">
        <v>-75.574721800000006</v>
      </c>
    </row>
    <row r="7707" spans="1:10" x14ac:dyDescent="0.35">
      <c r="A7707" s="5" t="s">
        <v>10</v>
      </c>
      <c r="B7707" s="6">
        <v>112556</v>
      </c>
      <c r="C7707" s="6" t="s">
        <v>190</v>
      </c>
      <c r="D7707" s="6" t="s">
        <v>12606</v>
      </c>
      <c r="E7707" s="6">
        <v>5579</v>
      </c>
      <c r="F7707" s="6" t="s">
        <v>18</v>
      </c>
      <c r="G7707" s="6" t="s">
        <v>15510</v>
      </c>
      <c r="H7707" s="6" t="s">
        <v>15511</v>
      </c>
      <c r="I7707" s="7">
        <v>6.4895388000000001</v>
      </c>
      <c r="J7707" s="8">
        <v>-74.404758700000002</v>
      </c>
    </row>
    <row r="7708" spans="1:10" x14ac:dyDescent="0.35">
      <c r="A7708" s="5" t="s">
        <v>10</v>
      </c>
      <c r="B7708" s="6">
        <v>242688</v>
      </c>
      <c r="C7708" s="6" t="s">
        <v>68</v>
      </c>
      <c r="D7708" s="6" t="s">
        <v>69</v>
      </c>
      <c r="E7708" s="6">
        <v>11001</v>
      </c>
      <c r="F7708" s="6" t="s">
        <v>18</v>
      </c>
      <c r="G7708" s="6" t="s">
        <v>15512</v>
      </c>
      <c r="H7708" s="6" t="s">
        <v>15513</v>
      </c>
      <c r="I7708" s="7">
        <v>4.7560333000000004</v>
      </c>
      <c r="J7708" s="8">
        <v>-74.081646500000005</v>
      </c>
    </row>
    <row r="7709" spans="1:10" x14ac:dyDescent="0.35">
      <c r="A7709" s="5" t="s">
        <v>10</v>
      </c>
      <c r="B7709" s="6">
        <v>245345</v>
      </c>
      <c r="C7709" s="6" t="s">
        <v>68</v>
      </c>
      <c r="D7709" s="6" t="s">
        <v>69</v>
      </c>
      <c r="E7709" s="6">
        <v>11001</v>
      </c>
      <c r="F7709" s="6" t="s">
        <v>18</v>
      </c>
      <c r="G7709" s="6" t="s">
        <v>15514</v>
      </c>
      <c r="H7709" s="6" t="s">
        <v>15515</v>
      </c>
      <c r="I7709" s="7">
        <v>4.5873654999999998</v>
      </c>
      <c r="J7709" s="8">
        <v>-74.0901523</v>
      </c>
    </row>
    <row r="7710" spans="1:10" x14ac:dyDescent="0.35">
      <c r="A7710" s="5" t="s">
        <v>10</v>
      </c>
      <c r="B7710" s="6">
        <v>226993</v>
      </c>
      <c r="C7710" s="6" t="s">
        <v>68</v>
      </c>
      <c r="D7710" s="6" t="s">
        <v>69</v>
      </c>
      <c r="E7710" s="6">
        <v>11001</v>
      </c>
      <c r="F7710" s="6" t="s">
        <v>18</v>
      </c>
      <c r="G7710" s="6" t="s">
        <v>15516</v>
      </c>
      <c r="H7710" s="6" t="s">
        <v>15517</v>
      </c>
      <c r="I7710" s="7">
        <v>4.6300805999999897</v>
      </c>
      <c r="J7710" s="8">
        <v>-74.191378700000001</v>
      </c>
    </row>
    <row r="7711" spans="1:10" x14ac:dyDescent="0.35">
      <c r="A7711" s="5" t="s">
        <v>10</v>
      </c>
      <c r="B7711" s="6">
        <v>236537</v>
      </c>
      <c r="C7711" s="6" t="s">
        <v>68</v>
      </c>
      <c r="D7711" s="6" t="s">
        <v>69</v>
      </c>
      <c r="E7711" s="6">
        <v>11001</v>
      </c>
      <c r="F7711" s="6" t="s">
        <v>18</v>
      </c>
      <c r="G7711" s="6" t="s">
        <v>15518</v>
      </c>
      <c r="H7711" s="6" t="s">
        <v>15519</v>
      </c>
      <c r="I7711" s="7">
        <v>4.6810511000000004</v>
      </c>
      <c r="J7711" s="8">
        <v>-74.114395200000004</v>
      </c>
    </row>
    <row r="7712" spans="1:10" x14ac:dyDescent="0.35">
      <c r="A7712" s="5" t="s">
        <v>10</v>
      </c>
      <c r="B7712" s="6">
        <v>245501</v>
      </c>
      <c r="C7712" s="6" t="s">
        <v>68</v>
      </c>
      <c r="D7712" s="6" t="s">
        <v>69</v>
      </c>
      <c r="E7712" s="6">
        <v>11001</v>
      </c>
      <c r="F7712" s="6" t="s">
        <v>18</v>
      </c>
      <c r="G7712" s="6" t="s">
        <v>15520</v>
      </c>
      <c r="H7712" s="6" t="s">
        <v>15521</v>
      </c>
      <c r="I7712" s="7">
        <v>4.6032051999999997</v>
      </c>
      <c r="J7712" s="8">
        <v>-74.085130899999996</v>
      </c>
    </row>
    <row r="7713" spans="1:10" x14ac:dyDescent="0.35">
      <c r="A7713" s="5" t="s">
        <v>10</v>
      </c>
      <c r="B7713" s="6">
        <v>186533</v>
      </c>
      <c r="C7713" s="6" t="s">
        <v>68</v>
      </c>
      <c r="D7713" s="6" t="s">
        <v>69</v>
      </c>
      <c r="E7713" s="6">
        <v>11001</v>
      </c>
      <c r="F7713" s="6" t="s">
        <v>18</v>
      </c>
      <c r="G7713" s="6" t="s">
        <v>15522</v>
      </c>
      <c r="H7713" s="6" t="s">
        <v>15523</v>
      </c>
      <c r="I7713" s="7">
        <v>4.7365800999999896</v>
      </c>
      <c r="J7713" s="8">
        <v>-74.106569800000003</v>
      </c>
    </row>
    <row r="7714" spans="1:10" x14ac:dyDescent="0.35">
      <c r="A7714" s="5" t="s">
        <v>10</v>
      </c>
      <c r="B7714" s="6">
        <v>238759</v>
      </c>
      <c r="C7714" s="6" t="s">
        <v>68</v>
      </c>
      <c r="D7714" s="6" t="s">
        <v>69</v>
      </c>
      <c r="E7714" s="6">
        <v>11001</v>
      </c>
      <c r="F7714" s="6" t="s">
        <v>18</v>
      </c>
      <c r="G7714" s="6" t="s">
        <v>8312</v>
      </c>
      <c r="H7714" s="6" t="s">
        <v>15524</v>
      </c>
      <c r="I7714" s="7">
        <v>4.5455169</v>
      </c>
      <c r="J7714" s="8">
        <v>-74.083594500000004</v>
      </c>
    </row>
    <row r="7715" spans="1:10" x14ac:dyDescent="0.35">
      <c r="A7715" s="5" t="s">
        <v>10</v>
      </c>
      <c r="B7715" s="6">
        <v>241086</v>
      </c>
      <c r="C7715" s="6" t="s">
        <v>117</v>
      </c>
      <c r="D7715" s="6" t="s">
        <v>12447</v>
      </c>
      <c r="E7715" s="6">
        <v>76248</v>
      </c>
      <c r="F7715" s="6" t="s">
        <v>18</v>
      </c>
      <c r="G7715" s="6" t="s">
        <v>15525</v>
      </c>
      <c r="H7715" s="6" t="s">
        <v>15526</v>
      </c>
      <c r="I7715" s="7">
        <v>3.6845273999999999</v>
      </c>
      <c r="J7715" s="8">
        <v>-76.311967199999998</v>
      </c>
    </row>
    <row r="7716" spans="1:10" x14ac:dyDescent="0.35">
      <c r="A7716" s="5" t="s">
        <v>10</v>
      </c>
      <c r="B7716" s="6">
        <v>241122</v>
      </c>
      <c r="C7716" s="6" t="s">
        <v>117</v>
      </c>
      <c r="D7716" s="6" t="s">
        <v>1334</v>
      </c>
      <c r="E7716" s="6">
        <v>76001</v>
      </c>
      <c r="F7716" s="6" t="s">
        <v>18</v>
      </c>
      <c r="G7716" s="6" t="s">
        <v>15527</v>
      </c>
      <c r="H7716" s="6" t="s">
        <v>15528</v>
      </c>
      <c r="I7716" s="7">
        <v>3.4159872999999998</v>
      </c>
      <c r="J7716" s="8">
        <v>-76.477921300000006</v>
      </c>
    </row>
    <row r="7717" spans="1:10" x14ac:dyDescent="0.35">
      <c r="A7717" s="5" t="s">
        <v>10</v>
      </c>
      <c r="B7717" s="6">
        <v>236038</v>
      </c>
      <c r="C7717" s="6" t="s">
        <v>117</v>
      </c>
      <c r="D7717" s="6" t="s">
        <v>11867</v>
      </c>
      <c r="E7717" s="6">
        <v>76403</v>
      </c>
      <c r="F7717" s="6" t="s">
        <v>18</v>
      </c>
      <c r="G7717" s="6" t="s">
        <v>15529</v>
      </c>
      <c r="H7717" s="6" t="s">
        <v>15530</v>
      </c>
      <c r="I7717" s="7">
        <v>4.5168572999999999</v>
      </c>
      <c r="J7717" s="8">
        <v>-76.039335699999995</v>
      </c>
    </row>
    <row r="7718" spans="1:10" x14ac:dyDescent="0.35">
      <c r="A7718" s="5" t="s">
        <v>10</v>
      </c>
      <c r="B7718" s="6">
        <v>240691</v>
      </c>
      <c r="C7718" s="6" t="s">
        <v>190</v>
      </c>
      <c r="D7718" s="6" t="s">
        <v>15531</v>
      </c>
      <c r="E7718" s="6">
        <v>5790</v>
      </c>
      <c r="F7718" s="6" t="s">
        <v>18</v>
      </c>
      <c r="G7718" s="6" t="s">
        <v>15532</v>
      </c>
      <c r="H7718" s="6" t="s">
        <v>15533</v>
      </c>
      <c r="I7718" s="7">
        <v>7.5852601000000002</v>
      </c>
      <c r="J7718" s="8">
        <v>-75.4010775</v>
      </c>
    </row>
    <row r="7719" spans="1:10" x14ac:dyDescent="0.35">
      <c r="A7719" s="5" t="s">
        <v>10</v>
      </c>
      <c r="B7719" s="6">
        <v>216159</v>
      </c>
      <c r="C7719" s="6" t="s">
        <v>68</v>
      </c>
      <c r="D7719" s="6" t="s">
        <v>69</v>
      </c>
      <c r="E7719" s="6">
        <v>11001</v>
      </c>
      <c r="F7719" s="6" t="s">
        <v>18</v>
      </c>
      <c r="G7719" s="6" t="s">
        <v>15534</v>
      </c>
      <c r="H7719" s="6" t="s">
        <v>15535</v>
      </c>
      <c r="I7719" s="7">
        <v>4.6329428000000004</v>
      </c>
      <c r="J7719" s="8">
        <v>-74.177203800000001</v>
      </c>
    </row>
    <row r="7720" spans="1:10" x14ac:dyDescent="0.35">
      <c r="A7720" s="5" t="s">
        <v>10</v>
      </c>
      <c r="B7720" s="6">
        <v>224638</v>
      </c>
      <c r="C7720" s="6" t="s">
        <v>68</v>
      </c>
      <c r="D7720" s="6" t="s">
        <v>69</v>
      </c>
      <c r="E7720" s="6">
        <v>11001</v>
      </c>
      <c r="F7720" s="6" t="s">
        <v>18</v>
      </c>
      <c r="G7720" s="6" t="s">
        <v>15536</v>
      </c>
      <c r="H7720" s="6" t="s">
        <v>15537</v>
      </c>
      <c r="I7720" s="7">
        <v>4.5641204000000002</v>
      </c>
      <c r="J7720" s="8">
        <v>-74.090856899999906</v>
      </c>
    </row>
    <row r="7721" spans="1:10" x14ac:dyDescent="0.35">
      <c r="A7721" s="5" t="s">
        <v>10</v>
      </c>
      <c r="B7721" s="6">
        <v>234836</v>
      </c>
      <c r="C7721" s="6" t="s">
        <v>68</v>
      </c>
      <c r="D7721" s="6" t="s">
        <v>69</v>
      </c>
      <c r="E7721" s="6">
        <v>11001</v>
      </c>
      <c r="F7721" s="6" t="s">
        <v>18</v>
      </c>
      <c r="G7721" s="6" t="s">
        <v>15538</v>
      </c>
      <c r="H7721" s="6" t="s">
        <v>15539</v>
      </c>
      <c r="I7721" s="7">
        <v>4.4983065</v>
      </c>
      <c r="J7721" s="8">
        <v>-74.109776199999999</v>
      </c>
    </row>
    <row r="7722" spans="1:10" x14ac:dyDescent="0.35">
      <c r="A7722" s="5" t="s">
        <v>10</v>
      </c>
      <c r="B7722" s="6">
        <v>217825</v>
      </c>
      <c r="C7722" s="6" t="s">
        <v>68</v>
      </c>
      <c r="D7722" s="6" t="s">
        <v>69</v>
      </c>
      <c r="E7722" s="6">
        <v>11001</v>
      </c>
      <c r="F7722" s="6" t="s">
        <v>18</v>
      </c>
      <c r="G7722" s="6" t="s">
        <v>15540</v>
      </c>
      <c r="H7722" s="6" t="s">
        <v>15541</v>
      </c>
      <c r="I7722" s="7">
        <v>4.5515077000000002</v>
      </c>
      <c r="J7722" s="8">
        <v>-74.087246899999997</v>
      </c>
    </row>
    <row r="7723" spans="1:10" x14ac:dyDescent="0.35">
      <c r="A7723" s="5" t="s">
        <v>10</v>
      </c>
      <c r="B7723" s="6">
        <v>242537</v>
      </c>
      <c r="C7723" s="6" t="s">
        <v>68</v>
      </c>
      <c r="D7723" s="6" t="s">
        <v>69</v>
      </c>
      <c r="E7723" s="6">
        <v>11001</v>
      </c>
      <c r="F7723" s="6" t="s">
        <v>18</v>
      </c>
      <c r="G7723" s="6" t="s">
        <v>15542</v>
      </c>
      <c r="H7723" s="6" t="s">
        <v>15543</v>
      </c>
      <c r="I7723" s="7">
        <v>4.6705635000000001</v>
      </c>
      <c r="J7723" s="8">
        <v>-74.068129900000002</v>
      </c>
    </row>
    <row r="7724" spans="1:10" x14ac:dyDescent="0.35">
      <c r="A7724" s="5" t="s">
        <v>10</v>
      </c>
      <c r="B7724" s="6">
        <v>229545</v>
      </c>
      <c r="C7724" s="6" t="s">
        <v>457</v>
      </c>
      <c r="D7724" s="6" t="s">
        <v>4400</v>
      </c>
      <c r="E7724" s="6">
        <v>52001</v>
      </c>
      <c r="F7724" s="6" t="s">
        <v>18</v>
      </c>
      <c r="G7724" s="6" t="s">
        <v>15544</v>
      </c>
      <c r="H7724" s="6" t="s">
        <v>15545</v>
      </c>
      <c r="I7724" s="7">
        <v>1.2092778</v>
      </c>
      <c r="J7724" s="8">
        <v>-77.276264600000005</v>
      </c>
    </row>
    <row r="7725" spans="1:10" x14ac:dyDescent="0.35">
      <c r="A7725" s="5" t="s">
        <v>10</v>
      </c>
      <c r="B7725" s="6">
        <v>236340</v>
      </c>
      <c r="C7725" s="6" t="s">
        <v>117</v>
      </c>
      <c r="D7725" s="6" t="s">
        <v>118</v>
      </c>
      <c r="E7725" s="6">
        <v>76400</v>
      </c>
      <c r="F7725" s="6" t="s">
        <v>18</v>
      </c>
      <c r="G7725" s="6" t="s">
        <v>15546</v>
      </c>
      <c r="H7725" s="6" t="s">
        <v>15547</v>
      </c>
      <c r="I7725" s="7">
        <v>4.5332091999999999</v>
      </c>
      <c r="J7725" s="8">
        <v>-76.103337100000005</v>
      </c>
    </row>
    <row r="7726" spans="1:10" x14ac:dyDescent="0.35">
      <c r="A7726" s="5" t="s">
        <v>10</v>
      </c>
      <c r="B7726" s="6">
        <v>116835</v>
      </c>
      <c r="C7726" s="6" t="s">
        <v>190</v>
      </c>
      <c r="D7726" s="6" t="s">
        <v>11793</v>
      </c>
      <c r="E7726" s="6">
        <v>5679</v>
      </c>
      <c r="F7726" s="6" t="s">
        <v>18</v>
      </c>
      <c r="G7726" s="6" t="s">
        <v>11794</v>
      </c>
      <c r="H7726" s="6" t="s">
        <v>11795</v>
      </c>
      <c r="I7726" s="7">
        <v>5.8727998000000001</v>
      </c>
      <c r="J7726" s="8">
        <v>-75.566444699999906</v>
      </c>
    </row>
    <row r="7727" spans="1:10" x14ac:dyDescent="0.35">
      <c r="A7727" s="5" t="s">
        <v>10</v>
      </c>
      <c r="B7727" s="6">
        <v>240768</v>
      </c>
      <c r="C7727" s="6" t="s">
        <v>190</v>
      </c>
      <c r="D7727" s="6" t="s">
        <v>191</v>
      </c>
      <c r="E7727" s="6">
        <v>5001</v>
      </c>
      <c r="F7727" s="6" t="s">
        <v>18</v>
      </c>
      <c r="G7727" s="6" t="s">
        <v>15548</v>
      </c>
      <c r="H7727" s="6" t="s">
        <v>15549</v>
      </c>
      <c r="I7727" s="7">
        <v>6.2799937999999997</v>
      </c>
      <c r="J7727" s="8">
        <v>-75.556630699999999</v>
      </c>
    </row>
    <row r="7728" spans="1:10" x14ac:dyDescent="0.35">
      <c r="A7728" s="5" t="s">
        <v>10</v>
      </c>
      <c r="B7728" s="6">
        <v>207383</v>
      </c>
      <c r="C7728" s="6" t="s">
        <v>68</v>
      </c>
      <c r="D7728" s="6" t="s">
        <v>69</v>
      </c>
      <c r="E7728" s="6">
        <v>11001</v>
      </c>
      <c r="F7728" s="6" t="s">
        <v>18</v>
      </c>
      <c r="G7728" s="6" t="s">
        <v>15550</v>
      </c>
      <c r="H7728" s="6" t="s">
        <v>15551</v>
      </c>
      <c r="I7728" s="7">
        <v>4.6012743999999897</v>
      </c>
      <c r="J7728" s="8">
        <v>-74.093998499999998</v>
      </c>
    </row>
    <row r="7729" spans="1:10" x14ac:dyDescent="0.35">
      <c r="A7729" s="5" t="s">
        <v>10</v>
      </c>
      <c r="B7729" s="6">
        <v>232366</v>
      </c>
      <c r="C7729" s="6" t="s">
        <v>68</v>
      </c>
      <c r="D7729" s="6" t="s">
        <v>69</v>
      </c>
      <c r="E7729" s="6">
        <v>11001</v>
      </c>
      <c r="F7729" s="6" t="s">
        <v>18</v>
      </c>
      <c r="G7729" s="6" t="s">
        <v>15552</v>
      </c>
      <c r="H7729" s="6" t="s">
        <v>15553</v>
      </c>
      <c r="I7729" s="7">
        <v>4.6138734000000001</v>
      </c>
      <c r="J7729" s="8">
        <v>-74.119954100000001</v>
      </c>
    </row>
    <row r="7730" spans="1:10" x14ac:dyDescent="0.35">
      <c r="A7730" s="5" t="s">
        <v>10</v>
      </c>
      <c r="B7730" s="6">
        <v>237201</v>
      </c>
      <c r="C7730" s="6" t="s">
        <v>68</v>
      </c>
      <c r="D7730" s="6" t="s">
        <v>69</v>
      </c>
      <c r="E7730" s="6">
        <v>11001</v>
      </c>
      <c r="F7730" s="6" t="s">
        <v>18</v>
      </c>
      <c r="G7730" s="6" t="s">
        <v>15554</v>
      </c>
      <c r="H7730" s="6" t="s">
        <v>15555</v>
      </c>
      <c r="I7730" s="7">
        <v>4.6229804000000003</v>
      </c>
      <c r="J7730" s="8">
        <v>-74.117349099999998</v>
      </c>
    </row>
    <row r="7731" spans="1:10" x14ac:dyDescent="0.35">
      <c r="A7731" s="5" t="s">
        <v>10</v>
      </c>
      <c r="B7731" s="6">
        <v>237580</v>
      </c>
      <c r="C7731" s="6" t="s">
        <v>68</v>
      </c>
      <c r="D7731" s="6" t="s">
        <v>69</v>
      </c>
      <c r="E7731" s="6">
        <v>11001</v>
      </c>
      <c r="F7731" s="6" t="s">
        <v>18</v>
      </c>
      <c r="G7731" s="6" t="s">
        <v>15556</v>
      </c>
      <c r="H7731" s="6" t="s">
        <v>15557</v>
      </c>
      <c r="I7731" s="7">
        <v>4.7026985999999997</v>
      </c>
      <c r="J7731" s="8">
        <v>-74.133187000000007</v>
      </c>
    </row>
    <row r="7732" spans="1:10" x14ac:dyDescent="0.35">
      <c r="A7732" s="5" t="s">
        <v>10</v>
      </c>
      <c r="B7732" s="6">
        <v>244974</v>
      </c>
      <c r="C7732" s="6" t="s">
        <v>68</v>
      </c>
      <c r="D7732" s="6" t="s">
        <v>69</v>
      </c>
      <c r="E7732" s="6">
        <v>11001</v>
      </c>
      <c r="F7732" s="6" t="s">
        <v>18</v>
      </c>
      <c r="G7732" s="6" t="s">
        <v>15558</v>
      </c>
      <c r="H7732" s="6" t="s">
        <v>15559</v>
      </c>
      <c r="I7732" s="7">
        <v>4.5886420000000001</v>
      </c>
      <c r="J7732" s="8">
        <v>-74.126363799999993</v>
      </c>
    </row>
    <row r="7733" spans="1:10" x14ac:dyDescent="0.35">
      <c r="A7733" s="5" t="s">
        <v>10</v>
      </c>
      <c r="B7733" s="6">
        <v>188666</v>
      </c>
      <c r="C7733" s="6" t="s">
        <v>28</v>
      </c>
      <c r="D7733" s="6" t="s">
        <v>29</v>
      </c>
      <c r="E7733" s="6">
        <v>54001</v>
      </c>
      <c r="F7733" s="6" t="s">
        <v>13</v>
      </c>
      <c r="G7733" s="6" t="s">
        <v>12272</v>
      </c>
      <c r="H7733" s="6" t="s">
        <v>12273</v>
      </c>
      <c r="I7733" s="7">
        <v>7.9020918</v>
      </c>
      <c r="J7733" s="8">
        <v>-72.530552599999993</v>
      </c>
    </row>
    <row r="7734" spans="1:10" x14ac:dyDescent="0.35">
      <c r="A7734" s="5" t="s">
        <v>10</v>
      </c>
      <c r="B7734" s="6">
        <v>221318</v>
      </c>
      <c r="C7734" s="6" t="s">
        <v>366</v>
      </c>
      <c r="D7734" s="6" t="s">
        <v>7555</v>
      </c>
      <c r="E7734" s="6">
        <v>44078</v>
      </c>
      <c r="F7734" s="6" t="s">
        <v>13</v>
      </c>
      <c r="G7734" s="6" t="s">
        <v>15560</v>
      </c>
      <c r="H7734" s="6" t="s">
        <v>15561</v>
      </c>
      <c r="I7734" s="7">
        <v>10.953055600000001</v>
      </c>
      <c r="J7734" s="8">
        <v>-72.7998999</v>
      </c>
    </row>
    <row r="7735" spans="1:10" x14ac:dyDescent="0.35">
      <c r="A7735" s="5" t="s">
        <v>10</v>
      </c>
      <c r="B7735" s="6">
        <v>233294</v>
      </c>
      <c r="C7735" s="6" t="s">
        <v>308</v>
      </c>
      <c r="D7735" s="6" t="s">
        <v>8102</v>
      </c>
      <c r="E7735" s="6">
        <v>23417</v>
      </c>
      <c r="F7735" s="6" t="s">
        <v>13</v>
      </c>
      <c r="G7735" s="6" t="s">
        <v>15562</v>
      </c>
      <c r="H7735" s="6" t="s">
        <v>15563</v>
      </c>
      <c r="I7735" s="7">
        <v>9.2386400000000002</v>
      </c>
      <c r="J7735" s="8">
        <v>-75.813490000000002</v>
      </c>
    </row>
    <row r="7736" spans="1:10" x14ac:dyDescent="0.35">
      <c r="A7736" s="5" t="s">
        <v>10</v>
      </c>
      <c r="B7736" s="6">
        <v>237677</v>
      </c>
      <c r="C7736" s="6" t="s">
        <v>117</v>
      </c>
      <c r="D7736" s="6" t="s">
        <v>3402</v>
      </c>
      <c r="E7736" s="6">
        <v>76364</v>
      </c>
      <c r="F7736" s="6" t="s">
        <v>18</v>
      </c>
      <c r="G7736" s="6" t="s">
        <v>15564</v>
      </c>
      <c r="H7736" s="6" t="s">
        <v>15565</v>
      </c>
      <c r="I7736" s="7">
        <v>3.2350135999999998</v>
      </c>
      <c r="J7736" s="8">
        <v>-76.511122200000003</v>
      </c>
    </row>
    <row r="7737" spans="1:10" x14ac:dyDescent="0.35">
      <c r="A7737" s="5" t="s">
        <v>10</v>
      </c>
      <c r="B7737" s="6">
        <v>204451</v>
      </c>
      <c r="C7737" s="6" t="s">
        <v>68</v>
      </c>
      <c r="D7737" s="6" t="s">
        <v>69</v>
      </c>
      <c r="E7737" s="6">
        <v>11001</v>
      </c>
      <c r="F7737" s="6" t="s">
        <v>18</v>
      </c>
      <c r="G7737" s="6" t="s">
        <v>15566</v>
      </c>
      <c r="H7737" s="6" t="s">
        <v>15567</v>
      </c>
      <c r="I7737" s="7">
        <v>4.5623110999999996</v>
      </c>
      <c r="J7737" s="8">
        <v>-74.101605699999993</v>
      </c>
    </row>
    <row r="7738" spans="1:10" x14ac:dyDescent="0.35">
      <c r="A7738" s="5" t="s">
        <v>10</v>
      </c>
      <c r="B7738" s="6">
        <v>237892</v>
      </c>
      <c r="C7738" s="6" t="s">
        <v>68</v>
      </c>
      <c r="D7738" s="6" t="s">
        <v>69</v>
      </c>
      <c r="E7738" s="6">
        <v>11001</v>
      </c>
      <c r="F7738" s="6" t="s">
        <v>18</v>
      </c>
      <c r="G7738" s="6" t="s">
        <v>15568</v>
      </c>
      <c r="H7738" s="6" t="s">
        <v>15569</v>
      </c>
      <c r="I7738" s="7">
        <v>4.6797069000000002</v>
      </c>
      <c r="J7738" s="8">
        <v>-74.169611399999994</v>
      </c>
    </row>
    <row r="7739" spans="1:10" x14ac:dyDescent="0.35">
      <c r="A7739" s="5" t="s">
        <v>10</v>
      </c>
      <c r="B7739" s="6">
        <v>246502</v>
      </c>
      <c r="C7739" s="6" t="s">
        <v>68</v>
      </c>
      <c r="D7739" s="6" t="s">
        <v>69</v>
      </c>
      <c r="E7739" s="6">
        <v>11001</v>
      </c>
      <c r="F7739" s="6" t="s">
        <v>18</v>
      </c>
      <c r="G7739" s="6" t="s">
        <v>15570</v>
      </c>
      <c r="H7739" s="6" t="s">
        <v>15571</v>
      </c>
      <c r="I7739" s="7">
        <v>4.5840474999999996</v>
      </c>
      <c r="J7739" s="8">
        <v>-74.072821099999999</v>
      </c>
    </row>
    <row r="7740" spans="1:10" x14ac:dyDescent="0.35">
      <c r="A7740" s="5" t="s">
        <v>10</v>
      </c>
      <c r="B7740" s="6">
        <v>206194</v>
      </c>
      <c r="C7740" s="6" t="s">
        <v>68</v>
      </c>
      <c r="D7740" s="6" t="s">
        <v>69</v>
      </c>
      <c r="E7740" s="6">
        <v>11001</v>
      </c>
      <c r="F7740" s="6" t="s">
        <v>18</v>
      </c>
      <c r="G7740" s="6" t="s">
        <v>15572</v>
      </c>
      <c r="H7740" s="6" t="s">
        <v>15573</v>
      </c>
      <c r="I7740" s="7">
        <v>4.6586065999999997</v>
      </c>
      <c r="J7740" s="8">
        <v>-74.075223399999999</v>
      </c>
    </row>
    <row r="7741" spans="1:10" x14ac:dyDescent="0.35">
      <c r="A7741" s="5" t="s">
        <v>10</v>
      </c>
      <c r="B7741" s="6">
        <v>239492</v>
      </c>
      <c r="C7741" s="6" t="s">
        <v>68</v>
      </c>
      <c r="D7741" s="6" t="s">
        <v>69</v>
      </c>
      <c r="E7741" s="6">
        <v>11001</v>
      </c>
      <c r="F7741" s="6" t="s">
        <v>18</v>
      </c>
      <c r="G7741" s="6" t="s">
        <v>15574</v>
      </c>
      <c r="H7741" s="6" t="s">
        <v>15575</v>
      </c>
      <c r="I7741" s="7">
        <v>4.6338805000000001</v>
      </c>
      <c r="J7741" s="8">
        <v>-74.149363500000007</v>
      </c>
    </row>
    <row r="7742" spans="1:10" x14ac:dyDescent="0.35">
      <c r="A7742" s="5" t="s">
        <v>10</v>
      </c>
      <c r="B7742" s="6">
        <v>242409</v>
      </c>
      <c r="C7742" s="6" t="s">
        <v>68</v>
      </c>
      <c r="D7742" s="6" t="s">
        <v>69</v>
      </c>
      <c r="E7742" s="6">
        <v>11001</v>
      </c>
      <c r="F7742" s="6" t="s">
        <v>18</v>
      </c>
      <c r="G7742" s="6" t="s">
        <v>15576</v>
      </c>
      <c r="H7742" s="6" t="s">
        <v>15577</v>
      </c>
      <c r="I7742" s="7">
        <v>4.6039823000000002</v>
      </c>
      <c r="J7742" s="8">
        <v>-74.112857700000006</v>
      </c>
    </row>
    <row r="7743" spans="1:10" x14ac:dyDescent="0.35">
      <c r="A7743" s="5" t="s">
        <v>10</v>
      </c>
      <c r="B7743" s="6">
        <v>248308</v>
      </c>
      <c r="C7743" s="6" t="s">
        <v>68</v>
      </c>
      <c r="D7743" s="6" t="s">
        <v>69</v>
      </c>
      <c r="E7743" s="6">
        <v>11001</v>
      </c>
      <c r="F7743" s="6" t="s">
        <v>18</v>
      </c>
      <c r="G7743" s="6" t="s">
        <v>15578</v>
      </c>
      <c r="H7743" s="6" t="s">
        <v>15579</v>
      </c>
      <c r="I7743" s="7">
        <v>4.6192827999999997</v>
      </c>
      <c r="J7743" s="8">
        <v>-74.095014500000005</v>
      </c>
    </row>
    <row r="7744" spans="1:10" x14ac:dyDescent="0.35">
      <c r="A7744" s="5" t="s">
        <v>10</v>
      </c>
      <c r="B7744" s="6">
        <v>218853</v>
      </c>
      <c r="C7744" s="6" t="s">
        <v>68</v>
      </c>
      <c r="D7744" s="6" t="s">
        <v>69</v>
      </c>
      <c r="E7744" s="6">
        <v>11001</v>
      </c>
      <c r="F7744" s="6" t="s">
        <v>18</v>
      </c>
      <c r="G7744" s="6" t="s">
        <v>15580</v>
      </c>
      <c r="H7744" s="6" t="s">
        <v>15581</v>
      </c>
      <c r="I7744" s="7">
        <v>4.6804416</v>
      </c>
      <c r="J7744" s="8">
        <v>-74.146545700000004</v>
      </c>
    </row>
    <row r="7745" spans="1:10" x14ac:dyDescent="0.35">
      <c r="A7745" s="5" t="s">
        <v>10</v>
      </c>
      <c r="B7745" s="6">
        <v>220998</v>
      </c>
      <c r="C7745" s="6" t="s">
        <v>68</v>
      </c>
      <c r="D7745" s="6" t="s">
        <v>69</v>
      </c>
      <c r="E7745" s="6">
        <v>11001</v>
      </c>
      <c r="F7745" s="6" t="s">
        <v>18</v>
      </c>
      <c r="G7745" s="6" t="s">
        <v>15582</v>
      </c>
      <c r="H7745" s="6" t="s">
        <v>15583</v>
      </c>
      <c r="I7745" s="7">
        <v>4.6266476999999897</v>
      </c>
      <c r="J7745" s="8">
        <v>-74.190252000000001</v>
      </c>
    </row>
    <row r="7746" spans="1:10" x14ac:dyDescent="0.35">
      <c r="A7746" s="5" t="s">
        <v>10</v>
      </c>
      <c r="B7746" s="6">
        <v>235983</v>
      </c>
      <c r="C7746" s="6" t="s">
        <v>68</v>
      </c>
      <c r="D7746" s="6" t="s">
        <v>69</v>
      </c>
      <c r="E7746" s="6">
        <v>11001</v>
      </c>
      <c r="F7746" s="6" t="s">
        <v>18</v>
      </c>
      <c r="G7746" s="6" t="s">
        <v>15584</v>
      </c>
      <c r="H7746" s="6" t="s">
        <v>15585</v>
      </c>
      <c r="I7746" s="7">
        <v>4.5842472999999897</v>
      </c>
      <c r="J7746" s="8">
        <v>-74.121446199999994</v>
      </c>
    </row>
    <row r="7747" spans="1:10" x14ac:dyDescent="0.35">
      <c r="A7747" s="5" t="s">
        <v>10</v>
      </c>
      <c r="B7747" s="6">
        <v>191803</v>
      </c>
      <c r="C7747" s="6" t="s">
        <v>11</v>
      </c>
      <c r="D7747" s="6" t="s">
        <v>12</v>
      </c>
      <c r="E7747" s="6">
        <v>25899</v>
      </c>
      <c r="F7747" s="6" t="s">
        <v>13</v>
      </c>
      <c r="G7747" s="6" t="s">
        <v>12374</v>
      </c>
      <c r="H7747" s="6" t="s">
        <v>15586</v>
      </c>
      <c r="I7747" s="7">
        <v>5.0309906</v>
      </c>
      <c r="J7747" s="8">
        <v>-73.995047099999994</v>
      </c>
    </row>
    <row r="7748" spans="1:10" x14ac:dyDescent="0.35">
      <c r="A7748" s="5" t="s">
        <v>10</v>
      </c>
      <c r="B7748" s="6">
        <v>190722</v>
      </c>
      <c r="C7748" s="6" t="s">
        <v>457</v>
      </c>
      <c r="D7748" s="6" t="s">
        <v>4400</v>
      </c>
      <c r="E7748" s="6">
        <v>52001</v>
      </c>
      <c r="F7748" s="6" t="s">
        <v>18</v>
      </c>
      <c r="G7748" s="6" t="s">
        <v>15587</v>
      </c>
      <c r="H7748" s="6" t="s">
        <v>15588</v>
      </c>
      <c r="I7748" s="7">
        <v>1.2134596</v>
      </c>
      <c r="J7748" s="8">
        <v>-77.2974684</v>
      </c>
    </row>
    <row r="7749" spans="1:10" x14ac:dyDescent="0.35">
      <c r="A7749" s="5" t="s">
        <v>10</v>
      </c>
      <c r="B7749" s="6">
        <v>244157</v>
      </c>
      <c r="C7749" s="6" t="s">
        <v>117</v>
      </c>
      <c r="D7749" s="6" t="s">
        <v>1334</v>
      </c>
      <c r="E7749" s="6">
        <v>76001</v>
      </c>
      <c r="F7749" s="6" t="s">
        <v>18</v>
      </c>
      <c r="G7749" s="6" t="s">
        <v>15589</v>
      </c>
      <c r="H7749" s="6" t="s">
        <v>15590</v>
      </c>
      <c r="I7749" s="7">
        <v>3.4452007</v>
      </c>
      <c r="J7749" s="8">
        <v>-76.501010699999995</v>
      </c>
    </row>
    <row r="7750" spans="1:10" x14ac:dyDescent="0.35">
      <c r="A7750" s="5" t="s">
        <v>10</v>
      </c>
      <c r="B7750" s="6">
        <v>107065</v>
      </c>
      <c r="C7750" s="6" t="s">
        <v>109</v>
      </c>
      <c r="D7750" s="6" t="s">
        <v>2830</v>
      </c>
      <c r="E7750" s="6">
        <v>13430</v>
      </c>
      <c r="F7750" s="6" t="s">
        <v>13</v>
      </c>
      <c r="G7750" s="6" t="s">
        <v>11877</v>
      </c>
      <c r="H7750" s="6" t="s">
        <v>15591</v>
      </c>
      <c r="I7750" s="7">
        <v>9.2143601999999998</v>
      </c>
      <c r="J7750" s="8">
        <v>-74.763015999999993</v>
      </c>
    </row>
    <row r="7751" spans="1:10" x14ac:dyDescent="0.35">
      <c r="A7751" s="5" t="s">
        <v>10</v>
      </c>
      <c r="B7751" s="6">
        <v>221402</v>
      </c>
      <c r="C7751" s="6" t="s">
        <v>68</v>
      </c>
      <c r="D7751" s="6" t="s">
        <v>69</v>
      </c>
      <c r="E7751" s="6">
        <v>11001</v>
      </c>
      <c r="F7751" s="6" t="s">
        <v>18</v>
      </c>
      <c r="G7751" s="6" t="s">
        <v>15592</v>
      </c>
      <c r="H7751" s="6" t="s">
        <v>15593</v>
      </c>
      <c r="I7751" s="7">
        <v>4.7455067999999896</v>
      </c>
      <c r="J7751" s="8">
        <v>-74.117930700000002</v>
      </c>
    </row>
    <row r="7752" spans="1:10" x14ac:dyDescent="0.35">
      <c r="A7752" s="5" t="s">
        <v>10</v>
      </c>
      <c r="B7752" s="6">
        <v>236167</v>
      </c>
      <c r="C7752" s="6" t="s">
        <v>68</v>
      </c>
      <c r="D7752" s="6" t="s">
        <v>69</v>
      </c>
      <c r="E7752" s="6">
        <v>11001</v>
      </c>
      <c r="F7752" s="6" t="s">
        <v>18</v>
      </c>
      <c r="G7752" s="6" t="s">
        <v>15594</v>
      </c>
      <c r="H7752" s="6" t="s">
        <v>15595</v>
      </c>
      <c r="I7752" s="7">
        <v>4.6841431</v>
      </c>
      <c r="J7752" s="8">
        <v>-74.152776299999999</v>
      </c>
    </row>
    <row r="7753" spans="1:10" x14ac:dyDescent="0.35">
      <c r="A7753" s="5" t="s">
        <v>10</v>
      </c>
      <c r="B7753" s="6">
        <v>248475</v>
      </c>
      <c r="C7753" s="6" t="s">
        <v>68</v>
      </c>
      <c r="D7753" s="6" t="s">
        <v>69</v>
      </c>
      <c r="E7753" s="6">
        <v>11001</v>
      </c>
      <c r="F7753" s="6" t="s">
        <v>18</v>
      </c>
      <c r="G7753" s="6" t="s">
        <v>12771</v>
      </c>
      <c r="H7753" s="6" t="s">
        <v>15596</v>
      </c>
      <c r="I7753" s="7">
        <v>4.6257488000000002</v>
      </c>
      <c r="J7753" s="8">
        <v>-74.209596500000004</v>
      </c>
    </row>
    <row r="7754" spans="1:10" x14ac:dyDescent="0.35">
      <c r="A7754" s="5" t="s">
        <v>10</v>
      </c>
      <c r="B7754" s="6">
        <v>208326</v>
      </c>
      <c r="C7754" s="6" t="s">
        <v>68</v>
      </c>
      <c r="D7754" s="6" t="s">
        <v>69</v>
      </c>
      <c r="E7754" s="6">
        <v>11001</v>
      </c>
      <c r="F7754" s="6" t="s">
        <v>18</v>
      </c>
      <c r="G7754" s="6" t="s">
        <v>15597</v>
      </c>
      <c r="H7754" s="6" t="s">
        <v>15598</v>
      </c>
      <c r="I7754" s="7">
        <v>4.5651016999999996</v>
      </c>
      <c r="J7754" s="8">
        <v>-74.132505600000002</v>
      </c>
    </row>
    <row r="7755" spans="1:10" x14ac:dyDescent="0.35">
      <c r="A7755" s="5" t="s">
        <v>10</v>
      </c>
      <c r="B7755" s="6">
        <v>219902</v>
      </c>
      <c r="C7755" s="6" t="s">
        <v>68</v>
      </c>
      <c r="D7755" s="6" t="s">
        <v>69</v>
      </c>
      <c r="E7755" s="6">
        <v>11001</v>
      </c>
      <c r="F7755" s="6" t="s">
        <v>18</v>
      </c>
      <c r="G7755" s="6" t="s">
        <v>15599</v>
      </c>
      <c r="H7755" s="6" t="s">
        <v>15600</v>
      </c>
      <c r="I7755" s="7">
        <v>4.5790487999999998</v>
      </c>
      <c r="J7755" s="8">
        <v>-74.126596300000003</v>
      </c>
    </row>
    <row r="7756" spans="1:10" x14ac:dyDescent="0.35">
      <c r="A7756" s="5" t="s">
        <v>10</v>
      </c>
      <c r="B7756" s="6">
        <v>212205</v>
      </c>
      <c r="C7756" s="6" t="s">
        <v>68</v>
      </c>
      <c r="D7756" s="6" t="s">
        <v>69</v>
      </c>
      <c r="E7756" s="6">
        <v>11001</v>
      </c>
      <c r="F7756" s="6" t="s">
        <v>18</v>
      </c>
      <c r="G7756" s="6" t="s">
        <v>15601</v>
      </c>
      <c r="H7756" s="6" t="s">
        <v>15602</v>
      </c>
      <c r="I7756" s="7">
        <v>4.6014432999999997</v>
      </c>
      <c r="J7756" s="8">
        <v>-74.083618099999995</v>
      </c>
    </row>
    <row r="7757" spans="1:10" x14ac:dyDescent="0.35">
      <c r="A7757" s="5" t="s">
        <v>10</v>
      </c>
      <c r="B7757" s="6">
        <v>225905</v>
      </c>
      <c r="C7757" s="6" t="s">
        <v>190</v>
      </c>
      <c r="D7757" s="6" t="s">
        <v>15603</v>
      </c>
      <c r="E7757" s="6">
        <v>5353</v>
      </c>
      <c r="F7757" s="6" t="s">
        <v>18</v>
      </c>
      <c r="G7757" s="6" t="s">
        <v>15604</v>
      </c>
      <c r="H7757" s="6" t="s">
        <v>15605</v>
      </c>
      <c r="I7757" s="7">
        <v>5.7991967000000004</v>
      </c>
      <c r="J7757" s="8">
        <v>-75.908417</v>
      </c>
    </row>
    <row r="7758" spans="1:10" x14ac:dyDescent="0.35">
      <c r="A7758" s="5" t="s">
        <v>10</v>
      </c>
      <c r="B7758" s="6">
        <v>229914</v>
      </c>
      <c r="C7758" s="6" t="s">
        <v>117</v>
      </c>
      <c r="D7758" s="6" t="s">
        <v>12447</v>
      </c>
      <c r="E7758" s="6">
        <v>76248</v>
      </c>
      <c r="F7758" s="6" t="s">
        <v>18</v>
      </c>
      <c r="G7758" s="6" t="s">
        <v>15606</v>
      </c>
      <c r="H7758" s="6" t="s">
        <v>15607</v>
      </c>
      <c r="I7758" s="7">
        <v>3.6840839999999999</v>
      </c>
      <c r="J7758" s="8">
        <v>-76.312995999999998</v>
      </c>
    </row>
    <row r="7759" spans="1:10" x14ac:dyDescent="0.35">
      <c r="A7759" s="5" t="s">
        <v>10</v>
      </c>
      <c r="B7759" s="6">
        <v>240972</v>
      </c>
      <c r="C7759" s="6" t="s">
        <v>117</v>
      </c>
      <c r="D7759" s="6" t="s">
        <v>7405</v>
      </c>
      <c r="E7759" s="6">
        <v>76890</v>
      </c>
      <c r="F7759" s="6" t="s">
        <v>18</v>
      </c>
      <c r="G7759" s="6" t="s">
        <v>15608</v>
      </c>
      <c r="H7759" s="6" t="s">
        <v>15609</v>
      </c>
      <c r="I7759" s="7">
        <v>3.8602729999999998</v>
      </c>
      <c r="J7759" s="8">
        <v>-76.384630000000001</v>
      </c>
    </row>
    <row r="7760" spans="1:10" x14ac:dyDescent="0.35">
      <c r="A7760" s="5" t="s">
        <v>10</v>
      </c>
      <c r="B7760" s="6">
        <v>237606</v>
      </c>
      <c r="C7760" s="6" t="s">
        <v>190</v>
      </c>
      <c r="D7760" s="6" t="s">
        <v>15610</v>
      </c>
      <c r="E7760" s="6">
        <v>5789</v>
      </c>
      <c r="F7760" s="6" t="s">
        <v>18</v>
      </c>
      <c r="G7760" s="6" t="s">
        <v>15611</v>
      </c>
      <c r="H7760" s="6" t="s">
        <v>15612</v>
      </c>
      <c r="I7760" s="7">
        <v>5.6639111</v>
      </c>
      <c r="J7760" s="8">
        <v>-75.712951700000005</v>
      </c>
    </row>
    <row r="7761" spans="1:10" x14ac:dyDescent="0.35">
      <c r="A7761" s="5" t="s">
        <v>10</v>
      </c>
      <c r="B7761" s="6">
        <v>202444</v>
      </c>
      <c r="C7761" s="6" t="s">
        <v>68</v>
      </c>
      <c r="D7761" s="6" t="s">
        <v>69</v>
      </c>
      <c r="E7761" s="6">
        <v>11001</v>
      </c>
      <c r="F7761" s="6" t="s">
        <v>18</v>
      </c>
      <c r="G7761" s="6" t="s">
        <v>15613</v>
      </c>
      <c r="H7761" s="6" t="s">
        <v>15614</v>
      </c>
      <c r="I7761" s="7">
        <v>4.5389482999999897</v>
      </c>
      <c r="J7761" s="8">
        <v>-74.143067599999995</v>
      </c>
    </row>
    <row r="7762" spans="1:10" x14ac:dyDescent="0.35">
      <c r="A7762" s="5" t="s">
        <v>10</v>
      </c>
      <c r="B7762" s="6">
        <v>229329</v>
      </c>
      <c r="C7762" s="6" t="s">
        <v>68</v>
      </c>
      <c r="D7762" s="6" t="s">
        <v>69</v>
      </c>
      <c r="E7762" s="6">
        <v>11001</v>
      </c>
      <c r="F7762" s="6" t="s">
        <v>18</v>
      </c>
      <c r="G7762" s="6" t="s">
        <v>15615</v>
      </c>
      <c r="H7762" s="6" t="s">
        <v>15616</v>
      </c>
      <c r="I7762" s="7">
        <v>4.6391042999999996</v>
      </c>
      <c r="J7762" s="8">
        <v>-74.147451399999994</v>
      </c>
    </row>
    <row r="7763" spans="1:10" x14ac:dyDescent="0.35">
      <c r="A7763" s="5" t="s">
        <v>10</v>
      </c>
      <c r="B7763" s="6">
        <v>234385</v>
      </c>
      <c r="C7763" s="6" t="s">
        <v>68</v>
      </c>
      <c r="D7763" s="6" t="s">
        <v>69</v>
      </c>
      <c r="E7763" s="6">
        <v>11001</v>
      </c>
      <c r="F7763" s="6" t="s">
        <v>18</v>
      </c>
      <c r="G7763" s="6" t="s">
        <v>15617</v>
      </c>
      <c r="H7763" s="6" t="s">
        <v>15618</v>
      </c>
      <c r="I7763" s="7">
        <v>4.6268889</v>
      </c>
      <c r="J7763" s="8">
        <v>-74.162394300000003</v>
      </c>
    </row>
    <row r="7764" spans="1:10" x14ac:dyDescent="0.35">
      <c r="A7764" s="5" t="s">
        <v>10</v>
      </c>
      <c r="B7764" s="6">
        <v>183342</v>
      </c>
      <c r="C7764" s="6" t="s">
        <v>68</v>
      </c>
      <c r="D7764" s="6" t="s">
        <v>69</v>
      </c>
      <c r="E7764" s="6">
        <v>11001</v>
      </c>
      <c r="F7764" s="6" t="s">
        <v>18</v>
      </c>
      <c r="G7764" s="6" t="s">
        <v>15619</v>
      </c>
      <c r="H7764" s="6" t="s">
        <v>15620</v>
      </c>
      <c r="I7764" s="7">
        <v>4.6378279999999998</v>
      </c>
      <c r="J7764" s="8">
        <v>-74.145444999999995</v>
      </c>
    </row>
    <row r="7765" spans="1:10" x14ac:dyDescent="0.35">
      <c r="A7765" s="5" t="s">
        <v>10</v>
      </c>
      <c r="B7765" s="6">
        <v>244120</v>
      </c>
      <c r="C7765" s="6" t="s">
        <v>68</v>
      </c>
      <c r="D7765" s="6" t="s">
        <v>69</v>
      </c>
      <c r="E7765" s="6">
        <v>11001</v>
      </c>
      <c r="F7765" s="6" t="s">
        <v>18</v>
      </c>
      <c r="G7765" s="6" t="s">
        <v>15621</v>
      </c>
      <c r="H7765" s="6" t="s">
        <v>15622</v>
      </c>
      <c r="I7765" s="7">
        <v>4.6377832999999997</v>
      </c>
      <c r="J7765" s="8">
        <v>-74.062244100000001</v>
      </c>
    </row>
    <row r="7766" spans="1:10" x14ac:dyDescent="0.35">
      <c r="A7766" s="5" t="s">
        <v>10</v>
      </c>
      <c r="B7766" s="6">
        <v>201519</v>
      </c>
      <c r="C7766" s="6" t="s">
        <v>68</v>
      </c>
      <c r="D7766" s="6" t="s">
        <v>69</v>
      </c>
      <c r="E7766" s="6">
        <v>11001</v>
      </c>
      <c r="F7766" s="6" t="s">
        <v>18</v>
      </c>
      <c r="G7766" s="6" t="s">
        <v>15623</v>
      </c>
      <c r="H7766" s="6" t="s">
        <v>15624</v>
      </c>
      <c r="I7766" s="7">
        <v>4.6891609999999897</v>
      </c>
      <c r="J7766" s="8">
        <v>-74.074796300000003</v>
      </c>
    </row>
    <row r="7767" spans="1:10" x14ac:dyDescent="0.35">
      <c r="A7767" s="5" t="s">
        <v>10</v>
      </c>
      <c r="B7767" s="6">
        <v>213634</v>
      </c>
      <c r="C7767" s="6" t="s">
        <v>68</v>
      </c>
      <c r="D7767" s="6" t="s">
        <v>69</v>
      </c>
      <c r="E7767" s="6">
        <v>11001</v>
      </c>
      <c r="F7767" s="6" t="s">
        <v>18</v>
      </c>
      <c r="G7767" s="6" t="s">
        <v>15625</v>
      </c>
      <c r="H7767" s="6" t="s">
        <v>15626</v>
      </c>
      <c r="I7767" s="7">
        <v>4.5928890999999998</v>
      </c>
      <c r="J7767" s="8">
        <v>-74.084737099999998</v>
      </c>
    </row>
    <row r="7768" spans="1:10" x14ac:dyDescent="0.35">
      <c r="A7768" s="5" t="s">
        <v>10</v>
      </c>
      <c r="B7768" s="6">
        <v>221467</v>
      </c>
      <c r="C7768" s="6" t="s">
        <v>68</v>
      </c>
      <c r="D7768" s="6" t="s">
        <v>69</v>
      </c>
      <c r="E7768" s="6">
        <v>11001</v>
      </c>
      <c r="F7768" s="6" t="s">
        <v>18</v>
      </c>
      <c r="G7768" s="6" t="s">
        <v>15627</v>
      </c>
      <c r="H7768" s="6" t="s">
        <v>15628</v>
      </c>
      <c r="I7768" s="7">
        <v>4.7482455999999997</v>
      </c>
      <c r="J7768" s="8">
        <v>-74.049590299999906</v>
      </c>
    </row>
    <row r="7769" spans="1:10" x14ac:dyDescent="0.35">
      <c r="A7769" s="5" t="s">
        <v>10</v>
      </c>
      <c r="B7769" s="6">
        <v>235348</v>
      </c>
      <c r="C7769" s="6" t="s">
        <v>68</v>
      </c>
      <c r="D7769" s="6" t="s">
        <v>69</v>
      </c>
      <c r="E7769" s="6">
        <v>11001</v>
      </c>
      <c r="F7769" s="6" t="s">
        <v>18</v>
      </c>
      <c r="G7769" s="6" t="s">
        <v>15629</v>
      </c>
      <c r="H7769" s="6" t="s">
        <v>15630</v>
      </c>
      <c r="I7769" s="7">
        <v>4.7344350999999998</v>
      </c>
      <c r="J7769" s="8">
        <v>-74.107693100000006</v>
      </c>
    </row>
    <row r="7770" spans="1:10" x14ac:dyDescent="0.35">
      <c r="A7770" s="5" t="s">
        <v>10</v>
      </c>
      <c r="B7770" s="6">
        <v>242662</v>
      </c>
      <c r="C7770" s="6" t="s">
        <v>68</v>
      </c>
      <c r="D7770" s="6" t="s">
        <v>69</v>
      </c>
      <c r="E7770" s="6">
        <v>11001</v>
      </c>
      <c r="F7770" s="6" t="s">
        <v>18</v>
      </c>
      <c r="G7770" s="6" t="s">
        <v>15631</v>
      </c>
      <c r="H7770" s="6" t="s">
        <v>15632</v>
      </c>
      <c r="I7770" s="7">
        <v>4.5889812000000001</v>
      </c>
      <c r="J7770" s="8">
        <v>-74.112098000000003</v>
      </c>
    </row>
    <row r="7771" spans="1:10" x14ac:dyDescent="0.35">
      <c r="A7771" s="5" t="s">
        <v>10</v>
      </c>
      <c r="B7771" s="6">
        <v>247398</v>
      </c>
      <c r="C7771" s="6" t="s">
        <v>68</v>
      </c>
      <c r="D7771" s="6" t="s">
        <v>69</v>
      </c>
      <c r="E7771" s="6">
        <v>11001</v>
      </c>
      <c r="F7771" s="6" t="s">
        <v>18</v>
      </c>
      <c r="G7771" s="6" t="s">
        <v>15633</v>
      </c>
      <c r="H7771" s="6" t="s">
        <v>15634</v>
      </c>
      <c r="I7771" s="7">
        <v>4.7109886000000003</v>
      </c>
      <c r="J7771" s="8">
        <v>-74.072091999999998</v>
      </c>
    </row>
    <row r="7772" spans="1:10" x14ac:dyDescent="0.35">
      <c r="A7772" s="5" t="s">
        <v>10</v>
      </c>
      <c r="B7772" s="6">
        <v>116146</v>
      </c>
      <c r="C7772" s="6" t="s">
        <v>68</v>
      </c>
      <c r="D7772" s="6" t="s">
        <v>69</v>
      </c>
      <c r="E7772" s="6">
        <v>11001</v>
      </c>
      <c r="F7772" s="6" t="s">
        <v>18</v>
      </c>
      <c r="G7772" s="6" t="s">
        <v>15635</v>
      </c>
      <c r="H7772" s="6" t="s">
        <v>15636</v>
      </c>
      <c r="I7772" s="7">
        <v>4.6429593000000002</v>
      </c>
      <c r="J7772" s="8">
        <v>-74.195892499999999</v>
      </c>
    </row>
    <row r="7773" spans="1:10" x14ac:dyDescent="0.35">
      <c r="A7773" s="5" t="s">
        <v>10</v>
      </c>
      <c r="B7773" s="6">
        <v>206892</v>
      </c>
      <c r="C7773" s="6" t="s">
        <v>68</v>
      </c>
      <c r="D7773" s="6" t="s">
        <v>69</v>
      </c>
      <c r="E7773" s="6">
        <v>11001</v>
      </c>
      <c r="F7773" s="6" t="s">
        <v>18</v>
      </c>
      <c r="G7773" s="6" t="s">
        <v>15637</v>
      </c>
      <c r="H7773" s="6" t="s">
        <v>15638</v>
      </c>
      <c r="I7773" s="7">
        <v>4.5321508000000001</v>
      </c>
      <c r="J7773" s="8">
        <v>-74.146474400000002</v>
      </c>
    </row>
    <row r="7774" spans="1:10" x14ac:dyDescent="0.35">
      <c r="A7774" s="5" t="s">
        <v>10</v>
      </c>
      <c r="B7774" s="6">
        <v>208769</v>
      </c>
      <c r="C7774" s="6" t="s">
        <v>28</v>
      </c>
      <c r="D7774" s="6" t="s">
        <v>29</v>
      </c>
      <c r="E7774" s="6">
        <v>54001</v>
      </c>
      <c r="F7774" s="6" t="s">
        <v>13</v>
      </c>
      <c r="G7774" s="6" t="s">
        <v>15639</v>
      </c>
      <c r="H7774" s="6" t="s">
        <v>15640</v>
      </c>
      <c r="I7774" s="7">
        <v>7.8984021000000002</v>
      </c>
      <c r="J7774" s="8">
        <v>-72.538493799999998</v>
      </c>
    </row>
    <row r="7775" spans="1:10" x14ac:dyDescent="0.35">
      <c r="A7775" s="5" t="s">
        <v>10</v>
      </c>
      <c r="B7775" s="6">
        <v>227579</v>
      </c>
      <c r="C7775" s="6" t="s">
        <v>24</v>
      </c>
      <c r="D7775" s="6" t="s">
        <v>317</v>
      </c>
      <c r="E7775" s="6">
        <v>15176</v>
      </c>
      <c r="F7775" s="6" t="s">
        <v>13</v>
      </c>
      <c r="G7775" s="6" t="s">
        <v>15641</v>
      </c>
      <c r="H7775" s="6" t="s">
        <v>15642</v>
      </c>
      <c r="I7775" s="7">
        <v>5.6176560999999996</v>
      </c>
      <c r="J7775" s="8">
        <v>-73.815853599999997</v>
      </c>
    </row>
    <row r="7776" spans="1:10" x14ac:dyDescent="0.35">
      <c r="A7776" s="5" t="s">
        <v>10</v>
      </c>
      <c r="B7776" s="6">
        <v>171436</v>
      </c>
      <c r="C7776" s="6" t="s">
        <v>11</v>
      </c>
      <c r="D7776" s="6" t="s">
        <v>513</v>
      </c>
      <c r="E7776" s="6">
        <v>25286</v>
      </c>
      <c r="F7776" s="6" t="s">
        <v>18</v>
      </c>
      <c r="G7776" s="6" t="s">
        <v>15643</v>
      </c>
      <c r="H7776" s="6" t="s">
        <v>15644</v>
      </c>
      <c r="I7776" s="7">
        <v>5.0225632999999998</v>
      </c>
      <c r="J7776" s="8">
        <v>-73.983409100000003</v>
      </c>
    </row>
    <row r="7777" spans="1:10" x14ac:dyDescent="0.35">
      <c r="A7777" s="5" t="s">
        <v>10</v>
      </c>
      <c r="B7777" s="6">
        <v>229464</v>
      </c>
      <c r="C7777" s="6" t="s">
        <v>457</v>
      </c>
      <c r="D7777" s="6" t="s">
        <v>1086</v>
      </c>
      <c r="E7777" s="6">
        <v>52356</v>
      </c>
      <c r="F7777" s="6" t="s">
        <v>18</v>
      </c>
      <c r="G7777" s="6" t="s">
        <v>15645</v>
      </c>
      <c r="H7777" s="6" t="s">
        <v>15646</v>
      </c>
      <c r="I7777" s="7">
        <v>0.83607580000000004</v>
      </c>
      <c r="J7777" s="8">
        <v>-77.637741800000001</v>
      </c>
    </row>
    <row r="7778" spans="1:10" x14ac:dyDescent="0.35">
      <c r="A7778" s="5" t="s">
        <v>10</v>
      </c>
      <c r="B7778" s="6">
        <v>241637</v>
      </c>
      <c r="C7778" s="6" t="s">
        <v>457</v>
      </c>
      <c r="D7778" s="6" t="s">
        <v>10849</v>
      </c>
      <c r="E7778" s="6">
        <v>52693</v>
      </c>
      <c r="F7778" s="6" t="s">
        <v>18</v>
      </c>
      <c r="G7778" s="6" t="s">
        <v>15647</v>
      </c>
      <c r="H7778" s="6" t="s">
        <v>15648</v>
      </c>
      <c r="I7778" s="7">
        <v>1.6690825</v>
      </c>
      <c r="J7778" s="8">
        <v>-77.011999599999996</v>
      </c>
    </row>
    <row r="7779" spans="1:10" x14ac:dyDescent="0.35">
      <c r="A7779" s="5" t="s">
        <v>10</v>
      </c>
      <c r="B7779" s="6">
        <v>244790</v>
      </c>
      <c r="C7779" s="6" t="s">
        <v>68</v>
      </c>
      <c r="D7779" s="6" t="s">
        <v>69</v>
      </c>
      <c r="E7779" s="6">
        <v>11001</v>
      </c>
      <c r="F7779" s="6" t="s">
        <v>18</v>
      </c>
      <c r="G7779" s="6" t="s">
        <v>15649</v>
      </c>
      <c r="H7779" s="6" t="s">
        <v>15650</v>
      </c>
      <c r="I7779" s="7">
        <v>4.6933898999999997</v>
      </c>
      <c r="J7779" s="8">
        <v>-74.0986008</v>
      </c>
    </row>
    <row r="7780" spans="1:10" x14ac:dyDescent="0.35">
      <c r="A7780" s="5" t="s">
        <v>10</v>
      </c>
      <c r="B7780" s="6">
        <v>178857</v>
      </c>
      <c r="C7780" s="6" t="s">
        <v>68</v>
      </c>
      <c r="D7780" s="6" t="s">
        <v>69</v>
      </c>
      <c r="E7780" s="6">
        <v>11001</v>
      </c>
      <c r="F7780" s="6" t="s">
        <v>18</v>
      </c>
      <c r="G7780" s="6" t="s">
        <v>15651</v>
      </c>
      <c r="H7780" s="6" t="s">
        <v>15652</v>
      </c>
      <c r="I7780" s="7">
        <v>4.6077351000000002</v>
      </c>
      <c r="J7780" s="8">
        <v>-74.197350099999994</v>
      </c>
    </row>
    <row r="7781" spans="1:10" x14ac:dyDescent="0.35">
      <c r="A7781" s="5" t="s">
        <v>10</v>
      </c>
      <c r="B7781" s="6">
        <v>200310</v>
      </c>
      <c r="C7781" s="6" t="s">
        <v>68</v>
      </c>
      <c r="D7781" s="6" t="s">
        <v>69</v>
      </c>
      <c r="E7781" s="6">
        <v>11001</v>
      </c>
      <c r="F7781" s="6" t="s">
        <v>18</v>
      </c>
      <c r="G7781" s="6" t="s">
        <v>15653</v>
      </c>
      <c r="H7781" s="6" t="s">
        <v>15654</v>
      </c>
      <c r="I7781" s="7">
        <v>4.6600155000000001</v>
      </c>
      <c r="J7781" s="8">
        <v>-74.050197099999906</v>
      </c>
    </row>
    <row r="7782" spans="1:10" x14ac:dyDescent="0.35">
      <c r="A7782" s="5" t="s">
        <v>10</v>
      </c>
      <c r="B7782" s="6">
        <v>214701</v>
      </c>
      <c r="C7782" s="6" t="s">
        <v>68</v>
      </c>
      <c r="D7782" s="6" t="s">
        <v>69</v>
      </c>
      <c r="E7782" s="6">
        <v>11001</v>
      </c>
      <c r="F7782" s="6" t="s">
        <v>18</v>
      </c>
      <c r="G7782" s="6" t="s">
        <v>15655</v>
      </c>
      <c r="H7782" s="6" t="s">
        <v>15656</v>
      </c>
      <c r="I7782" s="7">
        <v>4.5829357000000002</v>
      </c>
      <c r="J7782" s="8">
        <v>-74.159532900000002</v>
      </c>
    </row>
    <row r="7783" spans="1:10" x14ac:dyDescent="0.35">
      <c r="A7783" s="5" t="s">
        <v>10</v>
      </c>
      <c r="B7783" s="6">
        <v>236460</v>
      </c>
      <c r="C7783" s="6" t="s">
        <v>68</v>
      </c>
      <c r="D7783" s="6" t="s">
        <v>69</v>
      </c>
      <c r="E7783" s="6">
        <v>11001</v>
      </c>
      <c r="F7783" s="6" t="s">
        <v>18</v>
      </c>
      <c r="G7783" s="6" t="s">
        <v>15657</v>
      </c>
      <c r="H7783" s="6" t="s">
        <v>15658</v>
      </c>
      <c r="I7783" s="7">
        <v>4.6382051999999998</v>
      </c>
      <c r="J7783" s="8">
        <v>-74.156285999999994</v>
      </c>
    </row>
    <row r="7784" spans="1:10" x14ac:dyDescent="0.35">
      <c r="A7784" s="5" t="s">
        <v>10</v>
      </c>
      <c r="B7784" s="6">
        <v>239384</v>
      </c>
      <c r="C7784" s="6" t="s">
        <v>68</v>
      </c>
      <c r="D7784" s="6" t="s">
        <v>69</v>
      </c>
      <c r="E7784" s="6">
        <v>11001</v>
      </c>
      <c r="F7784" s="6" t="s">
        <v>18</v>
      </c>
      <c r="G7784" s="6" t="s">
        <v>15659</v>
      </c>
      <c r="H7784" s="6" t="s">
        <v>15660</v>
      </c>
      <c r="I7784" s="7">
        <v>4.6983594999999996</v>
      </c>
      <c r="J7784" s="8">
        <v>-74.093988600000003</v>
      </c>
    </row>
    <row r="7785" spans="1:10" x14ac:dyDescent="0.35">
      <c r="A7785" s="5" t="s">
        <v>10</v>
      </c>
      <c r="B7785" s="6">
        <v>240223</v>
      </c>
      <c r="C7785" s="6" t="s">
        <v>68</v>
      </c>
      <c r="D7785" s="6" t="s">
        <v>69</v>
      </c>
      <c r="E7785" s="6">
        <v>11001</v>
      </c>
      <c r="F7785" s="6" t="s">
        <v>18</v>
      </c>
      <c r="G7785" s="6" t="s">
        <v>15661</v>
      </c>
      <c r="H7785" s="6" t="s">
        <v>15662</v>
      </c>
      <c r="I7785" s="7">
        <v>4.6931523999999998</v>
      </c>
      <c r="J7785" s="8">
        <v>-74.101196999999999</v>
      </c>
    </row>
    <row r="7786" spans="1:10" x14ac:dyDescent="0.35">
      <c r="A7786" s="5" t="s">
        <v>10</v>
      </c>
      <c r="B7786" s="6">
        <v>242718</v>
      </c>
      <c r="C7786" s="6" t="s">
        <v>68</v>
      </c>
      <c r="D7786" s="6" t="s">
        <v>69</v>
      </c>
      <c r="E7786" s="6">
        <v>11001</v>
      </c>
      <c r="F7786" s="6" t="s">
        <v>18</v>
      </c>
      <c r="G7786" s="6" t="s">
        <v>15663</v>
      </c>
      <c r="H7786" s="6" t="s">
        <v>15664</v>
      </c>
      <c r="I7786" s="7">
        <v>4.5447430000000004</v>
      </c>
      <c r="J7786" s="8">
        <v>-74.115842700000002</v>
      </c>
    </row>
    <row r="7787" spans="1:10" x14ac:dyDescent="0.35">
      <c r="A7787" s="5" t="s">
        <v>10</v>
      </c>
      <c r="B7787" s="6">
        <v>227897</v>
      </c>
      <c r="C7787" s="6" t="s">
        <v>68</v>
      </c>
      <c r="D7787" s="6" t="s">
        <v>69</v>
      </c>
      <c r="E7787" s="6">
        <v>11001</v>
      </c>
      <c r="F7787" s="6" t="s">
        <v>18</v>
      </c>
      <c r="G7787" s="6" t="s">
        <v>15665</v>
      </c>
      <c r="H7787" s="6" t="s">
        <v>15666</v>
      </c>
      <c r="I7787" s="7">
        <v>4.7151090999999896</v>
      </c>
      <c r="J7787" s="8">
        <v>-74.139440699999994</v>
      </c>
    </row>
    <row r="7788" spans="1:10" x14ac:dyDescent="0.35">
      <c r="A7788" s="5" t="s">
        <v>10</v>
      </c>
      <c r="B7788" s="6">
        <v>237582</v>
      </c>
      <c r="C7788" s="6" t="s">
        <v>68</v>
      </c>
      <c r="D7788" s="6" t="s">
        <v>69</v>
      </c>
      <c r="E7788" s="6">
        <v>11001</v>
      </c>
      <c r="F7788" s="6" t="s">
        <v>18</v>
      </c>
      <c r="G7788" s="6" t="s">
        <v>15667</v>
      </c>
      <c r="H7788" s="6" t="s">
        <v>15668</v>
      </c>
      <c r="I7788" s="7">
        <v>4.6242628999999997</v>
      </c>
      <c r="J7788" s="8">
        <v>-74.196231900000001</v>
      </c>
    </row>
    <row r="7789" spans="1:10" x14ac:dyDescent="0.35">
      <c r="A7789" s="5" t="s">
        <v>10</v>
      </c>
      <c r="B7789" s="6">
        <v>236749</v>
      </c>
      <c r="C7789" s="6" t="s">
        <v>117</v>
      </c>
      <c r="D7789" s="6" t="s">
        <v>3492</v>
      </c>
      <c r="E7789" s="6">
        <v>76520</v>
      </c>
      <c r="F7789" s="6" t="s">
        <v>18</v>
      </c>
      <c r="G7789" s="6" t="s">
        <v>15669</v>
      </c>
      <c r="H7789" s="6" t="s">
        <v>15670</v>
      </c>
      <c r="I7789" s="7">
        <v>3.5309979</v>
      </c>
      <c r="J7789" s="8">
        <v>-76.290396000000001</v>
      </c>
    </row>
    <row r="7790" spans="1:10" x14ac:dyDescent="0.35">
      <c r="A7790" s="5" t="s">
        <v>10</v>
      </c>
      <c r="B7790" s="6">
        <v>240987</v>
      </c>
      <c r="C7790" s="6" t="s">
        <v>117</v>
      </c>
      <c r="D7790" s="6" t="s">
        <v>1334</v>
      </c>
      <c r="E7790" s="6">
        <v>76001</v>
      </c>
      <c r="F7790" s="6" t="s">
        <v>18</v>
      </c>
      <c r="G7790" s="6" t="s">
        <v>15671</v>
      </c>
      <c r="H7790" s="6" t="s">
        <v>15672</v>
      </c>
      <c r="I7790" s="7">
        <v>3.4301621999999998</v>
      </c>
      <c r="J7790" s="8">
        <v>-76.515255999999994</v>
      </c>
    </row>
    <row r="7791" spans="1:10" x14ac:dyDescent="0.35">
      <c r="A7791" s="5" t="s">
        <v>10</v>
      </c>
      <c r="B7791" s="6">
        <v>241061</v>
      </c>
      <c r="C7791" s="6" t="s">
        <v>117</v>
      </c>
      <c r="D7791" s="6" t="s">
        <v>3686</v>
      </c>
      <c r="E7791" s="6">
        <v>76111</v>
      </c>
      <c r="F7791" s="6" t="s">
        <v>18</v>
      </c>
      <c r="G7791" s="6" t="s">
        <v>15673</v>
      </c>
      <c r="H7791" s="6" t="s">
        <v>15674</v>
      </c>
      <c r="I7791" s="7">
        <v>3.9024016000000001</v>
      </c>
      <c r="J7791" s="8">
        <v>-76.3023089</v>
      </c>
    </row>
    <row r="7792" spans="1:10" x14ac:dyDescent="0.35">
      <c r="A7792" s="5" t="s">
        <v>10</v>
      </c>
      <c r="B7792" s="6">
        <v>241117</v>
      </c>
      <c r="C7792" s="6" t="s">
        <v>117</v>
      </c>
      <c r="D7792" s="6" t="s">
        <v>1334</v>
      </c>
      <c r="E7792" s="6">
        <v>76001</v>
      </c>
      <c r="F7792" s="6" t="s">
        <v>18</v>
      </c>
      <c r="G7792" s="6" t="s">
        <v>15675</v>
      </c>
      <c r="H7792" s="6" t="s">
        <v>15676</v>
      </c>
      <c r="I7792" s="7">
        <v>3.4155006999999999</v>
      </c>
      <c r="J7792" s="8">
        <v>-76.474762299999995</v>
      </c>
    </row>
    <row r="7793" spans="1:10" x14ac:dyDescent="0.35">
      <c r="A7793" s="5" t="s">
        <v>10</v>
      </c>
      <c r="B7793" s="6">
        <v>244636</v>
      </c>
      <c r="C7793" s="6" t="s">
        <v>117</v>
      </c>
      <c r="D7793" s="6" t="s">
        <v>1334</v>
      </c>
      <c r="E7793" s="6">
        <v>76001</v>
      </c>
      <c r="F7793" s="6" t="s">
        <v>18</v>
      </c>
      <c r="G7793" s="6" t="s">
        <v>15677</v>
      </c>
      <c r="H7793" s="6" t="s">
        <v>15678</v>
      </c>
      <c r="I7793" s="7">
        <v>3.3890009999999999</v>
      </c>
      <c r="J7793" s="8">
        <v>-76.5514127</v>
      </c>
    </row>
    <row r="7794" spans="1:10" x14ac:dyDescent="0.35">
      <c r="A7794" s="5" t="s">
        <v>10</v>
      </c>
      <c r="B7794" s="6">
        <v>240769</v>
      </c>
      <c r="C7794" s="6" t="s">
        <v>190</v>
      </c>
      <c r="D7794" s="6" t="s">
        <v>12678</v>
      </c>
      <c r="E7794" s="6">
        <v>5664</v>
      </c>
      <c r="F7794" s="6" t="s">
        <v>18</v>
      </c>
      <c r="G7794" s="6" t="s">
        <v>15679</v>
      </c>
      <c r="H7794" s="6" t="s">
        <v>15680</v>
      </c>
      <c r="I7794" s="7">
        <v>6.4617287000000001</v>
      </c>
      <c r="J7794" s="8">
        <v>-75.555463700000004</v>
      </c>
    </row>
    <row r="7795" spans="1:10" x14ac:dyDescent="0.35">
      <c r="A7795" s="5" t="s">
        <v>10</v>
      </c>
      <c r="B7795" s="6">
        <v>230491</v>
      </c>
      <c r="C7795" s="6" t="s">
        <v>68</v>
      </c>
      <c r="D7795" s="6" t="s">
        <v>69</v>
      </c>
      <c r="E7795" s="6">
        <v>11001</v>
      </c>
      <c r="F7795" s="6" t="s">
        <v>18</v>
      </c>
      <c r="G7795" s="6" t="s">
        <v>14149</v>
      </c>
      <c r="H7795" s="6" t="s">
        <v>15681</v>
      </c>
      <c r="I7795" s="7">
        <v>4.6229481999999997</v>
      </c>
      <c r="J7795" s="8">
        <v>-74.148664099999905</v>
      </c>
    </row>
    <row r="7796" spans="1:10" x14ac:dyDescent="0.35">
      <c r="A7796" s="5" t="s">
        <v>10</v>
      </c>
      <c r="B7796" s="6">
        <v>231803</v>
      </c>
      <c r="C7796" s="6" t="s">
        <v>68</v>
      </c>
      <c r="D7796" s="6" t="s">
        <v>69</v>
      </c>
      <c r="E7796" s="6">
        <v>11001</v>
      </c>
      <c r="F7796" s="6" t="s">
        <v>18</v>
      </c>
      <c r="G7796" s="6" t="s">
        <v>15682</v>
      </c>
      <c r="H7796" s="6" t="s">
        <v>15683</v>
      </c>
      <c r="I7796" s="7">
        <v>4.6232218999999999</v>
      </c>
      <c r="J7796" s="8">
        <v>-74.170662199999995</v>
      </c>
    </row>
    <row r="7797" spans="1:10" x14ac:dyDescent="0.35">
      <c r="A7797" s="5" t="s">
        <v>10</v>
      </c>
      <c r="B7797" s="6">
        <v>223753</v>
      </c>
      <c r="C7797" s="6" t="s">
        <v>68</v>
      </c>
      <c r="D7797" s="6" t="s">
        <v>69</v>
      </c>
      <c r="E7797" s="6">
        <v>11001</v>
      </c>
      <c r="F7797" s="6" t="s">
        <v>18</v>
      </c>
      <c r="G7797" s="6" t="s">
        <v>14759</v>
      </c>
      <c r="H7797" s="6" t="s">
        <v>15684</v>
      </c>
      <c r="I7797" s="7">
        <v>4.5692526000000004</v>
      </c>
      <c r="J7797" s="8">
        <v>-74.150296799999893</v>
      </c>
    </row>
    <row r="7798" spans="1:10" x14ac:dyDescent="0.35">
      <c r="A7798" s="5" t="s">
        <v>10</v>
      </c>
      <c r="B7798" s="6">
        <v>242439</v>
      </c>
      <c r="C7798" s="6" t="s">
        <v>68</v>
      </c>
      <c r="D7798" s="6" t="s">
        <v>69</v>
      </c>
      <c r="E7798" s="6">
        <v>11001</v>
      </c>
      <c r="F7798" s="6" t="s">
        <v>18</v>
      </c>
      <c r="G7798" s="6" t="s">
        <v>15685</v>
      </c>
      <c r="H7798" s="6" t="s">
        <v>15686</v>
      </c>
      <c r="I7798" s="7">
        <v>4.5660271999999997</v>
      </c>
      <c r="J7798" s="8">
        <v>-74.083304799999993</v>
      </c>
    </row>
    <row r="7799" spans="1:10" x14ac:dyDescent="0.35">
      <c r="A7799" s="5" t="s">
        <v>10</v>
      </c>
      <c r="B7799" s="6">
        <v>197524</v>
      </c>
      <c r="C7799" s="6" t="s">
        <v>11</v>
      </c>
      <c r="D7799" s="6" t="s">
        <v>4279</v>
      </c>
      <c r="E7799" s="6">
        <v>25099</v>
      </c>
      <c r="F7799" s="6" t="s">
        <v>18</v>
      </c>
      <c r="G7799" s="6" t="s">
        <v>15687</v>
      </c>
      <c r="H7799" s="6" t="s">
        <v>15688</v>
      </c>
      <c r="I7799" s="7">
        <v>4.7320406999999998</v>
      </c>
      <c r="J7799" s="8">
        <v>-74.342147799999907</v>
      </c>
    </row>
    <row r="7800" spans="1:10" x14ac:dyDescent="0.35">
      <c r="A7800" s="5" t="s">
        <v>10</v>
      </c>
      <c r="B7800" s="6">
        <v>241150</v>
      </c>
      <c r="C7800" s="6" t="s">
        <v>117</v>
      </c>
      <c r="D7800" s="6" t="s">
        <v>1334</v>
      </c>
      <c r="E7800" s="6">
        <v>76001</v>
      </c>
      <c r="F7800" s="6" t="s">
        <v>18</v>
      </c>
      <c r="G7800" s="6" t="s">
        <v>15689</v>
      </c>
      <c r="H7800" s="6" t="s">
        <v>15690</v>
      </c>
      <c r="I7800" s="7">
        <v>3.4135019999999998</v>
      </c>
      <c r="J7800" s="8">
        <v>-76.509553199999999</v>
      </c>
    </row>
    <row r="7801" spans="1:10" x14ac:dyDescent="0.35">
      <c r="A7801" s="5" t="s">
        <v>10</v>
      </c>
      <c r="B7801" s="6">
        <v>241059</v>
      </c>
      <c r="C7801" s="6" t="s">
        <v>117</v>
      </c>
      <c r="D7801" s="6" t="s">
        <v>1334</v>
      </c>
      <c r="E7801" s="6">
        <v>76001</v>
      </c>
      <c r="F7801" s="6" t="s">
        <v>18</v>
      </c>
      <c r="G7801" s="6" t="s">
        <v>15691</v>
      </c>
      <c r="H7801" s="6" t="s">
        <v>15692</v>
      </c>
      <c r="I7801" s="7">
        <v>3.4368981000000001</v>
      </c>
      <c r="J7801" s="8">
        <v>-76.468976799999993</v>
      </c>
    </row>
    <row r="7802" spans="1:10" x14ac:dyDescent="0.35">
      <c r="A7802" s="5" t="s">
        <v>10</v>
      </c>
      <c r="B7802" s="6">
        <v>209392</v>
      </c>
      <c r="C7802" s="6" t="s">
        <v>68</v>
      </c>
      <c r="D7802" s="6" t="s">
        <v>69</v>
      </c>
      <c r="E7802" s="6">
        <v>11001</v>
      </c>
      <c r="F7802" s="6" t="s">
        <v>18</v>
      </c>
      <c r="G7802" s="6" t="s">
        <v>15693</v>
      </c>
      <c r="H7802" s="6" t="s">
        <v>15694</v>
      </c>
      <c r="I7802" s="7">
        <v>4.6145896000000004</v>
      </c>
      <c r="J7802" s="8">
        <v>-74.075809300000003</v>
      </c>
    </row>
    <row r="7803" spans="1:10" x14ac:dyDescent="0.35">
      <c r="A7803" s="5" t="s">
        <v>10</v>
      </c>
      <c r="B7803" s="6">
        <v>210420</v>
      </c>
      <c r="C7803" s="6" t="s">
        <v>68</v>
      </c>
      <c r="D7803" s="6" t="s">
        <v>69</v>
      </c>
      <c r="E7803" s="6">
        <v>11001</v>
      </c>
      <c r="F7803" s="6" t="s">
        <v>18</v>
      </c>
      <c r="G7803" s="6" t="s">
        <v>15695</v>
      </c>
      <c r="H7803" s="6" t="s">
        <v>15696</v>
      </c>
      <c r="I7803" s="7">
        <v>4.5749551999999998</v>
      </c>
      <c r="J7803" s="8">
        <v>-74.150027100000003</v>
      </c>
    </row>
    <row r="7804" spans="1:10" x14ac:dyDescent="0.35">
      <c r="A7804" s="5" t="s">
        <v>10</v>
      </c>
      <c r="B7804" s="6">
        <v>228470</v>
      </c>
      <c r="C7804" s="6" t="s">
        <v>68</v>
      </c>
      <c r="D7804" s="6" t="s">
        <v>69</v>
      </c>
      <c r="E7804" s="6">
        <v>11001</v>
      </c>
      <c r="F7804" s="6" t="s">
        <v>18</v>
      </c>
      <c r="G7804" s="6" t="s">
        <v>15697</v>
      </c>
      <c r="H7804" s="6" t="s">
        <v>15698</v>
      </c>
      <c r="I7804" s="7">
        <v>4.7027701000000004</v>
      </c>
      <c r="J7804" s="8">
        <v>-74.100456899999998</v>
      </c>
    </row>
    <row r="7805" spans="1:10" x14ac:dyDescent="0.35">
      <c r="A7805" s="5" t="s">
        <v>10</v>
      </c>
      <c r="B7805" s="6">
        <v>242052</v>
      </c>
      <c r="C7805" s="6" t="s">
        <v>68</v>
      </c>
      <c r="D7805" s="6" t="s">
        <v>69</v>
      </c>
      <c r="E7805" s="6">
        <v>11001</v>
      </c>
      <c r="F7805" s="6" t="s">
        <v>18</v>
      </c>
      <c r="G7805" s="6" t="s">
        <v>15699</v>
      </c>
      <c r="H7805" s="6" t="s">
        <v>15700</v>
      </c>
      <c r="I7805" s="7">
        <v>4.6140056999999999</v>
      </c>
      <c r="J7805" s="8">
        <v>-74.164112399999993</v>
      </c>
    </row>
    <row r="7806" spans="1:10" x14ac:dyDescent="0.35">
      <c r="A7806" s="5" t="s">
        <v>10</v>
      </c>
      <c r="B7806" s="6">
        <v>230702</v>
      </c>
      <c r="C7806" s="6" t="s">
        <v>68</v>
      </c>
      <c r="D7806" s="6" t="s">
        <v>69</v>
      </c>
      <c r="E7806" s="6">
        <v>11001</v>
      </c>
      <c r="F7806" s="6" t="s">
        <v>18</v>
      </c>
      <c r="G7806" s="6" t="s">
        <v>15701</v>
      </c>
      <c r="H7806" s="6" t="s">
        <v>15702</v>
      </c>
      <c r="I7806" s="7">
        <v>4.7370786000000003</v>
      </c>
      <c r="J7806" s="8">
        <v>-74.097188700000004</v>
      </c>
    </row>
    <row r="7807" spans="1:10" x14ac:dyDescent="0.35">
      <c r="A7807" s="5" t="s">
        <v>10</v>
      </c>
      <c r="B7807" s="6">
        <v>235770</v>
      </c>
      <c r="C7807" s="6" t="s">
        <v>68</v>
      </c>
      <c r="D7807" s="6" t="s">
        <v>69</v>
      </c>
      <c r="E7807" s="6">
        <v>11001</v>
      </c>
      <c r="F7807" s="6" t="s">
        <v>18</v>
      </c>
      <c r="G7807" s="6" t="s">
        <v>15703</v>
      </c>
      <c r="H7807" s="6" t="s">
        <v>15704</v>
      </c>
      <c r="I7807" s="7">
        <v>4.6104181000000004</v>
      </c>
      <c r="J7807" s="8">
        <v>-74.086068800000007</v>
      </c>
    </row>
    <row r="7808" spans="1:10" x14ac:dyDescent="0.35">
      <c r="A7808" s="5" t="s">
        <v>10</v>
      </c>
      <c r="B7808" s="6">
        <v>239646</v>
      </c>
      <c r="C7808" s="6" t="s">
        <v>68</v>
      </c>
      <c r="D7808" s="6" t="s">
        <v>69</v>
      </c>
      <c r="E7808" s="6">
        <v>11001</v>
      </c>
      <c r="F7808" s="6" t="s">
        <v>18</v>
      </c>
      <c r="G7808" s="6" t="s">
        <v>15705</v>
      </c>
      <c r="H7808" s="6" t="s">
        <v>15706</v>
      </c>
      <c r="I7808" s="7">
        <v>4.7418103</v>
      </c>
      <c r="J7808" s="8">
        <v>-74.036130099999994</v>
      </c>
    </row>
    <row r="7809" spans="1:10" x14ac:dyDescent="0.35">
      <c r="A7809" s="5" t="s">
        <v>10</v>
      </c>
      <c r="B7809" s="6">
        <v>226856</v>
      </c>
      <c r="C7809" s="6" t="s">
        <v>68</v>
      </c>
      <c r="D7809" s="6" t="s">
        <v>69</v>
      </c>
      <c r="E7809" s="6">
        <v>11001</v>
      </c>
      <c r="F7809" s="6" t="s">
        <v>18</v>
      </c>
      <c r="G7809" s="6" t="s">
        <v>15707</v>
      </c>
      <c r="H7809" s="6" t="s">
        <v>15708</v>
      </c>
      <c r="I7809" s="7">
        <v>4.6220688999999897</v>
      </c>
      <c r="J7809" s="8">
        <v>-74.067937200000003</v>
      </c>
    </row>
    <row r="7810" spans="1:10" x14ac:dyDescent="0.35">
      <c r="A7810" s="5" t="s">
        <v>10</v>
      </c>
      <c r="B7810" s="6">
        <v>230120</v>
      </c>
      <c r="C7810" s="6" t="s">
        <v>68</v>
      </c>
      <c r="D7810" s="6" t="s">
        <v>69</v>
      </c>
      <c r="E7810" s="6">
        <v>11001</v>
      </c>
      <c r="F7810" s="6" t="s">
        <v>18</v>
      </c>
      <c r="G7810" s="6" t="s">
        <v>15709</v>
      </c>
      <c r="H7810" s="6" t="s">
        <v>15710</v>
      </c>
      <c r="I7810" s="7">
        <v>4.6160250999999999</v>
      </c>
      <c r="J7810" s="8">
        <v>-74.0674645</v>
      </c>
    </row>
    <row r="7811" spans="1:10" x14ac:dyDescent="0.35">
      <c r="A7811" s="5" t="s">
        <v>10</v>
      </c>
      <c r="B7811" s="6">
        <v>245448</v>
      </c>
      <c r="C7811" s="6" t="s">
        <v>68</v>
      </c>
      <c r="D7811" s="6" t="s">
        <v>69</v>
      </c>
      <c r="E7811" s="6">
        <v>11001</v>
      </c>
      <c r="F7811" s="6" t="s">
        <v>18</v>
      </c>
      <c r="G7811" s="6" t="s">
        <v>15711</v>
      </c>
      <c r="H7811" s="6" t="s">
        <v>15712</v>
      </c>
      <c r="I7811" s="7">
        <v>4.711856</v>
      </c>
      <c r="J7811" s="8">
        <v>-74.106481200000005</v>
      </c>
    </row>
    <row r="7812" spans="1:10" x14ac:dyDescent="0.35">
      <c r="A7812" s="5" t="s">
        <v>10</v>
      </c>
      <c r="B7812" s="6">
        <v>206508</v>
      </c>
      <c r="C7812" s="6" t="s">
        <v>11</v>
      </c>
      <c r="D7812" s="6" t="s">
        <v>21</v>
      </c>
      <c r="E7812" s="6">
        <v>25386</v>
      </c>
      <c r="F7812" s="6" t="s">
        <v>13</v>
      </c>
      <c r="G7812" s="6" t="s">
        <v>15713</v>
      </c>
      <c r="H7812" s="6" t="s">
        <v>15714</v>
      </c>
      <c r="I7812" s="7">
        <v>4.6389817999999998</v>
      </c>
      <c r="J7812" s="8">
        <v>-74.447757800000005</v>
      </c>
    </row>
    <row r="7813" spans="1:10" x14ac:dyDescent="0.35">
      <c r="A7813" s="5" t="s">
        <v>10</v>
      </c>
      <c r="B7813" s="6">
        <v>230397</v>
      </c>
      <c r="C7813" s="6" t="s">
        <v>308</v>
      </c>
      <c r="D7813" s="6" t="s">
        <v>309</v>
      </c>
      <c r="E7813" s="6">
        <v>23001</v>
      </c>
      <c r="F7813" s="6" t="s">
        <v>13</v>
      </c>
      <c r="G7813" s="6" t="s">
        <v>15715</v>
      </c>
      <c r="H7813" s="6" t="s">
        <v>15716</v>
      </c>
      <c r="I7813" s="7">
        <v>8.7344203</v>
      </c>
      <c r="J7813" s="8">
        <v>-75.890688699999998</v>
      </c>
    </row>
    <row r="7814" spans="1:10" x14ac:dyDescent="0.35">
      <c r="A7814" s="5" t="s">
        <v>10</v>
      </c>
      <c r="B7814" s="6">
        <v>247417</v>
      </c>
      <c r="C7814" s="6" t="s">
        <v>308</v>
      </c>
      <c r="D7814" s="6" t="s">
        <v>7949</v>
      </c>
      <c r="E7814" s="6">
        <v>23182</v>
      </c>
      <c r="F7814" s="6" t="s">
        <v>13</v>
      </c>
      <c r="G7814" s="6" t="s">
        <v>15717</v>
      </c>
      <c r="H7814" s="6" t="s">
        <v>15718</v>
      </c>
      <c r="I7814" s="7">
        <v>9.1059640000000002</v>
      </c>
      <c r="J7814" s="8">
        <v>-75.401527000000002</v>
      </c>
    </row>
    <row r="7815" spans="1:10" x14ac:dyDescent="0.35">
      <c r="A7815" s="5" t="s">
        <v>10</v>
      </c>
      <c r="B7815" s="6">
        <v>236771</v>
      </c>
      <c r="C7815" s="6" t="s">
        <v>117</v>
      </c>
      <c r="D7815" s="6" t="s">
        <v>1334</v>
      </c>
      <c r="E7815" s="6">
        <v>76001</v>
      </c>
      <c r="F7815" s="6" t="s">
        <v>18</v>
      </c>
      <c r="G7815" s="6" t="s">
        <v>15719</v>
      </c>
      <c r="H7815" s="6" t="s">
        <v>15720</v>
      </c>
      <c r="I7815" s="7">
        <v>3.494688</v>
      </c>
      <c r="J7815" s="8">
        <v>-76.492034799999999</v>
      </c>
    </row>
    <row r="7816" spans="1:10" x14ac:dyDescent="0.35">
      <c r="A7816" s="5" t="s">
        <v>10</v>
      </c>
      <c r="B7816" s="6">
        <v>208213</v>
      </c>
      <c r="C7816" s="6" t="s">
        <v>68</v>
      </c>
      <c r="D7816" s="6" t="s">
        <v>69</v>
      </c>
      <c r="E7816" s="6">
        <v>11001</v>
      </c>
      <c r="F7816" s="6" t="s">
        <v>18</v>
      </c>
      <c r="G7816" s="6" t="s">
        <v>15721</v>
      </c>
      <c r="H7816" s="6" t="s">
        <v>15722</v>
      </c>
      <c r="I7816" s="7">
        <v>4.6838818</v>
      </c>
      <c r="J7816" s="8">
        <v>-74.101329399999997</v>
      </c>
    </row>
    <row r="7817" spans="1:10" x14ac:dyDescent="0.35">
      <c r="A7817" s="5" t="s">
        <v>10</v>
      </c>
      <c r="B7817" s="6">
        <v>235811</v>
      </c>
      <c r="C7817" s="6" t="s">
        <v>68</v>
      </c>
      <c r="D7817" s="6" t="s">
        <v>69</v>
      </c>
      <c r="E7817" s="6">
        <v>11001</v>
      </c>
      <c r="F7817" s="6" t="s">
        <v>18</v>
      </c>
      <c r="G7817" s="6" t="s">
        <v>15723</v>
      </c>
      <c r="H7817" s="6" t="s">
        <v>15724</v>
      </c>
      <c r="I7817" s="7">
        <v>4.6268614000000001</v>
      </c>
      <c r="J7817" s="8">
        <v>-74.142559500000004</v>
      </c>
    </row>
    <row r="7818" spans="1:10" x14ac:dyDescent="0.35">
      <c r="A7818" s="5" t="s">
        <v>10</v>
      </c>
      <c r="B7818" s="6">
        <v>231806</v>
      </c>
      <c r="C7818" s="6" t="s">
        <v>68</v>
      </c>
      <c r="D7818" s="6" t="s">
        <v>69</v>
      </c>
      <c r="E7818" s="6">
        <v>11001</v>
      </c>
      <c r="F7818" s="6" t="s">
        <v>18</v>
      </c>
      <c r="G7818" s="6" t="s">
        <v>15725</v>
      </c>
      <c r="H7818" s="6" t="s">
        <v>15726</v>
      </c>
      <c r="I7818" s="7">
        <v>4.7682947999999996</v>
      </c>
      <c r="J7818" s="8">
        <v>-74.023713499999999</v>
      </c>
    </row>
    <row r="7819" spans="1:10" x14ac:dyDescent="0.35">
      <c r="A7819" s="5" t="s">
        <v>10</v>
      </c>
      <c r="B7819" s="6">
        <v>238070</v>
      </c>
      <c r="C7819" s="6" t="s">
        <v>68</v>
      </c>
      <c r="D7819" s="6" t="s">
        <v>69</v>
      </c>
      <c r="E7819" s="6">
        <v>11001</v>
      </c>
      <c r="F7819" s="6" t="s">
        <v>18</v>
      </c>
      <c r="G7819" s="6" t="s">
        <v>15727</v>
      </c>
      <c r="H7819" s="6" t="s">
        <v>15728</v>
      </c>
      <c r="I7819" s="7">
        <v>4.577788</v>
      </c>
      <c r="J7819" s="8">
        <v>-74.139045199999998</v>
      </c>
    </row>
    <row r="7820" spans="1:10" x14ac:dyDescent="0.35">
      <c r="A7820" s="5" t="s">
        <v>10</v>
      </c>
      <c r="B7820" s="6">
        <v>242335</v>
      </c>
      <c r="C7820" s="6" t="s">
        <v>68</v>
      </c>
      <c r="D7820" s="6" t="s">
        <v>69</v>
      </c>
      <c r="E7820" s="6">
        <v>11001</v>
      </c>
      <c r="F7820" s="6" t="s">
        <v>18</v>
      </c>
      <c r="G7820" s="6" t="s">
        <v>15729</v>
      </c>
      <c r="H7820" s="6" t="s">
        <v>15730</v>
      </c>
      <c r="I7820" s="7">
        <v>4.5778835000000004</v>
      </c>
      <c r="J7820" s="8">
        <v>-74.154107999999994</v>
      </c>
    </row>
    <row r="7821" spans="1:10" x14ac:dyDescent="0.35">
      <c r="A7821" s="5" t="s">
        <v>10</v>
      </c>
      <c r="B7821" s="6">
        <v>242477</v>
      </c>
      <c r="C7821" s="6" t="s">
        <v>68</v>
      </c>
      <c r="D7821" s="6" t="s">
        <v>69</v>
      </c>
      <c r="E7821" s="6">
        <v>11001</v>
      </c>
      <c r="F7821" s="6" t="s">
        <v>18</v>
      </c>
      <c r="G7821" s="6" t="s">
        <v>15731</v>
      </c>
      <c r="H7821" s="6" t="s">
        <v>15732</v>
      </c>
      <c r="I7821" s="7">
        <v>4.5852206000000004</v>
      </c>
      <c r="J7821" s="8">
        <v>-74.100451199999995</v>
      </c>
    </row>
    <row r="7822" spans="1:10" x14ac:dyDescent="0.35">
      <c r="A7822" s="5" t="s">
        <v>10</v>
      </c>
      <c r="B7822" s="6">
        <v>198859</v>
      </c>
      <c r="C7822" s="6" t="s">
        <v>68</v>
      </c>
      <c r="D7822" s="6" t="s">
        <v>69</v>
      </c>
      <c r="E7822" s="6">
        <v>11001</v>
      </c>
      <c r="F7822" s="6" t="s">
        <v>18</v>
      </c>
      <c r="G7822" s="6" t="s">
        <v>15733</v>
      </c>
      <c r="H7822" s="6" t="s">
        <v>15734</v>
      </c>
      <c r="I7822" s="7">
        <v>4.6874896000000001</v>
      </c>
      <c r="J7822" s="8">
        <v>-74.1447675</v>
      </c>
    </row>
    <row r="7823" spans="1:10" x14ac:dyDescent="0.35">
      <c r="A7823" s="5" t="s">
        <v>10</v>
      </c>
      <c r="B7823" s="6">
        <v>246221</v>
      </c>
      <c r="C7823" s="6" t="s">
        <v>68</v>
      </c>
      <c r="D7823" s="6" t="s">
        <v>69</v>
      </c>
      <c r="E7823" s="6">
        <v>11001</v>
      </c>
      <c r="F7823" s="6" t="s">
        <v>18</v>
      </c>
      <c r="G7823" s="6" t="s">
        <v>15735</v>
      </c>
      <c r="H7823" s="6" t="s">
        <v>15736</v>
      </c>
      <c r="I7823" s="7">
        <v>4.6245322</v>
      </c>
      <c r="J7823" s="8">
        <v>-74.123576799999995</v>
      </c>
    </row>
    <row r="7824" spans="1:10" x14ac:dyDescent="0.35">
      <c r="A7824" s="5" t="s">
        <v>10</v>
      </c>
      <c r="B7824" s="6">
        <v>242543</v>
      </c>
      <c r="C7824" s="6" t="s">
        <v>68</v>
      </c>
      <c r="D7824" s="6" t="s">
        <v>69</v>
      </c>
      <c r="E7824" s="6">
        <v>11001</v>
      </c>
      <c r="F7824" s="6" t="s">
        <v>18</v>
      </c>
      <c r="G7824" s="6" t="s">
        <v>15737</v>
      </c>
      <c r="H7824" s="6" t="s">
        <v>15738</v>
      </c>
      <c r="I7824" s="7">
        <v>4.6088275000000003</v>
      </c>
      <c r="J7824" s="8">
        <v>-74.098595299999999</v>
      </c>
    </row>
    <row r="7825" spans="1:10" x14ac:dyDescent="0.35">
      <c r="A7825" s="5" t="s">
        <v>10</v>
      </c>
      <c r="B7825" s="6">
        <v>242566</v>
      </c>
      <c r="C7825" s="6" t="s">
        <v>68</v>
      </c>
      <c r="D7825" s="6" t="s">
        <v>69</v>
      </c>
      <c r="E7825" s="6">
        <v>11001</v>
      </c>
      <c r="F7825" s="6" t="s">
        <v>18</v>
      </c>
      <c r="G7825" s="6" t="s">
        <v>15739</v>
      </c>
      <c r="H7825" s="6" t="s">
        <v>15740</v>
      </c>
      <c r="I7825" s="7">
        <v>4.7132117999999998</v>
      </c>
      <c r="J7825" s="8">
        <v>-74.056346599999998</v>
      </c>
    </row>
    <row r="7826" spans="1:10" x14ac:dyDescent="0.35">
      <c r="A7826" s="5" t="s">
        <v>10</v>
      </c>
      <c r="B7826" s="6">
        <v>232630</v>
      </c>
      <c r="C7826" s="6" t="s">
        <v>28</v>
      </c>
      <c r="D7826" s="6" t="s">
        <v>91</v>
      </c>
      <c r="E7826" s="6">
        <v>54874</v>
      </c>
      <c r="F7826" s="6" t="s">
        <v>18</v>
      </c>
      <c r="G7826" s="6" t="s">
        <v>15741</v>
      </c>
      <c r="H7826" s="6" t="s">
        <v>15742</v>
      </c>
      <c r="I7826" s="7">
        <v>7.8312499000000004</v>
      </c>
      <c r="J7826" s="8">
        <v>-72.472817699999993</v>
      </c>
    </row>
    <row r="7827" spans="1:10" x14ac:dyDescent="0.35">
      <c r="A7827" s="5" t="s">
        <v>10</v>
      </c>
      <c r="B7827" s="6">
        <v>189916</v>
      </c>
      <c r="C7827" s="6" t="s">
        <v>302</v>
      </c>
      <c r="D7827" s="6" t="s">
        <v>303</v>
      </c>
      <c r="E7827" s="6">
        <v>8638</v>
      </c>
      <c r="F7827" s="6" t="s">
        <v>13</v>
      </c>
      <c r="G7827" s="6" t="s">
        <v>15743</v>
      </c>
      <c r="H7827" s="6" t="s">
        <v>15744</v>
      </c>
      <c r="I7827" s="7">
        <v>10.6327585</v>
      </c>
      <c r="J7827" s="8">
        <v>-74.918628600000005</v>
      </c>
    </row>
    <row r="7828" spans="1:10" x14ac:dyDescent="0.35">
      <c r="A7828" s="5" t="s">
        <v>10</v>
      </c>
      <c r="B7828" s="6">
        <v>227901</v>
      </c>
      <c r="C7828" s="6" t="s">
        <v>4364</v>
      </c>
      <c r="D7828" s="6" t="s">
        <v>4365</v>
      </c>
      <c r="E7828" s="6">
        <v>70001</v>
      </c>
      <c r="F7828" s="6" t="s">
        <v>13</v>
      </c>
      <c r="G7828" s="6" t="s">
        <v>15745</v>
      </c>
      <c r="H7828" s="6" t="s">
        <v>15746</v>
      </c>
      <c r="I7828" s="7">
        <v>9.3121791999999992</v>
      </c>
      <c r="J7828" s="8">
        <v>-75.389396399999995</v>
      </c>
    </row>
    <row r="7829" spans="1:10" x14ac:dyDescent="0.35">
      <c r="A7829" s="5" t="s">
        <v>10</v>
      </c>
      <c r="B7829" s="6">
        <v>177585</v>
      </c>
      <c r="C7829" s="6" t="s">
        <v>68</v>
      </c>
      <c r="D7829" s="6" t="s">
        <v>69</v>
      </c>
      <c r="E7829" s="6">
        <v>11001</v>
      </c>
      <c r="F7829" s="6" t="s">
        <v>13</v>
      </c>
      <c r="G7829" s="6" t="s">
        <v>15747</v>
      </c>
      <c r="H7829" s="6" t="s">
        <v>15748</v>
      </c>
      <c r="I7829" s="7">
        <v>4.7433021000000002</v>
      </c>
      <c r="J7829" s="8">
        <v>-74.044585499999997</v>
      </c>
    </row>
    <row r="7830" spans="1:10" x14ac:dyDescent="0.35">
      <c r="A7830" s="5" t="s">
        <v>10</v>
      </c>
      <c r="B7830" s="6">
        <v>197643</v>
      </c>
      <c r="C7830" s="6" t="s">
        <v>68</v>
      </c>
      <c r="D7830" s="6" t="s">
        <v>69</v>
      </c>
      <c r="E7830" s="6">
        <v>11001</v>
      </c>
      <c r="F7830" s="6" t="s">
        <v>13</v>
      </c>
      <c r="G7830" s="6" t="s">
        <v>15749</v>
      </c>
      <c r="H7830" s="6" t="s">
        <v>15750</v>
      </c>
      <c r="I7830" s="7">
        <v>4.5464319</v>
      </c>
      <c r="J7830" s="8">
        <v>-74.140024400000001</v>
      </c>
    </row>
    <row r="7831" spans="1:10" x14ac:dyDescent="0.35">
      <c r="A7831" s="5" t="s">
        <v>10</v>
      </c>
      <c r="B7831" s="6">
        <v>154922</v>
      </c>
      <c r="C7831" s="6" t="s">
        <v>190</v>
      </c>
      <c r="D7831" s="6" t="s">
        <v>15751</v>
      </c>
      <c r="E7831" s="6">
        <v>5042</v>
      </c>
      <c r="F7831" s="6" t="s">
        <v>18</v>
      </c>
      <c r="G7831" s="6" t="s">
        <v>15752</v>
      </c>
      <c r="H7831" s="6" t="s">
        <v>15753</v>
      </c>
      <c r="I7831" s="7">
        <v>4.5965131000000001</v>
      </c>
      <c r="J7831" s="8">
        <v>-74.078957500000001</v>
      </c>
    </row>
    <row r="7832" spans="1:10" x14ac:dyDescent="0.35">
      <c r="A7832" s="5" t="s">
        <v>10</v>
      </c>
      <c r="B7832" s="6">
        <v>216752</v>
      </c>
      <c r="C7832" s="6" t="s">
        <v>68</v>
      </c>
      <c r="D7832" s="6" t="s">
        <v>69</v>
      </c>
      <c r="E7832" s="6">
        <v>11001</v>
      </c>
      <c r="F7832" s="6" t="s">
        <v>18</v>
      </c>
      <c r="G7832" s="6" t="s">
        <v>15754</v>
      </c>
      <c r="H7832" s="6" t="s">
        <v>15755</v>
      </c>
      <c r="I7832" s="7">
        <v>4.6698231999999997</v>
      </c>
      <c r="J7832" s="8">
        <v>-74.112493000000001</v>
      </c>
    </row>
    <row r="7833" spans="1:10" x14ac:dyDescent="0.35">
      <c r="A7833" s="5" t="s">
        <v>10</v>
      </c>
      <c r="B7833" s="6">
        <v>235933</v>
      </c>
      <c r="C7833" s="6" t="s">
        <v>68</v>
      </c>
      <c r="D7833" s="6" t="s">
        <v>69</v>
      </c>
      <c r="E7833" s="6">
        <v>11001</v>
      </c>
      <c r="F7833" s="6" t="s">
        <v>18</v>
      </c>
      <c r="G7833" s="6" t="s">
        <v>15756</v>
      </c>
      <c r="H7833" s="6" t="s">
        <v>15757</v>
      </c>
      <c r="I7833" s="7">
        <v>4.6775180000000001</v>
      </c>
      <c r="J7833" s="8">
        <v>-74.112240599999893</v>
      </c>
    </row>
    <row r="7834" spans="1:10" x14ac:dyDescent="0.35">
      <c r="A7834" s="5" t="s">
        <v>10</v>
      </c>
      <c r="B7834" s="6">
        <v>239354</v>
      </c>
      <c r="C7834" s="6" t="s">
        <v>68</v>
      </c>
      <c r="D7834" s="6" t="s">
        <v>69</v>
      </c>
      <c r="E7834" s="6">
        <v>11001</v>
      </c>
      <c r="F7834" s="6" t="s">
        <v>18</v>
      </c>
      <c r="G7834" s="6" t="s">
        <v>15758</v>
      </c>
      <c r="H7834" s="6" t="s">
        <v>15759</v>
      </c>
      <c r="I7834" s="7">
        <v>4.5927115000000001</v>
      </c>
      <c r="J7834" s="8">
        <v>-74.155904699999994</v>
      </c>
    </row>
    <row r="7835" spans="1:10" x14ac:dyDescent="0.35">
      <c r="A7835" s="5" t="s">
        <v>10</v>
      </c>
      <c r="B7835" s="6">
        <v>242206</v>
      </c>
      <c r="C7835" s="6" t="s">
        <v>68</v>
      </c>
      <c r="D7835" s="6" t="s">
        <v>69</v>
      </c>
      <c r="E7835" s="6">
        <v>11001</v>
      </c>
      <c r="F7835" s="6" t="s">
        <v>18</v>
      </c>
      <c r="G7835" s="6" t="s">
        <v>15760</v>
      </c>
      <c r="H7835" s="6" t="s">
        <v>15761</v>
      </c>
      <c r="I7835" s="7">
        <v>4.7386340000000002</v>
      </c>
      <c r="J7835" s="8">
        <v>-74.043920600000007</v>
      </c>
    </row>
    <row r="7836" spans="1:10" x14ac:dyDescent="0.35">
      <c r="A7836" s="5" t="s">
        <v>10</v>
      </c>
      <c r="B7836" s="6">
        <v>247866</v>
      </c>
      <c r="C7836" s="6" t="s">
        <v>68</v>
      </c>
      <c r="D7836" s="6" t="s">
        <v>69</v>
      </c>
      <c r="E7836" s="6">
        <v>11001</v>
      </c>
      <c r="F7836" s="6" t="s">
        <v>18</v>
      </c>
      <c r="G7836" s="6" t="s">
        <v>12406</v>
      </c>
      <c r="H7836" s="6" t="s">
        <v>15762</v>
      </c>
      <c r="I7836" s="7">
        <v>4.5470715000000004</v>
      </c>
      <c r="J7836" s="8">
        <v>-74.107857899999999</v>
      </c>
    </row>
    <row r="7837" spans="1:10" x14ac:dyDescent="0.35">
      <c r="A7837" s="5" t="s">
        <v>10</v>
      </c>
      <c r="B7837" s="6">
        <v>204429</v>
      </c>
      <c r="C7837" s="6" t="s">
        <v>68</v>
      </c>
      <c r="D7837" s="6" t="s">
        <v>69</v>
      </c>
      <c r="E7837" s="6">
        <v>11001</v>
      </c>
      <c r="F7837" s="6" t="s">
        <v>18</v>
      </c>
      <c r="G7837" s="6" t="s">
        <v>15763</v>
      </c>
      <c r="H7837" s="6" t="s">
        <v>15764</v>
      </c>
      <c r="I7837" s="7">
        <v>4.6189077999999997</v>
      </c>
      <c r="J7837" s="8">
        <v>-74.156205</v>
      </c>
    </row>
    <row r="7838" spans="1:10" x14ac:dyDescent="0.35">
      <c r="A7838" s="5" t="s">
        <v>10</v>
      </c>
      <c r="B7838" s="6">
        <v>242210</v>
      </c>
      <c r="C7838" s="6" t="s">
        <v>68</v>
      </c>
      <c r="D7838" s="6" t="s">
        <v>69</v>
      </c>
      <c r="E7838" s="6">
        <v>11001</v>
      </c>
      <c r="F7838" s="6" t="s">
        <v>18</v>
      </c>
      <c r="G7838" s="6" t="s">
        <v>15765</v>
      </c>
      <c r="H7838" s="6" t="s">
        <v>15766</v>
      </c>
      <c r="I7838" s="7">
        <v>4.7383635999999996</v>
      </c>
      <c r="J7838" s="8">
        <v>-74.027885499999996</v>
      </c>
    </row>
    <row r="7839" spans="1:10" x14ac:dyDescent="0.35">
      <c r="A7839" s="5" t="s">
        <v>10</v>
      </c>
      <c r="B7839" s="6">
        <v>203236</v>
      </c>
      <c r="C7839" s="6" t="s">
        <v>68</v>
      </c>
      <c r="D7839" s="6" t="s">
        <v>69</v>
      </c>
      <c r="E7839" s="6">
        <v>11001</v>
      </c>
      <c r="F7839" s="6" t="s">
        <v>18</v>
      </c>
      <c r="G7839" s="6" t="s">
        <v>15767</v>
      </c>
      <c r="H7839" s="6" t="s">
        <v>15768</v>
      </c>
      <c r="I7839" s="7">
        <v>4.5662716999999997</v>
      </c>
      <c r="J7839" s="8">
        <v>-74.132035999999999</v>
      </c>
    </row>
    <row r="7840" spans="1:10" x14ac:dyDescent="0.35">
      <c r="A7840" s="5" t="s">
        <v>10</v>
      </c>
      <c r="B7840" s="6">
        <v>238984</v>
      </c>
      <c r="C7840" s="6" t="s">
        <v>68</v>
      </c>
      <c r="D7840" s="6" t="s">
        <v>69</v>
      </c>
      <c r="E7840" s="6">
        <v>11001</v>
      </c>
      <c r="F7840" s="6" t="s">
        <v>18</v>
      </c>
      <c r="G7840" s="6" t="s">
        <v>15769</v>
      </c>
      <c r="H7840" s="6" t="s">
        <v>15770</v>
      </c>
      <c r="I7840" s="7">
        <v>4.7087159999999999</v>
      </c>
      <c r="J7840" s="8">
        <v>-74.110724899999994</v>
      </c>
    </row>
    <row r="7841" spans="1:10" x14ac:dyDescent="0.35">
      <c r="A7841" s="5" t="s">
        <v>10</v>
      </c>
      <c r="B7841" s="6">
        <v>242109</v>
      </c>
      <c r="C7841" s="6" t="s">
        <v>68</v>
      </c>
      <c r="D7841" s="6" t="s">
        <v>69</v>
      </c>
      <c r="E7841" s="6">
        <v>11001</v>
      </c>
      <c r="F7841" s="6" t="s">
        <v>18</v>
      </c>
      <c r="G7841" s="6" t="s">
        <v>15771</v>
      </c>
      <c r="H7841" s="6" t="s">
        <v>15772</v>
      </c>
      <c r="I7841" s="7">
        <v>4.6032729000000003</v>
      </c>
      <c r="J7841" s="8">
        <v>-74.065217599999997</v>
      </c>
    </row>
    <row r="7842" spans="1:10" x14ac:dyDescent="0.35">
      <c r="A7842" s="5" t="s">
        <v>10</v>
      </c>
      <c r="B7842" s="6">
        <v>227310</v>
      </c>
      <c r="C7842" s="6" t="s">
        <v>68</v>
      </c>
      <c r="D7842" s="6" t="s">
        <v>69</v>
      </c>
      <c r="E7842" s="6">
        <v>11001</v>
      </c>
      <c r="F7842" s="6" t="s">
        <v>18</v>
      </c>
      <c r="G7842" s="6" t="s">
        <v>15773</v>
      </c>
      <c r="H7842" s="6" t="s">
        <v>15774</v>
      </c>
      <c r="I7842" s="7">
        <v>4.7256298999999897</v>
      </c>
      <c r="J7842" s="8">
        <v>-74.096248299999999</v>
      </c>
    </row>
    <row r="7843" spans="1:10" x14ac:dyDescent="0.35">
      <c r="A7843" s="5" t="s">
        <v>10</v>
      </c>
      <c r="B7843" s="6">
        <v>217234</v>
      </c>
      <c r="C7843" s="6" t="s">
        <v>190</v>
      </c>
      <c r="D7843" s="6" t="s">
        <v>191</v>
      </c>
      <c r="E7843" s="6">
        <v>5001</v>
      </c>
      <c r="F7843" s="6" t="s">
        <v>18</v>
      </c>
      <c r="G7843" s="6" t="s">
        <v>15775</v>
      </c>
      <c r="H7843" s="6" t="s">
        <v>15776</v>
      </c>
      <c r="I7843" s="7">
        <v>6.3087977000000004</v>
      </c>
      <c r="J7843" s="8">
        <v>-75.553516299999998</v>
      </c>
    </row>
    <row r="7844" spans="1:10" x14ac:dyDescent="0.35">
      <c r="A7844" s="5" t="s">
        <v>10</v>
      </c>
      <c r="B7844" s="6">
        <v>233417</v>
      </c>
      <c r="C7844" s="6" t="s">
        <v>366</v>
      </c>
      <c r="D7844" s="6" t="s">
        <v>367</v>
      </c>
      <c r="E7844" s="6">
        <v>44430</v>
      </c>
      <c r="F7844" s="6" t="s">
        <v>13</v>
      </c>
      <c r="G7844" s="6" t="s">
        <v>15777</v>
      </c>
      <c r="H7844" s="6" t="s">
        <v>15778</v>
      </c>
      <c r="I7844" s="7">
        <v>8.7091200000000004</v>
      </c>
      <c r="J7844" s="8">
        <v>-75.892610000000005</v>
      </c>
    </row>
    <row r="7845" spans="1:10" x14ac:dyDescent="0.35">
      <c r="A7845" s="5" t="s">
        <v>10</v>
      </c>
      <c r="B7845" s="6">
        <v>233929</v>
      </c>
      <c r="C7845" s="6" t="s">
        <v>55</v>
      </c>
      <c r="D7845" s="6" t="s">
        <v>2589</v>
      </c>
      <c r="E7845" s="6">
        <v>73275</v>
      </c>
      <c r="F7845" s="6" t="s">
        <v>13</v>
      </c>
      <c r="G7845" s="6" t="s">
        <v>15779</v>
      </c>
      <c r="H7845" s="6" t="s">
        <v>15780</v>
      </c>
      <c r="I7845" s="7">
        <v>4.2898809</v>
      </c>
      <c r="J7845" s="8">
        <v>-74.815105599999995</v>
      </c>
    </row>
    <row r="7846" spans="1:10" x14ac:dyDescent="0.35">
      <c r="A7846" s="5" t="s">
        <v>10</v>
      </c>
      <c r="B7846" s="6">
        <v>188134</v>
      </c>
      <c r="C7846" s="6" t="s">
        <v>551</v>
      </c>
      <c r="D7846" s="6" t="s">
        <v>3868</v>
      </c>
      <c r="E7846" s="6">
        <v>20001</v>
      </c>
      <c r="F7846" s="6" t="s">
        <v>13</v>
      </c>
      <c r="G7846" s="6" t="s">
        <v>15781</v>
      </c>
      <c r="H7846" s="6" t="s">
        <v>15782</v>
      </c>
      <c r="I7846" s="7">
        <v>10.4742449</v>
      </c>
      <c r="J7846" s="8">
        <v>-73.243633500000001</v>
      </c>
    </row>
    <row r="7847" spans="1:10" x14ac:dyDescent="0.35">
      <c r="A7847" s="5" t="s">
        <v>10</v>
      </c>
      <c r="B7847" s="6">
        <v>201339</v>
      </c>
      <c r="C7847" s="6" t="s">
        <v>11</v>
      </c>
      <c r="D7847" s="6" t="s">
        <v>337</v>
      </c>
      <c r="E7847" s="6">
        <v>25290</v>
      </c>
      <c r="F7847" s="6" t="s">
        <v>13</v>
      </c>
      <c r="G7847" s="6" t="s">
        <v>15783</v>
      </c>
      <c r="H7847" s="6" t="s">
        <v>15784</v>
      </c>
      <c r="I7847" s="7">
        <v>4.6327163999999996</v>
      </c>
      <c r="J7847" s="8">
        <v>-74.094369900000004</v>
      </c>
    </row>
    <row r="7848" spans="1:10" x14ac:dyDescent="0.35">
      <c r="A7848" s="5" t="s">
        <v>10</v>
      </c>
      <c r="B7848" s="6">
        <v>155586</v>
      </c>
      <c r="C7848" s="6" t="s">
        <v>68</v>
      </c>
      <c r="D7848" s="6" t="s">
        <v>69</v>
      </c>
      <c r="E7848" s="6">
        <v>11001</v>
      </c>
      <c r="F7848" s="6" t="s">
        <v>13</v>
      </c>
      <c r="G7848" s="6" t="s">
        <v>15785</v>
      </c>
      <c r="H7848" s="6" t="s">
        <v>15786</v>
      </c>
      <c r="I7848" s="7">
        <v>4.7443581999999997</v>
      </c>
      <c r="J7848" s="8">
        <v>-74.126325699999995</v>
      </c>
    </row>
    <row r="7849" spans="1:10" x14ac:dyDescent="0.35">
      <c r="A7849" s="5" t="s">
        <v>10</v>
      </c>
      <c r="B7849" s="6">
        <v>217504</v>
      </c>
      <c r="C7849" s="6" t="s">
        <v>117</v>
      </c>
      <c r="D7849" s="6" t="s">
        <v>1334</v>
      </c>
      <c r="E7849" s="6">
        <v>76001</v>
      </c>
      <c r="F7849" s="6" t="s">
        <v>18</v>
      </c>
      <c r="G7849" s="6" t="s">
        <v>15787</v>
      </c>
      <c r="H7849" s="6" t="s">
        <v>15788</v>
      </c>
      <c r="I7849" s="7">
        <v>3.4379830999999998</v>
      </c>
      <c r="J7849" s="8">
        <v>-76.535250199999993</v>
      </c>
    </row>
    <row r="7850" spans="1:10" x14ac:dyDescent="0.35">
      <c r="A7850" s="5" t="s">
        <v>10</v>
      </c>
      <c r="B7850" s="6">
        <v>241008</v>
      </c>
      <c r="C7850" s="6" t="s">
        <v>117</v>
      </c>
      <c r="D7850" s="6" t="s">
        <v>1334</v>
      </c>
      <c r="E7850" s="6">
        <v>76001</v>
      </c>
      <c r="F7850" s="6" t="s">
        <v>18</v>
      </c>
      <c r="G7850" s="6" t="s">
        <v>15789</v>
      </c>
      <c r="H7850" s="6" t="s">
        <v>15790</v>
      </c>
      <c r="I7850" s="7">
        <v>3.4204870999999999</v>
      </c>
      <c r="J7850" s="8">
        <v>-76.499084499999995</v>
      </c>
    </row>
    <row r="7851" spans="1:10" x14ac:dyDescent="0.35">
      <c r="A7851" s="5" t="s">
        <v>10</v>
      </c>
      <c r="B7851" s="6">
        <v>229505</v>
      </c>
      <c r="C7851" s="6" t="s">
        <v>117</v>
      </c>
      <c r="D7851" s="6" t="s">
        <v>3860</v>
      </c>
      <c r="E7851" s="6">
        <v>76130</v>
      </c>
      <c r="F7851" s="6" t="s">
        <v>18</v>
      </c>
      <c r="G7851" s="6" t="s">
        <v>15791</v>
      </c>
      <c r="H7851" s="6" t="s">
        <v>15792</v>
      </c>
      <c r="I7851" s="7">
        <v>3.4066586999999999</v>
      </c>
      <c r="J7851" s="8">
        <v>-76.346405300000001</v>
      </c>
    </row>
    <row r="7852" spans="1:10" x14ac:dyDescent="0.35">
      <c r="A7852" s="5" t="s">
        <v>10</v>
      </c>
      <c r="B7852" s="6">
        <v>240465</v>
      </c>
      <c r="C7852" s="6" t="s">
        <v>190</v>
      </c>
      <c r="D7852" s="6" t="s">
        <v>12131</v>
      </c>
      <c r="E7852" s="6">
        <v>5837</v>
      </c>
      <c r="F7852" s="6" t="s">
        <v>18</v>
      </c>
      <c r="G7852" s="6" t="s">
        <v>15793</v>
      </c>
      <c r="H7852" s="6" t="s">
        <v>15794</v>
      </c>
      <c r="I7852" s="7">
        <v>8.0943286000000008</v>
      </c>
      <c r="J7852" s="8">
        <v>-76.728784200000007</v>
      </c>
    </row>
    <row r="7853" spans="1:10" x14ac:dyDescent="0.35">
      <c r="A7853" s="5" t="s">
        <v>10</v>
      </c>
      <c r="B7853" s="6">
        <v>240635</v>
      </c>
      <c r="C7853" s="6" t="s">
        <v>190</v>
      </c>
      <c r="D7853" s="6" t="s">
        <v>118</v>
      </c>
      <c r="E7853" s="6">
        <v>5400</v>
      </c>
      <c r="F7853" s="6" t="s">
        <v>18</v>
      </c>
      <c r="G7853" s="6" t="s">
        <v>15795</v>
      </c>
      <c r="H7853" s="6" t="s">
        <v>15796</v>
      </c>
      <c r="I7853" s="7">
        <v>5.8845084999999999</v>
      </c>
      <c r="J7853" s="8">
        <v>-75.315723000000006</v>
      </c>
    </row>
    <row r="7854" spans="1:10" x14ac:dyDescent="0.35">
      <c r="A7854" s="5" t="s">
        <v>10</v>
      </c>
      <c r="B7854" s="6">
        <v>107118</v>
      </c>
      <c r="C7854" s="6" t="s">
        <v>4364</v>
      </c>
      <c r="D7854" s="6" t="s">
        <v>15797</v>
      </c>
      <c r="E7854" s="6">
        <v>70473</v>
      </c>
      <c r="F7854" s="6" t="s">
        <v>13</v>
      </c>
      <c r="G7854" s="6" t="s">
        <v>11877</v>
      </c>
      <c r="H7854" s="6" t="s">
        <v>15798</v>
      </c>
      <c r="I7854" s="7">
        <v>9.3321930000000002</v>
      </c>
      <c r="J7854" s="8">
        <v>-75.307732999999999</v>
      </c>
    </row>
    <row r="7855" spans="1:10" x14ac:dyDescent="0.35">
      <c r="A7855" s="5" t="s">
        <v>10</v>
      </c>
      <c r="B7855" s="6">
        <v>232527</v>
      </c>
      <c r="C7855" s="6" t="s">
        <v>68</v>
      </c>
      <c r="D7855" s="6" t="s">
        <v>69</v>
      </c>
      <c r="E7855" s="6">
        <v>11001</v>
      </c>
      <c r="F7855" s="6" t="s">
        <v>18</v>
      </c>
      <c r="G7855" s="6" t="s">
        <v>15799</v>
      </c>
      <c r="H7855" s="6" t="s">
        <v>15800</v>
      </c>
      <c r="I7855" s="7">
        <v>4.5541853000000003</v>
      </c>
      <c r="J7855" s="8">
        <v>-74.116918999999996</v>
      </c>
    </row>
    <row r="7856" spans="1:10" x14ac:dyDescent="0.35">
      <c r="A7856" s="5" t="s">
        <v>10</v>
      </c>
      <c r="B7856" s="6">
        <v>233022</v>
      </c>
      <c r="C7856" s="6" t="s">
        <v>68</v>
      </c>
      <c r="D7856" s="6" t="s">
        <v>69</v>
      </c>
      <c r="E7856" s="6">
        <v>11001</v>
      </c>
      <c r="F7856" s="6" t="s">
        <v>18</v>
      </c>
      <c r="G7856" s="6" t="s">
        <v>15801</v>
      </c>
      <c r="H7856" s="6" t="s">
        <v>15802</v>
      </c>
      <c r="I7856" s="7">
        <v>4.7138200000000001</v>
      </c>
      <c r="J7856" s="8">
        <v>-74.098879999999994</v>
      </c>
    </row>
    <row r="7857" spans="1:10" x14ac:dyDescent="0.35">
      <c r="A7857" s="5" t="s">
        <v>10</v>
      </c>
      <c r="B7857" s="6">
        <v>234079</v>
      </c>
      <c r="C7857" s="6" t="s">
        <v>68</v>
      </c>
      <c r="D7857" s="6" t="s">
        <v>69</v>
      </c>
      <c r="E7857" s="6">
        <v>11001</v>
      </c>
      <c r="F7857" s="6" t="s">
        <v>18</v>
      </c>
      <c r="G7857" s="6" t="s">
        <v>15803</v>
      </c>
      <c r="H7857" s="6" t="s">
        <v>15804</v>
      </c>
      <c r="I7857" s="7">
        <v>4.7398141999999996</v>
      </c>
      <c r="J7857" s="8">
        <v>-74.092867499999997</v>
      </c>
    </row>
    <row r="7858" spans="1:10" x14ac:dyDescent="0.35">
      <c r="A7858" s="5" t="s">
        <v>10</v>
      </c>
      <c r="B7858" s="6">
        <v>214302</v>
      </c>
      <c r="C7858" s="6" t="s">
        <v>68</v>
      </c>
      <c r="D7858" s="6" t="s">
        <v>69</v>
      </c>
      <c r="E7858" s="6">
        <v>11001</v>
      </c>
      <c r="F7858" s="6" t="s">
        <v>18</v>
      </c>
      <c r="G7858" s="6" t="s">
        <v>15805</v>
      </c>
      <c r="H7858" s="6" t="s">
        <v>15806</v>
      </c>
      <c r="I7858" s="7">
        <v>4.7000799999999998</v>
      </c>
      <c r="J7858" s="8">
        <v>-74.130663799999994</v>
      </c>
    </row>
    <row r="7859" spans="1:10" x14ac:dyDescent="0.35">
      <c r="A7859" s="5" t="s">
        <v>10</v>
      </c>
      <c r="B7859" s="6">
        <v>235815</v>
      </c>
      <c r="C7859" s="6" t="s">
        <v>68</v>
      </c>
      <c r="D7859" s="6" t="s">
        <v>69</v>
      </c>
      <c r="E7859" s="6">
        <v>11001</v>
      </c>
      <c r="F7859" s="6" t="s">
        <v>18</v>
      </c>
      <c r="G7859" s="6" t="s">
        <v>15807</v>
      </c>
      <c r="H7859" s="6" t="s">
        <v>15808</v>
      </c>
      <c r="I7859" s="7">
        <v>4.5811982000000002</v>
      </c>
      <c r="J7859" s="8">
        <v>-74.093040099999996</v>
      </c>
    </row>
    <row r="7860" spans="1:10" x14ac:dyDescent="0.35">
      <c r="A7860" s="5" t="s">
        <v>10</v>
      </c>
      <c r="B7860" s="6">
        <v>243997</v>
      </c>
      <c r="C7860" s="6" t="s">
        <v>68</v>
      </c>
      <c r="D7860" s="6" t="s">
        <v>69</v>
      </c>
      <c r="E7860" s="6">
        <v>11001</v>
      </c>
      <c r="F7860" s="6" t="s">
        <v>18</v>
      </c>
      <c r="G7860" s="6" t="s">
        <v>113</v>
      </c>
      <c r="H7860" s="6" t="s">
        <v>15809</v>
      </c>
      <c r="I7860" s="7">
        <v>4.5391792000000004</v>
      </c>
      <c r="J7860" s="8">
        <v>-74.146278300000006</v>
      </c>
    </row>
    <row r="7861" spans="1:10" x14ac:dyDescent="0.35">
      <c r="A7861" s="5" t="s">
        <v>10</v>
      </c>
      <c r="B7861" s="6">
        <v>211517</v>
      </c>
      <c r="C7861" s="6" t="s">
        <v>68</v>
      </c>
      <c r="D7861" s="6" t="s">
        <v>69</v>
      </c>
      <c r="E7861" s="6">
        <v>11001</v>
      </c>
      <c r="F7861" s="6" t="s">
        <v>18</v>
      </c>
      <c r="G7861" s="6" t="s">
        <v>15810</v>
      </c>
      <c r="H7861" s="6" t="s">
        <v>15811</v>
      </c>
      <c r="I7861" s="7">
        <v>4.6262163000000003</v>
      </c>
      <c r="J7861" s="8">
        <v>-74.187590499999999</v>
      </c>
    </row>
    <row r="7862" spans="1:10" x14ac:dyDescent="0.35">
      <c r="A7862" s="5" t="s">
        <v>10</v>
      </c>
      <c r="B7862" s="6">
        <v>210659</v>
      </c>
      <c r="C7862" s="6" t="s">
        <v>308</v>
      </c>
      <c r="D7862" s="6" t="s">
        <v>8102</v>
      </c>
      <c r="E7862" s="6">
        <v>23417</v>
      </c>
      <c r="F7862" s="6" t="s">
        <v>13</v>
      </c>
      <c r="G7862" s="6" t="s">
        <v>15812</v>
      </c>
      <c r="H7862" s="6" t="s">
        <v>15813</v>
      </c>
      <c r="I7862" s="7">
        <v>9.2282268999999992</v>
      </c>
      <c r="J7862" s="8">
        <v>-75.815978799999996</v>
      </c>
    </row>
    <row r="7863" spans="1:10" x14ac:dyDescent="0.35">
      <c r="A7863" s="5" t="s">
        <v>10</v>
      </c>
      <c r="B7863" s="6">
        <v>218817</v>
      </c>
      <c r="C7863" s="6" t="s">
        <v>117</v>
      </c>
      <c r="D7863" s="6" t="s">
        <v>1334</v>
      </c>
      <c r="E7863" s="6">
        <v>76001</v>
      </c>
      <c r="F7863" s="6" t="s">
        <v>18</v>
      </c>
      <c r="G7863" s="6" t="s">
        <v>15814</v>
      </c>
      <c r="H7863" s="6" t="s">
        <v>15815</v>
      </c>
      <c r="I7863" s="7">
        <v>3.4341503000000002</v>
      </c>
      <c r="J7863" s="8">
        <v>-76.499628599999994</v>
      </c>
    </row>
    <row r="7864" spans="1:10" x14ac:dyDescent="0.35">
      <c r="A7864" s="5" t="s">
        <v>10</v>
      </c>
      <c r="B7864" s="6">
        <v>218399</v>
      </c>
      <c r="C7864" s="6" t="s">
        <v>68</v>
      </c>
      <c r="D7864" s="6" t="s">
        <v>69</v>
      </c>
      <c r="E7864" s="6">
        <v>11001</v>
      </c>
      <c r="F7864" s="6" t="s">
        <v>18</v>
      </c>
      <c r="G7864" s="6" t="s">
        <v>15816</v>
      </c>
      <c r="H7864" s="6" t="s">
        <v>15817</v>
      </c>
      <c r="I7864" s="7">
        <v>4.6337380000000001</v>
      </c>
      <c r="J7864" s="8">
        <v>-74.0730863</v>
      </c>
    </row>
    <row r="7865" spans="1:10" x14ac:dyDescent="0.35">
      <c r="A7865" s="5" t="s">
        <v>10</v>
      </c>
      <c r="B7865" s="6">
        <v>225723</v>
      </c>
      <c r="C7865" s="6" t="s">
        <v>68</v>
      </c>
      <c r="D7865" s="6" t="s">
        <v>69</v>
      </c>
      <c r="E7865" s="6">
        <v>11001</v>
      </c>
      <c r="F7865" s="6" t="s">
        <v>18</v>
      </c>
      <c r="G7865" s="6" t="s">
        <v>15818</v>
      </c>
      <c r="H7865" s="6" t="s">
        <v>15819</v>
      </c>
      <c r="I7865" s="7">
        <v>4.6485968999999896</v>
      </c>
      <c r="J7865" s="8">
        <v>-74.111723400000002</v>
      </c>
    </row>
    <row r="7866" spans="1:10" x14ac:dyDescent="0.35">
      <c r="A7866" s="5" t="s">
        <v>10</v>
      </c>
      <c r="B7866" s="6">
        <v>227388</v>
      </c>
      <c r="C7866" s="6" t="s">
        <v>68</v>
      </c>
      <c r="D7866" s="6" t="s">
        <v>69</v>
      </c>
      <c r="E7866" s="6">
        <v>11001</v>
      </c>
      <c r="F7866" s="6" t="s">
        <v>18</v>
      </c>
      <c r="G7866" s="6" t="s">
        <v>15820</v>
      </c>
      <c r="H7866" s="6" t="s">
        <v>15821</v>
      </c>
      <c r="I7866" s="7">
        <v>4.5500099000000001</v>
      </c>
      <c r="J7866" s="8">
        <v>-74.140121800000003</v>
      </c>
    </row>
    <row r="7867" spans="1:10" x14ac:dyDescent="0.35">
      <c r="A7867" s="5" t="s">
        <v>10</v>
      </c>
      <c r="B7867" s="6">
        <v>233697</v>
      </c>
      <c r="C7867" s="6" t="s">
        <v>68</v>
      </c>
      <c r="D7867" s="6" t="s">
        <v>69</v>
      </c>
      <c r="E7867" s="6">
        <v>11001</v>
      </c>
      <c r="F7867" s="6" t="s">
        <v>18</v>
      </c>
      <c r="G7867" s="6" t="s">
        <v>15822</v>
      </c>
      <c r="H7867" s="6" t="s">
        <v>15823</v>
      </c>
      <c r="I7867" s="7">
        <v>4.5990500000000001</v>
      </c>
      <c r="J7867" s="8">
        <v>-74.116140000000001</v>
      </c>
    </row>
    <row r="7868" spans="1:10" x14ac:dyDescent="0.35">
      <c r="A7868" s="5" t="s">
        <v>10</v>
      </c>
      <c r="B7868" s="6">
        <v>217565</v>
      </c>
      <c r="C7868" s="6" t="s">
        <v>68</v>
      </c>
      <c r="D7868" s="6" t="s">
        <v>69</v>
      </c>
      <c r="E7868" s="6">
        <v>11001</v>
      </c>
      <c r="F7868" s="6" t="s">
        <v>18</v>
      </c>
      <c r="G7868" s="6" t="s">
        <v>15824</v>
      </c>
      <c r="H7868" s="6" t="s">
        <v>15825</v>
      </c>
      <c r="I7868" s="7">
        <v>4.6008421999999998</v>
      </c>
      <c r="J7868" s="8">
        <v>-74.181793099999993</v>
      </c>
    </row>
    <row r="7869" spans="1:10" x14ac:dyDescent="0.35">
      <c r="A7869" s="5" t="s">
        <v>10</v>
      </c>
      <c r="B7869" s="6">
        <v>232697</v>
      </c>
      <c r="C7869" s="6" t="s">
        <v>68</v>
      </c>
      <c r="D7869" s="6" t="s">
        <v>69</v>
      </c>
      <c r="E7869" s="6">
        <v>11001</v>
      </c>
      <c r="F7869" s="6" t="s">
        <v>18</v>
      </c>
      <c r="G7869" s="6" t="s">
        <v>15826</v>
      </c>
      <c r="H7869" s="6" t="s">
        <v>15827</v>
      </c>
      <c r="I7869" s="7">
        <v>4.7243899999999996</v>
      </c>
      <c r="J7869" s="8">
        <v>-74.056970000000007</v>
      </c>
    </row>
    <row r="7870" spans="1:10" x14ac:dyDescent="0.35">
      <c r="A7870" s="5" t="s">
        <v>10</v>
      </c>
      <c r="B7870" s="6">
        <v>204963</v>
      </c>
      <c r="C7870" s="6" t="s">
        <v>68</v>
      </c>
      <c r="D7870" s="6" t="s">
        <v>69</v>
      </c>
      <c r="E7870" s="6">
        <v>11001</v>
      </c>
      <c r="F7870" s="6" t="s">
        <v>18</v>
      </c>
      <c r="G7870" s="6" t="s">
        <v>1940</v>
      </c>
      <c r="H7870" s="6" t="s">
        <v>15828</v>
      </c>
      <c r="I7870" s="7">
        <v>4.5680645999999996</v>
      </c>
      <c r="J7870" s="8">
        <v>-74.150731800000003</v>
      </c>
    </row>
    <row r="7871" spans="1:10" x14ac:dyDescent="0.35">
      <c r="A7871" s="5" t="s">
        <v>10</v>
      </c>
      <c r="B7871" s="6">
        <v>209963</v>
      </c>
      <c r="C7871" s="6" t="s">
        <v>68</v>
      </c>
      <c r="D7871" s="6" t="s">
        <v>69</v>
      </c>
      <c r="E7871" s="6">
        <v>11001</v>
      </c>
      <c r="F7871" s="6" t="s">
        <v>18</v>
      </c>
      <c r="G7871" s="6" t="s">
        <v>15829</v>
      </c>
      <c r="H7871" s="6" t="s">
        <v>15830</v>
      </c>
      <c r="I7871" s="7">
        <v>4.5714924999999997</v>
      </c>
      <c r="J7871" s="8">
        <v>-74.148929600000002</v>
      </c>
    </row>
    <row r="7872" spans="1:10" x14ac:dyDescent="0.35">
      <c r="A7872" s="5" t="s">
        <v>10</v>
      </c>
      <c r="B7872" s="6">
        <v>234997</v>
      </c>
      <c r="C7872" s="6" t="s">
        <v>68</v>
      </c>
      <c r="D7872" s="6" t="s">
        <v>69</v>
      </c>
      <c r="E7872" s="6">
        <v>11001</v>
      </c>
      <c r="F7872" s="6" t="s">
        <v>18</v>
      </c>
      <c r="G7872" s="6" t="s">
        <v>15831</v>
      </c>
      <c r="H7872" s="6" t="s">
        <v>15832</v>
      </c>
      <c r="I7872" s="7">
        <v>4.7448360000000003</v>
      </c>
      <c r="J7872" s="8">
        <v>-74.103532799999996</v>
      </c>
    </row>
    <row r="7873" spans="1:10" x14ac:dyDescent="0.35">
      <c r="A7873" s="5" t="s">
        <v>10</v>
      </c>
      <c r="B7873" s="6">
        <v>232664</v>
      </c>
      <c r="C7873" s="6" t="s">
        <v>68</v>
      </c>
      <c r="D7873" s="6" t="s">
        <v>69</v>
      </c>
      <c r="E7873" s="6">
        <v>11001</v>
      </c>
      <c r="F7873" s="6" t="s">
        <v>18</v>
      </c>
      <c r="G7873" s="6" t="s">
        <v>855</v>
      </c>
      <c r="H7873" s="6" t="s">
        <v>15833</v>
      </c>
      <c r="I7873" s="7">
        <v>4.5732455999999999</v>
      </c>
      <c r="J7873" s="8">
        <v>-74.095926800000001</v>
      </c>
    </row>
    <row r="7874" spans="1:10" x14ac:dyDescent="0.35">
      <c r="A7874" s="5" t="s">
        <v>10</v>
      </c>
      <c r="B7874" s="6">
        <v>229882</v>
      </c>
      <c r="C7874" s="6" t="s">
        <v>68</v>
      </c>
      <c r="D7874" s="6" t="s">
        <v>69</v>
      </c>
      <c r="E7874" s="6">
        <v>11001</v>
      </c>
      <c r="F7874" s="6" t="s">
        <v>13</v>
      </c>
      <c r="G7874" s="6" t="s">
        <v>15834</v>
      </c>
      <c r="H7874" s="6" t="s">
        <v>15835</v>
      </c>
      <c r="I7874" s="7">
        <v>4.6091552</v>
      </c>
      <c r="J7874" s="8">
        <v>-74.111906500000003</v>
      </c>
    </row>
    <row r="7875" spans="1:10" x14ac:dyDescent="0.35">
      <c r="A7875" s="5" t="s">
        <v>10</v>
      </c>
      <c r="B7875" s="6">
        <v>190091</v>
      </c>
      <c r="C7875" s="6" t="s">
        <v>55</v>
      </c>
      <c r="D7875" s="6" t="s">
        <v>1162</v>
      </c>
      <c r="E7875" s="6">
        <v>73411</v>
      </c>
      <c r="F7875" s="6" t="s">
        <v>13</v>
      </c>
      <c r="G7875" s="6" t="s">
        <v>12374</v>
      </c>
      <c r="H7875" s="6" t="s">
        <v>15836</v>
      </c>
      <c r="I7875" s="7">
        <v>4.9226194000000003</v>
      </c>
      <c r="J7875" s="8">
        <v>-75.065552699999998</v>
      </c>
    </row>
    <row r="7876" spans="1:10" x14ac:dyDescent="0.35">
      <c r="A7876" s="5" t="s">
        <v>10</v>
      </c>
      <c r="B7876" s="6">
        <v>111153</v>
      </c>
      <c r="C7876" s="6" t="s">
        <v>109</v>
      </c>
      <c r="D7876" s="6" t="s">
        <v>2830</v>
      </c>
      <c r="E7876" s="6">
        <v>13430</v>
      </c>
      <c r="F7876" s="6" t="s">
        <v>18</v>
      </c>
      <c r="G7876" s="6" t="s">
        <v>15837</v>
      </c>
      <c r="H7876" s="6" t="s">
        <v>15838</v>
      </c>
      <c r="I7876" s="7">
        <v>9.2467883000000004</v>
      </c>
      <c r="J7876" s="8">
        <v>-74.757846099999995</v>
      </c>
    </row>
    <row r="7877" spans="1:10" x14ac:dyDescent="0.35">
      <c r="A7877" s="5" t="s">
        <v>10</v>
      </c>
      <c r="B7877" s="6">
        <v>240982</v>
      </c>
      <c r="C7877" s="6" t="s">
        <v>117</v>
      </c>
      <c r="D7877" s="6" t="s">
        <v>1291</v>
      </c>
      <c r="E7877" s="6">
        <v>76834</v>
      </c>
      <c r="F7877" s="6" t="s">
        <v>18</v>
      </c>
      <c r="G7877" s="6" t="s">
        <v>15839</v>
      </c>
      <c r="H7877" s="6" t="s">
        <v>15840</v>
      </c>
      <c r="I7877" s="7">
        <v>4.0843204999999996</v>
      </c>
      <c r="J7877" s="8">
        <v>-76.193049400000007</v>
      </c>
    </row>
    <row r="7878" spans="1:10" x14ac:dyDescent="0.35">
      <c r="A7878" s="5" t="s">
        <v>10</v>
      </c>
      <c r="B7878" s="6">
        <v>229501</v>
      </c>
      <c r="C7878" s="6" t="s">
        <v>117</v>
      </c>
      <c r="D7878" s="6" t="s">
        <v>1334</v>
      </c>
      <c r="E7878" s="6">
        <v>76001</v>
      </c>
      <c r="F7878" s="6" t="s">
        <v>18</v>
      </c>
      <c r="G7878" s="6" t="s">
        <v>15841</v>
      </c>
      <c r="H7878" s="6" t="s">
        <v>15842</v>
      </c>
      <c r="I7878" s="7">
        <v>3.4250986999999999</v>
      </c>
      <c r="J7878" s="8">
        <v>-76.511728000000005</v>
      </c>
    </row>
    <row r="7879" spans="1:10" x14ac:dyDescent="0.35">
      <c r="A7879" s="5" t="s">
        <v>10</v>
      </c>
      <c r="B7879" s="6">
        <v>239907</v>
      </c>
      <c r="C7879" s="6" t="s">
        <v>117</v>
      </c>
      <c r="D7879" s="6" t="s">
        <v>1334</v>
      </c>
      <c r="E7879" s="6">
        <v>76001</v>
      </c>
      <c r="F7879" s="6" t="s">
        <v>18</v>
      </c>
      <c r="G7879" s="6" t="s">
        <v>15843</v>
      </c>
      <c r="H7879" s="6" t="s">
        <v>15844</v>
      </c>
      <c r="I7879" s="7">
        <v>3.4492503999999999</v>
      </c>
      <c r="J7879" s="8">
        <v>-76.536854599999998</v>
      </c>
    </row>
    <row r="7880" spans="1:10" x14ac:dyDescent="0.35">
      <c r="A7880" s="5" t="s">
        <v>10</v>
      </c>
      <c r="B7880" s="6">
        <v>241197</v>
      </c>
      <c r="C7880" s="6" t="s">
        <v>117</v>
      </c>
      <c r="D7880" s="6" t="s">
        <v>1334</v>
      </c>
      <c r="E7880" s="6">
        <v>76001</v>
      </c>
      <c r="F7880" s="6" t="s">
        <v>18</v>
      </c>
      <c r="G7880" s="6" t="s">
        <v>15845</v>
      </c>
      <c r="H7880" s="6" t="s">
        <v>15846</v>
      </c>
      <c r="I7880" s="7">
        <v>3.3814660999999999</v>
      </c>
      <c r="J7880" s="8">
        <v>-76.518272499999995</v>
      </c>
    </row>
    <row r="7881" spans="1:10" x14ac:dyDescent="0.35">
      <c r="A7881" s="5" t="s">
        <v>10</v>
      </c>
      <c r="B7881" s="6">
        <v>224286</v>
      </c>
      <c r="C7881" s="6" t="s">
        <v>117</v>
      </c>
      <c r="D7881" s="6" t="s">
        <v>3492</v>
      </c>
      <c r="E7881" s="6">
        <v>76520</v>
      </c>
      <c r="F7881" s="6" t="s">
        <v>18</v>
      </c>
      <c r="G7881" s="6" t="s">
        <v>15847</v>
      </c>
      <c r="H7881" s="6" t="s">
        <v>15848</v>
      </c>
      <c r="I7881" s="7">
        <v>3.4558222000000001</v>
      </c>
      <c r="J7881" s="8">
        <v>-76.469604099999998</v>
      </c>
    </row>
    <row r="7882" spans="1:10" x14ac:dyDescent="0.35">
      <c r="A7882" s="5" t="s">
        <v>10</v>
      </c>
      <c r="B7882" s="6">
        <v>236315</v>
      </c>
      <c r="C7882" s="6" t="s">
        <v>117</v>
      </c>
      <c r="D7882" s="6" t="s">
        <v>1334</v>
      </c>
      <c r="E7882" s="6">
        <v>76001</v>
      </c>
      <c r="F7882" s="6" t="s">
        <v>18</v>
      </c>
      <c r="G7882" s="6" t="s">
        <v>15849</v>
      </c>
      <c r="H7882" s="6" t="s">
        <v>15850</v>
      </c>
      <c r="I7882" s="7">
        <v>3.4174842000000001</v>
      </c>
      <c r="J7882" s="8">
        <v>-76.5060936</v>
      </c>
    </row>
    <row r="7883" spans="1:10" x14ac:dyDescent="0.35">
      <c r="A7883" s="5" t="s">
        <v>10</v>
      </c>
      <c r="B7883" s="6">
        <v>205767</v>
      </c>
      <c r="C7883" s="6" t="s">
        <v>190</v>
      </c>
      <c r="D7883" s="6" t="s">
        <v>13048</v>
      </c>
      <c r="E7883" s="6">
        <v>5321</v>
      </c>
      <c r="F7883" s="6" t="s">
        <v>18</v>
      </c>
      <c r="G7883" s="6" t="s">
        <v>15851</v>
      </c>
      <c r="H7883" s="6" t="s">
        <v>15852</v>
      </c>
      <c r="I7883" s="7">
        <v>6.2339297</v>
      </c>
      <c r="J7883" s="8">
        <v>-75.1589144</v>
      </c>
    </row>
    <row r="7884" spans="1:10" x14ac:dyDescent="0.35">
      <c r="A7884" s="5" t="s">
        <v>10</v>
      </c>
      <c r="B7884" s="6">
        <v>235481</v>
      </c>
      <c r="C7884" s="6" t="s">
        <v>190</v>
      </c>
      <c r="D7884" s="6" t="s">
        <v>438</v>
      </c>
      <c r="E7884" s="6">
        <v>5045</v>
      </c>
      <c r="F7884" s="6" t="s">
        <v>18</v>
      </c>
      <c r="G7884" s="6" t="s">
        <v>15853</v>
      </c>
      <c r="H7884" s="6" t="s">
        <v>15854</v>
      </c>
      <c r="I7884" s="7">
        <v>7.8775323000000004</v>
      </c>
      <c r="J7884" s="8">
        <v>-76.633033400000002</v>
      </c>
    </row>
    <row r="7885" spans="1:10" x14ac:dyDescent="0.35">
      <c r="A7885" s="5" t="s">
        <v>10</v>
      </c>
      <c r="B7885" s="6">
        <v>210516</v>
      </c>
      <c r="C7885" s="6" t="s">
        <v>68</v>
      </c>
      <c r="D7885" s="6" t="s">
        <v>69</v>
      </c>
      <c r="E7885" s="6">
        <v>11001</v>
      </c>
      <c r="F7885" s="6" t="s">
        <v>18</v>
      </c>
      <c r="G7885" s="6" t="s">
        <v>15855</v>
      </c>
      <c r="H7885" s="6" t="s">
        <v>15856</v>
      </c>
      <c r="I7885" s="7">
        <v>4.6082805999999996</v>
      </c>
      <c r="J7885" s="8">
        <v>-74.199493500000003</v>
      </c>
    </row>
    <row r="7886" spans="1:10" x14ac:dyDescent="0.35">
      <c r="A7886" s="5" t="s">
        <v>10</v>
      </c>
      <c r="B7886" s="6">
        <v>210976</v>
      </c>
      <c r="C7886" s="6" t="s">
        <v>68</v>
      </c>
      <c r="D7886" s="6" t="s">
        <v>69</v>
      </c>
      <c r="E7886" s="6">
        <v>11001</v>
      </c>
      <c r="F7886" s="6" t="s">
        <v>18</v>
      </c>
      <c r="G7886" s="6" t="s">
        <v>15857</v>
      </c>
      <c r="H7886" s="6" t="s">
        <v>15858</v>
      </c>
      <c r="I7886" s="7">
        <v>4.6121664000000004</v>
      </c>
      <c r="J7886" s="8">
        <v>-74.168481900000003</v>
      </c>
    </row>
    <row r="7887" spans="1:10" x14ac:dyDescent="0.35">
      <c r="A7887" s="5" t="s">
        <v>10</v>
      </c>
      <c r="B7887" s="6">
        <v>239070</v>
      </c>
      <c r="C7887" s="6" t="s">
        <v>68</v>
      </c>
      <c r="D7887" s="6" t="s">
        <v>69</v>
      </c>
      <c r="E7887" s="6">
        <v>11001</v>
      </c>
      <c r="F7887" s="6" t="s">
        <v>18</v>
      </c>
      <c r="G7887" s="6" t="s">
        <v>15859</v>
      </c>
      <c r="H7887" s="6" t="s">
        <v>15860</v>
      </c>
      <c r="I7887" s="7">
        <v>4.6325247000000003</v>
      </c>
      <c r="J7887" s="8">
        <v>-74.179093899999998</v>
      </c>
    </row>
    <row r="7888" spans="1:10" x14ac:dyDescent="0.35">
      <c r="A7888" s="5" t="s">
        <v>10</v>
      </c>
      <c r="B7888" s="6">
        <v>239929</v>
      </c>
      <c r="C7888" s="6" t="s">
        <v>68</v>
      </c>
      <c r="D7888" s="6" t="s">
        <v>69</v>
      </c>
      <c r="E7888" s="6">
        <v>11001</v>
      </c>
      <c r="F7888" s="6" t="s">
        <v>18</v>
      </c>
      <c r="G7888" s="6" t="s">
        <v>15861</v>
      </c>
      <c r="H7888" s="6" t="s">
        <v>15862</v>
      </c>
      <c r="I7888" s="7">
        <v>4.7579694000000003</v>
      </c>
      <c r="J7888" s="8">
        <v>-74.044971399999994</v>
      </c>
    </row>
    <row r="7889" spans="1:10" x14ac:dyDescent="0.35">
      <c r="A7889" s="5" t="s">
        <v>10</v>
      </c>
      <c r="B7889" s="6">
        <v>225634</v>
      </c>
      <c r="C7889" s="6" t="s">
        <v>68</v>
      </c>
      <c r="D7889" s="6" t="s">
        <v>69</v>
      </c>
      <c r="E7889" s="6">
        <v>11001</v>
      </c>
      <c r="F7889" s="6" t="s">
        <v>18</v>
      </c>
      <c r="G7889" s="6" t="s">
        <v>15863</v>
      </c>
      <c r="H7889" s="6" t="s">
        <v>15864</v>
      </c>
      <c r="I7889" s="7">
        <v>4.7122362999999998</v>
      </c>
      <c r="J7889" s="8">
        <v>-74.144848699999997</v>
      </c>
    </row>
    <row r="7890" spans="1:10" x14ac:dyDescent="0.35">
      <c r="A7890" s="5" t="s">
        <v>10</v>
      </c>
      <c r="B7890" s="6">
        <v>238177</v>
      </c>
      <c r="C7890" s="6" t="s">
        <v>68</v>
      </c>
      <c r="D7890" s="6" t="s">
        <v>69</v>
      </c>
      <c r="E7890" s="6">
        <v>11001</v>
      </c>
      <c r="F7890" s="6" t="s">
        <v>18</v>
      </c>
      <c r="G7890" s="6" t="s">
        <v>15865</v>
      </c>
      <c r="H7890" s="6" t="s">
        <v>15866</v>
      </c>
      <c r="I7890" s="7">
        <v>4.5624231999999996</v>
      </c>
      <c r="J7890" s="8">
        <v>-74.090284699999998</v>
      </c>
    </row>
    <row r="7891" spans="1:10" x14ac:dyDescent="0.35">
      <c r="A7891" s="5" t="s">
        <v>10</v>
      </c>
      <c r="B7891" s="6">
        <v>233602</v>
      </c>
      <c r="C7891" s="6" t="s">
        <v>68</v>
      </c>
      <c r="D7891" s="6" t="s">
        <v>69</v>
      </c>
      <c r="E7891" s="6">
        <v>11001</v>
      </c>
      <c r="F7891" s="6" t="s">
        <v>18</v>
      </c>
      <c r="G7891" s="6" t="s">
        <v>15867</v>
      </c>
      <c r="H7891" s="6" t="s">
        <v>15868</v>
      </c>
      <c r="I7891" s="7">
        <v>4.5898899999999996</v>
      </c>
      <c r="J7891" s="8">
        <v>-74.14743</v>
      </c>
    </row>
    <row r="7892" spans="1:10" x14ac:dyDescent="0.35">
      <c r="A7892" s="5" t="s">
        <v>10</v>
      </c>
      <c r="B7892" s="6">
        <v>228417</v>
      </c>
      <c r="C7892" s="6" t="s">
        <v>117</v>
      </c>
      <c r="D7892" s="6" t="s">
        <v>3492</v>
      </c>
      <c r="E7892" s="6">
        <v>76520</v>
      </c>
      <c r="F7892" s="6" t="s">
        <v>13</v>
      </c>
      <c r="G7892" s="6" t="s">
        <v>15869</v>
      </c>
      <c r="H7892" s="6" t="s">
        <v>15870</v>
      </c>
      <c r="I7892" s="7">
        <v>3.5103732999999999</v>
      </c>
      <c r="J7892" s="8">
        <v>-76.300698999999994</v>
      </c>
    </row>
    <row r="7893" spans="1:10" x14ac:dyDescent="0.35">
      <c r="A7893" s="5" t="s">
        <v>10</v>
      </c>
      <c r="B7893" s="6">
        <v>190058</v>
      </c>
      <c r="C7893" s="6" t="s">
        <v>11</v>
      </c>
      <c r="D7893" s="6" t="s">
        <v>407</v>
      </c>
      <c r="E7893" s="6">
        <v>25126</v>
      </c>
      <c r="F7893" s="6" t="s">
        <v>13</v>
      </c>
      <c r="G7893" s="6" t="s">
        <v>12374</v>
      </c>
      <c r="H7893" s="6" t="s">
        <v>15871</v>
      </c>
      <c r="I7893" s="7">
        <v>4.9215736000000003</v>
      </c>
      <c r="J7893" s="8">
        <v>-74.025220300000001</v>
      </c>
    </row>
    <row r="7894" spans="1:10" x14ac:dyDescent="0.35">
      <c r="A7894" s="5" t="s">
        <v>10</v>
      </c>
      <c r="B7894" s="6">
        <v>225759</v>
      </c>
      <c r="C7894" s="6" t="s">
        <v>2821</v>
      </c>
      <c r="D7894" s="6" t="s">
        <v>8204</v>
      </c>
      <c r="E7894" s="6">
        <v>47053</v>
      </c>
      <c r="F7894" s="6" t="s">
        <v>13</v>
      </c>
      <c r="G7894" s="6" t="s">
        <v>15872</v>
      </c>
      <c r="H7894" s="6" t="s">
        <v>15873</v>
      </c>
      <c r="I7894" s="7">
        <v>10.5938833</v>
      </c>
      <c r="J7894" s="8">
        <v>-74.195860800000005</v>
      </c>
    </row>
    <row r="7895" spans="1:10" x14ac:dyDescent="0.35">
      <c r="A7895" s="5" t="s">
        <v>10</v>
      </c>
      <c r="B7895" s="6">
        <v>198023</v>
      </c>
      <c r="C7895" s="6" t="s">
        <v>308</v>
      </c>
      <c r="D7895" s="6" t="s">
        <v>309</v>
      </c>
      <c r="E7895" s="6">
        <v>23001</v>
      </c>
      <c r="F7895" s="6" t="s">
        <v>13</v>
      </c>
      <c r="G7895" s="6" t="s">
        <v>15874</v>
      </c>
      <c r="H7895" s="6" t="s">
        <v>12278</v>
      </c>
      <c r="I7895" s="7">
        <v>8.7630222</v>
      </c>
      <c r="J7895" s="8">
        <v>-75.880781799999994</v>
      </c>
    </row>
    <row r="7896" spans="1:10" x14ac:dyDescent="0.35">
      <c r="A7896" s="5" t="s">
        <v>10</v>
      </c>
      <c r="B7896" s="6">
        <v>241131</v>
      </c>
      <c r="C7896" s="6" t="s">
        <v>117</v>
      </c>
      <c r="D7896" s="6" t="s">
        <v>3492</v>
      </c>
      <c r="E7896" s="6">
        <v>76520</v>
      </c>
      <c r="F7896" s="6" t="s">
        <v>18</v>
      </c>
      <c r="G7896" s="6" t="s">
        <v>15875</v>
      </c>
      <c r="H7896" s="6" t="s">
        <v>15876</v>
      </c>
      <c r="I7896" s="7">
        <v>3.5334686999999998</v>
      </c>
      <c r="J7896" s="8">
        <v>-76.299580899999995</v>
      </c>
    </row>
    <row r="7897" spans="1:10" x14ac:dyDescent="0.35">
      <c r="A7897" s="5" t="s">
        <v>10</v>
      </c>
      <c r="B7897" s="6">
        <v>241037</v>
      </c>
      <c r="C7897" s="6" t="s">
        <v>117</v>
      </c>
      <c r="D7897" s="6" t="s">
        <v>1334</v>
      </c>
      <c r="E7897" s="6">
        <v>76001</v>
      </c>
      <c r="F7897" s="6" t="s">
        <v>18</v>
      </c>
      <c r="G7897" s="6" t="s">
        <v>15877</v>
      </c>
      <c r="H7897" s="6" t="s">
        <v>15878</v>
      </c>
      <c r="I7897" s="7">
        <v>3.43377</v>
      </c>
      <c r="J7897" s="8">
        <v>-76.539005299999999</v>
      </c>
    </row>
    <row r="7898" spans="1:10" x14ac:dyDescent="0.35">
      <c r="A7898" s="5" t="s">
        <v>10</v>
      </c>
      <c r="B7898" s="6">
        <v>214425</v>
      </c>
      <c r="C7898" s="6" t="s">
        <v>117</v>
      </c>
      <c r="D7898" s="6" t="s">
        <v>1334</v>
      </c>
      <c r="E7898" s="6">
        <v>76001</v>
      </c>
      <c r="F7898" s="6" t="s">
        <v>18</v>
      </c>
      <c r="G7898" s="6" t="s">
        <v>15879</v>
      </c>
      <c r="H7898" s="6" t="s">
        <v>15880</v>
      </c>
      <c r="I7898" s="7">
        <v>3.3999731</v>
      </c>
      <c r="J7898" s="8">
        <v>-76.516870699999998</v>
      </c>
    </row>
    <row r="7899" spans="1:10" x14ac:dyDescent="0.35">
      <c r="A7899" s="5" t="s">
        <v>10</v>
      </c>
      <c r="B7899" s="6">
        <v>230072</v>
      </c>
      <c r="C7899" s="6" t="s">
        <v>117</v>
      </c>
      <c r="D7899" s="6" t="s">
        <v>1334</v>
      </c>
      <c r="E7899" s="6">
        <v>76001</v>
      </c>
      <c r="F7899" s="6" t="s">
        <v>18</v>
      </c>
      <c r="G7899" s="6" t="s">
        <v>15881</v>
      </c>
      <c r="H7899" s="6" t="s">
        <v>15882</v>
      </c>
      <c r="I7899" s="7">
        <v>3.4147151</v>
      </c>
      <c r="J7899" s="8">
        <v>-76.528505800000005</v>
      </c>
    </row>
    <row r="7900" spans="1:10" x14ac:dyDescent="0.35">
      <c r="A7900" s="5" t="s">
        <v>10</v>
      </c>
      <c r="B7900" s="6">
        <v>240734</v>
      </c>
      <c r="C7900" s="6" t="s">
        <v>190</v>
      </c>
      <c r="D7900" s="6" t="s">
        <v>191</v>
      </c>
      <c r="E7900" s="6">
        <v>5001</v>
      </c>
      <c r="F7900" s="6" t="s">
        <v>18</v>
      </c>
      <c r="G7900" s="6" t="s">
        <v>13952</v>
      </c>
      <c r="H7900" s="6" t="s">
        <v>15883</v>
      </c>
      <c r="I7900" s="7">
        <v>6.1995380000000004</v>
      </c>
      <c r="J7900" s="8">
        <v>-75.574528400000005</v>
      </c>
    </row>
    <row r="7901" spans="1:10" x14ac:dyDescent="0.35">
      <c r="A7901" s="5" t="s">
        <v>10</v>
      </c>
      <c r="B7901" s="6">
        <v>208412</v>
      </c>
      <c r="C7901" s="6" t="s">
        <v>190</v>
      </c>
      <c r="D7901" s="6" t="s">
        <v>191</v>
      </c>
      <c r="E7901" s="6">
        <v>5001</v>
      </c>
      <c r="F7901" s="6" t="s">
        <v>18</v>
      </c>
      <c r="G7901" s="6" t="s">
        <v>15884</v>
      </c>
      <c r="H7901" s="6" t="s">
        <v>15885</v>
      </c>
      <c r="I7901" s="7">
        <v>6.2766981999999896</v>
      </c>
      <c r="J7901" s="8">
        <v>-75.566277299999996</v>
      </c>
    </row>
    <row r="7902" spans="1:10" x14ac:dyDescent="0.35">
      <c r="A7902" s="5" t="s">
        <v>10</v>
      </c>
      <c r="B7902" s="6">
        <v>240827</v>
      </c>
      <c r="C7902" s="6" t="s">
        <v>190</v>
      </c>
      <c r="D7902" s="6" t="s">
        <v>191</v>
      </c>
      <c r="E7902" s="6">
        <v>5001</v>
      </c>
      <c r="F7902" s="6" t="s">
        <v>18</v>
      </c>
      <c r="G7902" s="6" t="s">
        <v>15886</v>
      </c>
      <c r="H7902" s="6" t="s">
        <v>15887</v>
      </c>
      <c r="I7902" s="7">
        <v>6.3055624000000003</v>
      </c>
      <c r="J7902" s="8">
        <v>-75.565475500000005</v>
      </c>
    </row>
    <row r="7903" spans="1:10" x14ac:dyDescent="0.35">
      <c r="A7903" s="5" t="s">
        <v>10</v>
      </c>
      <c r="B7903" s="6">
        <v>203766</v>
      </c>
      <c r="C7903" s="6" t="s">
        <v>68</v>
      </c>
      <c r="D7903" s="6" t="s">
        <v>69</v>
      </c>
      <c r="E7903" s="6">
        <v>11001</v>
      </c>
      <c r="F7903" s="6" t="s">
        <v>18</v>
      </c>
      <c r="G7903" s="6" t="s">
        <v>15888</v>
      </c>
      <c r="H7903" s="6" t="s">
        <v>15889</v>
      </c>
      <c r="I7903" s="7">
        <v>4.6073599999999999</v>
      </c>
      <c r="J7903" s="8">
        <v>-74.184799999999996</v>
      </c>
    </row>
    <row r="7904" spans="1:10" x14ac:dyDescent="0.35">
      <c r="A7904" s="5" t="s">
        <v>10</v>
      </c>
      <c r="B7904" s="6">
        <v>242656</v>
      </c>
      <c r="C7904" s="6" t="s">
        <v>68</v>
      </c>
      <c r="D7904" s="6" t="s">
        <v>69</v>
      </c>
      <c r="E7904" s="6">
        <v>11001</v>
      </c>
      <c r="F7904" s="6" t="s">
        <v>18</v>
      </c>
      <c r="G7904" s="6" t="s">
        <v>15890</v>
      </c>
      <c r="H7904" s="6" t="s">
        <v>15891</v>
      </c>
      <c r="I7904" s="7">
        <v>4.6376695999999997</v>
      </c>
      <c r="J7904" s="8">
        <v>-74.139635799999994</v>
      </c>
    </row>
    <row r="7905" spans="1:10" x14ac:dyDescent="0.35">
      <c r="A7905" s="5" t="s">
        <v>10</v>
      </c>
      <c r="B7905" s="6">
        <v>233002</v>
      </c>
      <c r="C7905" s="6" t="s">
        <v>68</v>
      </c>
      <c r="D7905" s="6" t="s">
        <v>69</v>
      </c>
      <c r="E7905" s="6">
        <v>11001</v>
      </c>
      <c r="F7905" s="6" t="s">
        <v>18</v>
      </c>
      <c r="G7905" s="6" t="s">
        <v>15892</v>
      </c>
      <c r="H7905" s="6" t="s">
        <v>15622</v>
      </c>
      <c r="I7905" s="7">
        <v>4.6785100000000002</v>
      </c>
      <c r="J7905" s="8">
        <v>-74.147220000000004</v>
      </c>
    </row>
    <row r="7906" spans="1:10" x14ac:dyDescent="0.35">
      <c r="A7906" s="5" t="s">
        <v>10</v>
      </c>
      <c r="B7906" s="6">
        <v>237919</v>
      </c>
      <c r="C7906" s="6" t="s">
        <v>68</v>
      </c>
      <c r="D7906" s="6" t="s">
        <v>69</v>
      </c>
      <c r="E7906" s="6">
        <v>11001</v>
      </c>
      <c r="F7906" s="6" t="s">
        <v>18</v>
      </c>
      <c r="G7906" s="6" t="s">
        <v>15893</v>
      </c>
      <c r="H7906" s="6" t="s">
        <v>15894</v>
      </c>
      <c r="I7906" s="7">
        <v>4.5503790999999998</v>
      </c>
      <c r="J7906" s="8">
        <v>-74.162622400000004</v>
      </c>
    </row>
    <row r="7907" spans="1:10" x14ac:dyDescent="0.35">
      <c r="A7907" s="5" t="s">
        <v>10</v>
      </c>
      <c r="B7907" s="6">
        <v>242202</v>
      </c>
      <c r="C7907" s="6" t="s">
        <v>68</v>
      </c>
      <c r="D7907" s="6" t="s">
        <v>69</v>
      </c>
      <c r="E7907" s="6">
        <v>11001</v>
      </c>
      <c r="F7907" s="6" t="s">
        <v>18</v>
      </c>
      <c r="G7907" s="6" t="s">
        <v>15895</v>
      </c>
      <c r="H7907" s="6" t="s">
        <v>15896</v>
      </c>
      <c r="I7907" s="7">
        <v>4.7565407000000004</v>
      </c>
      <c r="J7907" s="8">
        <v>-74.085153000000005</v>
      </c>
    </row>
    <row r="7908" spans="1:10" x14ac:dyDescent="0.35">
      <c r="A7908" s="5" t="s">
        <v>10</v>
      </c>
      <c r="B7908" s="6">
        <v>100664</v>
      </c>
      <c r="C7908" s="6" t="s">
        <v>2130</v>
      </c>
      <c r="D7908" s="6" t="s">
        <v>4241</v>
      </c>
      <c r="E7908" s="6">
        <v>85430</v>
      </c>
      <c r="F7908" s="6" t="s">
        <v>18</v>
      </c>
      <c r="G7908" s="6" t="s">
        <v>15897</v>
      </c>
      <c r="H7908" s="6" t="s">
        <v>10844</v>
      </c>
      <c r="I7908" s="7">
        <v>5.4069934999999996</v>
      </c>
      <c r="J7908" s="8">
        <v>-71.662956600000001</v>
      </c>
    </row>
    <row r="7909" spans="1:10" x14ac:dyDescent="0.35">
      <c r="A7909" s="5" t="s">
        <v>10</v>
      </c>
      <c r="B7909" s="6">
        <v>211988</v>
      </c>
      <c r="C7909" s="6" t="s">
        <v>11</v>
      </c>
      <c r="D7909" s="6" t="s">
        <v>221</v>
      </c>
      <c r="E7909" s="6">
        <v>25430</v>
      </c>
      <c r="F7909" s="6" t="s">
        <v>13</v>
      </c>
      <c r="G7909" s="6" t="s">
        <v>15898</v>
      </c>
      <c r="H7909" s="6" t="s">
        <v>15899</v>
      </c>
      <c r="I7909" s="7">
        <v>5.0260030000000002</v>
      </c>
      <c r="J7909" s="8">
        <v>-74.030012200000002</v>
      </c>
    </row>
    <row r="7910" spans="1:10" x14ac:dyDescent="0.35">
      <c r="A7910" s="5" t="s">
        <v>10</v>
      </c>
      <c r="B7910" s="6">
        <v>150184</v>
      </c>
      <c r="C7910" s="6" t="s">
        <v>11</v>
      </c>
      <c r="D7910" s="6" t="s">
        <v>101</v>
      </c>
      <c r="E7910" s="6">
        <v>25473</v>
      </c>
      <c r="F7910" s="6" t="s">
        <v>18</v>
      </c>
      <c r="G7910" s="6" t="s">
        <v>15900</v>
      </c>
      <c r="H7910" s="6" t="s">
        <v>15901</v>
      </c>
      <c r="I7910" s="7">
        <v>4.7165729999999897</v>
      </c>
      <c r="J7910" s="8">
        <v>-74.223546999999996</v>
      </c>
    </row>
    <row r="7911" spans="1:10" x14ac:dyDescent="0.35">
      <c r="A7911" s="5" t="s">
        <v>10</v>
      </c>
      <c r="B7911" s="6">
        <v>240134</v>
      </c>
      <c r="C7911" s="6" t="s">
        <v>117</v>
      </c>
      <c r="D7911" s="6" t="s">
        <v>15902</v>
      </c>
      <c r="E7911" s="6">
        <v>76246</v>
      </c>
      <c r="F7911" s="6" t="s">
        <v>18</v>
      </c>
      <c r="G7911" s="6" t="s">
        <v>15903</v>
      </c>
      <c r="H7911" s="6" t="s">
        <v>15904</v>
      </c>
      <c r="I7911" s="7">
        <v>4.7607704000000002</v>
      </c>
      <c r="J7911" s="8">
        <v>-76.221696199999997</v>
      </c>
    </row>
    <row r="7912" spans="1:10" x14ac:dyDescent="0.35">
      <c r="A7912" s="5" t="s">
        <v>10</v>
      </c>
      <c r="B7912" s="6">
        <v>229892</v>
      </c>
      <c r="C7912" s="6" t="s">
        <v>117</v>
      </c>
      <c r="D7912" s="6" t="s">
        <v>1334</v>
      </c>
      <c r="E7912" s="6">
        <v>76001</v>
      </c>
      <c r="F7912" s="6" t="s">
        <v>18</v>
      </c>
      <c r="G7912" s="6" t="s">
        <v>15905</v>
      </c>
      <c r="H7912" s="6" t="s">
        <v>15906</v>
      </c>
      <c r="I7912" s="7">
        <v>3.464874</v>
      </c>
      <c r="J7912" s="8">
        <v>-76.500904399999996</v>
      </c>
    </row>
    <row r="7913" spans="1:10" x14ac:dyDescent="0.35">
      <c r="A7913" s="5" t="s">
        <v>10</v>
      </c>
      <c r="B7913" s="6">
        <v>202025</v>
      </c>
      <c r="C7913" s="6" t="s">
        <v>11</v>
      </c>
      <c r="D7913" s="6" t="s">
        <v>334</v>
      </c>
      <c r="E7913" s="6">
        <v>25754</v>
      </c>
      <c r="F7913" s="6" t="s">
        <v>18</v>
      </c>
      <c r="G7913" s="6" t="s">
        <v>15907</v>
      </c>
      <c r="H7913" s="6" t="s">
        <v>15908</v>
      </c>
      <c r="I7913" s="7">
        <v>4.5925199999999897</v>
      </c>
      <c r="J7913" s="8">
        <v>-74.226930999999993</v>
      </c>
    </row>
    <row r="7914" spans="1:10" x14ac:dyDescent="0.35">
      <c r="A7914" s="5" t="s">
        <v>10</v>
      </c>
      <c r="B7914" s="6">
        <v>224143</v>
      </c>
      <c r="C7914" s="6" t="s">
        <v>68</v>
      </c>
      <c r="D7914" s="6" t="s">
        <v>69</v>
      </c>
      <c r="E7914" s="6">
        <v>11001</v>
      </c>
      <c r="F7914" s="6" t="s">
        <v>18</v>
      </c>
      <c r="G7914" s="6" t="s">
        <v>15909</v>
      </c>
      <c r="H7914" s="6" t="s">
        <v>15910</v>
      </c>
      <c r="I7914" s="7">
        <v>4.6046103</v>
      </c>
      <c r="J7914" s="8">
        <v>-74.185807999999994</v>
      </c>
    </row>
    <row r="7915" spans="1:10" x14ac:dyDescent="0.35">
      <c r="A7915" s="5" t="s">
        <v>10</v>
      </c>
      <c r="B7915" s="6">
        <v>239415</v>
      </c>
      <c r="C7915" s="6" t="s">
        <v>68</v>
      </c>
      <c r="D7915" s="6" t="s">
        <v>69</v>
      </c>
      <c r="E7915" s="6">
        <v>11001</v>
      </c>
      <c r="F7915" s="6" t="s">
        <v>18</v>
      </c>
      <c r="G7915" s="6" t="s">
        <v>15911</v>
      </c>
      <c r="H7915" s="6" t="s">
        <v>15912</v>
      </c>
      <c r="I7915" s="7">
        <v>4.7662842000000003</v>
      </c>
      <c r="J7915" s="8">
        <v>-74.030215999999996</v>
      </c>
    </row>
    <row r="7916" spans="1:10" x14ac:dyDescent="0.35">
      <c r="A7916" s="5" t="s">
        <v>10</v>
      </c>
      <c r="B7916" s="6">
        <v>236258</v>
      </c>
      <c r="C7916" s="6" t="s">
        <v>68</v>
      </c>
      <c r="D7916" s="6" t="s">
        <v>69</v>
      </c>
      <c r="E7916" s="6">
        <v>11001</v>
      </c>
      <c r="F7916" s="6" t="s">
        <v>18</v>
      </c>
      <c r="G7916" s="6" t="s">
        <v>15913</v>
      </c>
      <c r="H7916" s="6" t="s">
        <v>15914</v>
      </c>
      <c r="I7916" s="7">
        <v>4.6218083999999999</v>
      </c>
      <c r="J7916" s="8">
        <v>-74.201908500000002</v>
      </c>
    </row>
    <row r="7917" spans="1:10" x14ac:dyDescent="0.35">
      <c r="A7917" s="5" t="s">
        <v>10</v>
      </c>
      <c r="B7917" s="6">
        <v>242131</v>
      </c>
      <c r="C7917" s="6" t="s">
        <v>68</v>
      </c>
      <c r="D7917" s="6" t="s">
        <v>69</v>
      </c>
      <c r="E7917" s="6">
        <v>11001</v>
      </c>
      <c r="F7917" s="6" t="s">
        <v>18</v>
      </c>
      <c r="G7917" s="6" t="s">
        <v>15915</v>
      </c>
      <c r="H7917" s="6" t="s">
        <v>15916</v>
      </c>
      <c r="I7917" s="7">
        <v>4.6477332000000002</v>
      </c>
      <c r="J7917" s="8">
        <v>-74.159481400000004</v>
      </c>
    </row>
    <row r="7918" spans="1:10" x14ac:dyDescent="0.35">
      <c r="A7918" s="5" t="s">
        <v>10</v>
      </c>
      <c r="B7918" s="6">
        <v>143925</v>
      </c>
      <c r="C7918" s="6" t="s">
        <v>2130</v>
      </c>
      <c r="D7918" s="6" t="s">
        <v>2131</v>
      </c>
      <c r="E7918" s="6">
        <v>85001</v>
      </c>
      <c r="F7918" s="6" t="s">
        <v>18</v>
      </c>
      <c r="G7918" s="6" t="s">
        <v>15917</v>
      </c>
      <c r="H7918" s="6" t="s">
        <v>15918</v>
      </c>
      <c r="I7918" s="7">
        <v>5.3455754999999998</v>
      </c>
      <c r="J7918" s="8">
        <v>-72.396297799999999</v>
      </c>
    </row>
    <row r="7919" spans="1:10" x14ac:dyDescent="0.35">
      <c r="A7919" s="5" t="s">
        <v>10</v>
      </c>
      <c r="B7919" s="6">
        <v>202872</v>
      </c>
      <c r="C7919" s="6" t="s">
        <v>28</v>
      </c>
      <c r="D7919" s="6" t="s">
        <v>29</v>
      </c>
      <c r="E7919" s="6">
        <v>54001</v>
      </c>
      <c r="F7919" s="6" t="s">
        <v>13</v>
      </c>
      <c r="G7919" s="6" t="s">
        <v>15919</v>
      </c>
      <c r="H7919" s="6" t="s">
        <v>15920</v>
      </c>
      <c r="I7919" s="7">
        <v>7.8952717999999997</v>
      </c>
      <c r="J7919" s="8">
        <v>-72.475118600000002</v>
      </c>
    </row>
    <row r="7920" spans="1:10" x14ac:dyDescent="0.35">
      <c r="A7920" s="5" t="s">
        <v>10</v>
      </c>
      <c r="B7920" s="6">
        <v>186688</v>
      </c>
      <c r="C7920" s="6" t="s">
        <v>294</v>
      </c>
      <c r="D7920" s="6" t="s">
        <v>4555</v>
      </c>
      <c r="E7920" s="6">
        <v>41016</v>
      </c>
      <c r="F7920" s="6" t="s">
        <v>13</v>
      </c>
      <c r="G7920" s="6" t="s">
        <v>15921</v>
      </c>
      <c r="H7920" s="6" t="s">
        <v>15922</v>
      </c>
      <c r="I7920" s="7">
        <v>3.2215585</v>
      </c>
      <c r="J7920" s="8">
        <v>-75.237557800000005</v>
      </c>
    </row>
    <row r="7921" spans="1:10" x14ac:dyDescent="0.35">
      <c r="A7921" s="5" t="s">
        <v>10</v>
      </c>
      <c r="B7921" s="6">
        <v>123542</v>
      </c>
      <c r="C7921" s="6" t="s">
        <v>11</v>
      </c>
      <c r="D7921" s="6" t="s">
        <v>12</v>
      </c>
      <c r="E7921" s="6">
        <v>25899</v>
      </c>
      <c r="F7921" s="6" t="s">
        <v>18</v>
      </c>
      <c r="G7921" s="6" t="s">
        <v>15923</v>
      </c>
      <c r="H7921" s="6" t="s">
        <v>15924</v>
      </c>
      <c r="I7921" s="7">
        <v>5.0208510000000004</v>
      </c>
      <c r="J7921" s="8">
        <v>-74.001275999999905</v>
      </c>
    </row>
    <row r="7922" spans="1:10" x14ac:dyDescent="0.35">
      <c r="A7922" s="5" t="s">
        <v>10</v>
      </c>
      <c r="B7922" s="6">
        <v>147376</v>
      </c>
      <c r="C7922" s="6" t="s">
        <v>11</v>
      </c>
      <c r="D7922" s="6" t="s">
        <v>101</v>
      </c>
      <c r="E7922" s="6">
        <v>25473</v>
      </c>
      <c r="F7922" s="6" t="s">
        <v>18</v>
      </c>
      <c r="G7922" s="6" t="s">
        <v>15925</v>
      </c>
      <c r="H7922" s="6" t="s">
        <v>15926</v>
      </c>
      <c r="I7922" s="7">
        <v>4.7208217000000001</v>
      </c>
      <c r="J7922" s="8">
        <v>-74.231084999999993</v>
      </c>
    </row>
    <row r="7923" spans="1:10" x14ac:dyDescent="0.35">
      <c r="A7923" s="5" t="s">
        <v>10</v>
      </c>
      <c r="B7923" s="6">
        <v>229696</v>
      </c>
      <c r="C7923" s="6" t="s">
        <v>117</v>
      </c>
      <c r="D7923" s="6" t="s">
        <v>3402</v>
      </c>
      <c r="E7923" s="6">
        <v>76364</v>
      </c>
      <c r="F7923" s="6" t="s">
        <v>18</v>
      </c>
      <c r="G7923" s="6" t="s">
        <v>15927</v>
      </c>
      <c r="H7923" s="6" t="s">
        <v>15928</v>
      </c>
      <c r="I7923" s="7">
        <v>3.2587400999999998</v>
      </c>
      <c r="J7923" s="8">
        <v>-76.544910400000006</v>
      </c>
    </row>
    <row r="7924" spans="1:10" x14ac:dyDescent="0.35">
      <c r="A7924" s="5" t="s">
        <v>10</v>
      </c>
      <c r="B7924" s="6">
        <v>246765</v>
      </c>
      <c r="C7924" s="6" t="s">
        <v>117</v>
      </c>
      <c r="D7924" s="6" t="s">
        <v>1334</v>
      </c>
      <c r="E7924" s="6">
        <v>76001</v>
      </c>
      <c r="F7924" s="6" t="s">
        <v>18</v>
      </c>
      <c r="G7924" s="6" t="s">
        <v>15929</v>
      </c>
      <c r="H7924" s="6" t="s">
        <v>15930</v>
      </c>
      <c r="I7924" s="7">
        <v>3.4806154</v>
      </c>
      <c r="J7924" s="8">
        <v>-76.498112699999993</v>
      </c>
    </row>
    <row r="7925" spans="1:10" x14ac:dyDescent="0.35">
      <c r="A7925" s="5" t="s">
        <v>10</v>
      </c>
      <c r="B7925" s="6">
        <v>238173</v>
      </c>
      <c r="C7925" s="6" t="s">
        <v>68</v>
      </c>
      <c r="D7925" s="6" t="s">
        <v>69</v>
      </c>
      <c r="E7925" s="6">
        <v>11001</v>
      </c>
      <c r="F7925" s="6" t="s">
        <v>18</v>
      </c>
      <c r="G7925" s="6" t="s">
        <v>15931</v>
      </c>
      <c r="H7925" s="6" t="s">
        <v>15932</v>
      </c>
      <c r="I7925" s="7">
        <v>4.7561377</v>
      </c>
      <c r="J7925" s="8">
        <v>-74.086563200000001</v>
      </c>
    </row>
    <row r="7926" spans="1:10" x14ac:dyDescent="0.35">
      <c r="A7926" s="5" t="s">
        <v>10</v>
      </c>
      <c r="B7926" s="6">
        <v>237864</v>
      </c>
      <c r="C7926" s="6" t="s">
        <v>68</v>
      </c>
      <c r="D7926" s="6" t="s">
        <v>69</v>
      </c>
      <c r="E7926" s="6">
        <v>11001</v>
      </c>
      <c r="F7926" s="6" t="s">
        <v>18</v>
      </c>
      <c r="G7926" s="6" t="s">
        <v>15933</v>
      </c>
      <c r="H7926" s="6" t="s">
        <v>15934</v>
      </c>
      <c r="I7926" s="7">
        <v>4.6157877000000003</v>
      </c>
      <c r="J7926" s="8">
        <v>-74.132919200000003</v>
      </c>
    </row>
    <row r="7927" spans="1:10" x14ac:dyDescent="0.35">
      <c r="A7927" s="5" t="s">
        <v>10</v>
      </c>
      <c r="B7927" s="6">
        <v>234793</v>
      </c>
      <c r="C7927" s="6" t="s">
        <v>68</v>
      </c>
      <c r="D7927" s="6" t="s">
        <v>69</v>
      </c>
      <c r="E7927" s="6">
        <v>11001</v>
      </c>
      <c r="F7927" s="6" t="s">
        <v>18</v>
      </c>
      <c r="G7927" s="6" t="s">
        <v>15935</v>
      </c>
      <c r="H7927" s="6" t="s">
        <v>15936</v>
      </c>
      <c r="I7927" s="7">
        <v>4.6675782000000003</v>
      </c>
      <c r="J7927" s="8">
        <v>-74.067614899999995</v>
      </c>
    </row>
    <row r="7928" spans="1:10" x14ac:dyDescent="0.35">
      <c r="A7928" s="5" t="s">
        <v>10</v>
      </c>
      <c r="B7928" s="6">
        <v>237878</v>
      </c>
      <c r="C7928" s="6" t="s">
        <v>68</v>
      </c>
      <c r="D7928" s="6" t="s">
        <v>69</v>
      </c>
      <c r="E7928" s="6">
        <v>11001</v>
      </c>
      <c r="F7928" s="6" t="s">
        <v>18</v>
      </c>
      <c r="G7928" s="6" t="s">
        <v>15937</v>
      </c>
      <c r="H7928" s="6" t="s">
        <v>15938</v>
      </c>
      <c r="I7928" s="7">
        <v>4.5874136999999999</v>
      </c>
      <c r="J7928" s="8">
        <v>-74.164007100000006</v>
      </c>
    </row>
    <row r="7929" spans="1:10" x14ac:dyDescent="0.35">
      <c r="A7929" s="5" t="s">
        <v>10</v>
      </c>
      <c r="B7929" s="6">
        <v>242377</v>
      </c>
      <c r="C7929" s="6" t="s">
        <v>68</v>
      </c>
      <c r="D7929" s="6" t="s">
        <v>69</v>
      </c>
      <c r="E7929" s="6">
        <v>11001</v>
      </c>
      <c r="F7929" s="6" t="s">
        <v>18</v>
      </c>
      <c r="G7929" s="6" t="s">
        <v>15939</v>
      </c>
      <c r="H7929" s="6" t="s">
        <v>15940</v>
      </c>
      <c r="I7929" s="7">
        <v>4.7098317999999999</v>
      </c>
      <c r="J7929" s="8">
        <v>-74.130650099999997</v>
      </c>
    </row>
    <row r="7930" spans="1:10" x14ac:dyDescent="0.35">
      <c r="A7930" s="5" t="s">
        <v>10</v>
      </c>
      <c r="B7930" s="6">
        <v>181378</v>
      </c>
      <c r="C7930" s="6" t="s">
        <v>68</v>
      </c>
      <c r="D7930" s="6" t="s">
        <v>69</v>
      </c>
      <c r="E7930" s="6">
        <v>11001</v>
      </c>
      <c r="F7930" s="6" t="s">
        <v>18</v>
      </c>
      <c r="G7930" s="6" t="s">
        <v>15941</v>
      </c>
      <c r="H7930" s="6" t="s">
        <v>15942</v>
      </c>
      <c r="I7930" s="7">
        <v>4.6160250999999999</v>
      </c>
      <c r="J7930" s="8">
        <v>-74.0674645</v>
      </c>
    </row>
    <row r="7931" spans="1:10" x14ac:dyDescent="0.35">
      <c r="A7931" s="5" t="s">
        <v>10</v>
      </c>
      <c r="B7931" s="6">
        <v>201968</v>
      </c>
      <c r="C7931" s="6" t="s">
        <v>68</v>
      </c>
      <c r="D7931" s="6" t="s">
        <v>69</v>
      </c>
      <c r="E7931" s="6">
        <v>11001</v>
      </c>
      <c r="F7931" s="6" t="s">
        <v>18</v>
      </c>
      <c r="G7931" s="6" t="s">
        <v>15943</v>
      </c>
      <c r="H7931" s="6" t="s">
        <v>15944</v>
      </c>
      <c r="I7931" s="7">
        <v>4.6163768000000003</v>
      </c>
      <c r="J7931" s="8">
        <v>-74.165121399999904</v>
      </c>
    </row>
    <row r="7932" spans="1:10" x14ac:dyDescent="0.35">
      <c r="A7932" s="5" t="s">
        <v>10</v>
      </c>
      <c r="B7932" s="6">
        <v>218288</v>
      </c>
      <c r="C7932" s="6" t="s">
        <v>11</v>
      </c>
      <c r="D7932" s="6" t="s">
        <v>334</v>
      </c>
      <c r="E7932" s="6">
        <v>25754</v>
      </c>
      <c r="F7932" s="6" t="s">
        <v>18</v>
      </c>
      <c r="G7932" s="6" t="s">
        <v>15945</v>
      </c>
      <c r="H7932" s="6" t="s">
        <v>15946</v>
      </c>
      <c r="I7932" s="7">
        <v>4.5694007000000001</v>
      </c>
      <c r="J7932" s="8">
        <v>-74.237936300000001</v>
      </c>
    </row>
    <row r="7933" spans="1:10" x14ac:dyDescent="0.35">
      <c r="A7933" s="5" t="s">
        <v>10</v>
      </c>
      <c r="B7933" s="6">
        <v>234128</v>
      </c>
      <c r="C7933" s="6" t="s">
        <v>308</v>
      </c>
      <c r="D7933" s="6" t="s">
        <v>309</v>
      </c>
      <c r="E7933" s="6">
        <v>23001</v>
      </c>
      <c r="F7933" s="6" t="s">
        <v>13</v>
      </c>
      <c r="G7933" s="6" t="s">
        <v>15947</v>
      </c>
      <c r="H7933" s="6" t="s">
        <v>15948</v>
      </c>
      <c r="I7933" s="7">
        <v>8.7321199000000007</v>
      </c>
      <c r="J7933" s="8">
        <v>-75.893416700000003</v>
      </c>
    </row>
    <row r="7934" spans="1:10" x14ac:dyDescent="0.35">
      <c r="A7934" s="5" t="s">
        <v>10</v>
      </c>
      <c r="B7934" s="6">
        <v>241085</v>
      </c>
      <c r="C7934" s="6" t="s">
        <v>117</v>
      </c>
      <c r="D7934" s="6" t="s">
        <v>3686</v>
      </c>
      <c r="E7934" s="6">
        <v>76111</v>
      </c>
      <c r="F7934" s="6" t="s">
        <v>18</v>
      </c>
      <c r="G7934" s="6" t="s">
        <v>15949</v>
      </c>
      <c r="H7934" s="6" t="s">
        <v>15950</v>
      </c>
      <c r="I7934" s="7">
        <v>3.9042987999999998</v>
      </c>
      <c r="J7934" s="8">
        <v>-76.296906000000007</v>
      </c>
    </row>
    <row r="7935" spans="1:10" x14ac:dyDescent="0.35">
      <c r="A7935" s="5" t="s">
        <v>10</v>
      </c>
      <c r="B7935" s="6">
        <v>240238</v>
      </c>
      <c r="C7935" s="6" t="s">
        <v>117</v>
      </c>
      <c r="D7935" s="6" t="s">
        <v>1334</v>
      </c>
      <c r="E7935" s="6">
        <v>76001</v>
      </c>
      <c r="F7935" s="6" t="s">
        <v>18</v>
      </c>
      <c r="G7935" s="6" t="s">
        <v>15951</v>
      </c>
      <c r="H7935" s="6" t="s">
        <v>15952</v>
      </c>
      <c r="I7935" s="7">
        <v>3.4145143</v>
      </c>
      <c r="J7935" s="8">
        <v>-76.547209600000002</v>
      </c>
    </row>
    <row r="7936" spans="1:10" x14ac:dyDescent="0.35">
      <c r="A7936" s="5" t="s">
        <v>10</v>
      </c>
      <c r="B7936" s="6">
        <v>241180</v>
      </c>
      <c r="C7936" s="6" t="s">
        <v>117</v>
      </c>
      <c r="D7936" s="6" t="s">
        <v>1334</v>
      </c>
      <c r="E7936" s="6">
        <v>76001</v>
      </c>
      <c r="F7936" s="6" t="s">
        <v>18</v>
      </c>
      <c r="G7936" s="6" t="s">
        <v>15953</v>
      </c>
      <c r="H7936" s="6" t="s">
        <v>15954</v>
      </c>
      <c r="I7936" s="7">
        <v>3.4509077000000001</v>
      </c>
      <c r="J7936" s="8">
        <v>-76.535115899999994</v>
      </c>
    </row>
    <row r="7937" spans="1:10" x14ac:dyDescent="0.35">
      <c r="A7937" s="5" t="s">
        <v>10</v>
      </c>
      <c r="B7937" s="6">
        <v>241625</v>
      </c>
      <c r="C7937" s="6" t="s">
        <v>457</v>
      </c>
      <c r="D7937" s="6" t="s">
        <v>4400</v>
      </c>
      <c r="E7937" s="6">
        <v>52001</v>
      </c>
      <c r="F7937" s="6" t="s">
        <v>18</v>
      </c>
      <c r="G7937" s="6" t="s">
        <v>15955</v>
      </c>
      <c r="H7937" s="6" t="s">
        <v>15956</v>
      </c>
      <c r="I7937" s="7">
        <v>1.2143276000000001</v>
      </c>
      <c r="J7937" s="8">
        <v>-77.3001991</v>
      </c>
    </row>
    <row r="7938" spans="1:10" x14ac:dyDescent="0.35">
      <c r="A7938" s="5" t="s">
        <v>10</v>
      </c>
      <c r="B7938" s="6">
        <v>236902</v>
      </c>
      <c r="C7938" s="6" t="s">
        <v>68</v>
      </c>
      <c r="D7938" s="6" t="s">
        <v>69</v>
      </c>
      <c r="E7938" s="6">
        <v>11001</v>
      </c>
      <c r="F7938" s="6" t="s">
        <v>18</v>
      </c>
      <c r="G7938" s="6" t="s">
        <v>15957</v>
      </c>
      <c r="H7938" s="6" t="s">
        <v>15958</v>
      </c>
      <c r="I7938" s="7">
        <v>4.6126442000000001</v>
      </c>
      <c r="J7938" s="8">
        <v>-74.211924400000001</v>
      </c>
    </row>
    <row r="7939" spans="1:10" x14ac:dyDescent="0.35">
      <c r="A7939" s="5" t="s">
        <v>10</v>
      </c>
      <c r="B7939" s="6">
        <v>236540</v>
      </c>
      <c r="C7939" s="6" t="s">
        <v>68</v>
      </c>
      <c r="D7939" s="6" t="s">
        <v>69</v>
      </c>
      <c r="E7939" s="6">
        <v>11001</v>
      </c>
      <c r="F7939" s="6" t="s">
        <v>18</v>
      </c>
      <c r="G7939" s="6" t="s">
        <v>15959</v>
      </c>
      <c r="H7939" s="6" t="s">
        <v>15960</v>
      </c>
      <c r="I7939" s="7">
        <v>4.6325778</v>
      </c>
      <c r="J7939" s="8">
        <v>-74.189788100000001</v>
      </c>
    </row>
    <row r="7940" spans="1:10" x14ac:dyDescent="0.35">
      <c r="A7940" s="5" t="s">
        <v>10</v>
      </c>
      <c r="B7940" s="6">
        <v>242301</v>
      </c>
      <c r="C7940" s="6" t="s">
        <v>68</v>
      </c>
      <c r="D7940" s="6" t="s">
        <v>69</v>
      </c>
      <c r="E7940" s="6">
        <v>11001</v>
      </c>
      <c r="F7940" s="6" t="s">
        <v>18</v>
      </c>
      <c r="G7940" s="6" t="s">
        <v>15961</v>
      </c>
      <c r="H7940" s="6" t="s">
        <v>15962</v>
      </c>
      <c r="I7940" s="7">
        <v>4.5586263000000002</v>
      </c>
      <c r="J7940" s="8">
        <v>-74.120653899999994</v>
      </c>
    </row>
    <row r="7941" spans="1:10" x14ac:dyDescent="0.35">
      <c r="A7941" s="5" t="s">
        <v>10</v>
      </c>
      <c r="B7941" s="6">
        <v>242376</v>
      </c>
      <c r="C7941" s="6" t="s">
        <v>68</v>
      </c>
      <c r="D7941" s="6" t="s">
        <v>69</v>
      </c>
      <c r="E7941" s="6">
        <v>11001</v>
      </c>
      <c r="F7941" s="6" t="s">
        <v>18</v>
      </c>
      <c r="G7941" s="6" t="s">
        <v>15963</v>
      </c>
      <c r="H7941" s="6" t="s">
        <v>15964</v>
      </c>
      <c r="I7941" s="7">
        <v>4.5935313000000004</v>
      </c>
      <c r="J7941" s="8">
        <v>-74.099873500000001</v>
      </c>
    </row>
    <row r="7942" spans="1:10" x14ac:dyDescent="0.35">
      <c r="A7942" s="5" t="s">
        <v>10</v>
      </c>
      <c r="B7942" s="6">
        <v>238488</v>
      </c>
      <c r="C7942" s="6" t="s">
        <v>68</v>
      </c>
      <c r="D7942" s="6" t="s">
        <v>69</v>
      </c>
      <c r="E7942" s="6">
        <v>11001</v>
      </c>
      <c r="F7942" s="6" t="s">
        <v>18</v>
      </c>
      <c r="G7942" s="6" t="s">
        <v>15965</v>
      </c>
      <c r="H7942" s="6" t="s">
        <v>15966</v>
      </c>
      <c r="I7942" s="7">
        <v>4.5604072000000002</v>
      </c>
      <c r="J7942" s="8">
        <v>-74.126677299999997</v>
      </c>
    </row>
    <row r="7943" spans="1:10" x14ac:dyDescent="0.35">
      <c r="A7943" s="5" t="s">
        <v>10</v>
      </c>
      <c r="B7943" s="6">
        <v>201909</v>
      </c>
      <c r="C7943" s="6" t="s">
        <v>278</v>
      </c>
      <c r="D7943" s="6" t="s">
        <v>3873</v>
      </c>
      <c r="E7943" s="6">
        <v>50568</v>
      </c>
      <c r="F7943" s="6" t="s">
        <v>13</v>
      </c>
      <c r="G7943" s="6" t="s">
        <v>15967</v>
      </c>
      <c r="H7943" s="6" t="s">
        <v>15968</v>
      </c>
      <c r="I7943" s="7">
        <v>4.3123762000000001</v>
      </c>
      <c r="J7943" s="8">
        <v>-72.082682199999994</v>
      </c>
    </row>
    <row r="7944" spans="1:10" x14ac:dyDescent="0.35">
      <c r="A7944" s="5" t="s">
        <v>10</v>
      </c>
      <c r="B7944" s="6">
        <v>206795</v>
      </c>
      <c r="C7944" s="6" t="s">
        <v>68</v>
      </c>
      <c r="D7944" s="6" t="s">
        <v>69</v>
      </c>
      <c r="E7944" s="6">
        <v>11001</v>
      </c>
      <c r="F7944" s="6" t="s">
        <v>13</v>
      </c>
      <c r="G7944" s="6" t="s">
        <v>15969</v>
      </c>
      <c r="H7944" s="6" t="s">
        <v>15970</v>
      </c>
      <c r="I7944" s="7">
        <v>4.6257054999999996</v>
      </c>
      <c r="J7944" s="8">
        <v>-74.2089821</v>
      </c>
    </row>
    <row r="7945" spans="1:10" x14ac:dyDescent="0.35">
      <c r="A7945" s="5" t="s">
        <v>10</v>
      </c>
      <c r="B7945" s="6">
        <v>192237</v>
      </c>
      <c r="C7945" s="6" t="s">
        <v>466</v>
      </c>
      <c r="D7945" s="6" t="s">
        <v>467</v>
      </c>
      <c r="E7945" s="6">
        <v>81736</v>
      </c>
      <c r="F7945" s="6" t="s">
        <v>13</v>
      </c>
      <c r="G7945" s="6" t="s">
        <v>15971</v>
      </c>
      <c r="H7945" s="6" t="s">
        <v>15972</v>
      </c>
      <c r="I7945" s="7">
        <v>6.9492745999999999</v>
      </c>
      <c r="J7945" s="8">
        <v>-71.877656400000006</v>
      </c>
    </row>
    <row r="7946" spans="1:10" x14ac:dyDescent="0.35">
      <c r="A7946" s="5" t="s">
        <v>10</v>
      </c>
      <c r="B7946" s="6">
        <v>201008</v>
      </c>
      <c r="C7946" s="6" t="s">
        <v>294</v>
      </c>
      <c r="D7946" s="6" t="s">
        <v>543</v>
      </c>
      <c r="E7946" s="6">
        <v>41396</v>
      </c>
      <c r="F7946" s="6" t="s">
        <v>13</v>
      </c>
      <c r="G7946" s="6" t="s">
        <v>15973</v>
      </c>
      <c r="H7946" s="6" t="s">
        <v>15974</v>
      </c>
      <c r="I7946" s="7">
        <v>2.9167443</v>
      </c>
      <c r="J7946" s="8">
        <v>-75.288890899999998</v>
      </c>
    </row>
    <row r="7947" spans="1:10" x14ac:dyDescent="0.35">
      <c r="A7947" s="5" t="s">
        <v>10</v>
      </c>
      <c r="B7947" s="6">
        <v>248597</v>
      </c>
      <c r="C7947" s="6" t="s">
        <v>457</v>
      </c>
      <c r="D7947" s="6" t="s">
        <v>15975</v>
      </c>
      <c r="E7947" s="6">
        <v>52885</v>
      </c>
      <c r="F7947" s="6" t="s">
        <v>18</v>
      </c>
      <c r="G7947" s="6" t="s">
        <v>15976</v>
      </c>
      <c r="H7947" s="6" t="s">
        <v>15977</v>
      </c>
      <c r="I7947" s="7">
        <v>1.1150979999999999</v>
      </c>
      <c r="J7947" s="8">
        <v>-77.401674600000007</v>
      </c>
    </row>
    <row r="7948" spans="1:10" x14ac:dyDescent="0.35">
      <c r="A7948" s="5" t="s">
        <v>10</v>
      </c>
      <c r="B7948" s="6">
        <v>240936</v>
      </c>
      <c r="C7948" s="6" t="s">
        <v>117</v>
      </c>
      <c r="D7948" s="6" t="s">
        <v>1334</v>
      </c>
      <c r="E7948" s="6">
        <v>76001</v>
      </c>
      <c r="F7948" s="6" t="s">
        <v>18</v>
      </c>
      <c r="G7948" s="6" t="s">
        <v>15978</v>
      </c>
      <c r="H7948" s="6" t="s">
        <v>15979</v>
      </c>
      <c r="I7948" s="7">
        <v>3.451511</v>
      </c>
      <c r="J7948" s="8">
        <v>-76.533576600000004</v>
      </c>
    </row>
    <row r="7949" spans="1:10" x14ac:dyDescent="0.35">
      <c r="A7949" s="5" t="s">
        <v>10</v>
      </c>
      <c r="B7949" s="6">
        <v>223956</v>
      </c>
      <c r="C7949" s="6" t="s">
        <v>117</v>
      </c>
      <c r="D7949" s="6" t="s">
        <v>15345</v>
      </c>
      <c r="E7949" s="6">
        <v>76563</v>
      </c>
      <c r="F7949" s="6" t="s">
        <v>18</v>
      </c>
      <c r="G7949" s="6" t="s">
        <v>15980</v>
      </c>
      <c r="H7949" s="6" t="s">
        <v>15981</v>
      </c>
      <c r="I7949" s="7">
        <v>3.4183526</v>
      </c>
      <c r="J7949" s="8">
        <v>-76.234964499999904</v>
      </c>
    </row>
    <row r="7950" spans="1:10" x14ac:dyDescent="0.35">
      <c r="A7950" s="5" t="s">
        <v>10</v>
      </c>
      <c r="B7950" s="6">
        <v>240596</v>
      </c>
      <c r="C7950" s="6" t="s">
        <v>190</v>
      </c>
      <c r="D7950" s="6" t="s">
        <v>191</v>
      </c>
      <c r="E7950" s="6">
        <v>5001</v>
      </c>
      <c r="F7950" s="6" t="s">
        <v>18</v>
      </c>
      <c r="G7950" s="6" t="s">
        <v>15982</v>
      </c>
      <c r="H7950" s="6" t="s">
        <v>15983</v>
      </c>
      <c r="I7950" s="7">
        <v>6.2358720999999999</v>
      </c>
      <c r="J7950" s="8">
        <v>-75.532776799999994</v>
      </c>
    </row>
    <row r="7951" spans="1:10" x14ac:dyDescent="0.35">
      <c r="A7951" s="5" t="s">
        <v>10</v>
      </c>
      <c r="B7951" s="6">
        <v>107076</v>
      </c>
      <c r="C7951" s="6" t="s">
        <v>308</v>
      </c>
      <c r="D7951" s="6" t="s">
        <v>8869</v>
      </c>
      <c r="E7951" s="6">
        <v>23464</v>
      </c>
      <c r="F7951" s="6" t="s">
        <v>13</v>
      </c>
      <c r="G7951" s="6" t="s">
        <v>11877</v>
      </c>
      <c r="H7951" s="6" t="s">
        <v>15984</v>
      </c>
      <c r="I7951" s="7">
        <v>10.4242457</v>
      </c>
      <c r="J7951" s="8">
        <v>-75.550399900000002</v>
      </c>
    </row>
    <row r="7952" spans="1:10" x14ac:dyDescent="0.35">
      <c r="A7952" s="5" t="s">
        <v>10</v>
      </c>
      <c r="B7952" s="6">
        <v>221880</v>
      </c>
      <c r="C7952" s="6" t="s">
        <v>68</v>
      </c>
      <c r="D7952" s="6" t="s">
        <v>69</v>
      </c>
      <c r="E7952" s="6">
        <v>11001</v>
      </c>
      <c r="F7952" s="6" t="s">
        <v>18</v>
      </c>
      <c r="G7952" s="6" t="s">
        <v>15985</v>
      </c>
      <c r="H7952" s="6" t="s">
        <v>15986</v>
      </c>
      <c r="I7952" s="7">
        <v>4.6203862999999998</v>
      </c>
      <c r="J7952" s="8">
        <v>-74.184127000000004</v>
      </c>
    </row>
    <row r="7953" spans="1:10" x14ac:dyDescent="0.35">
      <c r="A7953" s="5" t="s">
        <v>10</v>
      </c>
      <c r="B7953" s="6">
        <v>185563</v>
      </c>
      <c r="C7953" s="6" t="s">
        <v>68</v>
      </c>
      <c r="D7953" s="6" t="s">
        <v>69</v>
      </c>
      <c r="E7953" s="6">
        <v>11001</v>
      </c>
      <c r="F7953" s="6" t="s">
        <v>18</v>
      </c>
      <c r="G7953" s="6" t="s">
        <v>15987</v>
      </c>
      <c r="H7953" s="6" t="s">
        <v>15988</v>
      </c>
      <c r="I7953" s="7">
        <v>4.7109885999999896</v>
      </c>
      <c r="J7953" s="8">
        <v>-74.072091999999998</v>
      </c>
    </row>
    <row r="7954" spans="1:10" x14ac:dyDescent="0.35">
      <c r="A7954" s="5" t="s">
        <v>10</v>
      </c>
      <c r="B7954" s="6">
        <v>197618</v>
      </c>
      <c r="C7954" s="6" t="s">
        <v>68</v>
      </c>
      <c r="D7954" s="6" t="s">
        <v>69</v>
      </c>
      <c r="E7954" s="6">
        <v>11001</v>
      </c>
      <c r="F7954" s="6" t="s">
        <v>18</v>
      </c>
      <c r="G7954" s="6" t="s">
        <v>15989</v>
      </c>
      <c r="H7954" s="6" t="s">
        <v>15990</v>
      </c>
      <c r="I7954" s="7">
        <v>4.6052355999999897</v>
      </c>
      <c r="J7954" s="8">
        <v>-74.155376200000006</v>
      </c>
    </row>
    <row r="7955" spans="1:10" x14ac:dyDescent="0.35">
      <c r="A7955" s="5" t="s">
        <v>10</v>
      </c>
      <c r="B7955" s="6">
        <v>237328</v>
      </c>
      <c r="C7955" s="6" t="s">
        <v>68</v>
      </c>
      <c r="D7955" s="6" t="s">
        <v>69</v>
      </c>
      <c r="E7955" s="6">
        <v>11001</v>
      </c>
      <c r="F7955" s="6" t="s">
        <v>18</v>
      </c>
      <c r="G7955" s="6" t="s">
        <v>15991</v>
      </c>
      <c r="H7955" s="6" t="s">
        <v>15992</v>
      </c>
      <c r="I7955" s="7">
        <v>4.6682361999999999</v>
      </c>
      <c r="J7955" s="8">
        <v>-74.147194799999994</v>
      </c>
    </row>
    <row r="7956" spans="1:10" x14ac:dyDescent="0.35">
      <c r="A7956" s="5" t="s">
        <v>10</v>
      </c>
      <c r="B7956" s="6">
        <v>215935</v>
      </c>
      <c r="C7956" s="6" t="s">
        <v>68</v>
      </c>
      <c r="D7956" s="6" t="s">
        <v>69</v>
      </c>
      <c r="E7956" s="6">
        <v>11001</v>
      </c>
      <c r="F7956" s="6" t="s">
        <v>18</v>
      </c>
      <c r="G7956" s="6" t="s">
        <v>15993</v>
      </c>
      <c r="H7956" s="6" t="s">
        <v>15994</v>
      </c>
      <c r="I7956" s="7">
        <v>4.5639618999999998</v>
      </c>
      <c r="J7956" s="8">
        <v>-74.149353899999994</v>
      </c>
    </row>
    <row r="7957" spans="1:10" x14ac:dyDescent="0.35">
      <c r="A7957" s="5" t="s">
        <v>10</v>
      </c>
      <c r="B7957" s="6">
        <v>230997</v>
      </c>
      <c r="C7957" s="6" t="s">
        <v>68</v>
      </c>
      <c r="D7957" s="6" t="s">
        <v>69</v>
      </c>
      <c r="E7957" s="6">
        <v>11001</v>
      </c>
      <c r="F7957" s="6" t="s">
        <v>18</v>
      </c>
      <c r="G7957" s="6" t="s">
        <v>855</v>
      </c>
      <c r="H7957" s="6" t="s">
        <v>15995</v>
      </c>
      <c r="I7957" s="7">
        <v>4.6204983000000004</v>
      </c>
      <c r="J7957" s="8">
        <v>-74.128950799999998</v>
      </c>
    </row>
    <row r="7958" spans="1:10" x14ac:dyDescent="0.35">
      <c r="A7958" s="5" t="s">
        <v>10</v>
      </c>
      <c r="B7958" s="6">
        <v>185026</v>
      </c>
      <c r="C7958" s="6" t="s">
        <v>278</v>
      </c>
      <c r="D7958" s="6" t="s">
        <v>279</v>
      </c>
      <c r="E7958" s="6">
        <v>50001</v>
      </c>
      <c r="F7958" s="6" t="s">
        <v>18</v>
      </c>
      <c r="G7958" s="6" t="s">
        <v>15996</v>
      </c>
      <c r="H7958" s="6" t="s">
        <v>15997</v>
      </c>
      <c r="I7958" s="7">
        <v>4.1483444999999897</v>
      </c>
      <c r="J7958" s="8">
        <v>-73.638925299999997</v>
      </c>
    </row>
    <row r="7959" spans="1:10" x14ac:dyDescent="0.35">
      <c r="A7959" s="5" t="s">
        <v>10</v>
      </c>
      <c r="B7959" s="6">
        <v>221568</v>
      </c>
      <c r="C7959" s="6" t="s">
        <v>68</v>
      </c>
      <c r="D7959" s="6" t="s">
        <v>69</v>
      </c>
      <c r="E7959" s="6">
        <v>11001</v>
      </c>
      <c r="F7959" s="6" t="s">
        <v>18</v>
      </c>
      <c r="G7959" s="6" t="s">
        <v>15998</v>
      </c>
      <c r="H7959" s="6" t="s">
        <v>15999</v>
      </c>
      <c r="I7959" s="7">
        <v>4.7030485999999998</v>
      </c>
      <c r="J7959" s="8">
        <v>-74.115899999999996</v>
      </c>
    </row>
    <row r="7960" spans="1:10" x14ac:dyDescent="0.35">
      <c r="A7960" s="5" t="s">
        <v>10</v>
      </c>
      <c r="B7960" s="6">
        <v>231696</v>
      </c>
      <c r="C7960" s="6" t="s">
        <v>68</v>
      </c>
      <c r="D7960" s="6" t="s">
        <v>69</v>
      </c>
      <c r="E7960" s="6">
        <v>11001</v>
      </c>
      <c r="F7960" s="6" t="s">
        <v>18</v>
      </c>
      <c r="G7960" s="6" t="s">
        <v>16000</v>
      </c>
      <c r="H7960" s="6" t="s">
        <v>16001</v>
      </c>
      <c r="I7960" s="7">
        <v>4.6720876000000002</v>
      </c>
      <c r="J7960" s="8">
        <v>-74.083975800000005</v>
      </c>
    </row>
    <row r="7961" spans="1:10" x14ac:dyDescent="0.35">
      <c r="A7961" s="5" t="s">
        <v>10</v>
      </c>
      <c r="B7961" s="6">
        <v>210386</v>
      </c>
      <c r="C7961" s="6" t="s">
        <v>68</v>
      </c>
      <c r="D7961" s="6" t="s">
        <v>69</v>
      </c>
      <c r="E7961" s="6">
        <v>11001</v>
      </c>
      <c r="F7961" s="6" t="s">
        <v>18</v>
      </c>
      <c r="G7961" s="6" t="s">
        <v>16002</v>
      </c>
      <c r="H7961" s="6" t="s">
        <v>16003</v>
      </c>
      <c r="I7961" s="7">
        <v>4.7378225999999897</v>
      </c>
      <c r="J7961" s="8">
        <v>-74.101238600000002</v>
      </c>
    </row>
    <row r="7962" spans="1:10" x14ac:dyDescent="0.35">
      <c r="A7962" s="5" t="s">
        <v>10</v>
      </c>
      <c r="B7962" s="6">
        <v>215316</v>
      </c>
      <c r="C7962" s="6" t="s">
        <v>68</v>
      </c>
      <c r="D7962" s="6" t="s">
        <v>69</v>
      </c>
      <c r="E7962" s="6">
        <v>11001</v>
      </c>
      <c r="F7962" s="6" t="s">
        <v>18</v>
      </c>
      <c r="G7962" s="6" t="s">
        <v>16004</v>
      </c>
      <c r="H7962" s="6" t="s">
        <v>16005</v>
      </c>
      <c r="I7962" s="7">
        <v>4.7466675</v>
      </c>
      <c r="J7962" s="8">
        <v>-74.113701599999999</v>
      </c>
    </row>
    <row r="7963" spans="1:10" x14ac:dyDescent="0.35">
      <c r="A7963" s="5" t="s">
        <v>10</v>
      </c>
      <c r="B7963" s="6">
        <v>207322</v>
      </c>
      <c r="C7963" s="6" t="s">
        <v>68</v>
      </c>
      <c r="D7963" s="6" t="s">
        <v>69</v>
      </c>
      <c r="E7963" s="6">
        <v>11001</v>
      </c>
      <c r="F7963" s="6" t="s">
        <v>18</v>
      </c>
      <c r="G7963" s="6" t="s">
        <v>16006</v>
      </c>
      <c r="H7963" s="6" t="s">
        <v>16007</v>
      </c>
      <c r="I7963" s="7">
        <v>4.6625521999999897</v>
      </c>
      <c r="J7963" s="8">
        <v>-74.073958199999893</v>
      </c>
    </row>
    <row r="7964" spans="1:10" x14ac:dyDescent="0.35">
      <c r="A7964" s="5" t="s">
        <v>10</v>
      </c>
      <c r="B7964" s="6">
        <v>224496</v>
      </c>
      <c r="C7964" s="6" t="s">
        <v>68</v>
      </c>
      <c r="D7964" s="6" t="s">
        <v>69</v>
      </c>
      <c r="E7964" s="6">
        <v>11001</v>
      </c>
      <c r="F7964" s="6" t="s">
        <v>18</v>
      </c>
      <c r="G7964" s="6" t="s">
        <v>16008</v>
      </c>
      <c r="H7964" s="6" t="s">
        <v>16009</v>
      </c>
      <c r="I7964" s="7">
        <v>4.6101324999999997</v>
      </c>
      <c r="J7964" s="8">
        <v>-74.172606599999995</v>
      </c>
    </row>
    <row r="7965" spans="1:10" x14ac:dyDescent="0.35">
      <c r="A7965" s="5" t="s">
        <v>10</v>
      </c>
      <c r="B7965" s="6">
        <v>209574</v>
      </c>
      <c r="C7965" s="6" t="s">
        <v>68</v>
      </c>
      <c r="D7965" s="6" t="s">
        <v>69</v>
      </c>
      <c r="E7965" s="6">
        <v>11001</v>
      </c>
      <c r="F7965" s="6" t="s">
        <v>18</v>
      </c>
      <c r="G7965" s="6" t="s">
        <v>16010</v>
      </c>
      <c r="H7965" s="6" t="s">
        <v>16011</v>
      </c>
      <c r="I7965" s="7">
        <v>4.5533305000000004</v>
      </c>
      <c r="J7965" s="8">
        <v>-74.088918199999995</v>
      </c>
    </row>
    <row r="7966" spans="1:10" x14ac:dyDescent="0.35">
      <c r="A7966" s="5" t="s">
        <v>10</v>
      </c>
      <c r="B7966" s="6">
        <v>216923</v>
      </c>
      <c r="C7966" s="6" t="s">
        <v>68</v>
      </c>
      <c r="D7966" s="6" t="s">
        <v>69</v>
      </c>
      <c r="E7966" s="6">
        <v>11001</v>
      </c>
      <c r="F7966" s="6" t="s">
        <v>18</v>
      </c>
      <c r="G7966" s="6" t="s">
        <v>16012</v>
      </c>
      <c r="H7966" s="6" t="s">
        <v>16013</v>
      </c>
      <c r="I7966" s="7">
        <v>4.5388359999999999</v>
      </c>
      <c r="J7966" s="8">
        <v>-74.102539999999905</v>
      </c>
    </row>
    <row r="7967" spans="1:10" x14ac:dyDescent="0.35">
      <c r="A7967" s="5" t="s">
        <v>10</v>
      </c>
      <c r="B7967" s="6">
        <v>225741</v>
      </c>
      <c r="C7967" s="6" t="s">
        <v>68</v>
      </c>
      <c r="D7967" s="6" t="s">
        <v>69</v>
      </c>
      <c r="E7967" s="6">
        <v>11001</v>
      </c>
      <c r="F7967" s="6" t="s">
        <v>18</v>
      </c>
      <c r="G7967" s="6" t="s">
        <v>16014</v>
      </c>
      <c r="H7967" s="6" t="s">
        <v>16015</v>
      </c>
      <c r="I7967" s="7">
        <v>4.7371542</v>
      </c>
      <c r="J7967" s="8">
        <v>-74.089417400000002</v>
      </c>
    </row>
    <row r="7968" spans="1:10" x14ac:dyDescent="0.35">
      <c r="A7968" s="5" t="s">
        <v>10</v>
      </c>
      <c r="B7968" s="6">
        <v>221851</v>
      </c>
      <c r="C7968" s="6" t="s">
        <v>68</v>
      </c>
      <c r="D7968" s="6" t="s">
        <v>69</v>
      </c>
      <c r="E7968" s="6">
        <v>11001</v>
      </c>
      <c r="F7968" s="6" t="s">
        <v>13</v>
      </c>
      <c r="G7968" s="6" t="s">
        <v>16016</v>
      </c>
      <c r="H7968" s="6" t="s">
        <v>16017</v>
      </c>
      <c r="I7968" s="7">
        <v>4.7446213999999998</v>
      </c>
      <c r="J7968" s="8">
        <v>-74.120459499999996</v>
      </c>
    </row>
    <row r="7969" spans="1:10" x14ac:dyDescent="0.35">
      <c r="A7969" s="5" t="s">
        <v>10</v>
      </c>
      <c r="B7969" s="6">
        <v>228427</v>
      </c>
      <c r="C7969" s="6" t="s">
        <v>308</v>
      </c>
      <c r="D7969" s="6" t="s">
        <v>8102</v>
      </c>
      <c r="E7969" s="6">
        <v>23417</v>
      </c>
      <c r="F7969" s="6" t="s">
        <v>13</v>
      </c>
      <c r="G7969" s="6" t="s">
        <v>16018</v>
      </c>
      <c r="H7969" s="6" t="s">
        <v>16019</v>
      </c>
      <c r="I7969" s="7">
        <v>9.2376398000000002</v>
      </c>
      <c r="J7969" s="8">
        <v>-75.813624500000003</v>
      </c>
    </row>
    <row r="7970" spans="1:10" x14ac:dyDescent="0.35">
      <c r="A7970" s="5" t="s">
        <v>10</v>
      </c>
      <c r="B7970" s="6">
        <v>241108</v>
      </c>
      <c r="C7970" s="6" t="s">
        <v>117</v>
      </c>
      <c r="D7970" s="6" t="s">
        <v>3492</v>
      </c>
      <c r="E7970" s="6">
        <v>76520</v>
      </c>
      <c r="F7970" s="6" t="s">
        <v>18</v>
      </c>
      <c r="G7970" s="6" t="s">
        <v>16020</v>
      </c>
      <c r="H7970" s="6" t="s">
        <v>16021</v>
      </c>
      <c r="I7970" s="7">
        <v>3.5117908999999998</v>
      </c>
      <c r="J7970" s="8">
        <v>-76.295877300000001</v>
      </c>
    </row>
    <row r="7971" spans="1:10" x14ac:dyDescent="0.35">
      <c r="A7971" s="5" t="s">
        <v>10</v>
      </c>
      <c r="B7971" s="6">
        <v>246088</v>
      </c>
      <c r="C7971" s="6" t="s">
        <v>117</v>
      </c>
      <c r="D7971" s="6" t="s">
        <v>1334</v>
      </c>
      <c r="E7971" s="6">
        <v>76001</v>
      </c>
      <c r="F7971" s="6" t="s">
        <v>18</v>
      </c>
      <c r="G7971" s="6" t="s">
        <v>16022</v>
      </c>
      <c r="H7971" s="6" t="s">
        <v>16023</v>
      </c>
      <c r="I7971" s="7">
        <v>3.4275232999999998</v>
      </c>
      <c r="J7971" s="8">
        <v>-76.480195399999999</v>
      </c>
    </row>
    <row r="7972" spans="1:10" x14ac:dyDescent="0.35">
      <c r="A7972" s="5" t="s">
        <v>10</v>
      </c>
      <c r="B7972" s="6">
        <v>246881</v>
      </c>
      <c r="C7972" s="6" t="s">
        <v>117</v>
      </c>
      <c r="D7972" s="6" t="s">
        <v>1334</v>
      </c>
      <c r="E7972" s="6">
        <v>76001</v>
      </c>
      <c r="F7972" s="6" t="s">
        <v>18</v>
      </c>
      <c r="G7972" s="6" t="s">
        <v>16024</v>
      </c>
      <c r="H7972" s="6" t="s">
        <v>16025</v>
      </c>
      <c r="I7972" s="7">
        <v>3.4338069</v>
      </c>
      <c r="J7972" s="8">
        <v>-76.489410899999996</v>
      </c>
    </row>
    <row r="7973" spans="1:10" x14ac:dyDescent="0.35">
      <c r="A7973" s="5" t="s">
        <v>10</v>
      </c>
      <c r="B7973" s="6">
        <v>207677</v>
      </c>
      <c r="C7973" s="6" t="s">
        <v>117</v>
      </c>
      <c r="D7973" s="6" t="s">
        <v>1334</v>
      </c>
      <c r="E7973" s="6">
        <v>76001</v>
      </c>
      <c r="F7973" s="6" t="s">
        <v>18</v>
      </c>
      <c r="G7973" s="6" t="s">
        <v>16026</v>
      </c>
      <c r="H7973" s="6" t="s">
        <v>16027</v>
      </c>
      <c r="I7973" s="7">
        <v>3.4702378</v>
      </c>
      <c r="J7973" s="8">
        <v>-76.482391199999995</v>
      </c>
    </row>
    <row r="7974" spans="1:10" x14ac:dyDescent="0.35">
      <c r="A7974" s="5" t="s">
        <v>10</v>
      </c>
      <c r="B7974" s="6">
        <v>240782</v>
      </c>
      <c r="C7974" s="6" t="s">
        <v>190</v>
      </c>
      <c r="D7974" s="6" t="s">
        <v>191</v>
      </c>
      <c r="E7974" s="6">
        <v>5001</v>
      </c>
      <c r="F7974" s="6" t="s">
        <v>18</v>
      </c>
      <c r="G7974" s="6" t="s">
        <v>16028</v>
      </c>
      <c r="H7974" s="6" t="s">
        <v>16029</v>
      </c>
      <c r="I7974" s="7">
        <v>6.2957092000000001</v>
      </c>
      <c r="J7974" s="8">
        <v>-75.557694100000006</v>
      </c>
    </row>
    <row r="7975" spans="1:10" x14ac:dyDescent="0.35">
      <c r="A7975" s="5" t="s">
        <v>10</v>
      </c>
      <c r="B7975" s="6">
        <v>162079</v>
      </c>
      <c r="C7975" s="6" t="s">
        <v>68</v>
      </c>
      <c r="D7975" s="6" t="s">
        <v>69</v>
      </c>
      <c r="E7975" s="6">
        <v>11001</v>
      </c>
      <c r="F7975" s="6" t="s">
        <v>18</v>
      </c>
      <c r="G7975" s="6" t="s">
        <v>44</v>
      </c>
      <c r="H7975" s="6" t="s">
        <v>13112</v>
      </c>
      <c r="I7975" s="7">
        <v>4.7230258999999997</v>
      </c>
      <c r="J7975" s="8">
        <v>-74.092279399999995</v>
      </c>
    </row>
    <row r="7976" spans="1:10" x14ac:dyDescent="0.35">
      <c r="A7976" s="5" t="s">
        <v>10</v>
      </c>
      <c r="B7976" s="6">
        <v>238822</v>
      </c>
      <c r="C7976" s="6" t="s">
        <v>68</v>
      </c>
      <c r="D7976" s="6" t="s">
        <v>69</v>
      </c>
      <c r="E7976" s="6">
        <v>11001</v>
      </c>
      <c r="F7976" s="6" t="s">
        <v>18</v>
      </c>
      <c r="G7976" s="6" t="s">
        <v>16030</v>
      </c>
      <c r="H7976" s="6" t="s">
        <v>16031</v>
      </c>
      <c r="I7976" s="7">
        <v>4.6029885000000004</v>
      </c>
      <c r="J7976" s="8">
        <v>-74.069046099999994</v>
      </c>
    </row>
    <row r="7977" spans="1:10" x14ac:dyDescent="0.35">
      <c r="A7977" s="5" t="s">
        <v>10</v>
      </c>
      <c r="B7977" s="6">
        <v>208525</v>
      </c>
      <c r="C7977" s="6" t="s">
        <v>68</v>
      </c>
      <c r="D7977" s="6" t="s">
        <v>69</v>
      </c>
      <c r="E7977" s="6">
        <v>11001</v>
      </c>
      <c r="F7977" s="6" t="s">
        <v>18</v>
      </c>
      <c r="G7977" s="6" t="s">
        <v>16032</v>
      </c>
      <c r="H7977" s="6" t="s">
        <v>16033</v>
      </c>
      <c r="I7977" s="7">
        <v>4.7043089</v>
      </c>
      <c r="J7977" s="8">
        <v>-74.128383200000002</v>
      </c>
    </row>
    <row r="7978" spans="1:10" x14ac:dyDescent="0.35">
      <c r="A7978" s="5" t="s">
        <v>10</v>
      </c>
      <c r="B7978" s="6">
        <v>186046</v>
      </c>
      <c r="C7978" s="6" t="s">
        <v>68</v>
      </c>
      <c r="D7978" s="6" t="s">
        <v>69</v>
      </c>
      <c r="E7978" s="6">
        <v>11001</v>
      </c>
      <c r="F7978" s="6" t="s">
        <v>18</v>
      </c>
      <c r="G7978" s="6" t="s">
        <v>16034</v>
      </c>
      <c r="H7978" s="6" t="s">
        <v>16035</v>
      </c>
      <c r="I7978" s="7">
        <v>4.6575172999999896</v>
      </c>
      <c r="J7978" s="8">
        <v>-74.066398800000002</v>
      </c>
    </row>
    <row r="7979" spans="1:10" x14ac:dyDescent="0.35">
      <c r="A7979" s="5" t="s">
        <v>10</v>
      </c>
      <c r="B7979" s="6">
        <v>216666</v>
      </c>
      <c r="C7979" s="6" t="s">
        <v>68</v>
      </c>
      <c r="D7979" s="6" t="s">
        <v>69</v>
      </c>
      <c r="E7979" s="6">
        <v>11001</v>
      </c>
      <c r="F7979" s="6" t="s">
        <v>18</v>
      </c>
      <c r="G7979" s="6" t="s">
        <v>16036</v>
      </c>
      <c r="H7979" s="6" t="s">
        <v>16037</v>
      </c>
      <c r="I7979" s="7">
        <v>4.6100669999999999</v>
      </c>
      <c r="J7979" s="8">
        <v>-74.202476699999906</v>
      </c>
    </row>
    <row r="7980" spans="1:10" x14ac:dyDescent="0.35">
      <c r="A7980" s="5" t="s">
        <v>10</v>
      </c>
      <c r="B7980" s="6">
        <v>236076</v>
      </c>
      <c r="C7980" s="6" t="s">
        <v>68</v>
      </c>
      <c r="D7980" s="6" t="s">
        <v>69</v>
      </c>
      <c r="E7980" s="6">
        <v>11001</v>
      </c>
      <c r="F7980" s="6" t="s">
        <v>18</v>
      </c>
      <c r="G7980" s="6" t="s">
        <v>16038</v>
      </c>
      <c r="H7980" s="6" t="s">
        <v>16039</v>
      </c>
      <c r="I7980" s="7">
        <v>4.6767041999999996</v>
      </c>
      <c r="J7980" s="8">
        <v>-74.144084899999996</v>
      </c>
    </row>
    <row r="7981" spans="1:10" x14ac:dyDescent="0.35">
      <c r="A7981" s="5" t="s">
        <v>10</v>
      </c>
      <c r="B7981" s="6">
        <v>242710</v>
      </c>
      <c r="C7981" s="6" t="s">
        <v>68</v>
      </c>
      <c r="D7981" s="6" t="s">
        <v>69</v>
      </c>
      <c r="E7981" s="6">
        <v>11001</v>
      </c>
      <c r="F7981" s="6" t="s">
        <v>18</v>
      </c>
      <c r="G7981" s="6" t="s">
        <v>16040</v>
      </c>
      <c r="H7981" s="6" t="s">
        <v>16041</v>
      </c>
      <c r="I7981" s="7">
        <v>4.6439646999999997</v>
      </c>
      <c r="J7981" s="8">
        <v>-74.123513099999997</v>
      </c>
    </row>
    <row r="7982" spans="1:10" x14ac:dyDescent="0.35">
      <c r="A7982" s="5" t="s">
        <v>10</v>
      </c>
      <c r="B7982" s="6">
        <v>231501</v>
      </c>
      <c r="C7982" s="6" t="s">
        <v>68</v>
      </c>
      <c r="D7982" s="6" t="s">
        <v>69</v>
      </c>
      <c r="E7982" s="6">
        <v>11001</v>
      </c>
      <c r="F7982" s="6" t="s">
        <v>18</v>
      </c>
      <c r="G7982" s="6" t="s">
        <v>16042</v>
      </c>
      <c r="H7982" s="6" t="s">
        <v>16043</v>
      </c>
      <c r="I7982" s="7">
        <v>4.580247</v>
      </c>
      <c r="J7982" s="8">
        <v>-74.077913499999994</v>
      </c>
    </row>
    <row r="7983" spans="1:10" x14ac:dyDescent="0.35">
      <c r="A7983" s="5" t="s">
        <v>10</v>
      </c>
      <c r="B7983" s="6">
        <v>236438</v>
      </c>
      <c r="C7983" s="6" t="s">
        <v>68</v>
      </c>
      <c r="D7983" s="6" t="s">
        <v>69</v>
      </c>
      <c r="E7983" s="6">
        <v>11001</v>
      </c>
      <c r="F7983" s="6" t="s">
        <v>18</v>
      </c>
      <c r="G7983" s="6" t="s">
        <v>16044</v>
      </c>
      <c r="H7983" s="6" t="s">
        <v>16045</v>
      </c>
      <c r="I7983" s="7">
        <v>4.7249489999999996</v>
      </c>
      <c r="J7983" s="8">
        <v>-74.094687800000003</v>
      </c>
    </row>
    <row r="7984" spans="1:10" x14ac:dyDescent="0.35">
      <c r="A7984" s="5" t="s">
        <v>10</v>
      </c>
      <c r="B7984" s="6">
        <v>188690</v>
      </c>
      <c r="C7984" s="6" t="s">
        <v>28</v>
      </c>
      <c r="D7984" s="6" t="s">
        <v>1171</v>
      </c>
      <c r="E7984" s="6">
        <v>54810</v>
      </c>
      <c r="F7984" s="6" t="s">
        <v>13</v>
      </c>
      <c r="G7984" s="6" t="s">
        <v>16046</v>
      </c>
      <c r="H7984" s="6" t="s">
        <v>16047</v>
      </c>
      <c r="I7984" s="7">
        <v>8.6423559999999995</v>
      </c>
      <c r="J7984" s="8">
        <v>-72.737733000000006</v>
      </c>
    </row>
    <row r="7985" spans="1:10" x14ac:dyDescent="0.35">
      <c r="A7985" s="5" t="s">
        <v>10</v>
      </c>
      <c r="B7985" s="6">
        <v>209386</v>
      </c>
      <c r="C7985" s="6" t="s">
        <v>68</v>
      </c>
      <c r="D7985" s="6" t="s">
        <v>69</v>
      </c>
      <c r="E7985" s="6">
        <v>11001</v>
      </c>
      <c r="F7985" s="6" t="s">
        <v>13</v>
      </c>
      <c r="G7985" s="6" t="s">
        <v>16048</v>
      </c>
      <c r="H7985" s="6" t="s">
        <v>16049</v>
      </c>
      <c r="I7985" s="7">
        <v>4.604368</v>
      </c>
      <c r="J7985" s="8">
        <v>-74.072115800000006</v>
      </c>
    </row>
    <row r="7986" spans="1:10" x14ac:dyDescent="0.35">
      <c r="A7986" s="5" t="s">
        <v>10</v>
      </c>
      <c r="B7986" s="6">
        <v>229643</v>
      </c>
      <c r="C7986" s="6" t="s">
        <v>117</v>
      </c>
      <c r="D7986" s="6" t="s">
        <v>1334</v>
      </c>
      <c r="E7986" s="6">
        <v>76001</v>
      </c>
      <c r="F7986" s="6" t="s">
        <v>18</v>
      </c>
      <c r="G7986" s="6" t="s">
        <v>16050</v>
      </c>
      <c r="H7986" s="6" t="s">
        <v>16051</v>
      </c>
      <c r="I7986" s="7">
        <v>3.4520279</v>
      </c>
      <c r="J7986" s="8">
        <v>-76.530253700000003</v>
      </c>
    </row>
    <row r="7987" spans="1:10" x14ac:dyDescent="0.35">
      <c r="A7987" s="5" t="s">
        <v>10</v>
      </c>
      <c r="B7987" s="6">
        <v>241209</v>
      </c>
      <c r="C7987" s="6" t="s">
        <v>117</v>
      </c>
      <c r="D7987" s="6" t="s">
        <v>4096</v>
      </c>
      <c r="E7987" s="6">
        <v>76233</v>
      </c>
      <c r="F7987" s="6" t="s">
        <v>18</v>
      </c>
      <c r="G7987" s="6" t="s">
        <v>16052</v>
      </c>
      <c r="H7987" s="6" t="s">
        <v>16053</v>
      </c>
      <c r="I7987" s="7">
        <v>3.6585190000000001</v>
      </c>
      <c r="J7987" s="8">
        <v>-76.690845899999999</v>
      </c>
    </row>
    <row r="7988" spans="1:10" x14ac:dyDescent="0.35">
      <c r="A7988" s="5" t="s">
        <v>10</v>
      </c>
      <c r="B7988" s="6">
        <v>238232</v>
      </c>
      <c r="C7988" s="6" t="s">
        <v>117</v>
      </c>
      <c r="D7988" s="6" t="s">
        <v>4637</v>
      </c>
      <c r="E7988" s="6">
        <v>76275</v>
      </c>
      <c r="F7988" s="6" t="s">
        <v>18</v>
      </c>
      <c r="G7988" s="6" t="s">
        <v>16054</v>
      </c>
      <c r="H7988" s="6" t="s">
        <v>16055</v>
      </c>
      <c r="I7988" s="7">
        <v>3.3258774</v>
      </c>
      <c r="J7988" s="8">
        <v>-76.235714000000002</v>
      </c>
    </row>
    <row r="7989" spans="1:10" x14ac:dyDescent="0.35">
      <c r="A7989" s="5" t="s">
        <v>10</v>
      </c>
      <c r="B7989" s="6">
        <v>241022</v>
      </c>
      <c r="C7989" s="6" t="s">
        <v>117</v>
      </c>
      <c r="D7989" s="6" t="s">
        <v>1334</v>
      </c>
      <c r="E7989" s="6">
        <v>76001</v>
      </c>
      <c r="F7989" s="6" t="s">
        <v>18</v>
      </c>
      <c r="G7989" s="6" t="s">
        <v>16056</v>
      </c>
      <c r="H7989" s="6" t="s">
        <v>16057</v>
      </c>
      <c r="I7989" s="7">
        <v>3.4294239000000002</v>
      </c>
      <c r="J7989" s="8">
        <v>-76.502133700000002</v>
      </c>
    </row>
    <row r="7990" spans="1:10" x14ac:dyDescent="0.35">
      <c r="A7990" s="5" t="s">
        <v>10</v>
      </c>
      <c r="B7990" s="6">
        <v>240463</v>
      </c>
      <c r="C7990" s="6" t="s">
        <v>190</v>
      </c>
      <c r="D7990" s="6" t="s">
        <v>191</v>
      </c>
      <c r="E7990" s="6">
        <v>5001</v>
      </c>
      <c r="F7990" s="6" t="s">
        <v>18</v>
      </c>
      <c r="G7990" s="6" t="s">
        <v>16058</v>
      </c>
      <c r="H7990" s="6" t="s">
        <v>16059</v>
      </c>
      <c r="I7990" s="7">
        <v>6.3025349999999998</v>
      </c>
      <c r="J7990" s="8">
        <v>-75.577948599999999</v>
      </c>
    </row>
    <row r="7991" spans="1:10" x14ac:dyDescent="0.35">
      <c r="A7991" s="5" t="s">
        <v>10</v>
      </c>
      <c r="B7991" s="6">
        <v>240214</v>
      </c>
      <c r="C7991" s="6" t="s">
        <v>190</v>
      </c>
      <c r="D7991" s="6" t="s">
        <v>191</v>
      </c>
      <c r="E7991" s="6">
        <v>5001</v>
      </c>
      <c r="F7991" s="6" t="s">
        <v>18</v>
      </c>
      <c r="G7991" s="6" t="s">
        <v>16060</v>
      </c>
      <c r="H7991" s="6" t="s">
        <v>16061</v>
      </c>
      <c r="I7991" s="7">
        <v>6.2229964000000004</v>
      </c>
      <c r="J7991" s="8">
        <v>-75.5927796</v>
      </c>
    </row>
    <row r="7992" spans="1:10" x14ac:dyDescent="0.35">
      <c r="A7992" s="5" t="s">
        <v>10</v>
      </c>
      <c r="B7992" s="6">
        <v>242053</v>
      </c>
      <c r="C7992" s="6" t="s">
        <v>68</v>
      </c>
      <c r="D7992" s="6" t="s">
        <v>69</v>
      </c>
      <c r="E7992" s="6">
        <v>11001</v>
      </c>
      <c r="F7992" s="6" t="s">
        <v>18</v>
      </c>
      <c r="G7992" s="6" t="s">
        <v>16062</v>
      </c>
      <c r="H7992" s="6" t="s">
        <v>16063</v>
      </c>
      <c r="I7992" s="7">
        <v>4.6000547999999997</v>
      </c>
      <c r="J7992" s="8">
        <v>-74.108545599999999</v>
      </c>
    </row>
    <row r="7993" spans="1:10" x14ac:dyDescent="0.35">
      <c r="A7993" s="5" t="s">
        <v>10</v>
      </c>
      <c r="B7993" s="6">
        <v>218677</v>
      </c>
      <c r="C7993" s="6" t="s">
        <v>68</v>
      </c>
      <c r="D7993" s="6" t="s">
        <v>69</v>
      </c>
      <c r="E7993" s="6">
        <v>11001</v>
      </c>
      <c r="F7993" s="6" t="s">
        <v>18</v>
      </c>
      <c r="G7993" s="6" t="s">
        <v>16064</v>
      </c>
      <c r="H7993" s="6" t="s">
        <v>16065</v>
      </c>
      <c r="I7993" s="7">
        <v>4.5698257999999896</v>
      </c>
      <c r="J7993" s="8">
        <v>-74.163958600000001</v>
      </c>
    </row>
    <row r="7994" spans="1:10" x14ac:dyDescent="0.35">
      <c r="A7994" s="5" t="s">
        <v>10</v>
      </c>
      <c r="B7994" s="6">
        <v>235454</v>
      </c>
      <c r="C7994" s="6" t="s">
        <v>68</v>
      </c>
      <c r="D7994" s="6" t="s">
        <v>69</v>
      </c>
      <c r="E7994" s="6">
        <v>11001</v>
      </c>
      <c r="F7994" s="6" t="s">
        <v>18</v>
      </c>
      <c r="G7994" s="6" t="s">
        <v>16066</v>
      </c>
      <c r="H7994" s="6" t="s">
        <v>16067</v>
      </c>
      <c r="I7994" s="7">
        <v>4.7414407000000001</v>
      </c>
      <c r="J7994" s="8">
        <v>-74.097830000000002</v>
      </c>
    </row>
    <row r="7995" spans="1:10" x14ac:dyDescent="0.35">
      <c r="A7995" s="5" t="s">
        <v>10</v>
      </c>
      <c r="B7995" s="6">
        <v>238658</v>
      </c>
      <c r="C7995" s="6" t="s">
        <v>68</v>
      </c>
      <c r="D7995" s="6" t="s">
        <v>69</v>
      </c>
      <c r="E7995" s="6">
        <v>11001</v>
      </c>
      <c r="F7995" s="6" t="s">
        <v>18</v>
      </c>
      <c r="G7995" s="6" t="s">
        <v>16068</v>
      </c>
      <c r="H7995" s="6" t="s">
        <v>16069</v>
      </c>
      <c r="I7995" s="7">
        <v>4.5897877999999999</v>
      </c>
      <c r="J7995" s="8">
        <v>-74.079941399999996</v>
      </c>
    </row>
    <row r="7996" spans="1:10" x14ac:dyDescent="0.35">
      <c r="A7996" s="5" t="s">
        <v>10</v>
      </c>
      <c r="B7996" s="6">
        <v>229235</v>
      </c>
      <c r="C7996" s="6" t="s">
        <v>68</v>
      </c>
      <c r="D7996" s="6" t="s">
        <v>69</v>
      </c>
      <c r="E7996" s="6">
        <v>11001</v>
      </c>
      <c r="F7996" s="6" t="s">
        <v>18</v>
      </c>
      <c r="G7996" s="6" t="s">
        <v>16070</v>
      </c>
      <c r="H7996" s="6" t="s">
        <v>16071</v>
      </c>
      <c r="I7996" s="7">
        <v>4.5642028000000003</v>
      </c>
      <c r="J7996" s="8">
        <v>-74.087111699999994</v>
      </c>
    </row>
    <row r="7997" spans="1:10" x14ac:dyDescent="0.35">
      <c r="A7997" s="5" t="s">
        <v>10</v>
      </c>
      <c r="B7997" s="6">
        <v>233524</v>
      </c>
      <c r="C7997" s="6" t="s">
        <v>68</v>
      </c>
      <c r="D7997" s="6" t="s">
        <v>69</v>
      </c>
      <c r="E7997" s="6">
        <v>11001</v>
      </c>
      <c r="F7997" s="6" t="s">
        <v>18</v>
      </c>
      <c r="G7997" s="6" t="s">
        <v>16072</v>
      </c>
      <c r="H7997" s="6" t="s">
        <v>16073</v>
      </c>
      <c r="I7997" s="7">
        <v>4.7143199999999998</v>
      </c>
      <c r="J7997" s="8">
        <v>-74.141999999999996</v>
      </c>
    </row>
    <row r="7998" spans="1:10" x14ac:dyDescent="0.35">
      <c r="A7998" s="5" t="s">
        <v>10</v>
      </c>
      <c r="B7998" s="6">
        <v>239768</v>
      </c>
      <c r="C7998" s="6" t="s">
        <v>68</v>
      </c>
      <c r="D7998" s="6" t="s">
        <v>69</v>
      </c>
      <c r="E7998" s="6">
        <v>11001</v>
      </c>
      <c r="F7998" s="6" t="s">
        <v>18</v>
      </c>
      <c r="G7998" s="6" t="s">
        <v>16074</v>
      </c>
      <c r="H7998" s="6" t="s">
        <v>16075</v>
      </c>
      <c r="I7998" s="7">
        <v>4.6443871000000003</v>
      </c>
      <c r="J7998" s="8">
        <v>-74.079142099999999</v>
      </c>
    </row>
    <row r="7999" spans="1:10" x14ac:dyDescent="0.35">
      <c r="A7999" s="5" t="s">
        <v>10</v>
      </c>
      <c r="B7999" s="6">
        <v>213513</v>
      </c>
      <c r="C7999" s="6" t="s">
        <v>68</v>
      </c>
      <c r="D7999" s="6" t="s">
        <v>69</v>
      </c>
      <c r="E7999" s="6">
        <v>11001</v>
      </c>
      <c r="F7999" s="6" t="s">
        <v>18</v>
      </c>
      <c r="G7999" s="6" t="s">
        <v>16076</v>
      </c>
      <c r="H7999" s="6" t="s">
        <v>16077</v>
      </c>
      <c r="I7999" s="7">
        <v>4.5324691000000001</v>
      </c>
      <c r="J7999" s="8">
        <v>-74.087853600000003</v>
      </c>
    </row>
    <row r="8000" spans="1:10" x14ac:dyDescent="0.35">
      <c r="A8000" s="5" t="s">
        <v>10</v>
      </c>
      <c r="B8000" s="6">
        <v>220183</v>
      </c>
      <c r="C8000" s="6" t="s">
        <v>68</v>
      </c>
      <c r="D8000" s="6" t="s">
        <v>69</v>
      </c>
      <c r="E8000" s="6">
        <v>11001</v>
      </c>
      <c r="F8000" s="6" t="s">
        <v>18</v>
      </c>
      <c r="G8000" s="6" t="s">
        <v>16078</v>
      </c>
      <c r="H8000" s="6" t="s">
        <v>16079</v>
      </c>
      <c r="I8000" s="7">
        <v>4.7271912</v>
      </c>
      <c r="J8000" s="8">
        <v>-74.040290799999994</v>
      </c>
    </row>
    <row r="8001" spans="1:10" x14ac:dyDescent="0.35">
      <c r="A8001" s="5" t="s">
        <v>10</v>
      </c>
      <c r="B8001" s="6">
        <v>203582</v>
      </c>
      <c r="C8001" s="6" t="s">
        <v>68</v>
      </c>
      <c r="D8001" s="6" t="s">
        <v>69</v>
      </c>
      <c r="E8001" s="6">
        <v>11001</v>
      </c>
      <c r="F8001" s="6" t="s">
        <v>13</v>
      </c>
      <c r="G8001" s="6" t="s">
        <v>16080</v>
      </c>
      <c r="H8001" s="6" t="s">
        <v>16081</v>
      </c>
      <c r="I8001" s="7">
        <v>4.5443432000000001</v>
      </c>
      <c r="J8001" s="8">
        <v>-74.087978800000002</v>
      </c>
    </row>
    <row r="8002" spans="1:10" x14ac:dyDescent="0.35">
      <c r="A8002" s="5" t="s">
        <v>10</v>
      </c>
      <c r="B8002" s="6">
        <v>222506</v>
      </c>
      <c r="C8002" s="6" t="s">
        <v>68</v>
      </c>
      <c r="D8002" s="6" t="s">
        <v>69</v>
      </c>
      <c r="E8002" s="6">
        <v>11001</v>
      </c>
      <c r="F8002" s="6" t="s">
        <v>13</v>
      </c>
      <c r="G8002" s="6" t="s">
        <v>16082</v>
      </c>
      <c r="H8002" s="6" t="s">
        <v>16083</v>
      </c>
      <c r="I8002" s="7">
        <v>4.6077582000000001</v>
      </c>
      <c r="J8002" s="8">
        <v>-74.142140299999994</v>
      </c>
    </row>
    <row r="8003" spans="1:10" x14ac:dyDescent="0.35">
      <c r="A8003" s="5" t="s">
        <v>10</v>
      </c>
      <c r="B8003" s="6">
        <v>190079</v>
      </c>
      <c r="C8003" s="6" t="s">
        <v>11</v>
      </c>
      <c r="D8003" s="6" t="s">
        <v>337</v>
      </c>
      <c r="E8003" s="6">
        <v>25290</v>
      </c>
      <c r="F8003" s="6" t="s">
        <v>13</v>
      </c>
      <c r="G8003" s="6" t="s">
        <v>12374</v>
      </c>
      <c r="H8003" s="6" t="s">
        <v>16084</v>
      </c>
      <c r="I8003" s="7">
        <v>4.3367614999999997</v>
      </c>
      <c r="J8003" s="8">
        <v>-74.362813500000001</v>
      </c>
    </row>
    <row r="8004" spans="1:10" x14ac:dyDescent="0.35">
      <c r="A8004" s="5" t="s">
        <v>10</v>
      </c>
      <c r="B8004" s="6">
        <v>245643</v>
      </c>
      <c r="C8004" s="6" t="s">
        <v>117</v>
      </c>
      <c r="D8004" s="6" t="s">
        <v>3593</v>
      </c>
      <c r="E8004" s="6">
        <v>76122</v>
      </c>
      <c r="F8004" s="6" t="s">
        <v>18</v>
      </c>
      <c r="G8004" s="6" t="s">
        <v>16085</v>
      </c>
      <c r="H8004" s="6" t="s">
        <v>16086</v>
      </c>
      <c r="I8004" s="7">
        <v>4.3329129000000002</v>
      </c>
      <c r="J8004" s="8">
        <v>-75.827106999999998</v>
      </c>
    </row>
    <row r="8005" spans="1:10" x14ac:dyDescent="0.35">
      <c r="A8005" s="5" t="s">
        <v>10</v>
      </c>
      <c r="B8005" s="6">
        <v>234130</v>
      </c>
      <c r="C8005" s="6" t="s">
        <v>117</v>
      </c>
      <c r="D8005" s="6" t="s">
        <v>1334</v>
      </c>
      <c r="E8005" s="6">
        <v>76001</v>
      </c>
      <c r="F8005" s="6" t="s">
        <v>18</v>
      </c>
      <c r="G8005" s="6" t="s">
        <v>16087</v>
      </c>
      <c r="H8005" s="6" t="s">
        <v>16088</v>
      </c>
      <c r="I8005" s="7">
        <v>3.4516467</v>
      </c>
      <c r="J8005" s="8">
        <v>-76.531985399999996</v>
      </c>
    </row>
    <row r="8006" spans="1:10" x14ac:dyDescent="0.35">
      <c r="A8006" s="5" t="s">
        <v>10</v>
      </c>
      <c r="B8006" s="6">
        <v>241132</v>
      </c>
      <c r="C8006" s="6" t="s">
        <v>117</v>
      </c>
      <c r="D8006" s="6" t="s">
        <v>3492</v>
      </c>
      <c r="E8006" s="6">
        <v>76520</v>
      </c>
      <c r="F8006" s="6" t="s">
        <v>18</v>
      </c>
      <c r="G8006" s="6" t="s">
        <v>16089</v>
      </c>
      <c r="H8006" s="6" t="s">
        <v>16090</v>
      </c>
      <c r="I8006" s="7">
        <v>3.4593389000000001</v>
      </c>
      <c r="J8006" s="8">
        <v>-76.466035300000001</v>
      </c>
    </row>
    <row r="8007" spans="1:10" x14ac:dyDescent="0.35">
      <c r="A8007" s="5" t="s">
        <v>10</v>
      </c>
      <c r="B8007" s="6">
        <v>236610</v>
      </c>
      <c r="C8007" s="6" t="s">
        <v>190</v>
      </c>
      <c r="D8007" s="6" t="s">
        <v>16091</v>
      </c>
      <c r="E8007" s="6">
        <v>5604</v>
      </c>
      <c r="F8007" s="6" t="s">
        <v>18</v>
      </c>
      <c r="G8007" s="6" t="s">
        <v>16092</v>
      </c>
      <c r="H8007" s="6" t="s">
        <v>16093</v>
      </c>
      <c r="I8007" s="7">
        <v>7.0718924000000003</v>
      </c>
      <c r="J8007" s="8">
        <v>-74.714200099999999</v>
      </c>
    </row>
    <row r="8008" spans="1:10" x14ac:dyDescent="0.35">
      <c r="A8008" s="5" t="s">
        <v>10</v>
      </c>
      <c r="B8008" s="6">
        <v>107142</v>
      </c>
      <c r="C8008" s="6" t="s">
        <v>308</v>
      </c>
      <c r="D8008" s="6" t="s">
        <v>16094</v>
      </c>
      <c r="E8008" s="6">
        <v>23090</v>
      </c>
      <c r="F8008" s="6" t="s">
        <v>13</v>
      </c>
      <c r="G8008" s="6" t="s">
        <v>11877</v>
      </c>
      <c r="H8008" s="6" t="s">
        <v>16095</v>
      </c>
      <c r="I8008" s="7">
        <v>8.7832796999999996</v>
      </c>
      <c r="J8008" s="8">
        <v>-76.2410122</v>
      </c>
    </row>
    <row r="8009" spans="1:10" x14ac:dyDescent="0.35">
      <c r="A8009" s="5" t="s">
        <v>10</v>
      </c>
      <c r="B8009" s="6">
        <v>230904</v>
      </c>
      <c r="C8009" s="6" t="s">
        <v>68</v>
      </c>
      <c r="D8009" s="6" t="s">
        <v>69</v>
      </c>
      <c r="E8009" s="6">
        <v>11001</v>
      </c>
      <c r="F8009" s="6" t="s">
        <v>18</v>
      </c>
      <c r="G8009" s="6" t="s">
        <v>16096</v>
      </c>
      <c r="H8009" s="6" t="s">
        <v>16097</v>
      </c>
      <c r="I8009" s="7">
        <v>4.7425927999999997</v>
      </c>
      <c r="J8009" s="8">
        <v>-74.108210299999996</v>
      </c>
    </row>
    <row r="8010" spans="1:10" x14ac:dyDescent="0.35">
      <c r="A8010" s="5" t="s">
        <v>10</v>
      </c>
      <c r="B8010" s="6">
        <v>242328</v>
      </c>
      <c r="C8010" s="6" t="s">
        <v>68</v>
      </c>
      <c r="D8010" s="6" t="s">
        <v>69</v>
      </c>
      <c r="E8010" s="6">
        <v>11001</v>
      </c>
      <c r="F8010" s="6" t="s">
        <v>18</v>
      </c>
      <c r="G8010" s="6" t="s">
        <v>16098</v>
      </c>
      <c r="H8010" s="6" t="s">
        <v>16099</v>
      </c>
      <c r="I8010" s="7">
        <v>4.6228829999999999</v>
      </c>
      <c r="J8010" s="8">
        <v>-74.185012499999999</v>
      </c>
    </row>
    <row r="8011" spans="1:10" x14ac:dyDescent="0.35">
      <c r="A8011" s="5" t="s">
        <v>10</v>
      </c>
      <c r="B8011" s="6">
        <v>242645</v>
      </c>
      <c r="C8011" s="6" t="s">
        <v>68</v>
      </c>
      <c r="D8011" s="6" t="s">
        <v>69</v>
      </c>
      <c r="E8011" s="6">
        <v>11001</v>
      </c>
      <c r="F8011" s="6" t="s">
        <v>18</v>
      </c>
      <c r="G8011" s="6" t="s">
        <v>16100</v>
      </c>
      <c r="H8011" s="6" t="s">
        <v>16101</v>
      </c>
      <c r="I8011" s="7">
        <v>4.6159393</v>
      </c>
      <c r="J8011" s="8">
        <v>-74.152808399999998</v>
      </c>
    </row>
    <row r="8012" spans="1:10" x14ac:dyDescent="0.35">
      <c r="A8012" s="5" t="s">
        <v>10</v>
      </c>
      <c r="B8012" s="6">
        <v>242681</v>
      </c>
      <c r="C8012" s="6" t="s">
        <v>68</v>
      </c>
      <c r="D8012" s="6" t="s">
        <v>69</v>
      </c>
      <c r="E8012" s="6">
        <v>11001</v>
      </c>
      <c r="F8012" s="6" t="s">
        <v>18</v>
      </c>
      <c r="G8012" s="6" t="s">
        <v>16102</v>
      </c>
      <c r="H8012" s="6" t="s">
        <v>16103</v>
      </c>
      <c r="I8012" s="7">
        <v>4.6474576000000001</v>
      </c>
      <c r="J8012" s="8">
        <v>-74.156452599999994</v>
      </c>
    </row>
    <row r="8013" spans="1:10" x14ac:dyDescent="0.35">
      <c r="A8013" s="5" t="s">
        <v>10</v>
      </c>
      <c r="B8013" s="6">
        <v>210561</v>
      </c>
      <c r="C8013" s="6" t="s">
        <v>68</v>
      </c>
      <c r="D8013" s="6" t="s">
        <v>69</v>
      </c>
      <c r="E8013" s="6">
        <v>11001</v>
      </c>
      <c r="F8013" s="6" t="s">
        <v>18</v>
      </c>
      <c r="G8013" s="6" t="s">
        <v>16104</v>
      </c>
      <c r="H8013" s="6" t="s">
        <v>16105</v>
      </c>
      <c r="I8013" s="7">
        <v>4.7565407000000004</v>
      </c>
      <c r="J8013" s="8">
        <v>-74.085152999999906</v>
      </c>
    </row>
    <row r="8014" spans="1:10" x14ac:dyDescent="0.35">
      <c r="A8014" s="5" t="s">
        <v>10</v>
      </c>
      <c r="B8014" s="6">
        <v>220911</v>
      </c>
      <c r="C8014" s="6" t="s">
        <v>68</v>
      </c>
      <c r="D8014" s="6" t="s">
        <v>69</v>
      </c>
      <c r="E8014" s="6">
        <v>11001</v>
      </c>
      <c r="F8014" s="6" t="s">
        <v>18</v>
      </c>
      <c r="G8014" s="6" t="s">
        <v>16106</v>
      </c>
      <c r="H8014" s="6" t="s">
        <v>16107</v>
      </c>
      <c r="I8014" s="7">
        <v>4.6077821999999999</v>
      </c>
      <c r="J8014" s="8">
        <v>-74.185119799999995</v>
      </c>
    </row>
    <row r="8015" spans="1:10" x14ac:dyDescent="0.35">
      <c r="A8015" s="5" t="s">
        <v>10</v>
      </c>
      <c r="B8015" s="6">
        <v>242240</v>
      </c>
      <c r="C8015" s="6" t="s">
        <v>68</v>
      </c>
      <c r="D8015" s="6" t="s">
        <v>69</v>
      </c>
      <c r="E8015" s="6">
        <v>11001</v>
      </c>
      <c r="F8015" s="6" t="s">
        <v>18</v>
      </c>
      <c r="G8015" s="6" t="s">
        <v>16108</v>
      </c>
      <c r="H8015" s="6" t="s">
        <v>16109</v>
      </c>
      <c r="I8015" s="7">
        <v>4.7580111</v>
      </c>
      <c r="J8015" s="8">
        <v>-74.050491699999995</v>
      </c>
    </row>
    <row r="8016" spans="1:10" x14ac:dyDescent="0.35">
      <c r="A8016" s="5" t="s">
        <v>10</v>
      </c>
      <c r="B8016" s="6">
        <v>247632</v>
      </c>
      <c r="C8016" s="6" t="s">
        <v>68</v>
      </c>
      <c r="D8016" s="6" t="s">
        <v>69</v>
      </c>
      <c r="E8016" s="6">
        <v>11001</v>
      </c>
      <c r="F8016" s="6" t="s">
        <v>18</v>
      </c>
      <c r="G8016" s="6" t="s">
        <v>16110</v>
      </c>
      <c r="H8016" s="6" t="s">
        <v>16111</v>
      </c>
      <c r="I8016" s="7">
        <v>4.6233127999999999</v>
      </c>
      <c r="J8016" s="8">
        <v>-74.185145300000002</v>
      </c>
    </row>
    <row r="8017" spans="1:10" x14ac:dyDescent="0.35">
      <c r="A8017" s="5" t="s">
        <v>10</v>
      </c>
      <c r="B8017" s="6">
        <v>218573</v>
      </c>
      <c r="C8017" s="6" t="s">
        <v>68</v>
      </c>
      <c r="D8017" s="6" t="s">
        <v>69</v>
      </c>
      <c r="E8017" s="6">
        <v>11001</v>
      </c>
      <c r="F8017" s="6" t="s">
        <v>18</v>
      </c>
      <c r="G8017" s="6" t="s">
        <v>16112</v>
      </c>
      <c r="H8017" s="6" t="s">
        <v>16113</v>
      </c>
      <c r="I8017" s="7">
        <v>4.5234129999999997</v>
      </c>
      <c r="J8017" s="8">
        <v>-74.119860799999998</v>
      </c>
    </row>
    <row r="8018" spans="1:10" x14ac:dyDescent="0.35">
      <c r="A8018" s="5" t="s">
        <v>10</v>
      </c>
      <c r="B8018" s="6">
        <v>230256</v>
      </c>
      <c r="C8018" s="6" t="s">
        <v>68</v>
      </c>
      <c r="D8018" s="6" t="s">
        <v>69</v>
      </c>
      <c r="E8018" s="6">
        <v>11001</v>
      </c>
      <c r="F8018" s="6" t="s">
        <v>18</v>
      </c>
      <c r="G8018" s="6" t="s">
        <v>16114</v>
      </c>
      <c r="H8018" s="6" t="s">
        <v>16115</v>
      </c>
      <c r="I8018" s="7">
        <v>4.4870440999999897</v>
      </c>
      <c r="J8018" s="8">
        <v>-74.110581299999893</v>
      </c>
    </row>
    <row r="8019" spans="1:10" x14ac:dyDescent="0.35">
      <c r="A8019" s="5" t="s">
        <v>10</v>
      </c>
      <c r="B8019" s="6">
        <v>242578</v>
      </c>
      <c r="C8019" s="6" t="s">
        <v>68</v>
      </c>
      <c r="D8019" s="6" t="s">
        <v>69</v>
      </c>
      <c r="E8019" s="6">
        <v>11001</v>
      </c>
      <c r="F8019" s="6" t="s">
        <v>18</v>
      </c>
      <c r="G8019" s="6" t="s">
        <v>16116</v>
      </c>
      <c r="H8019" s="6" t="s">
        <v>16117</v>
      </c>
      <c r="I8019" s="7">
        <v>4.6167394000000002</v>
      </c>
      <c r="J8019" s="8">
        <v>-74.133646999999996</v>
      </c>
    </row>
    <row r="8020" spans="1:10" x14ac:dyDescent="0.35">
      <c r="A8020" s="5" t="s">
        <v>10</v>
      </c>
      <c r="B8020" s="6">
        <v>190978</v>
      </c>
      <c r="C8020" s="6" t="s">
        <v>68</v>
      </c>
      <c r="D8020" s="6" t="s">
        <v>69</v>
      </c>
      <c r="E8020" s="6">
        <v>11001</v>
      </c>
      <c r="F8020" s="6" t="s">
        <v>18</v>
      </c>
      <c r="G8020" s="6" t="s">
        <v>16118</v>
      </c>
      <c r="H8020" s="6" t="s">
        <v>13062</v>
      </c>
      <c r="I8020" s="7">
        <v>4.6742471999999999</v>
      </c>
      <c r="J8020" s="8">
        <v>-74.021101400000006</v>
      </c>
    </row>
    <row r="8021" spans="1:10" x14ac:dyDescent="0.35">
      <c r="A8021" s="5" t="s">
        <v>10</v>
      </c>
      <c r="B8021" s="6">
        <v>207003</v>
      </c>
      <c r="C8021" s="6" t="s">
        <v>457</v>
      </c>
      <c r="D8021" s="6" t="s">
        <v>4400</v>
      </c>
      <c r="E8021" s="6">
        <v>52001</v>
      </c>
      <c r="F8021" s="6" t="s">
        <v>13</v>
      </c>
      <c r="G8021" s="6" t="s">
        <v>16119</v>
      </c>
      <c r="H8021" s="6" t="s">
        <v>16120</v>
      </c>
      <c r="I8021" s="7">
        <v>1.2009388999999999</v>
      </c>
      <c r="J8021" s="8">
        <v>-77.262589899999995</v>
      </c>
    </row>
    <row r="8022" spans="1:10" x14ac:dyDescent="0.35">
      <c r="A8022" s="5" t="s">
        <v>10</v>
      </c>
      <c r="B8022" s="6">
        <v>205517</v>
      </c>
      <c r="C8022" s="6" t="s">
        <v>308</v>
      </c>
      <c r="D8022" s="6" t="s">
        <v>309</v>
      </c>
      <c r="E8022" s="6">
        <v>23001</v>
      </c>
      <c r="F8022" s="6" t="s">
        <v>13</v>
      </c>
      <c r="G8022" s="6" t="s">
        <v>16121</v>
      </c>
      <c r="H8022" s="6" t="s">
        <v>16122</v>
      </c>
      <c r="I8022" s="7">
        <v>8.7432952999999998</v>
      </c>
      <c r="J8022" s="8">
        <v>-75.895812699999993</v>
      </c>
    </row>
    <row r="8023" spans="1:10" x14ac:dyDescent="0.35">
      <c r="A8023" s="5" t="s">
        <v>10</v>
      </c>
      <c r="B8023" s="6">
        <v>171812</v>
      </c>
      <c r="C8023" s="6" t="s">
        <v>11</v>
      </c>
      <c r="D8023" s="6" t="s">
        <v>12</v>
      </c>
      <c r="E8023" s="6">
        <v>25899</v>
      </c>
      <c r="F8023" s="6" t="s">
        <v>18</v>
      </c>
      <c r="G8023" s="6" t="s">
        <v>8739</v>
      </c>
      <c r="H8023" s="6" t="s">
        <v>12307</v>
      </c>
      <c r="I8023" s="7">
        <v>5.0349361999999998</v>
      </c>
      <c r="J8023" s="8">
        <v>-73.993553899999995</v>
      </c>
    </row>
    <row r="8024" spans="1:10" x14ac:dyDescent="0.35">
      <c r="A8024" s="5" t="s">
        <v>10</v>
      </c>
      <c r="B8024" s="6">
        <v>218405</v>
      </c>
      <c r="C8024" s="6" t="s">
        <v>457</v>
      </c>
      <c r="D8024" s="6" t="s">
        <v>11471</v>
      </c>
      <c r="E8024" s="6">
        <v>52227</v>
      </c>
      <c r="F8024" s="6" t="s">
        <v>18</v>
      </c>
      <c r="G8024" s="6" t="s">
        <v>16123</v>
      </c>
      <c r="H8024" s="6" t="s">
        <v>16124</v>
      </c>
      <c r="I8024" s="7">
        <v>0.90905199999999997</v>
      </c>
      <c r="J8024" s="8">
        <v>-77.790329900000003</v>
      </c>
    </row>
    <row r="8025" spans="1:10" x14ac:dyDescent="0.35">
      <c r="A8025" s="5" t="s">
        <v>10</v>
      </c>
      <c r="B8025" s="6">
        <v>241032</v>
      </c>
      <c r="C8025" s="6" t="s">
        <v>117</v>
      </c>
      <c r="D8025" s="6" t="s">
        <v>1334</v>
      </c>
      <c r="E8025" s="6">
        <v>76001</v>
      </c>
      <c r="F8025" s="6" t="s">
        <v>18</v>
      </c>
      <c r="G8025" s="6" t="s">
        <v>16125</v>
      </c>
      <c r="H8025" s="6" t="s">
        <v>16126</v>
      </c>
      <c r="I8025" s="7">
        <v>3.4685253999999999</v>
      </c>
      <c r="J8025" s="8">
        <v>-76.498484399999995</v>
      </c>
    </row>
    <row r="8026" spans="1:10" x14ac:dyDescent="0.35">
      <c r="A8026" s="5" t="s">
        <v>10</v>
      </c>
      <c r="B8026" s="6">
        <v>239934</v>
      </c>
      <c r="C8026" s="6" t="s">
        <v>117</v>
      </c>
      <c r="D8026" s="6" t="s">
        <v>1334</v>
      </c>
      <c r="E8026" s="6">
        <v>76001</v>
      </c>
      <c r="F8026" s="6" t="s">
        <v>18</v>
      </c>
      <c r="G8026" s="6" t="s">
        <v>16127</v>
      </c>
      <c r="H8026" s="6" t="s">
        <v>16128</v>
      </c>
      <c r="I8026" s="7">
        <v>3.4001712999999998</v>
      </c>
      <c r="J8026" s="8">
        <v>-76.533915699999994</v>
      </c>
    </row>
    <row r="8027" spans="1:10" x14ac:dyDescent="0.35">
      <c r="A8027" s="5" t="s">
        <v>10</v>
      </c>
      <c r="B8027" s="6">
        <v>242072</v>
      </c>
      <c r="C8027" s="6" t="s">
        <v>68</v>
      </c>
      <c r="D8027" s="6" t="s">
        <v>69</v>
      </c>
      <c r="E8027" s="6">
        <v>11001</v>
      </c>
      <c r="F8027" s="6" t="s">
        <v>18</v>
      </c>
      <c r="G8027" s="6" t="s">
        <v>16129</v>
      </c>
      <c r="H8027" s="6" t="s">
        <v>16130</v>
      </c>
      <c r="I8027" s="7">
        <v>4.6723666000000001</v>
      </c>
      <c r="J8027" s="8">
        <v>-74.082672799999997</v>
      </c>
    </row>
    <row r="8028" spans="1:10" x14ac:dyDescent="0.35">
      <c r="A8028" s="5" t="s">
        <v>10</v>
      </c>
      <c r="B8028" s="6">
        <v>244807</v>
      </c>
      <c r="C8028" s="6" t="s">
        <v>68</v>
      </c>
      <c r="D8028" s="6" t="s">
        <v>69</v>
      </c>
      <c r="E8028" s="6">
        <v>11001</v>
      </c>
      <c r="F8028" s="6" t="s">
        <v>18</v>
      </c>
      <c r="G8028" s="6" t="s">
        <v>16131</v>
      </c>
      <c r="H8028" s="6" t="s">
        <v>16132</v>
      </c>
      <c r="I8028" s="7">
        <v>4.6365447</v>
      </c>
      <c r="J8028" s="8">
        <v>-74.140298700000002</v>
      </c>
    </row>
    <row r="8029" spans="1:10" x14ac:dyDescent="0.35">
      <c r="A8029" s="5" t="s">
        <v>10</v>
      </c>
      <c r="B8029" s="6">
        <v>204626</v>
      </c>
      <c r="C8029" s="6" t="s">
        <v>68</v>
      </c>
      <c r="D8029" s="6" t="s">
        <v>69</v>
      </c>
      <c r="E8029" s="6">
        <v>11001</v>
      </c>
      <c r="F8029" s="6" t="s">
        <v>18</v>
      </c>
      <c r="G8029" s="6" t="s">
        <v>16133</v>
      </c>
      <c r="H8029" s="6" t="s">
        <v>16134</v>
      </c>
      <c r="I8029" s="7">
        <v>4.6454047999999997</v>
      </c>
      <c r="J8029" s="8">
        <v>-74.088222400000006</v>
      </c>
    </row>
    <row r="8030" spans="1:10" x14ac:dyDescent="0.35">
      <c r="A8030" s="5" t="s">
        <v>10</v>
      </c>
      <c r="B8030" s="6">
        <v>242360</v>
      </c>
      <c r="C8030" s="6" t="s">
        <v>68</v>
      </c>
      <c r="D8030" s="6" t="s">
        <v>69</v>
      </c>
      <c r="E8030" s="6">
        <v>11001</v>
      </c>
      <c r="F8030" s="6" t="s">
        <v>18</v>
      </c>
      <c r="G8030" s="6" t="s">
        <v>16135</v>
      </c>
      <c r="H8030" s="6" t="s">
        <v>16136</v>
      </c>
      <c r="I8030" s="7">
        <v>4.7108651000000004</v>
      </c>
      <c r="J8030" s="8">
        <v>-74.136080100000001</v>
      </c>
    </row>
    <row r="8031" spans="1:10" x14ac:dyDescent="0.35">
      <c r="A8031" s="5" t="s">
        <v>10</v>
      </c>
      <c r="B8031" s="6">
        <v>218665</v>
      </c>
      <c r="C8031" s="6" t="s">
        <v>68</v>
      </c>
      <c r="D8031" s="6" t="s">
        <v>69</v>
      </c>
      <c r="E8031" s="6">
        <v>11001</v>
      </c>
      <c r="F8031" s="6" t="s">
        <v>18</v>
      </c>
      <c r="G8031" s="6" t="s">
        <v>16137</v>
      </c>
      <c r="H8031" s="6" t="s">
        <v>16138</v>
      </c>
      <c r="I8031" s="7">
        <v>4.7520096999999897</v>
      </c>
      <c r="J8031" s="8">
        <v>-74.117674299999905</v>
      </c>
    </row>
    <row r="8032" spans="1:10" x14ac:dyDescent="0.35">
      <c r="A8032" s="5" t="s">
        <v>10</v>
      </c>
      <c r="B8032" s="6">
        <v>232061</v>
      </c>
      <c r="C8032" s="6" t="s">
        <v>68</v>
      </c>
      <c r="D8032" s="6" t="s">
        <v>69</v>
      </c>
      <c r="E8032" s="6">
        <v>11001</v>
      </c>
      <c r="F8032" s="6" t="s">
        <v>18</v>
      </c>
      <c r="G8032" s="6" t="s">
        <v>16139</v>
      </c>
      <c r="H8032" s="6" t="s">
        <v>16140</v>
      </c>
      <c r="I8032" s="7">
        <v>4.7045421999999997</v>
      </c>
      <c r="J8032" s="8">
        <v>-74.056759600000007</v>
      </c>
    </row>
    <row r="8033" spans="1:10" x14ac:dyDescent="0.35">
      <c r="A8033" s="5" t="s">
        <v>10</v>
      </c>
      <c r="B8033" s="6">
        <v>218585</v>
      </c>
      <c r="C8033" s="6" t="s">
        <v>68</v>
      </c>
      <c r="D8033" s="6" t="s">
        <v>69</v>
      </c>
      <c r="E8033" s="6">
        <v>11001</v>
      </c>
      <c r="F8033" s="6" t="s">
        <v>18</v>
      </c>
      <c r="G8033" s="6" t="s">
        <v>113</v>
      </c>
      <c r="H8033" s="6" t="s">
        <v>6245</v>
      </c>
      <c r="I8033" s="7">
        <v>4.7594566</v>
      </c>
      <c r="J8033" s="8">
        <v>-74.022881900000002</v>
      </c>
    </row>
    <row r="8034" spans="1:10" x14ac:dyDescent="0.35">
      <c r="A8034" s="5" t="s">
        <v>10</v>
      </c>
      <c r="B8034" s="6">
        <v>218285</v>
      </c>
      <c r="C8034" s="6" t="s">
        <v>11</v>
      </c>
      <c r="D8034" s="6" t="s">
        <v>334</v>
      </c>
      <c r="E8034" s="6">
        <v>25754</v>
      </c>
      <c r="F8034" s="6" t="s">
        <v>18</v>
      </c>
      <c r="G8034" s="6" t="s">
        <v>3392</v>
      </c>
      <c r="H8034" s="6" t="s">
        <v>16141</v>
      </c>
      <c r="I8034" s="7">
        <v>4.5728027000000004</v>
      </c>
      <c r="J8034" s="8">
        <v>-74.246519499999906</v>
      </c>
    </row>
    <row r="8035" spans="1:10" x14ac:dyDescent="0.35">
      <c r="A8035" s="5" t="s">
        <v>10</v>
      </c>
      <c r="B8035" s="6">
        <v>164341</v>
      </c>
      <c r="C8035" s="6" t="s">
        <v>190</v>
      </c>
      <c r="D8035" s="6" t="s">
        <v>11740</v>
      </c>
      <c r="E8035" s="6">
        <v>5376</v>
      </c>
      <c r="F8035" s="6" t="s">
        <v>18</v>
      </c>
      <c r="G8035" s="6" t="s">
        <v>16142</v>
      </c>
      <c r="H8035" s="6" t="s">
        <v>16143</v>
      </c>
      <c r="I8035" s="7">
        <v>6.0377330000000002</v>
      </c>
      <c r="J8035" s="8">
        <v>-75.433509000000001</v>
      </c>
    </row>
    <row r="8036" spans="1:10" x14ac:dyDescent="0.35">
      <c r="A8036" s="5" t="s">
        <v>10</v>
      </c>
      <c r="B8036" s="6">
        <v>184859</v>
      </c>
      <c r="C8036" s="6" t="s">
        <v>109</v>
      </c>
      <c r="D8036" s="6" t="s">
        <v>1445</v>
      </c>
      <c r="E8036" s="6">
        <v>13688</v>
      </c>
      <c r="F8036" s="6" t="s">
        <v>13</v>
      </c>
      <c r="G8036" s="6" t="s">
        <v>16144</v>
      </c>
      <c r="H8036" s="6" t="s">
        <v>16145</v>
      </c>
      <c r="I8036" s="7">
        <v>7.9630637999999996</v>
      </c>
      <c r="J8036" s="8">
        <v>-74.050974800000006</v>
      </c>
    </row>
    <row r="8037" spans="1:10" x14ac:dyDescent="0.35">
      <c r="A8037" s="5" t="s">
        <v>10</v>
      </c>
      <c r="B8037" s="6">
        <v>205100</v>
      </c>
      <c r="C8037" s="6" t="s">
        <v>16</v>
      </c>
      <c r="D8037" s="6" t="s">
        <v>705</v>
      </c>
      <c r="E8037" s="6">
        <v>68077</v>
      </c>
      <c r="F8037" s="6" t="s">
        <v>13</v>
      </c>
      <c r="G8037" s="6" t="s">
        <v>16146</v>
      </c>
      <c r="H8037" s="6" t="s">
        <v>16147</v>
      </c>
      <c r="I8037" s="7">
        <v>6.0028746000000002</v>
      </c>
      <c r="J8037" s="8">
        <v>-73.673249100000007</v>
      </c>
    </row>
    <row r="8038" spans="1:10" x14ac:dyDescent="0.35">
      <c r="A8038" s="5" t="s">
        <v>10</v>
      </c>
      <c r="B8038" s="6">
        <v>235214</v>
      </c>
      <c r="C8038" s="6" t="s">
        <v>551</v>
      </c>
      <c r="D8038" s="6" t="s">
        <v>3868</v>
      </c>
      <c r="E8038" s="6">
        <v>20001</v>
      </c>
      <c r="F8038" s="6" t="s">
        <v>13</v>
      </c>
      <c r="G8038" s="6" t="s">
        <v>16148</v>
      </c>
      <c r="H8038" s="6" t="s">
        <v>16149</v>
      </c>
      <c r="I8038" s="7">
        <v>10.473355400000001</v>
      </c>
      <c r="J8038" s="8">
        <v>-73.265892100000002</v>
      </c>
    </row>
    <row r="8039" spans="1:10" x14ac:dyDescent="0.35">
      <c r="A8039" s="5" t="s">
        <v>10</v>
      </c>
      <c r="B8039" s="6">
        <v>238237</v>
      </c>
      <c r="C8039" s="6" t="s">
        <v>117</v>
      </c>
      <c r="D8039" s="6" t="s">
        <v>2738</v>
      </c>
      <c r="E8039" s="6">
        <v>76622</v>
      </c>
      <c r="F8039" s="6" t="s">
        <v>18</v>
      </c>
      <c r="G8039" s="6" t="s">
        <v>16150</v>
      </c>
      <c r="H8039" s="6" t="s">
        <v>16151</v>
      </c>
      <c r="I8039" s="7">
        <v>3.4487651000000001</v>
      </c>
      <c r="J8039" s="8">
        <v>-76.534735299999994</v>
      </c>
    </row>
    <row r="8040" spans="1:10" x14ac:dyDescent="0.35">
      <c r="A8040" s="5" t="s">
        <v>10</v>
      </c>
      <c r="B8040" s="6">
        <v>190663</v>
      </c>
      <c r="C8040" s="6" t="s">
        <v>457</v>
      </c>
      <c r="D8040" s="6" t="s">
        <v>15027</v>
      </c>
      <c r="E8040" s="6">
        <v>52240</v>
      </c>
      <c r="F8040" s="6" t="s">
        <v>18</v>
      </c>
      <c r="G8040" s="6" t="s">
        <v>16152</v>
      </c>
      <c r="H8040" s="6" t="s">
        <v>16153</v>
      </c>
      <c r="I8040" s="7">
        <v>1.3651802</v>
      </c>
      <c r="J8040" s="8">
        <v>-77.284392699999998</v>
      </c>
    </row>
    <row r="8041" spans="1:10" x14ac:dyDescent="0.35">
      <c r="A8041" s="5" t="s">
        <v>10</v>
      </c>
      <c r="B8041" s="6">
        <v>233914</v>
      </c>
      <c r="C8041" s="6" t="s">
        <v>68</v>
      </c>
      <c r="D8041" s="6" t="s">
        <v>69</v>
      </c>
      <c r="E8041" s="6">
        <v>11001</v>
      </c>
      <c r="F8041" s="6" t="s">
        <v>18</v>
      </c>
      <c r="G8041" s="6" t="s">
        <v>16154</v>
      </c>
      <c r="H8041" s="6" t="s">
        <v>16155</v>
      </c>
      <c r="I8041" s="7">
        <v>4.6968874999999999</v>
      </c>
      <c r="J8041" s="8">
        <v>-74.125957400000004</v>
      </c>
    </row>
    <row r="8042" spans="1:10" x14ac:dyDescent="0.35">
      <c r="A8042" s="5" t="s">
        <v>10</v>
      </c>
      <c r="B8042" s="6">
        <v>242330</v>
      </c>
      <c r="C8042" s="6" t="s">
        <v>68</v>
      </c>
      <c r="D8042" s="6" t="s">
        <v>69</v>
      </c>
      <c r="E8042" s="6">
        <v>11001</v>
      </c>
      <c r="F8042" s="6" t="s">
        <v>18</v>
      </c>
      <c r="G8042" s="6" t="s">
        <v>16156</v>
      </c>
      <c r="H8042" s="6" t="s">
        <v>16157</v>
      </c>
      <c r="I8042" s="7">
        <v>4.6272782000000001</v>
      </c>
      <c r="J8042" s="8">
        <v>-74.190156099999996</v>
      </c>
    </row>
    <row r="8043" spans="1:10" x14ac:dyDescent="0.35">
      <c r="A8043" s="5" t="s">
        <v>10</v>
      </c>
      <c r="B8043" s="6">
        <v>201140</v>
      </c>
      <c r="C8043" s="6" t="s">
        <v>68</v>
      </c>
      <c r="D8043" s="6" t="s">
        <v>69</v>
      </c>
      <c r="E8043" s="6">
        <v>11001</v>
      </c>
      <c r="F8043" s="6" t="s">
        <v>18</v>
      </c>
      <c r="G8043" s="6" t="s">
        <v>16158</v>
      </c>
      <c r="H8043" s="6" t="s">
        <v>16159</v>
      </c>
      <c r="I8043" s="7">
        <v>4.7140537</v>
      </c>
      <c r="J8043" s="8">
        <v>-74.14152</v>
      </c>
    </row>
    <row r="8044" spans="1:10" x14ac:dyDescent="0.35">
      <c r="A8044" s="5" t="s">
        <v>10</v>
      </c>
      <c r="B8044" s="6">
        <v>204475</v>
      </c>
      <c r="C8044" s="6" t="s">
        <v>68</v>
      </c>
      <c r="D8044" s="6" t="s">
        <v>69</v>
      </c>
      <c r="E8044" s="6">
        <v>11001</v>
      </c>
      <c r="F8044" s="6" t="s">
        <v>18</v>
      </c>
      <c r="G8044" s="6" t="s">
        <v>16160</v>
      </c>
      <c r="H8044" s="6" t="s">
        <v>16161</v>
      </c>
      <c r="I8044" s="7">
        <v>4.5919325999999998</v>
      </c>
      <c r="J8044" s="8">
        <v>-74.113303799999997</v>
      </c>
    </row>
    <row r="8045" spans="1:10" x14ac:dyDescent="0.35">
      <c r="A8045" s="5" t="s">
        <v>10</v>
      </c>
      <c r="B8045" s="6">
        <v>202293</v>
      </c>
      <c r="C8045" s="6" t="s">
        <v>68</v>
      </c>
      <c r="D8045" s="6" t="s">
        <v>69</v>
      </c>
      <c r="E8045" s="6">
        <v>11001</v>
      </c>
      <c r="F8045" s="6" t="s">
        <v>18</v>
      </c>
      <c r="G8045" s="6" t="s">
        <v>16162</v>
      </c>
      <c r="H8045" s="6" t="s">
        <v>16163</v>
      </c>
      <c r="I8045" s="7">
        <v>4.5716200999999996</v>
      </c>
      <c r="J8045" s="8">
        <v>-74.151625299999907</v>
      </c>
    </row>
    <row r="8046" spans="1:10" x14ac:dyDescent="0.35">
      <c r="A8046" s="5" t="s">
        <v>10</v>
      </c>
      <c r="B8046" s="6">
        <v>205077</v>
      </c>
      <c r="C8046" s="6" t="s">
        <v>68</v>
      </c>
      <c r="D8046" s="6" t="s">
        <v>69</v>
      </c>
      <c r="E8046" s="6">
        <v>11001</v>
      </c>
      <c r="F8046" s="6" t="s">
        <v>18</v>
      </c>
      <c r="G8046" s="6" t="s">
        <v>16164</v>
      </c>
      <c r="H8046" s="6" t="s">
        <v>16165</v>
      </c>
      <c r="I8046" s="7">
        <v>4.6374146999999999</v>
      </c>
      <c r="J8046" s="8">
        <v>-74.1402492</v>
      </c>
    </row>
    <row r="8047" spans="1:10" x14ac:dyDescent="0.35">
      <c r="A8047" s="5" t="s">
        <v>10</v>
      </c>
      <c r="B8047" s="6">
        <v>197249</v>
      </c>
      <c r="C8047" s="6" t="s">
        <v>68</v>
      </c>
      <c r="D8047" s="6" t="s">
        <v>69</v>
      </c>
      <c r="E8047" s="6">
        <v>11001</v>
      </c>
      <c r="F8047" s="6" t="s">
        <v>18</v>
      </c>
      <c r="G8047" s="6" t="s">
        <v>16166</v>
      </c>
      <c r="H8047" s="6" t="s">
        <v>16167</v>
      </c>
      <c r="I8047" s="7">
        <v>4.6470419999999999</v>
      </c>
      <c r="J8047" s="8">
        <v>-74.165702199999998</v>
      </c>
    </row>
    <row r="8048" spans="1:10" x14ac:dyDescent="0.35">
      <c r="A8048" s="5" t="s">
        <v>10</v>
      </c>
      <c r="B8048" s="6">
        <v>214293</v>
      </c>
      <c r="C8048" s="6" t="s">
        <v>68</v>
      </c>
      <c r="D8048" s="6" t="s">
        <v>69</v>
      </c>
      <c r="E8048" s="6">
        <v>11001</v>
      </c>
      <c r="F8048" s="6" t="s">
        <v>18</v>
      </c>
      <c r="G8048" s="6" t="s">
        <v>16168</v>
      </c>
      <c r="H8048" s="6" t="s">
        <v>16169</v>
      </c>
      <c r="I8048" s="7">
        <v>4.6222681999999997</v>
      </c>
      <c r="J8048" s="8">
        <v>-74.199382200000002</v>
      </c>
    </row>
    <row r="8049" spans="1:10" x14ac:dyDescent="0.35">
      <c r="A8049" s="5" t="s">
        <v>10</v>
      </c>
      <c r="B8049" s="6">
        <v>218050</v>
      </c>
      <c r="C8049" s="6" t="s">
        <v>68</v>
      </c>
      <c r="D8049" s="6" t="s">
        <v>69</v>
      </c>
      <c r="E8049" s="6">
        <v>11001</v>
      </c>
      <c r="F8049" s="6" t="s">
        <v>18</v>
      </c>
      <c r="G8049" s="6" t="s">
        <v>16170</v>
      </c>
      <c r="H8049" s="6" t="s">
        <v>16171</v>
      </c>
      <c r="I8049" s="7">
        <v>4.5892932000000002</v>
      </c>
      <c r="J8049" s="8">
        <v>-74.162631099999999</v>
      </c>
    </row>
    <row r="8050" spans="1:10" x14ac:dyDescent="0.35">
      <c r="A8050" s="5" t="s">
        <v>10</v>
      </c>
      <c r="B8050" s="6">
        <v>222825</v>
      </c>
      <c r="C8050" s="6" t="s">
        <v>68</v>
      </c>
      <c r="D8050" s="6" t="s">
        <v>69</v>
      </c>
      <c r="E8050" s="6">
        <v>11001</v>
      </c>
      <c r="F8050" s="6" t="s">
        <v>18</v>
      </c>
      <c r="G8050" s="6" t="s">
        <v>16172</v>
      </c>
      <c r="H8050" s="6" t="s">
        <v>16173</v>
      </c>
      <c r="I8050" s="7">
        <v>4.7166940999999998</v>
      </c>
      <c r="J8050" s="8">
        <v>-74.137208399999906</v>
      </c>
    </row>
    <row r="8051" spans="1:10" x14ac:dyDescent="0.35">
      <c r="A8051" s="5" t="s">
        <v>10</v>
      </c>
      <c r="B8051" s="6">
        <v>242118</v>
      </c>
      <c r="C8051" s="6" t="s">
        <v>68</v>
      </c>
      <c r="D8051" s="6" t="s">
        <v>69</v>
      </c>
      <c r="E8051" s="6">
        <v>11001</v>
      </c>
      <c r="F8051" s="6" t="s">
        <v>18</v>
      </c>
      <c r="G8051" s="6" t="s">
        <v>16174</v>
      </c>
      <c r="H8051" s="6" t="s">
        <v>16175</v>
      </c>
      <c r="I8051" s="7">
        <v>4.7145004000000004</v>
      </c>
      <c r="J8051" s="8">
        <v>-74.071228700000006</v>
      </c>
    </row>
    <row r="8052" spans="1:10" x14ac:dyDescent="0.35">
      <c r="A8052" s="5" t="s">
        <v>10</v>
      </c>
      <c r="B8052" s="6">
        <v>242339</v>
      </c>
      <c r="C8052" s="6" t="s">
        <v>68</v>
      </c>
      <c r="D8052" s="6" t="s">
        <v>69</v>
      </c>
      <c r="E8052" s="6">
        <v>11001</v>
      </c>
      <c r="F8052" s="6" t="s">
        <v>18</v>
      </c>
      <c r="G8052" s="6" t="s">
        <v>16176</v>
      </c>
      <c r="H8052" s="6" t="s">
        <v>16177</v>
      </c>
      <c r="I8052" s="7">
        <v>4.6481370000000002</v>
      </c>
      <c r="J8052" s="8">
        <v>-74.159335499999997</v>
      </c>
    </row>
    <row r="8053" spans="1:10" x14ac:dyDescent="0.35">
      <c r="A8053" s="5" t="s">
        <v>10</v>
      </c>
      <c r="B8053" s="6">
        <v>228505</v>
      </c>
      <c r="C8053" s="6" t="s">
        <v>308</v>
      </c>
      <c r="D8053" s="6" t="s">
        <v>309</v>
      </c>
      <c r="E8053" s="6">
        <v>23001</v>
      </c>
      <c r="F8053" s="6" t="s">
        <v>13</v>
      </c>
      <c r="G8053" s="6" t="s">
        <v>16178</v>
      </c>
      <c r="H8053" s="6" t="s">
        <v>16179</v>
      </c>
      <c r="I8053" s="7">
        <v>8.7338673999999994</v>
      </c>
      <c r="J8053" s="8">
        <v>-75.868628799999996</v>
      </c>
    </row>
    <row r="8054" spans="1:10" x14ac:dyDescent="0.35">
      <c r="A8054" s="5" t="s">
        <v>10</v>
      </c>
      <c r="B8054" s="6">
        <v>208822</v>
      </c>
      <c r="C8054" s="6" t="s">
        <v>551</v>
      </c>
      <c r="D8054" s="6" t="s">
        <v>1550</v>
      </c>
      <c r="E8054" s="6">
        <v>20710</v>
      </c>
      <c r="F8054" s="6" t="s">
        <v>13</v>
      </c>
      <c r="G8054" s="6" t="s">
        <v>16180</v>
      </c>
      <c r="H8054" s="6" t="s">
        <v>16181</v>
      </c>
      <c r="I8054" s="7">
        <v>7.7647513999999997</v>
      </c>
      <c r="J8054" s="8">
        <v>-73.393756600000003</v>
      </c>
    </row>
    <row r="8055" spans="1:10" x14ac:dyDescent="0.35">
      <c r="A8055" s="5" t="s">
        <v>10</v>
      </c>
      <c r="B8055" s="6">
        <v>240568</v>
      </c>
      <c r="C8055" s="6" t="s">
        <v>190</v>
      </c>
      <c r="D8055" s="6" t="s">
        <v>13614</v>
      </c>
      <c r="E8055" s="6">
        <v>5212</v>
      </c>
      <c r="F8055" s="6" t="s">
        <v>18</v>
      </c>
      <c r="G8055" s="6" t="s">
        <v>16182</v>
      </c>
      <c r="H8055" s="6" t="s">
        <v>16183</v>
      </c>
      <c r="I8055" s="7">
        <v>6.3460739999999998</v>
      </c>
      <c r="J8055" s="8">
        <v>-75.509207000000004</v>
      </c>
    </row>
    <row r="8056" spans="1:10" x14ac:dyDescent="0.35">
      <c r="A8056" s="5" t="s">
        <v>10</v>
      </c>
      <c r="B8056" s="6">
        <v>242403</v>
      </c>
      <c r="C8056" s="6" t="s">
        <v>68</v>
      </c>
      <c r="D8056" s="6" t="s">
        <v>69</v>
      </c>
      <c r="E8056" s="6">
        <v>11001</v>
      </c>
      <c r="F8056" s="6" t="s">
        <v>18</v>
      </c>
      <c r="G8056" s="6" t="s">
        <v>16184</v>
      </c>
      <c r="H8056" s="6" t="s">
        <v>16185</v>
      </c>
      <c r="I8056" s="7">
        <v>4.510643</v>
      </c>
      <c r="J8056" s="8">
        <v>-74.112500499999996</v>
      </c>
    </row>
    <row r="8057" spans="1:10" x14ac:dyDescent="0.35">
      <c r="A8057" s="5" t="s">
        <v>10</v>
      </c>
      <c r="B8057" s="6">
        <v>199936</v>
      </c>
      <c r="C8057" s="6" t="s">
        <v>68</v>
      </c>
      <c r="D8057" s="6" t="s">
        <v>69</v>
      </c>
      <c r="E8057" s="6">
        <v>11001</v>
      </c>
      <c r="F8057" s="6" t="s">
        <v>18</v>
      </c>
      <c r="G8057" s="6" t="s">
        <v>16186</v>
      </c>
      <c r="H8057" s="6" t="s">
        <v>16187</v>
      </c>
      <c r="I8057" s="7">
        <v>4.6264867000000001</v>
      </c>
      <c r="J8057" s="8">
        <v>-74.198121799999996</v>
      </c>
    </row>
    <row r="8058" spans="1:10" x14ac:dyDescent="0.35">
      <c r="A8058" s="5" t="s">
        <v>10</v>
      </c>
      <c r="B8058" s="6">
        <v>208343</v>
      </c>
      <c r="C8058" s="6" t="s">
        <v>68</v>
      </c>
      <c r="D8058" s="6" t="s">
        <v>69</v>
      </c>
      <c r="E8058" s="6">
        <v>11001</v>
      </c>
      <c r="F8058" s="6" t="s">
        <v>18</v>
      </c>
      <c r="G8058" s="6" t="s">
        <v>16188</v>
      </c>
      <c r="H8058" s="6" t="s">
        <v>16189</v>
      </c>
      <c r="I8058" s="7">
        <v>4.6394241999999997</v>
      </c>
      <c r="J8058" s="8">
        <v>-74.148161199999905</v>
      </c>
    </row>
    <row r="8059" spans="1:10" x14ac:dyDescent="0.35">
      <c r="A8059" s="5" t="s">
        <v>10</v>
      </c>
      <c r="B8059" s="6">
        <v>208984</v>
      </c>
      <c r="C8059" s="6" t="s">
        <v>68</v>
      </c>
      <c r="D8059" s="6" t="s">
        <v>69</v>
      </c>
      <c r="E8059" s="6">
        <v>11001</v>
      </c>
      <c r="F8059" s="6" t="s">
        <v>18</v>
      </c>
      <c r="G8059" s="6" t="s">
        <v>16190</v>
      </c>
      <c r="H8059" s="6" t="s">
        <v>16191</v>
      </c>
      <c r="I8059" s="7">
        <v>4.6872666999999897</v>
      </c>
      <c r="J8059" s="8">
        <v>-74.149193400000001</v>
      </c>
    </row>
    <row r="8060" spans="1:10" x14ac:dyDescent="0.35">
      <c r="A8060" s="5" t="s">
        <v>10</v>
      </c>
      <c r="B8060" s="6">
        <v>215301</v>
      </c>
      <c r="C8060" s="6" t="s">
        <v>68</v>
      </c>
      <c r="D8060" s="6" t="s">
        <v>69</v>
      </c>
      <c r="E8060" s="6">
        <v>11001</v>
      </c>
      <c r="F8060" s="6" t="s">
        <v>18</v>
      </c>
      <c r="G8060" s="6" t="s">
        <v>16192</v>
      </c>
      <c r="H8060" s="6" t="s">
        <v>16193</v>
      </c>
      <c r="I8060" s="7">
        <v>4.5010915999999996</v>
      </c>
      <c r="J8060" s="8">
        <v>-74.113878</v>
      </c>
    </row>
    <row r="8061" spans="1:10" x14ac:dyDescent="0.35">
      <c r="A8061" s="5" t="s">
        <v>10</v>
      </c>
      <c r="B8061" s="6">
        <v>236043</v>
      </c>
      <c r="C8061" s="6" t="s">
        <v>68</v>
      </c>
      <c r="D8061" s="6" t="s">
        <v>69</v>
      </c>
      <c r="E8061" s="6">
        <v>11001</v>
      </c>
      <c r="F8061" s="6" t="s">
        <v>18</v>
      </c>
      <c r="G8061" s="6" t="s">
        <v>16194</v>
      </c>
      <c r="H8061" s="6" t="s">
        <v>16195</v>
      </c>
      <c r="I8061" s="7">
        <v>4.6659474999999997</v>
      </c>
      <c r="J8061" s="8">
        <v>-74.136440399999998</v>
      </c>
    </row>
    <row r="8062" spans="1:10" x14ac:dyDescent="0.35">
      <c r="A8062" s="5" t="s">
        <v>10</v>
      </c>
      <c r="B8062" s="6">
        <v>237783</v>
      </c>
      <c r="C8062" s="6" t="s">
        <v>68</v>
      </c>
      <c r="D8062" s="6" t="s">
        <v>69</v>
      </c>
      <c r="E8062" s="6">
        <v>11001</v>
      </c>
      <c r="F8062" s="6" t="s">
        <v>18</v>
      </c>
      <c r="G8062" s="6" t="s">
        <v>16196</v>
      </c>
      <c r="H8062" s="6" t="s">
        <v>16197</v>
      </c>
      <c r="I8062" s="7">
        <v>4.6095800000000002</v>
      </c>
      <c r="J8062" s="8">
        <v>-74.191679899999997</v>
      </c>
    </row>
    <row r="8063" spans="1:10" x14ac:dyDescent="0.35">
      <c r="A8063" s="5" t="s">
        <v>10</v>
      </c>
      <c r="B8063" s="6">
        <v>227175</v>
      </c>
      <c r="C8063" s="6" t="s">
        <v>68</v>
      </c>
      <c r="D8063" s="6" t="s">
        <v>69</v>
      </c>
      <c r="E8063" s="6">
        <v>11001</v>
      </c>
      <c r="F8063" s="6" t="s">
        <v>18</v>
      </c>
      <c r="G8063" s="6" t="s">
        <v>16198</v>
      </c>
      <c r="H8063" s="6" t="s">
        <v>16199</v>
      </c>
      <c r="I8063" s="7">
        <v>4.5710318000000001</v>
      </c>
      <c r="J8063" s="8">
        <v>-74.121129199999999</v>
      </c>
    </row>
    <row r="8064" spans="1:10" x14ac:dyDescent="0.35">
      <c r="A8064" s="5" t="s">
        <v>10</v>
      </c>
      <c r="B8064" s="6">
        <v>242193</v>
      </c>
      <c r="C8064" s="6" t="s">
        <v>68</v>
      </c>
      <c r="D8064" s="6" t="s">
        <v>69</v>
      </c>
      <c r="E8064" s="6">
        <v>11001</v>
      </c>
      <c r="F8064" s="6" t="s">
        <v>18</v>
      </c>
      <c r="G8064" s="6" t="s">
        <v>16200</v>
      </c>
      <c r="H8064" s="6" t="s">
        <v>16201</v>
      </c>
      <c r="I8064" s="7">
        <v>4.6313012999999996</v>
      </c>
      <c r="J8064" s="8">
        <v>-74.108879400000006</v>
      </c>
    </row>
    <row r="8065" spans="1:10" x14ac:dyDescent="0.35">
      <c r="A8065" s="5" t="s">
        <v>10</v>
      </c>
      <c r="B8065" s="6">
        <v>234116</v>
      </c>
      <c r="C8065" s="6" t="s">
        <v>68</v>
      </c>
      <c r="D8065" s="6" t="s">
        <v>69</v>
      </c>
      <c r="E8065" s="6">
        <v>11001</v>
      </c>
      <c r="F8065" s="6" t="s">
        <v>18</v>
      </c>
      <c r="G8065" s="6" t="s">
        <v>16202</v>
      </c>
      <c r="H8065" s="6" t="s">
        <v>16203</v>
      </c>
      <c r="I8065" s="7">
        <v>4.5796972</v>
      </c>
      <c r="J8065" s="8">
        <v>-74.166425000000004</v>
      </c>
    </row>
    <row r="8066" spans="1:10" x14ac:dyDescent="0.35">
      <c r="A8066" s="5" t="s">
        <v>10</v>
      </c>
      <c r="B8066" s="6">
        <v>189330</v>
      </c>
      <c r="C8066" s="6" t="s">
        <v>68</v>
      </c>
      <c r="D8066" s="6" t="s">
        <v>69</v>
      </c>
      <c r="E8066" s="6">
        <v>11001</v>
      </c>
      <c r="F8066" s="6" t="s">
        <v>18</v>
      </c>
      <c r="G8066" s="6" t="s">
        <v>16204</v>
      </c>
      <c r="H8066" s="6" t="s">
        <v>16205</v>
      </c>
      <c r="I8066" s="7">
        <v>4.6533102</v>
      </c>
      <c r="J8066" s="8">
        <v>-74.074931999999905</v>
      </c>
    </row>
    <row r="8067" spans="1:10" x14ac:dyDescent="0.35">
      <c r="A8067" s="5" t="s">
        <v>10</v>
      </c>
      <c r="B8067" s="6">
        <v>238758</v>
      </c>
      <c r="C8067" s="6" t="s">
        <v>68</v>
      </c>
      <c r="D8067" s="6" t="s">
        <v>69</v>
      </c>
      <c r="E8067" s="6">
        <v>11001</v>
      </c>
      <c r="F8067" s="6" t="s">
        <v>18</v>
      </c>
      <c r="G8067" s="6" t="s">
        <v>2257</v>
      </c>
      <c r="H8067" s="6" t="s">
        <v>16206</v>
      </c>
      <c r="I8067" s="7">
        <v>4.5305251000000002</v>
      </c>
      <c r="J8067" s="8">
        <v>-74.091453900000005</v>
      </c>
    </row>
    <row r="8068" spans="1:10" x14ac:dyDescent="0.35">
      <c r="A8068" s="5" t="s">
        <v>10</v>
      </c>
      <c r="B8068" s="6">
        <v>229639</v>
      </c>
      <c r="C8068" s="6" t="s">
        <v>308</v>
      </c>
      <c r="D8068" s="6" t="s">
        <v>9087</v>
      </c>
      <c r="E8068" s="6">
        <v>23419</v>
      </c>
      <c r="F8068" s="6" t="s">
        <v>13</v>
      </c>
      <c r="G8068" s="6" t="s">
        <v>16207</v>
      </c>
      <c r="H8068" s="6" t="s">
        <v>16208</v>
      </c>
      <c r="I8068" s="7">
        <v>8.8950800000000001</v>
      </c>
      <c r="J8068" s="8">
        <v>-76.354590000000002</v>
      </c>
    </row>
    <row r="8069" spans="1:10" x14ac:dyDescent="0.35">
      <c r="A8069" s="5" t="s">
        <v>10</v>
      </c>
      <c r="B8069" s="6">
        <v>205715</v>
      </c>
      <c r="C8069" s="6" t="s">
        <v>28</v>
      </c>
      <c r="D8069" s="6" t="s">
        <v>91</v>
      </c>
      <c r="E8069" s="6">
        <v>54874</v>
      </c>
      <c r="F8069" s="6" t="s">
        <v>13</v>
      </c>
      <c r="G8069" s="6" t="s">
        <v>16209</v>
      </c>
      <c r="H8069" s="6" t="s">
        <v>16210</v>
      </c>
      <c r="I8069" s="7">
        <v>7.9085574999999997</v>
      </c>
      <c r="J8069" s="8">
        <v>-72.503861400000005</v>
      </c>
    </row>
    <row r="8070" spans="1:10" x14ac:dyDescent="0.35">
      <c r="A8070" s="5" t="s">
        <v>10</v>
      </c>
      <c r="B8070" s="6">
        <v>207406</v>
      </c>
      <c r="C8070" s="6" t="s">
        <v>2821</v>
      </c>
      <c r="D8070" s="6" t="s">
        <v>7712</v>
      </c>
      <c r="E8070" s="6">
        <v>47189</v>
      </c>
      <c r="F8070" s="6" t="s">
        <v>13</v>
      </c>
      <c r="G8070" s="6" t="s">
        <v>16211</v>
      </c>
      <c r="H8070" s="6" t="s">
        <v>16212</v>
      </c>
      <c r="I8070" s="7">
        <v>11.012042299999999</v>
      </c>
      <c r="J8070" s="8">
        <v>-74.251052099999995</v>
      </c>
    </row>
    <row r="8071" spans="1:10" x14ac:dyDescent="0.35">
      <c r="A8071" s="5" t="s">
        <v>10</v>
      </c>
      <c r="B8071" s="6">
        <v>248534</v>
      </c>
      <c r="C8071" s="6" t="s">
        <v>2821</v>
      </c>
      <c r="D8071" s="6" t="s">
        <v>8204</v>
      </c>
      <c r="E8071" s="6">
        <v>47053</v>
      </c>
      <c r="F8071" s="6" t="s">
        <v>13</v>
      </c>
      <c r="G8071" s="6" t="s">
        <v>16213</v>
      </c>
      <c r="H8071" s="6" t="s">
        <v>16214</v>
      </c>
      <c r="I8071" s="7">
        <v>10.591925</v>
      </c>
      <c r="J8071" s="8">
        <v>-74.186103000000003</v>
      </c>
    </row>
    <row r="8072" spans="1:10" x14ac:dyDescent="0.35">
      <c r="A8072" s="5" t="s">
        <v>10</v>
      </c>
      <c r="B8072" s="6">
        <v>241109</v>
      </c>
      <c r="C8072" s="6" t="s">
        <v>117</v>
      </c>
      <c r="D8072" s="6" t="s">
        <v>3686</v>
      </c>
      <c r="E8072" s="6">
        <v>76111</v>
      </c>
      <c r="F8072" s="6" t="s">
        <v>18</v>
      </c>
      <c r="G8072" s="6" t="s">
        <v>16215</v>
      </c>
      <c r="H8072" s="6" t="s">
        <v>16216</v>
      </c>
      <c r="I8072" s="7">
        <v>3.9033554000000001</v>
      </c>
      <c r="J8072" s="8">
        <v>-76.293468099999998</v>
      </c>
    </row>
    <row r="8073" spans="1:10" x14ac:dyDescent="0.35">
      <c r="A8073" s="5" t="s">
        <v>10</v>
      </c>
      <c r="B8073" s="6">
        <v>229509</v>
      </c>
      <c r="C8073" s="6" t="s">
        <v>457</v>
      </c>
      <c r="D8073" s="6" t="s">
        <v>1363</v>
      </c>
      <c r="E8073" s="6">
        <v>52215</v>
      </c>
      <c r="F8073" s="6" t="s">
        <v>18</v>
      </c>
      <c r="G8073" s="6" t="s">
        <v>16217</v>
      </c>
      <c r="H8073" s="6" t="s">
        <v>16218</v>
      </c>
      <c r="I8073" s="7">
        <v>0.85320220000000002</v>
      </c>
      <c r="J8073" s="8">
        <v>-77.518605699999995</v>
      </c>
    </row>
    <row r="8074" spans="1:10" x14ac:dyDescent="0.35">
      <c r="A8074" s="5" t="s">
        <v>10</v>
      </c>
      <c r="B8074" s="6">
        <v>240671</v>
      </c>
      <c r="C8074" s="6" t="s">
        <v>190</v>
      </c>
      <c r="D8074" s="6" t="s">
        <v>16219</v>
      </c>
      <c r="E8074" s="6">
        <v>5347</v>
      </c>
      <c r="F8074" s="6" t="s">
        <v>18</v>
      </c>
      <c r="G8074" s="6" t="s">
        <v>16220</v>
      </c>
      <c r="H8074" s="6" t="s">
        <v>16221</v>
      </c>
      <c r="I8074" s="7">
        <v>6.2059689000000002</v>
      </c>
      <c r="J8074" s="8">
        <v>-75.729707099999999</v>
      </c>
    </row>
    <row r="8075" spans="1:10" x14ac:dyDescent="0.35">
      <c r="A8075" s="5" t="s">
        <v>10</v>
      </c>
      <c r="B8075" s="6">
        <v>204198</v>
      </c>
      <c r="C8075" s="6" t="s">
        <v>68</v>
      </c>
      <c r="D8075" s="6" t="s">
        <v>69</v>
      </c>
      <c r="E8075" s="6">
        <v>11001</v>
      </c>
      <c r="F8075" s="6" t="s">
        <v>18</v>
      </c>
      <c r="G8075" s="6" t="s">
        <v>16222</v>
      </c>
      <c r="H8075" s="6" t="s">
        <v>16223</v>
      </c>
      <c r="I8075" s="7">
        <v>4.5708399999999996</v>
      </c>
      <c r="J8075" s="8">
        <v>-74.164528199999907</v>
      </c>
    </row>
    <row r="8076" spans="1:10" x14ac:dyDescent="0.35">
      <c r="A8076" s="5" t="s">
        <v>10</v>
      </c>
      <c r="B8076" s="6">
        <v>240070</v>
      </c>
      <c r="C8076" s="6" t="s">
        <v>68</v>
      </c>
      <c r="D8076" s="6" t="s">
        <v>69</v>
      </c>
      <c r="E8076" s="6">
        <v>11001</v>
      </c>
      <c r="F8076" s="6" t="s">
        <v>18</v>
      </c>
      <c r="G8076" s="6" t="s">
        <v>16224</v>
      </c>
      <c r="H8076" s="6" t="s">
        <v>16225</v>
      </c>
      <c r="I8076" s="7">
        <v>4.5901879000000001</v>
      </c>
      <c r="J8076" s="8">
        <v>-74.072078000000005</v>
      </c>
    </row>
    <row r="8077" spans="1:10" x14ac:dyDescent="0.35">
      <c r="A8077" s="5" t="s">
        <v>10</v>
      </c>
      <c r="B8077" s="6">
        <v>232672</v>
      </c>
      <c r="C8077" s="6" t="s">
        <v>68</v>
      </c>
      <c r="D8077" s="6" t="s">
        <v>69</v>
      </c>
      <c r="E8077" s="6">
        <v>11001</v>
      </c>
      <c r="F8077" s="6" t="s">
        <v>18</v>
      </c>
      <c r="G8077" s="6" t="s">
        <v>16226</v>
      </c>
      <c r="H8077" s="6" t="s">
        <v>16227</v>
      </c>
      <c r="I8077" s="7">
        <v>4.6432916000000004</v>
      </c>
      <c r="J8077" s="8">
        <v>-74.119318000000007</v>
      </c>
    </row>
    <row r="8078" spans="1:10" x14ac:dyDescent="0.35">
      <c r="A8078" s="5" t="s">
        <v>10</v>
      </c>
      <c r="B8078" s="6">
        <v>235827</v>
      </c>
      <c r="C8078" s="6" t="s">
        <v>68</v>
      </c>
      <c r="D8078" s="6" t="s">
        <v>69</v>
      </c>
      <c r="E8078" s="6">
        <v>11001</v>
      </c>
      <c r="F8078" s="6" t="s">
        <v>18</v>
      </c>
      <c r="G8078" s="6" t="s">
        <v>16228</v>
      </c>
      <c r="H8078" s="6" t="s">
        <v>16229</v>
      </c>
      <c r="I8078" s="7">
        <v>4.6070957000000003</v>
      </c>
      <c r="J8078" s="8">
        <v>-74.084544199999996</v>
      </c>
    </row>
    <row r="8079" spans="1:10" x14ac:dyDescent="0.35">
      <c r="A8079" s="5" t="s">
        <v>10</v>
      </c>
      <c r="B8079" s="6">
        <v>240375</v>
      </c>
      <c r="C8079" s="6" t="s">
        <v>68</v>
      </c>
      <c r="D8079" s="6" t="s">
        <v>69</v>
      </c>
      <c r="E8079" s="6">
        <v>11001</v>
      </c>
      <c r="F8079" s="6" t="s">
        <v>18</v>
      </c>
      <c r="G8079" s="6" t="s">
        <v>16230</v>
      </c>
      <c r="H8079" s="6" t="s">
        <v>16231</v>
      </c>
      <c r="I8079" s="7">
        <v>4.5786496000000003</v>
      </c>
      <c r="J8079" s="8">
        <v>-74.105757800000006</v>
      </c>
    </row>
    <row r="8080" spans="1:10" x14ac:dyDescent="0.35">
      <c r="A8080" s="5" t="s">
        <v>10</v>
      </c>
      <c r="B8080" s="6">
        <v>210316</v>
      </c>
      <c r="C8080" s="6" t="s">
        <v>68</v>
      </c>
      <c r="D8080" s="6" t="s">
        <v>69</v>
      </c>
      <c r="E8080" s="6">
        <v>11001</v>
      </c>
      <c r="F8080" s="6" t="s">
        <v>18</v>
      </c>
      <c r="G8080" s="6" t="s">
        <v>16232</v>
      </c>
      <c r="H8080" s="6" t="s">
        <v>16233</v>
      </c>
      <c r="I8080" s="7">
        <v>4.5397597999999997</v>
      </c>
      <c r="J8080" s="8">
        <v>-74.116623300000001</v>
      </c>
    </row>
    <row r="8081" spans="1:10" x14ac:dyDescent="0.35">
      <c r="A8081" s="5" t="s">
        <v>10</v>
      </c>
      <c r="B8081" s="6">
        <v>220061</v>
      </c>
      <c r="C8081" s="6" t="s">
        <v>68</v>
      </c>
      <c r="D8081" s="6" t="s">
        <v>69</v>
      </c>
      <c r="E8081" s="6">
        <v>11001</v>
      </c>
      <c r="F8081" s="6" t="s">
        <v>18</v>
      </c>
      <c r="G8081" s="6" t="s">
        <v>16234</v>
      </c>
      <c r="H8081" s="6" t="s">
        <v>16235</v>
      </c>
      <c r="I8081" s="7">
        <v>4.6323385999999998</v>
      </c>
      <c r="J8081" s="8">
        <v>-74.204659899999996</v>
      </c>
    </row>
    <row r="8082" spans="1:10" x14ac:dyDescent="0.35">
      <c r="A8082" s="5" t="s">
        <v>10</v>
      </c>
      <c r="B8082" s="6">
        <v>242117</v>
      </c>
      <c r="C8082" s="6" t="s">
        <v>68</v>
      </c>
      <c r="D8082" s="6" t="s">
        <v>69</v>
      </c>
      <c r="E8082" s="6">
        <v>11001</v>
      </c>
      <c r="F8082" s="6" t="s">
        <v>18</v>
      </c>
      <c r="G8082" s="6" t="s">
        <v>16236</v>
      </c>
      <c r="H8082" s="6" t="s">
        <v>16237</v>
      </c>
      <c r="I8082" s="7">
        <v>4.6177792999999996</v>
      </c>
      <c r="J8082" s="8">
        <v>-74.113242900000003</v>
      </c>
    </row>
    <row r="8083" spans="1:10" x14ac:dyDescent="0.35">
      <c r="A8083" s="5" t="s">
        <v>10</v>
      </c>
      <c r="B8083" s="6">
        <v>210902</v>
      </c>
      <c r="C8083" s="6" t="s">
        <v>68</v>
      </c>
      <c r="D8083" s="6" t="s">
        <v>69</v>
      </c>
      <c r="E8083" s="6">
        <v>11001</v>
      </c>
      <c r="F8083" s="6" t="s">
        <v>18</v>
      </c>
      <c r="G8083" s="6" t="s">
        <v>13036</v>
      </c>
      <c r="H8083" s="6" t="s">
        <v>16238</v>
      </c>
      <c r="I8083" s="7">
        <v>4.6497858000000001</v>
      </c>
      <c r="J8083" s="8">
        <v>-74.063655400000002</v>
      </c>
    </row>
    <row r="8084" spans="1:10" x14ac:dyDescent="0.35">
      <c r="A8084" s="5" t="s">
        <v>10</v>
      </c>
      <c r="B8084" s="6">
        <v>231812</v>
      </c>
      <c r="C8084" s="6" t="s">
        <v>117</v>
      </c>
      <c r="D8084" s="6" t="s">
        <v>1334</v>
      </c>
      <c r="E8084" s="6">
        <v>76001</v>
      </c>
      <c r="F8084" s="6" t="s">
        <v>13</v>
      </c>
      <c r="G8084" s="6" t="s">
        <v>16239</v>
      </c>
      <c r="H8084" s="6" t="s">
        <v>16240</v>
      </c>
      <c r="I8084" s="7">
        <v>3.4175239999999998</v>
      </c>
      <c r="J8084" s="8">
        <v>-76.510870999999995</v>
      </c>
    </row>
    <row r="8085" spans="1:10" x14ac:dyDescent="0.35">
      <c r="A8085" s="5" t="s">
        <v>10</v>
      </c>
      <c r="B8085" s="6">
        <v>229675</v>
      </c>
      <c r="C8085" s="6" t="s">
        <v>117</v>
      </c>
      <c r="D8085" s="6" t="s">
        <v>1334</v>
      </c>
      <c r="E8085" s="6">
        <v>76001</v>
      </c>
      <c r="F8085" s="6" t="s">
        <v>18</v>
      </c>
      <c r="G8085" s="6" t="s">
        <v>16241</v>
      </c>
      <c r="H8085" s="6" t="s">
        <v>16242</v>
      </c>
      <c r="I8085" s="7">
        <v>3.4162086</v>
      </c>
      <c r="J8085" s="8">
        <v>-76.4676039</v>
      </c>
    </row>
    <row r="8086" spans="1:10" x14ac:dyDescent="0.35">
      <c r="A8086" s="5" t="s">
        <v>10</v>
      </c>
      <c r="B8086" s="6">
        <v>236700</v>
      </c>
      <c r="C8086" s="6" t="s">
        <v>117</v>
      </c>
      <c r="D8086" s="6" t="s">
        <v>4096</v>
      </c>
      <c r="E8086" s="6">
        <v>76233</v>
      </c>
      <c r="F8086" s="6" t="s">
        <v>18</v>
      </c>
      <c r="G8086" s="6" t="s">
        <v>16243</v>
      </c>
      <c r="H8086" s="6" t="s">
        <v>16244</v>
      </c>
      <c r="I8086" s="7">
        <v>3.4412663999999999</v>
      </c>
      <c r="J8086" s="8">
        <v>-76.532991600000003</v>
      </c>
    </row>
    <row r="8087" spans="1:10" x14ac:dyDescent="0.35">
      <c r="A8087" s="5" t="s">
        <v>10</v>
      </c>
      <c r="B8087" s="6">
        <v>239473</v>
      </c>
      <c r="C8087" s="6" t="s">
        <v>68</v>
      </c>
      <c r="D8087" s="6" t="s">
        <v>69</v>
      </c>
      <c r="E8087" s="6">
        <v>11001</v>
      </c>
      <c r="F8087" s="6" t="s">
        <v>18</v>
      </c>
      <c r="G8087" s="6" t="s">
        <v>16245</v>
      </c>
      <c r="H8087" s="6" t="s">
        <v>16246</v>
      </c>
      <c r="I8087" s="7">
        <v>4.6452008999999999</v>
      </c>
      <c r="J8087" s="8">
        <v>-74.147730499999994</v>
      </c>
    </row>
    <row r="8088" spans="1:10" x14ac:dyDescent="0.35">
      <c r="A8088" s="5" t="s">
        <v>10</v>
      </c>
      <c r="B8088" s="6">
        <v>212650</v>
      </c>
      <c r="C8088" s="6" t="s">
        <v>68</v>
      </c>
      <c r="D8088" s="6" t="s">
        <v>69</v>
      </c>
      <c r="E8088" s="6">
        <v>11001</v>
      </c>
      <c r="F8088" s="6" t="s">
        <v>18</v>
      </c>
      <c r="G8088" s="6" t="s">
        <v>16247</v>
      </c>
      <c r="H8088" s="6" t="s">
        <v>16248</v>
      </c>
      <c r="I8088" s="7">
        <v>4.6204358000000001</v>
      </c>
      <c r="J8088" s="8">
        <v>-74.142483799999994</v>
      </c>
    </row>
    <row r="8089" spans="1:10" x14ac:dyDescent="0.35">
      <c r="A8089" s="5" t="s">
        <v>10</v>
      </c>
      <c r="B8089" s="6">
        <v>219393</v>
      </c>
      <c r="C8089" s="6" t="s">
        <v>68</v>
      </c>
      <c r="D8089" s="6" t="s">
        <v>69</v>
      </c>
      <c r="E8089" s="6">
        <v>11001</v>
      </c>
      <c r="F8089" s="6" t="s">
        <v>18</v>
      </c>
      <c r="G8089" s="6" t="s">
        <v>16249</v>
      </c>
      <c r="H8089" s="6" t="s">
        <v>16250</v>
      </c>
      <c r="I8089" s="7">
        <v>4.6654711999999998</v>
      </c>
      <c r="J8089" s="8">
        <v>-74.109646299999994</v>
      </c>
    </row>
    <row r="8090" spans="1:10" x14ac:dyDescent="0.35">
      <c r="A8090" s="5" t="s">
        <v>10</v>
      </c>
      <c r="B8090" s="6">
        <v>244131</v>
      </c>
      <c r="C8090" s="6" t="s">
        <v>68</v>
      </c>
      <c r="D8090" s="6" t="s">
        <v>69</v>
      </c>
      <c r="E8090" s="6">
        <v>11001</v>
      </c>
      <c r="F8090" s="6" t="s">
        <v>18</v>
      </c>
      <c r="G8090" s="6" t="s">
        <v>16251</v>
      </c>
      <c r="H8090" s="6" t="s">
        <v>16252</v>
      </c>
      <c r="I8090" s="7">
        <v>4.744345</v>
      </c>
      <c r="J8090" s="8">
        <v>-74.092166000000006</v>
      </c>
    </row>
    <row r="8091" spans="1:10" x14ac:dyDescent="0.35">
      <c r="A8091" s="5" t="s">
        <v>10</v>
      </c>
      <c r="B8091" s="6">
        <v>203438</v>
      </c>
      <c r="C8091" s="6" t="s">
        <v>68</v>
      </c>
      <c r="D8091" s="6" t="s">
        <v>69</v>
      </c>
      <c r="E8091" s="6">
        <v>11001</v>
      </c>
      <c r="F8091" s="6" t="s">
        <v>18</v>
      </c>
      <c r="G8091" s="6" t="s">
        <v>16253</v>
      </c>
      <c r="H8091" s="6" t="s">
        <v>16254</v>
      </c>
      <c r="I8091" s="7">
        <v>4.6057188999999896</v>
      </c>
      <c r="J8091" s="8">
        <v>-74.114035399999906</v>
      </c>
    </row>
    <row r="8092" spans="1:10" x14ac:dyDescent="0.35">
      <c r="A8092" s="5" t="s">
        <v>10</v>
      </c>
      <c r="B8092" s="6">
        <v>214926</v>
      </c>
      <c r="C8092" s="6" t="s">
        <v>68</v>
      </c>
      <c r="D8092" s="6" t="s">
        <v>69</v>
      </c>
      <c r="E8092" s="6">
        <v>11001</v>
      </c>
      <c r="F8092" s="6" t="s">
        <v>18</v>
      </c>
      <c r="G8092" s="6" t="s">
        <v>7962</v>
      </c>
      <c r="H8092" s="6" t="s">
        <v>16255</v>
      </c>
      <c r="I8092" s="7">
        <v>4.6305939</v>
      </c>
      <c r="J8092" s="8">
        <v>-74.176475199999999</v>
      </c>
    </row>
    <row r="8093" spans="1:10" x14ac:dyDescent="0.35">
      <c r="A8093" s="5" t="s">
        <v>10</v>
      </c>
      <c r="B8093" s="6">
        <v>216313</v>
      </c>
      <c r="C8093" s="6" t="s">
        <v>68</v>
      </c>
      <c r="D8093" s="6" t="s">
        <v>69</v>
      </c>
      <c r="E8093" s="6">
        <v>11001</v>
      </c>
      <c r="F8093" s="6" t="s">
        <v>18</v>
      </c>
      <c r="G8093" s="6" t="s">
        <v>16256</v>
      </c>
      <c r="H8093" s="6" t="s">
        <v>11947</v>
      </c>
      <c r="I8093" s="7">
        <v>4.4997123999999999</v>
      </c>
      <c r="J8093" s="8">
        <v>-74.111740600000005</v>
      </c>
    </row>
    <row r="8094" spans="1:10" x14ac:dyDescent="0.35">
      <c r="A8094" s="5" t="s">
        <v>10</v>
      </c>
      <c r="B8094" s="6">
        <v>233741</v>
      </c>
      <c r="C8094" s="6" t="s">
        <v>68</v>
      </c>
      <c r="D8094" s="6" t="s">
        <v>69</v>
      </c>
      <c r="E8094" s="6">
        <v>11001</v>
      </c>
      <c r="F8094" s="6" t="s">
        <v>18</v>
      </c>
      <c r="G8094" s="6" t="s">
        <v>16257</v>
      </c>
      <c r="H8094" s="6" t="s">
        <v>16258</v>
      </c>
      <c r="I8094" s="7">
        <v>4.55307</v>
      </c>
      <c r="J8094" s="8">
        <v>-74.1143</v>
      </c>
    </row>
    <row r="8095" spans="1:10" x14ac:dyDescent="0.35">
      <c r="A8095" s="5" t="s">
        <v>10</v>
      </c>
      <c r="B8095" s="6">
        <v>228346</v>
      </c>
      <c r="C8095" s="6" t="s">
        <v>4364</v>
      </c>
      <c r="D8095" s="6" t="s">
        <v>15797</v>
      </c>
      <c r="E8095" s="6">
        <v>70473</v>
      </c>
      <c r="F8095" s="6" t="s">
        <v>13</v>
      </c>
      <c r="G8095" s="6" t="s">
        <v>16259</v>
      </c>
      <c r="H8095" s="6" t="s">
        <v>16260</v>
      </c>
      <c r="I8095" s="7">
        <v>9.3321930000000002</v>
      </c>
      <c r="J8095" s="8">
        <v>-75.307732999999999</v>
      </c>
    </row>
    <row r="8096" spans="1:10" x14ac:dyDescent="0.35">
      <c r="A8096" s="5" t="s">
        <v>10</v>
      </c>
      <c r="B8096" s="6">
        <v>186702</v>
      </c>
      <c r="C8096" s="6" t="s">
        <v>68</v>
      </c>
      <c r="D8096" s="6" t="s">
        <v>69</v>
      </c>
      <c r="E8096" s="6">
        <v>11001</v>
      </c>
      <c r="F8096" s="6" t="s">
        <v>13</v>
      </c>
      <c r="G8096" s="6" t="s">
        <v>16261</v>
      </c>
      <c r="H8096" s="6" t="s">
        <v>16262</v>
      </c>
      <c r="I8096" s="7">
        <v>4.5927796000000001</v>
      </c>
      <c r="J8096" s="8">
        <v>-74.139521400000007</v>
      </c>
    </row>
    <row r="8097" spans="1:10" x14ac:dyDescent="0.35">
      <c r="A8097" s="5" t="s">
        <v>10</v>
      </c>
      <c r="B8097" s="6">
        <v>189873</v>
      </c>
      <c r="C8097" s="6" t="s">
        <v>308</v>
      </c>
      <c r="D8097" s="6" t="s">
        <v>309</v>
      </c>
      <c r="E8097" s="6">
        <v>23001</v>
      </c>
      <c r="F8097" s="6" t="s">
        <v>13</v>
      </c>
      <c r="G8097" s="6" t="s">
        <v>16263</v>
      </c>
      <c r="H8097" s="6" t="s">
        <v>16264</v>
      </c>
      <c r="I8097" s="7">
        <v>8.7322030999999996</v>
      </c>
      <c r="J8097" s="8">
        <v>-75.884736799999999</v>
      </c>
    </row>
    <row r="8098" spans="1:10" x14ac:dyDescent="0.35">
      <c r="A8098" s="5" t="s">
        <v>10</v>
      </c>
      <c r="B8098" s="6">
        <v>198196</v>
      </c>
      <c r="C8098" s="6" t="s">
        <v>68</v>
      </c>
      <c r="D8098" s="6" t="s">
        <v>69</v>
      </c>
      <c r="E8098" s="6">
        <v>11001</v>
      </c>
      <c r="F8098" s="6" t="s">
        <v>13</v>
      </c>
      <c r="G8098" s="6" t="s">
        <v>16265</v>
      </c>
      <c r="H8098" s="6" t="s">
        <v>16266</v>
      </c>
      <c r="I8098" s="7">
        <v>4.7499345999999996</v>
      </c>
      <c r="J8098" s="8">
        <v>-74.059364200000005</v>
      </c>
    </row>
    <row r="8099" spans="1:10" x14ac:dyDescent="0.35">
      <c r="A8099" s="5" t="s">
        <v>10</v>
      </c>
      <c r="B8099" s="6">
        <v>203171</v>
      </c>
      <c r="C8099" s="6" t="s">
        <v>308</v>
      </c>
      <c r="D8099" s="6" t="s">
        <v>309</v>
      </c>
      <c r="E8099" s="6">
        <v>23001</v>
      </c>
      <c r="F8099" s="6" t="s">
        <v>13</v>
      </c>
      <c r="G8099" s="6" t="s">
        <v>16267</v>
      </c>
      <c r="H8099" s="6" t="s">
        <v>16268</v>
      </c>
      <c r="I8099" s="7">
        <v>8.7534816000000006</v>
      </c>
      <c r="J8099" s="8">
        <v>-75.890144699999993</v>
      </c>
    </row>
    <row r="8100" spans="1:10" x14ac:dyDescent="0.35">
      <c r="A8100" s="5" t="s">
        <v>10</v>
      </c>
      <c r="B8100" s="6">
        <v>240373</v>
      </c>
      <c r="C8100" s="6" t="s">
        <v>308</v>
      </c>
      <c r="D8100" s="6" t="s">
        <v>309</v>
      </c>
      <c r="E8100" s="6">
        <v>23001</v>
      </c>
      <c r="F8100" s="6" t="s">
        <v>13</v>
      </c>
      <c r="G8100" s="6" t="s">
        <v>16269</v>
      </c>
      <c r="H8100" s="6" t="s">
        <v>16270</v>
      </c>
      <c r="I8100" s="7">
        <v>8.7338061000000007</v>
      </c>
      <c r="J8100" s="8">
        <v>-75.890556599999996</v>
      </c>
    </row>
    <row r="8101" spans="1:10" x14ac:dyDescent="0.35">
      <c r="A8101" s="5" t="s">
        <v>10</v>
      </c>
      <c r="B8101" s="6">
        <v>241210</v>
      </c>
      <c r="C8101" s="6" t="s">
        <v>117</v>
      </c>
      <c r="D8101" s="6" t="s">
        <v>1334</v>
      </c>
      <c r="E8101" s="6">
        <v>76001</v>
      </c>
      <c r="F8101" s="6" t="s">
        <v>18</v>
      </c>
      <c r="G8101" s="6" t="s">
        <v>16271</v>
      </c>
      <c r="H8101" s="6" t="s">
        <v>16272</v>
      </c>
      <c r="I8101" s="7">
        <v>3.4465922999999998</v>
      </c>
      <c r="J8101" s="8">
        <v>-76.486909400000002</v>
      </c>
    </row>
    <row r="8102" spans="1:10" x14ac:dyDescent="0.35">
      <c r="A8102" s="5" t="s">
        <v>10</v>
      </c>
      <c r="B8102" s="6">
        <v>208085</v>
      </c>
      <c r="C8102" s="6" t="s">
        <v>117</v>
      </c>
      <c r="D8102" s="6" t="s">
        <v>1334</v>
      </c>
      <c r="E8102" s="6">
        <v>76001</v>
      </c>
      <c r="F8102" s="6" t="s">
        <v>18</v>
      </c>
      <c r="G8102" s="6" t="s">
        <v>16273</v>
      </c>
      <c r="H8102" s="6" t="s">
        <v>16274</v>
      </c>
      <c r="I8102" s="7">
        <v>3.4183354000000001</v>
      </c>
      <c r="J8102" s="8">
        <v>-76.471513899999906</v>
      </c>
    </row>
    <row r="8103" spans="1:10" x14ac:dyDescent="0.35">
      <c r="A8103" s="5" t="s">
        <v>10</v>
      </c>
      <c r="B8103" s="6">
        <v>219753</v>
      </c>
      <c r="C8103" s="6" t="s">
        <v>190</v>
      </c>
      <c r="D8103" s="6" t="s">
        <v>14415</v>
      </c>
      <c r="E8103" s="6">
        <v>5380</v>
      </c>
      <c r="F8103" s="6" t="s">
        <v>18</v>
      </c>
      <c r="G8103" s="6" t="s">
        <v>16275</v>
      </c>
      <c r="H8103" s="6" t="s">
        <v>16276</v>
      </c>
      <c r="I8103" s="7">
        <v>6.1643800999999998</v>
      </c>
      <c r="J8103" s="8">
        <v>-75.642095400000002</v>
      </c>
    </row>
    <row r="8104" spans="1:10" x14ac:dyDescent="0.35">
      <c r="A8104" s="5" t="s">
        <v>10</v>
      </c>
      <c r="B8104" s="6">
        <v>236677</v>
      </c>
      <c r="C8104" s="6" t="s">
        <v>190</v>
      </c>
      <c r="D8104" s="6" t="s">
        <v>16277</v>
      </c>
      <c r="E8104" s="6">
        <v>5576</v>
      </c>
      <c r="F8104" s="6" t="s">
        <v>18</v>
      </c>
      <c r="G8104" s="6" t="s">
        <v>16278</v>
      </c>
      <c r="H8104" s="6" t="s">
        <v>16279</v>
      </c>
      <c r="I8104" s="7">
        <v>5.7894604999999997</v>
      </c>
      <c r="J8104" s="8">
        <v>-75.842424699999995</v>
      </c>
    </row>
    <row r="8105" spans="1:10" x14ac:dyDescent="0.35">
      <c r="A8105" s="5" t="s">
        <v>10</v>
      </c>
      <c r="B8105" s="6">
        <v>107071</v>
      </c>
      <c r="C8105" s="6" t="s">
        <v>308</v>
      </c>
      <c r="D8105" s="6" t="s">
        <v>8321</v>
      </c>
      <c r="E8105" s="6">
        <v>23162</v>
      </c>
      <c r="F8105" s="6" t="s">
        <v>13</v>
      </c>
      <c r="G8105" s="6" t="s">
        <v>11877</v>
      </c>
      <c r="H8105" s="6" t="s">
        <v>16280</v>
      </c>
      <c r="I8105" s="7">
        <v>8.8889206999999999</v>
      </c>
      <c r="J8105" s="8">
        <v>-75.789587499999996</v>
      </c>
    </row>
    <row r="8106" spans="1:10" x14ac:dyDescent="0.35">
      <c r="A8106" s="5" t="s">
        <v>10</v>
      </c>
      <c r="B8106" s="6">
        <v>183654</v>
      </c>
      <c r="C8106" s="6" t="s">
        <v>68</v>
      </c>
      <c r="D8106" s="6" t="s">
        <v>69</v>
      </c>
      <c r="E8106" s="6">
        <v>11001</v>
      </c>
      <c r="F8106" s="6" t="s">
        <v>18</v>
      </c>
      <c r="G8106" s="6" t="s">
        <v>16281</v>
      </c>
      <c r="H8106" s="6" t="s">
        <v>16282</v>
      </c>
      <c r="I8106" s="7">
        <v>4.6820864000000002</v>
      </c>
      <c r="J8106" s="8">
        <v>-74.110779999999906</v>
      </c>
    </row>
    <row r="8107" spans="1:10" x14ac:dyDescent="0.35">
      <c r="A8107" s="5" t="s">
        <v>10</v>
      </c>
      <c r="B8107" s="6">
        <v>226733</v>
      </c>
      <c r="C8107" s="6" t="s">
        <v>68</v>
      </c>
      <c r="D8107" s="6" t="s">
        <v>69</v>
      </c>
      <c r="E8107" s="6">
        <v>11001</v>
      </c>
      <c r="F8107" s="6" t="s">
        <v>18</v>
      </c>
      <c r="G8107" s="6" t="s">
        <v>16283</v>
      </c>
      <c r="H8107" s="6" t="s">
        <v>16284</v>
      </c>
      <c r="I8107" s="7">
        <v>4.7445120999999997</v>
      </c>
      <c r="J8107" s="8">
        <v>-74.104502199999999</v>
      </c>
    </row>
    <row r="8108" spans="1:10" x14ac:dyDescent="0.35">
      <c r="A8108" s="5" t="s">
        <v>10</v>
      </c>
      <c r="B8108" s="6">
        <v>224367</v>
      </c>
      <c r="C8108" s="6" t="s">
        <v>68</v>
      </c>
      <c r="D8108" s="6" t="s">
        <v>69</v>
      </c>
      <c r="E8108" s="6">
        <v>11001</v>
      </c>
      <c r="F8108" s="6" t="s">
        <v>18</v>
      </c>
      <c r="G8108" s="6" t="s">
        <v>16285</v>
      </c>
      <c r="H8108" s="6" t="s">
        <v>16286</v>
      </c>
      <c r="I8108" s="7">
        <v>4.6708790000000002</v>
      </c>
      <c r="J8108" s="8">
        <v>-74.105916999999906</v>
      </c>
    </row>
    <row r="8109" spans="1:10" x14ac:dyDescent="0.35">
      <c r="A8109" s="5" t="s">
        <v>10</v>
      </c>
      <c r="B8109" s="6">
        <v>236435</v>
      </c>
      <c r="C8109" s="6" t="s">
        <v>68</v>
      </c>
      <c r="D8109" s="6" t="s">
        <v>69</v>
      </c>
      <c r="E8109" s="6">
        <v>11001</v>
      </c>
      <c r="F8109" s="6" t="s">
        <v>18</v>
      </c>
      <c r="G8109" s="6" t="s">
        <v>16287</v>
      </c>
      <c r="H8109" s="6" t="s">
        <v>16288</v>
      </c>
      <c r="I8109" s="7">
        <v>4.5535648000000002</v>
      </c>
      <c r="J8109" s="8">
        <v>-74.139149500000002</v>
      </c>
    </row>
    <row r="8110" spans="1:10" x14ac:dyDescent="0.35">
      <c r="A8110" s="5" t="s">
        <v>10</v>
      </c>
      <c r="B8110" s="6">
        <v>236542</v>
      </c>
      <c r="C8110" s="6" t="s">
        <v>68</v>
      </c>
      <c r="D8110" s="6" t="s">
        <v>69</v>
      </c>
      <c r="E8110" s="6">
        <v>11001</v>
      </c>
      <c r="F8110" s="6" t="s">
        <v>18</v>
      </c>
      <c r="G8110" s="6" t="s">
        <v>16289</v>
      </c>
      <c r="H8110" s="6" t="s">
        <v>16290</v>
      </c>
      <c r="I8110" s="7">
        <v>4.6994482</v>
      </c>
      <c r="J8110" s="8">
        <v>-74.097075700000005</v>
      </c>
    </row>
    <row r="8111" spans="1:10" x14ac:dyDescent="0.35">
      <c r="A8111" s="5" t="s">
        <v>10</v>
      </c>
      <c r="B8111" s="6">
        <v>237648</v>
      </c>
      <c r="C8111" s="6" t="s">
        <v>68</v>
      </c>
      <c r="D8111" s="6" t="s">
        <v>69</v>
      </c>
      <c r="E8111" s="6">
        <v>11001</v>
      </c>
      <c r="F8111" s="6" t="s">
        <v>18</v>
      </c>
      <c r="G8111" s="6" t="s">
        <v>16291</v>
      </c>
      <c r="H8111" s="6" t="s">
        <v>16292</v>
      </c>
      <c r="I8111" s="7">
        <v>4.5853558999999997</v>
      </c>
      <c r="J8111" s="8">
        <v>-74.167188100000004</v>
      </c>
    </row>
    <row r="8112" spans="1:10" x14ac:dyDescent="0.35">
      <c r="A8112" s="5" t="s">
        <v>10</v>
      </c>
      <c r="B8112" s="6">
        <v>242462</v>
      </c>
      <c r="C8112" s="6" t="s">
        <v>68</v>
      </c>
      <c r="D8112" s="6" t="s">
        <v>69</v>
      </c>
      <c r="E8112" s="6">
        <v>11001</v>
      </c>
      <c r="F8112" s="6" t="s">
        <v>18</v>
      </c>
      <c r="G8112" s="6" t="s">
        <v>16293</v>
      </c>
      <c r="H8112" s="6" t="s">
        <v>16294</v>
      </c>
      <c r="I8112" s="7">
        <v>4.5734998999999998</v>
      </c>
      <c r="J8112" s="8">
        <v>-74.100257099999993</v>
      </c>
    </row>
    <row r="8113" spans="1:10" x14ac:dyDescent="0.35">
      <c r="A8113" s="5" t="s">
        <v>10</v>
      </c>
      <c r="B8113" s="6">
        <v>242558</v>
      </c>
      <c r="C8113" s="6" t="s">
        <v>68</v>
      </c>
      <c r="D8113" s="6" t="s">
        <v>69</v>
      </c>
      <c r="E8113" s="6">
        <v>11001</v>
      </c>
      <c r="F8113" s="6" t="s">
        <v>18</v>
      </c>
      <c r="G8113" s="6" t="s">
        <v>16295</v>
      </c>
      <c r="H8113" s="6" t="s">
        <v>16296</v>
      </c>
      <c r="I8113" s="7">
        <v>4.7614502999999999</v>
      </c>
      <c r="J8113" s="8">
        <v>-74.023853399999993</v>
      </c>
    </row>
    <row r="8114" spans="1:10" x14ac:dyDescent="0.35">
      <c r="A8114" s="5" t="s">
        <v>10</v>
      </c>
      <c r="B8114" s="6">
        <v>242712</v>
      </c>
      <c r="C8114" s="6" t="s">
        <v>68</v>
      </c>
      <c r="D8114" s="6" t="s">
        <v>69</v>
      </c>
      <c r="E8114" s="6">
        <v>11001</v>
      </c>
      <c r="F8114" s="6" t="s">
        <v>18</v>
      </c>
      <c r="G8114" s="6" t="s">
        <v>14344</v>
      </c>
      <c r="H8114" s="6" t="s">
        <v>16297</v>
      </c>
      <c r="I8114" s="7">
        <v>4.5467440000000003</v>
      </c>
      <c r="J8114" s="8">
        <v>-74.149778699999999</v>
      </c>
    </row>
    <row r="8115" spans="1:10" x14ac:dyDescent="0.35">
      <c r="A8115" s="5" t="s">
        <v>10</v>
      </c>
      <c r="B8115" s="6">
        <v>246122</v>
      </c>
      <c r="C8115" s="6" t="s">
        <v>68</v>
      </c>
      <c r="D8115" s="6" t="s">
        <v>69</v>
      </c>
      <c r="E8115" s="6">
        <v>11001</v>
      </c>
      <c r="F8115" s="6" t="s">
        <v>13</v>
      </c>
      <c r="G8115" s="6" t="s">
        <v>16298</v>
      </c>
      <c r="H8115" s="6" t="s">
        <v>16299</v>
      </c>
      <c r="I8115" s="7">
        <v>4.6334702999999999</v>
      </c>
      <c r="J8115" s="8">
        <v>-74.109371499999995</v>
      </c>
    </row>
    <row r="8116" spans="1:10" x14ac:dyDescent="0.35">
      <c r="A8116" s="5" t="s">
        <v>10</v>
      </c>
      <c r="B8116" s="6">
        <v>237915</v>
      </c>
      <c r="C8116" s="6" t="s">
        <v>302</v>
      </c>
      <c r="D8116" s="6" t="s">
        <v>16300</v>
      </c>
      <c r="E8116" s="6">
        <v>8560</v>
      </c>
      <c r="F8116" s="6" t="s">
        <v>13</v>
      </c>
      <c r="G8116" s="6" t="s">
        <v>16301</v>
      </c>
      <c r="H8116" s="6" t="s">
        <v>16302</v>
      </c>
      <c r="I8116" s="7">
        <v>10.6410421</v>
      </c>
      <c r="J8116" s="8">
        <v>-74.751664199999993</v>
      </c>
    </row>
    <row r="8117" spans="1:10" x14ac:dyDescent="0.35">
      <c r="A8117" s="5" t="s">
        <v>10</v>
      </c>
      <c r="B8117" s="6">
        <v>241030</v>
      </c>
      <c r="C8117" s="6" t="s">
        <v>117</v>
      </c>
      <c r="D8117" s="6" t="s">
        <v>1334</v>
      </c>
      <c r="E8117" s="6">
        <v>76001</v>
      </c>
      <c r="F8117" s="6" t="s">
        <v>18</v>
      </c>
      <c r="G8117" s="6" t="s">
        <v>16303</v>
      </c>
      <c r="H8117" s="6" t="s">
        <v>16304</v>
      </c>
      <c r="I8117" s="7">
        <v>3.3949785000000001</v>
      </c>
      <c r="J8117" s="8">
        <v>-76.508950900000002</v>
      </c>
    </row>
    <row r="8118" spans="1:10" x14ac:dyDescent="0.35">
      <c r="A8118" s="5" t="s">
        <v>10</v>
      </c>
      <c r="B8118" s="6">
        <v>140687</v>
      </c>
      <c r="C8118" s="6" t="s">
        <v>190</v>
      </c>
      <c r="D8118" s="6" t="s">
        <v>191</v>
      </c>
      <c r="E8118" s="6">
        <v>5001</v>
      </c>
      <c r="F8118" s="6" t="s">
        <v>18</v>
      </c>
      <c r="G8118" s="6" t="s">
        <v>16305</v>
      </c>
      <c r="H8118" s="6" t="s">
        <v>16306</v>
      </c>
      <c r="I8118" s="7">
        <v>6.2747682999999999</v>
      </c>
      <c r="J8118" s="8">
        <v>-75.553638100000001</v>
      </c>
    </row>
    <row r="8119" spans="1:10" x14ac:dyDescent="0.35">
      <c r="A8119" s="5" t="s">
        <v>10</v>
      </c>
      <c r="B8119" s="6">
        <v>155860</v>
      </c>
      <c r="C8119" s="6" t="s">
        <v>190</v>
      </c>
      <c r="D8119" s="6" t="s">
        <v>15603</v>
      </c>
      <c r="E8119" s="6">
        <v>5353</v>
      </c>
      <c r="F8119" s="6" t="s">
        <v>18</v>
      </c>
      <c r="G8119" s="6" t="s">
        <v>16307</v>
      </c>
      <c r="H8119" s="6" t="s">
        <v>16308</v>
      </c>
      <c r="I8119" s="7">
        <v>5.7991853999999998</v>
      </c>
      <c r="J8119" s="8">
        <v>-75.907739300000003</v>
      </c>
    </row>
    <row r="8120" spans="1:10" x14ac:dyDescent="0.35">
      <c r="A8120" s="5" t="s">
        <v>10</v>
      </c>
      <c r="B8120" s="6">
        <v>131432</v>
      </c>
      <c r="C8120" s="6" t="s">
        <v>190</v>
      </c>
      <c r="D8120" s="6" t="s">
        <v>4362</v>
      </c>
      <c r="E8120" s="6">
        <v>5360</v>
      </c>
      <c r="F8120" s="6" t="s">
        <v>18</v>
      </c>
      <c r="G8120" s="6" t="s">
        <v>16309</v>
      </c>
      <c r="H8120" s="6" t="s">
        <v>16310</v>
      </c>
      <c r="I8120" s="7">
        <v>6.1923731999999996</v>
      </c>
      <c r="J8120" s="8">
        <v>-75.643487800000003</v>
      </c>
    </row>
    <row r="8121" spans="1:10" x14ac:dyDescent="0.35">
      <c r="A8121" s="5" t="s">
        <v>10</v>
      </c>
      <c r="B8121" s="6">
        <v>203686</v>
      </c>
      <c r="C8121" s="6" t="s">
        <v>68</v>
      </c>
      <c r="D8121" s="6" t="s">
        <v>69</v>
      </c>
      <c r="E8121" s="6">
        <v>11001</v>
      </c>
      <c r="F8121" s="6" t="s">
        <v>18</v>
      </c>
      <c r="G8121" s="6" t="s">
        <v>16311</v>
      </c>
      <c r="H8121" s="6" t="s">
        <v>16312</v>
      </c>
      <c r="I8121" s="7">
        <v>4.6389326999999998</v>
      </c>
      <c r="J8121" s="8">
        <v>-74.195455999999993</v>
      </c>
    </row>
    <row r="8122" spans="1:10" x14ac:dyDescent="0.35">
      <c r="A8122" s="5" t="s">
        <v>10</v>
      </c>
      <c r="B8122" s="6">
        <v>214812</v>
      </c>
      <c r="C8122" s="6" t="s">
        <v>68</v>
      </c>
      <c r="D8122" s="6" t="s">
        <v>69</v>
      </c>
      <c r="E8122" s="6">
        <v>11001</v>
      </c>
      <c r="F8122" s="6" t="s">
        <v>18</v>
      </c>
      <c r="G8122" s="6" t="s">
        <v>16313</v>
      </c>
      <c r="H8122" s="6" t="s">
        <v>16314</v>
      </c>
      <c r="I8122" s="7">
        <v>4.6102213000000001</v>
      </c>
      <c r="J8122" s="8">
        <v>-74.1733701</v>
      </c>
    </row>
    <row r="8123" spans="1:10" x14ac:dyDescent="0.35">
      <c r="A8123" s="5" t="s">
        <v>10</v>
      </c>
      <c r="B8123" s="6">
        <v>242514</v>
      </c>
      <c r="C8123" s="6" t="s">
        <v>68</v>
      </c>
      <c r="D8123" s="6" t="s">
        <v>69</v>
      </c>
      <c r="E8123" s="6">
        <v>11001</v>
      </c>
      <c r="F8123" s="6" t="s">
        <v>18</v>
      </c>
      <c r="G8123" s="6" t="s">
        <v>16315</v>
      </c>
      <c r="H8123" s="6" t="s">
        <v>16316</v>
      </c>
      <c r="I8123" s="7">
        <v>4.6666372999999997</v>
      </c>
      <c r="J8123" s="8">
        <v>-74.059920000000005</v>
      </c>
    </row>
    <row r="8124" spans="1:10" x14ac:dyDescent="0.35">
      <c r="A8124" s="5" t="s">
        <v>10</v>
      </c>
      <c r="B8124" s="6">
        <v>244599</v>
      </c>
      <c r="C8124" s="6" t="s">
        <v>68</v>
      </c>
      <c r="D8124" s="6" t="s">
        <v>69</v>
      </c>
      <c r="E8124" s="6">
        <v>11001</v>
      </c>
      <c r="F8124" s="6" t="s">
        <v>18</v>
      </c>
      <c r="G8124" s="6" t="s">
        <v>16317</v>
      </c>
      <c r="H8124" s="6" t="s">
        <v>16318</v>
      </c>
      <c r="I8124" s="7">
        <v>4.6248225999999999</v>
      </c>
      <c r="J8124" s="8">
        <v>-74.116371200000003</v>
      </c>
    </row>
    <row r="8125" spans="1:10" x14ac:dyDescent="0.35">
      <c r="A8125" s="5" t="s">
        <v>10</v>
      </c>
      <c r="B8125" s="6">
        <v>229858</v>
      </c>
      <c r="C8125" s="6" t="s">
        <v>68</v>
      </c>
      <c r="D8125" s="6" t="s">
        <v>69</v>
      </c>
      <c r="E8125" s="6">
        <v>11001</v>
      </c>
      <c r="F8125" s="6" t="s">
        <v>18</v>
      </c>
      <c r="G8125" s="6" t="s">
        <v>16319</v>
      </c>
      <c r="H8125" s="6" t="s">
        <v>16320</v>
      </c>
      <c r="I8125" s="7">
        <v>4.6338170999999999</v>
      </c>
      <c r="J8125" s="8">
        <v>-74.186273</v>
      </c>
    </row>
    <row r="8126" spans="1:10" x14ac:dyDescent="0.35">
      <c r="A8126" s="5" t="s">
        <v>10</v>
      </c>
      <c r="B8126" s="6">
        <v>242211</v>
      </c>
      <c r="C8126" s="6" t="s">
        <v>68</v>
      </c>
      <c r="D8126" s="6" t="s">
        <v>69</v>
      </c>
      <c r="E8126" s="6">
        <v>11001</v>
      </c>
      <c r="F8126" s="6" t="s">
        <v>18</v>
      </c>
      <c r="G8126" s="6" t="s">
        <v>16321</v>
      </c>
      <c r="H8126" s="6" t="s">
        <v>16322</v>
      </c>
      <c r="I8126" s="7">
        <v>4.7390270000000001</v>
      </c>
      <c r="J8126" s="8">
        <v>-74.029561799999996</v>
      </c>
    </row>
    <row r="8127" spans="1:10" x14ac:dyDescent="0.35">
      <c r="A8127" s="5" t="s">
        <v>10</v>
      </c>
      <c r="B8127" s="6">
        <v>242298</v>
      </c>
      <c r="C8127" s="6" t="s">
        <v>68</v>
      </c>
      <c r="D8127" s="6" t="s">
        <v>69</v>
      </c>
      <c r="E8127" s="6">
        <v>11001</v>
      </c>
      <c r="F8127" s="6" t="s">
        <v>18</v>
      </c>
      <c r="G8127" s="6" t="s">
        <v>16323</v>
      </c>
      <c r="H8127" s="6" t="s">
        <v>16324</v>
      </c>
      <c r="I8127" s="7">
        <v>4.5759999000000002</v>
      </c>
      <c r="J8127" s="8">
        <v>-74.126796799999994</v>
      </c>
    </row>
    <row r="8128" spans="1:10" x14ac:dyDescent="0.35">
      <c r="A8128" s="5" t="s">
        <v>10</v>
      </c>
      <c r="B8128" s="6">
        <v>239076</v>
      </c>
      <c r="C8128" s="6" t="s">
        <v>68</v>
      </c>
      <c r="D8128" s="6" t="s">
        <v>69</v>
      </c>
      <c r="E8128" s="6">
        <v>11001</v>
      </c>
      <c r="F8128" s="6" t="s">
        <v>18</v>
      </c>
      <c r="G8128" s="6" t="s">
        <v>16325</v>
      </c>
      <c r="H8128" s="6" t="s">
        <v>16326</v>
      </c>
      <c r="I8128" s="7">
        <v>4.6303782</v>
      </c>
      <c r="J8128" s="8">
        <v>-74.176391899999999</v>
      </c>
    </row>
    <row r="8129" spans="1:10" x14ac:dyDescent="0.35">
      <c r="A8129" s="5" t="s">
        <v>10</v>
      </c>
      <c r="B8129" s="6">
        <v>229633</v>
      </c>
      <c r="C8129" s="6" t="s">
        <v>68</v>
      </c>
      <c r="D8129" s="6" t="s">
        <v>69</v>
      </c>
      <c r="E8129" s="6">
        <v>11001</v>
      </c>
      <c r="F8129" s="6" t="s">
        <v>18</v>
      </c>
      <c r="G8129" s="6" t="s">
        <v>16327</v>
      </c>
      <c r="H8129" s="6" t="s">
        <v>16328</v>
      </c>
      <c r="I8129" s="7">
        <v>4.5983869999999998</v>
      </c>
      <c r="J8129" s="8">
        <v>-74.167559400000002</v>
      </c>
    </row>
    <row r="8130" spans="1:10" x14ac:dyDescent="0.35">
      <c r="A8130" s="5" t="s">
        <v>10</v>
      </c>
      <c r="B8130" s="6">
        <v>242580</v>
      </c>
      <c r="C8130" s="6" t="s">
        <v>68</v>
      </c>
      <c r="D8130" s="6" t="s">
        <v>69</v>
      </c>
      <c r="E8130" s="6">
        <v>11001</v>
      </c>
      <c r="F8130" s="6" t="s">
        <v>18</v>
      </c>
      <c r="G8130" s="6" t="s">
        <v>16329</v>
      </c>
      <c r="H8130" s="6" t="s">
        <v>16330</v>
      </c>
      <c r="I8130" s="7">
        <v>4.5998979000000002</v>
      </c>
      <c r="J8130" s="8">
        <v>-74.133305699999994</v>
      </c>
    </row>
    <row r="8131" spans="1:10" x14ac:dyDescent="0.35">
      <c r="A8131" s="5" t="s">
        <v>10</v>
      </c>
      <c r="B8131" s="6">
        <v>211934</v>
      </c>
      <c r="C8131" s="6" t="s">
        <v>28</v>
      </c>
      <c r="D8131" s="6" t="s">
        <v>29</v>
      </c>
      <c r="E8131" s="6">
        <v>54001</v>
      </c>
      <c r="F8131" s="6" t="s">
        <v>13</v>
      </c>
      <c r="G8131" s="6" t="s">
        <v>16331</v>
      </c>
      <c r="H8131" s="6" t="s">
        <v>16332</v>
      </c>
      <c r="I8131" s="7">
        <v>7.9097337999999997</v>
      </c>
      <c r="J8131" s="8">
        <v>-72.504008400000004</v>
      </c>
    </row>
    <row r="8132" spans="1:10" x14ac:dyDescent="0.35">
      <c r="A8132" s="5" t="s">
        <v>10</v>
      </c>
      <c r="B8132" s="6">
        <v>234978</v>
      </c>
      <c r="C8132" s="6" t="s">
        <v>117</v>
      </c>
      <c r="D8132" s="6" t="s">
        <v>12738</v>
      </c>
      <c r="E8132" s="6">
        <v>76895</v>
      </c>
      <c r="F8132" s="6" t="s">
        <v>18</v>
      </c>
      <c r="G8132" s="6" t="s">
        <v>16333</v>
      </c>
      <c r="H8132" s="6" t="s">
        <v>16334</v>
      </c>
      <c r="I8132" s="7">
        <v>4.3990223000000004</v>
      </c>
      <c r="J8132" s="8">
        <v>-76.068595000000002</v>
      </c>
    </row>
    <row r="8133" spans="1:10" x14ac:dyDescent="0.35">
      <c r="A8133" s="5" t="s">
        <v>10</v>
      </c>
      <c r="B8133" s="6">
        <v>236157</v>
      </c>
      <c r="C8133" s="6" t="s">
        <v>190</v>
      </c>
      <c r="D8133" s="6" t="s">
        <v>14059</v>
      </c>
      <c r="E8133" s="6">
        <v>5670</v>
      </c>
      <c r="F8133" s="6" t="s">
        <v>18</v>
      </c>
      <c r="G8133" s="6" t="s">
        <v>16335</v>
      </c>
      <c r="H8133" s="6" t="s">
        <v>16336</v>
      </c>
      <c r="I8133" s="7">
        <v>6.4856144000000002</v>
      </c>
      <c r="J8133" s="8">
        <v>-75.019639699999999</v>
      </c>
    </row>
    <row r="8134" spans="1:10" x14ac:dyDescent="0.35">
      <c r="A8134" s="5" t="s">
        <v>10</v>
      </c>
      <c r="B8134" s="6">
        <v>170856</v>
      </c>
      <c r="C8134" s="6" t="s">
        <v>190</v>
      </c>
      <c r="D8134" s="6" t="s">
        <v>191</v>
      </c>
      <c r="E8134" s="6">
        <v>5001</v>
      </c>
      <c r="F8134" s="6" t="s">
        <v>18</v>
      </c>
      <c r="G8134" s="6" t="s">
        <v>16337</v>
      </c>
      <c r="H8134" s="6" t="s">
        <v>16338</v>
      </c>
      <c r="I8134" s="7">
        <v>6.2857761999999999</v>
      </c>
      <c r="J8134" s="8">
        <v>-75.558001699999906</v>
      </c>
    </row>
    <row r="8135" spans="1:10" x14ac:dyDescent="0.35">
      <c r="A8135" s="5" t="s">
        <v>10</v>
      </c>
      <c r="B8135" s="6">
        <v>216619</v>
      </c>
      <c r="C8135" s="6" t="s">
        <v>68</v>
      </c>
      <c r="D8135" s="6" t="s">
        <v>69</v>
      </c>
      <c r="E8135" s="6">
        <v>11001</v>
      </c>
      <c r="F8135" s="6" t="s">
        <v>18</v>
      </c>
      <c r="G8135" s="6" t="s">
        <v>16339</v>
      </c>
      <c r="H8135" s="6" t="s">
        <v>16340</v>
      </c>
      <c r="I8135" s="7">
        <v>4.5986029000000004</v>
      </c>
      <c r="J8135" s="8">
        <v>-74.109311199999993</v>
      </c>
    </row>
    <row r="8136" spans="1:10" x14ac:dyDescent="0.35">
      <c r="A8136" s="5" t="s">
        <v>10</v>
      </c>
      <c r="B8136" s="6">
        <v>232374</v>
      </c>
      <c r="C8136" s="6" t="s">
        <v>68</v>
      </c>
      <c r="D8136" s="6" t="s">
        <v>69</v>
      </c>
      <c r="E8136" s="6">
        <v>11001</v>
      </c>
      <c r="F8136" s="6" t="s">
        <v>18</v>
      </c>
      <c r="G8136" s="6" t="s">
        <v>113</v>
      </c>
      <c r="H8136" s="6" t="s">
        <v>16341</v>
      </c>
      <c r="I8136" s="7">
        <v>4.6502090999999997</v>
      </c>
      <c r="J8136" s="8">
        <v>-74.134567200000006</v>
      </c>
    </row>
    <row r="8137" spans="1:10" x14ac:dyDescent="0.35">
      <c r="A8137" s="5" t="s">
        <v>10</v>
      </c>
      <c r="B8137" s="6">
        <v>207107</v>
      </c>
      <c r="C8137" s="6" t="s">
        <v>68</v>
      </c>
      <c r="D8137" s="6" t="s">
        <v>69</v>
      </c>
      <c r="E8137" s="6">
        <v>11001</v>
      </c>
      <c r="F8137" s="6" t="s">
        <v>18</v>
      </c>
      <c r="G8137" s="6" t="s">
        <v>16342</v>
      </c>
      <c r="H8137" s="6" t="s">
        <v>16343</v>
      </c>
      <c r="I8137" s="7">
        <v>4.6086643999999897</v>
      </c>
      <c r="J8137" s="8">
        <v>-74.181336399999907</v>
      </c>
    </row>
    <row r="8138" spans="1:10" x14ac:dyDescent="0.35">
      <c r="A8138" s="5" t="s">
        <v>10</v>
      </c>
      <c r="B8138" s="6">
        <v>227965</v>
      </c>
      <c r="C8138" s="6" t="s">
        <v>68</v>
      </c>
      <c r="D8138" s="6" t="s">
        <v>69</v>
      </c>
      <c r="E8138" s="6">
        <v>11001</v>
      </c>
      <c r="F8138" s="6" t="s">
        <v>18</v>
      </c>
      <c r="G8138" s="6" t="s">
        <v>16344</v>
      </c>
      <c r="H8138" s="6" t="s">
        <v>16345</v>
      </c>
      <c r="I8138" s="7">
        <v>4.5714226</v>
      </c>
      <c r="J8138" s="8">
        <v>-74.090168499999905</v>
      </c>
    </row>
    <row r="8139" spans="1:10" x14ac:dyDescent="0.35">
      <c r="A8139" s="5" t="s">
        <v>10</v>
      </c>
      <c r="B8139" s="6">
        <v>202197</v>
      </c>
      <c r="C8139" s="6" t="s">
        <v>68</v>
      </c>
      <c r="D8139" s="6" t="s">
        <v>69</v>
      </c>
      <c r="E8139" s="6">
        <v>11001</v>
      </c>
      <c r="F8139" s="6" t="s">
        <v>18</v>
      </c>
      <c r="G8139" s="6" t="s">
        <v>16346</v>
      </c>
      <c r="H8139" s="6" t="s">
        <v>16347</v>
      </c>
      <c r="I8139" s="7">
        <v>4.5020362</v>
      </c>
      <c r="J8139" s="8">
        <v>-74.112170300000002</v>
      </c>
    </row>
    <row r="8140" spans="1:10" x14ac:dyDescent="0.35">
      <c r="A8140" s="5" t="s">
        <v>10</v>
      </c>
      <c r="B8140" s="6">
        <v>208225</v>
      </c>
      <c r="C8140" s="6" t="s">
        <v>68</v>
      </c>
      <c r="D8140" s="6" t="s">
        <v>69</v>
      </c>
      <c r="E8140" s="6">
        <v>11001</v>
      </c>
      <c r="F8140" s="6" t="s">
        <v>18</v>
      </c>
      <c r="G8140" s="6" t="s">
        <v>16348</v>
      </c>
      <c r="H8140" s="6" t="s">
        <v>16349</v>
      </c>
      <c r="I8140" s="7">
        <v>4.5863240999999997</v>
      </c>
      <c r="J8140" s="8">
        <v>-74.095803199999906</v>
      </c>
    </row>
    <row r="8141" spans="1:10" x14ac:dyDescent="0.35">
      <c r="A8141" s="5" t="s">
        <v>10</v>
      </c>
      <c r="B8141" s="6">
        <v>214790</v>
      </c>
      <c r="C8141" s="6" t="s">
        <v>68</v>
      </c>
      <c r="D8141" s="6" t="s">
        <v>69</v>
      </c>
      <c r="E8141" s="6">
        <v>11001</v>
      </c>
      <c r="F8141" s="6" t="s">
        <v>18</v>
      </c>
      <c r="G8141" s="6" t="s">
        <v>16350</v>
      </c>
      <c r="H8141" s="6" t="s">
        <v>16351</v>
      </c>
      <c r="I8141" s="7">
        <v>4.5506283999999999</v>
      </c>
      <c r="J8141" s="8">
        <v>-74.091892299999998</v>
      </c>
    </row>
    <row r="8142" spans="1:10" x14ac:dyDescent="0.35">
      <c r="A8142" s="5" t="s">
        <v>10</v>
      </c>
      <c r="B8142" s="6">
        <v>226747</v>
      </c>
      <c r="C8142" s="6" t="s">
        <v>68</v>
      </c>
      <c r="D8142" s="6" t="s">
        <v>69</v>
      </c>
      <c r="E8142" s="6">
        <v>11001</v>
      </c>
      <c r="F8142" s="6" t="s">
        <v>18</v>
      </c>
      <c r="G8142" s="6" t="s">
        <v>16352</v>
      </c>
      <c r="H8142" s="6" t="s">
        <v>16353</v>
      </c>
      <c r="I8142" s="7">
        <v>4.6742577999999897</v>
      </c>
      <c r="J8142" s="8">
        <v>-74.052345500000001</v>
      </c>
    </row>
    <row r="8143" spans="1:10" x14ac:dyDescent="0.35">
      <c r="A8143" s="5" t="s">
        <v>10</v>
      </c>
      <c r="B8143" s="6">
        <v>248651</v>
      </c>
      <c r="C8143" s="6" t="s">
        <v>68</v>
      </c>
      <c r="D8143" s="6" t="s">
        <v>69</v>
      </c>
      <c r="E8143" s="6">
        <v>11001</v>
      </c>
      <c r="F8143" s="6" t="s">
        <v>18</v>
      </c>
      <c r="G8143" s="6" t="s">
        <v>16354</v>
      </c>
      <c r="H8143" s="6" t="s">
        <v>16355</v>
      </c>
      <c r="I8143" s="7">
        <v>4.6311043999999999</v>
      </c>
      <c r="J8143" s="8">
        <v>-74.191677200000001</v>
      </c>
    </row>
    <row r="8144" spans="1:10" x14ac:dyDescent="0.35">
      <c r="A8144" s="5" t="s">
        <v>10</v>
      </c>
      <c r="B8144" s="6">
        <v>233938</v>
      </c>
      <c r="C8144" s="6" t="s">
        <v>11</v>
      </c>
      <c r="D8144" s="6" t="s">
        <v>106</v>
      </c>
      <c r="E8144" s="6">
        <v>25843</v>
      </c>
      <c r="F8144" s="6" t="s">
        <v>18</v>
      </c>
      <c r="G8144" s="6" t="s">
        <v>7521</v>
      </c>
      <c r="H8144" s="6" t="s">
        <v>16356</v>
      </c>
      <c r="I8144" s="7">
        <v>5.3107686999999997</v>
      </c>
      <c r="J8144" s="8">
        <v>-73.814327500000005</v>
      </c>
    </row>
    <row r="8145" spans="1:10" x14ac:dyDescent="0.35">
      <c r="A8145" s="5" t="s">
        <v>10</v>
      </c>
      <c r="B8145" s="6">
        <v>249619</v>
      </c>
      <c r="C8145" s="6" t="s">
        <v>11</v>
      </c>
      <c r="D8145" s="6" t="s">
        <v>334</v>
      </c>
      <c r="E8145" s="6">
        <v>25754</v>
      </c>
      <c r="F8145" s="6" t="s">
        <v>18</v>
      </c>
      <c r="G8145" s="6" t="s">
        <v>16357</v>
      </c>
      <c r="H8145" s="6" t="s">
        <v>16358</v>
      </c>
      <c r="I8145" s="7">
        <v>4.5796520999999997</v>
      </c>
      <c r="J8145" s="8">
        <v>-74.203376800000001</v>
      </c>
    </row>
    <row r="8146" spans="1:10" x14ac:dyDescent="0.35">
      <c r="A8146" s="5" t="s">
        <v>10</v>
      </c>
      <c r="B8146" s="6">
        <v>189730</v>
      </c>
      <c r="C8146" s="6" t="s">
        <v>308</v>
      </c>
      <c r="D8146" s="6" t="s">
        <v>309</v>
      </c>
      <c r="E8146" s="6">
        <v>23001</v>
      </c>
      <c r="F8146" s="6" t="s">
        <v>13</v>
      </c>
      <c r="G8146" s="6" t="s">
        <v>16359</v>
      </c>
      <c r="H8146" s="6" t="s">
        <v>16360</v>
      </c>
      <c r="I8146" s="7">
        <v>8.7432925000000008</v>
      </c>
      <c r="J8146" s="8">
        <v>-75.879306</v>
      </c>
    </row>
    <row r="8147" spans="1:10" x14ac:dyDescent="0.35">
      <c r="A8147" s="5" t="s">
        <v>10</v>
      </c>
      <c r="B8147" s="6">
        <v>186843</v>
      </c>
      <c r="C8147" s="6" t="s">
        <v>117</v>
      </c>
      <c r="D8147" s="6" t="s">
        <v>3492</v>
      </c>
      <c r="E8147" s="6">
        <v>76520</v>
      </c>
      <c r="F8147" s="6" t="s">
        <v>13</v>
      </c>
      <c r="G8147" s="6" t="s">
        <v>16361</v>
      </c>
      <c r="H8147" s="6" t="s">
        <v>16362</v>
      </c>
      <c r="I8147" s="7">
        <v>3.5311989000000001</v>
      </c>
      <c r="J8147" s="8">
        <v>-76.302960400000003</v>
      </c>
    </row>
    <row r="8148" spans="1:10" x14ac:dyDescent="0.35">
      <c r="A8148" s="5" t="s">
        <v>10</v>
      </c>
      <c r="B8148" s="6">
        <v>211734</v>
      </c>
      <c r="C8148" s="6" t="s">
        <v>11</v>
      </c>
      <c r="D8148" s="6" t="s">
        <v>337</v>
      </c>
      <c r="E8148" s="6">
        <v>25290</v>
      </c>
      <c r="F8148" s="6" t="s">
        <v>13</v>
      </c>
      <c r="G8148" s="6" t="s">
        <v>16363</v>
      </c>
      <c r="H8148" s="6" t="s">
        <v>16364</v>
      </c>
      <c r="I8148" s="7">
        <v>4.3425668999999996</v>
      </c>
      <c r="J8148" s="8">
        <v>-74.360799799999995</v>
      </c>
    </row>
    <row r="8149" spans="1:10" x14ac:dyDescent="0.35">
      <c r="A8149" s="5" t="s">
        <v>10</v>
      </c>
      <c r="B8149" s="6">
        <v>134030</v>
      </c>
      <c r="C8149" s="6" t="s">
        <v>190</v>
      </c>
      <c r="D8149" s="6" t="s">
        <v>16365</v>
      </c>
      <c r="E8149" s="6">
        <v>5467</v>
      </c>
      <c r="F8149" s="6" t="s">
        <v>18</v>
      </c>
      <c r="G8149" s="6" t="s">
        <v>16366</v>
      </c>
      <c r="H8149" s="6" t="s">
        <v>16367</v>
      </c>
      <c r="I8149" s="7">
        <v>5.9277638000000001</v>
      </c>
      <c r="J8149" s="8">
        <v>-75.516023500000003</v>
      </c>
    </row>
    <row r="8150" spans="1:10" x14ac:dyDescent="0.35">
      <c r="A8150" s="5" t="s">
        <v>10</v>
      </c>
      <c r="B8150" s="6">
        <v>155018</v>
      </c>
      <c r="C8150" s="6" t="s">
        <v>190</v>
      </c>
      <c r="D8150" s="6" t="s">
        <v>16368</v>
      </c>
      <c r="E8150" s="6">
        <v>5658</v>
      </c>
      <c r="F8150" s="6" t="s">
        <v>18</v>
      </c>
      <c r="G8150" s="6" t="s">
        <v>16369</v>
      </c>
      <c r="H8150" s="6" t="s">
        <v>16370</v>
      </c>
      <c r="I8150" s="7">
        <v>6.8510043999999999</v>
      </c>
      <c r="J8150" s="8">
        <v>-75.682703899999893</v>
      </c>
    </row>
    <row r="8151" spans="1:10" x14ac:dyDescent="0.35">
      <c r="A8151" s="5" t="s">
        <v>10</v>
      </c>
      <c r="B8151" s="6">
        <v>192671</v>
      </c>
      <c r="C8151" s="6" t="s">
        <v>68</v>
      </c>
      <c r="D8151" s="6" t="s">
        <v>69</v>
      </c>
      <c r="E8151" s="6">
        <v>11001</v>
      </c>
      <c r="F8151" s="6" t="s">
        <v>18</v>
      </c>
      <c r="G8151" s="6" t="s">
        <v>16371</v>
      </c>
      <c r="H8151" s="6" t="s">
        <v>16372</v>
      </c>
      <c r="I8151" s="7">
        <v>4.7476604</v>
      </c>
      <c r="J8151" s="8">
        <v>-74.101748599999993</v>
      </c>
    </row>
    <row r="8152" spans="1:10" x14ac:dyDescent="0.35">
      <c r="A8152" s="5" t="s">
        <v>10</v>
      </c>
      <c r="B8152" s="6">
        <v>211484</v>
      </c>
      <c r="C8152" s="6" t="s">
        <v>68</v>
      </c>
      <c r="D8152" s="6" t="s">
        <v>69</v>
      </c>
      <c r="E8152" s="6">
        <v>11001</v>
      </c>
      <c r="F8152" s="6" t="s">
        <v>18</v>
      </c>
      <c r="G8152" s="6" t="s">
        <v>16373</v>
      </c>
      <c r="H8152" s="6" t="s">
        <v>16374</v>
      </c>
      <c r="I8152" s="7">
        <v>4.6088363000000001</v>
      </c>
      <c r="J8152" s="8">
        <v>-74.208445099999906</v>
      </c>
    </row>
    <row r="8153" spans="1:10" x14ac:dyDescent="0.35">
      <c r="A8153" s="5" t="s">
        <v>10</v>
      </c>
      <c r="B8153" s="6">
        <v>215871</v>
      </c>
      <c r="C8153" s="6" t="s">
        <v>68</v>
      </c>
      <c r="D8153" s="6" t="s">
        <v>69</v>
      </c>
      <c r="E8153" s="6">
        <v>11001</v>
      </c>
      <c r="F8153" s="6" t="s">
        <v>18</v>
      </c>
      <c r="G8153" s="6" t="s">
        <v>16375</v>
      </c>
      <c r="H8153" s="6" t="s">
        <v>16376</v>
      </c>
      <c r="I8153" s="7">
        <v>4.7156478000000002</v>
      </c>
      <c r="J8153" s="8">
        <v>-74.142302299999997</v>
      </c>
    </row>
    <row r="8154" spans="1:10" x14ac:dyDescent="0.35">
      <c r="A8154" s="5" t="s">
        <v>10</v>
      </c>
      <c r="B8154" s="6">
        <v>232086</v>
      </c>
      <c r="C8154" s="6" t="s">
        <v>68</v>
      </c>
      <c r="D8154" s="6" t="s">
        <v>69</v>
      </c>
      <c r="E8154" s="6">
        <v>11001</v>
      </c>
      <c r="F8154" s="6" t="s">
        <v>18</v>
      </c>
      <c r="G8154" s="6" t="s">
        <v>16377</v>
      </c>
      <c r="H8154" s="6" t="s">
        <v>16378</v>
      </c>
      <c r="I8154" s="7">
        <v>4.6949869</v>
      </c>
      <c r="J8154" s="8">
        <v>-74.122011000000001</v>
      </c>
    </row>
    <row r="8155" spans="1:10" x14ac:dyDescent="0.35">
      <c r="A8155" s="5" t="s">
        <v>10</v>
      </c>
      <c r="B8155" s="6">
        <v>238039</v>
      </c>
      <c r="C8155" s="6" t="s">
        <v>68</v>
      </c>
      <c r="D8155" s="6" t="s">
        <v>69</v>
      </c>
      <c r="E8155" s="6">
        <v>11001</v>
      </c>
      <c r="F8155" s="6" t="s">
        <v>18</v>
      </c>
      <c r="G8155" s="6" t="s">
        <v>16379</v>
      </c>
      <c r="H8155" s="6" t="s">
        <v>16380</v>
      </c>
      <c r="I8155" s="7">
        <v>4.6015233000000002</v>
      </c>
      <c r="J8155" s="8">
        <v>-74.147506199999995</v>
      </c>
    </row>
    <row r="8156" spans="1:10" x14ac:dyDescent="0.35">
      <c r="A8156" s="5" t="s">
        <v>10</v>
      </c>
      <c r="B8156" s="6">
        <v>242084</v>
      </c>
      <c r="C8156" s="6" t="s">
        <v>68</v>
      </c>
      <c r="D8156" s="6" t="s">
        <v>69</v>
      </c>
      <c r="E8156" s="6">
        <v>11001</v>
      </c>
      <c r="F8156" s="6" t="s">
        <v>18</v>
      </c>
      <c r="G8156" s="6" t="s">
        <v>16381</v>
      </c>
      <c r="H8156" s="6" t="s">
        <v>16382</v>
      </c>
      <c r="I8156" s="7">
        <v>4.7225457999999998</v>
      </c>
      <c r="J8156" s="8">
        <v>-74.051730599999999</v>
      </c>
    </row>
    <row r="8157" spans="1:10" x14ac:dyDescent="0.35">
      <c r="A8157" s="5" t="s">
        <v>10</v>
      </c>
      <c r="B8157" s="6">
        <v>224610</v>
      </c>
      <c r="C8157" s="6" t="s">
        <v>68</v>
      </c>
      <c r="D8157" s="6" t="s">
        <v>69</v>
      </c>
      <c r="E8157" s="6">
        <v>11001</v>
      </c>
      <c r="F8157" s="6" t="s">
        <v>18</v>
      </c>
      <c r="G8157" s="6" t="s">
        <v>16383</v>
      </c>
      <c r="H8157" s="6" t="s">
        <v>16384</v>
      </c>
      <c r="I8157" s="7">
        <v>4.6058361999999997</v>
      </c>
      <c r="J8157" s="8">
        <v>-74.155992400000002</v>
      </c>
    </row>
    <row r="8158" spans="1:10" x14ac:dyDescent="0.35">
      <c r="A8158" s="5" t="s">
        <v>10</v>
      </c>
      <c r="B8158" s="6">
        <v>239260</v>
      </c>
      <c r="C8158" s="6" t="s">
        <v>68</v>
      </c>
      <c r="D8158" s="6" t="s">
        <v>69</v>
      </c>
      <c r="E8158" s="6">
        <v>11001</v>
      </c>
      <c r="F8158" s="6" t="s">
        <v>18</v>
      </c>
      <c r="G8158" s="6" t="s">
        <v>16385</v>
      </c>
      <c r="H8158" s="6" t="s">
        <v>16386</v>
      </c>
      <c r="I8158" s="7">
        <v>4.7529066000000002</v>
      </c>
      <c r="J8158" s="8">
        <v>-74.024260400000003</v>
      </c>
    </row>
    <row r="8159" spans="1:10" x14ac:dyDescent="0.35">
      <c r="A8159" s="5" t="s">
        <v>10</v>
      </c>
      <c r="B8159" s="6">
        <v>245211</v>
      </c>
      <c r="C8159" s="6" t="s">
        <v>68</v>
      </c>
      <c r="D8159" s="6" t="s">
        <v>69</v>
      </c>
      <c r="E8159" s="6">
        <v>11001</v>
      </c>
      <c r="F8159" s="6" t="s">
        <v>18</v>
      </c>
      <c r="G8159" s="6" t="s">
        <v>16387</v>
      </c>
      <c r="H8159" s="6" t="s">
        <v>16388</v>
      </c>
      <c r="I8159" s="7">
        <v>4.6290167000000002</v>
      </c>
      <c r="J8159" s="8">
        <v>-74.113500599999995</v>
      </c>
    </row>
    <row r="8160" spans="1:10" x14ac:dyDescent="0.35">
      <c r="A8160" s="5" t="s">
        <v>10</v>
      </c>
      <c r="B8160" s="6">
        <v>238990</v>
      </c>
      <c r="C8160" s="6" t="s">
        <v>68</v>
      </c>
      <c r="D8160" s="6" t="s">
        <v>69</v>
      </c>
      <c r="E8160" s="6">
        <v>11001</v>
      </c>
      <c r="F8160" s="6" t="s">
        <v>18</v>
      </c>
      <c r="G8160" s="6" t="s">
        <v>16389</v>
      </c>
      <c r="H8160" s="6" t="s">
        <v>16390</v>
      </c>
      <c r="I8160" s="7">
        <v>4.7007263000000004</v>
      </c>
      <c r="J8160" s="8">
        <v>-74.091789800000001</v>
      </c>
    </row>
    <row r="8161" spans="1:10" x14ac:dyDescent="0.35">
      <c r="A8161" s="5" t="s">
        <v>10</v>
      </c>
      <c r="B8161" s="6">
        <v>201007</v>
      </c>
      <c r="C8161" s="6" t="s">
        <v>109</v>
      </c>
      <c r="D8161" s="6" t="s">
        <v>956</v>
      </c>
      <c r="E8161" s="6">
        <v>13160</v>
      </c>
      <c r="F8161" s="6" t="s">
        <v>13</v>
      </c>
      <c r="G8161" s="6" t="s">
        <v>16391</v>
      </c>
      <c r="H8161" s="6" t="s">
        <v>16392</v>
      </c>
      <c r="I8161" s="7">
        <v>7.3785521000000003</v>
      </c>
      <c r="J8161" s="8">
        <v>-73.914616899999999</v>
      </c>
    </row>
    <row r="8162" spans="1:10" x14ac:dyDescent="0.35">
      <c r="A8162" s="5" t="s">
        <v>10</v>
      </c>
      <c r="B8162" s="6">
        <v>227509</v>
      </c>
      <c r="C8162" s="6" t="s">
        <v>11</v>
      </c>
      <c r="D8162" s="6" t="s">
        <v>901</v>
      </c>
      <c r="E8162" s="6">
        <v>25307</v>
      </c>
      <c r="F8162" s="6" t="s">
        <v>13</v>
      </c>
      <c r="G8162" s="6" t="s">
        <v>16393</v>
      </c>
      <c r="H8162" s="6" t="s">
        <v>16394</v>
      </c>
      <c r="I8162" s="7">
        <v>4.3028518</v>
      </c>
      <c r="J8162" s="8">
        <v>-74.807927899999996</v>
      </c>
    </row>
    <row r="8163" spans="1:10" x14ac:dyDescent="0.35">
      <c r="A8163" s="5" t="s">
        <v>10</v>
      </c>
      <c r="B8163" s="6">
        <v>241652</v>
      </c>
      <c r="C8163" s="6" t="s">
        <v>457</v>
      </c>
      <c r="D8163" s="6" t="s">
        <v>4400</v>
      </c>
      <c r="E8163" s="6">
        <v>52001</v>
      </c>
      <c r="F8163" s="6" t="s">
        <v>18</v>
      </c>
      <c r="G8163" s="6" t="s">
        <v>16395</v>
      </c>
      <c r="H8163" s="6" t="s">
        <v>16396</v>
      </c>
      <c r="I8163" s="7">
        <v>1.0457799999999999</v>
      </c>
      <c r="J8163" s="8">
        <v>-77.570279999999997</v>
      </c>
    </row>
    <row r="8164" spans="1:10" x14ac:dyDescent="0.35">
      <c r="A8164" s="5" t="s">
        <v>10</v>
      </c>
      <c r="B8164" s="6">
        <v>192778</v>
      </c>
      <c r="C8164" s="6" t="s">
        <v>68</v>
      </c>
      <c r="D8164" s="6" t="s">
        <v>69</v>
      </c>
      <c r="E8164" s="6">
        <v>11001</v>
      </c>
      <c r="F8164" s="6" t="s">
        <v>18</v>
      </c>
      <c r="G8164" s="6" t="s">
        <v>14608</v>
      </c>
      <c r="H8164" s="6" t="s">
        <v>14609</v>
      </c>
      <c r="I8164" s="7">
        <v>4.7130038000000001</v>
      </c>
      <c r="J8164" s="8">
        <v>-74.139648299999905</v>
      </c>
    </row>
    <row r="8165" spans="1:10" x14ac:dyDescent="0.35">
      <c r="A8165" s="5" t="s">
        <v>10</v>
      </c>
      <c r="B8165" s="6">
        <v>238998</v>
      </c>
      <c r="C8165" s="6" t="s">
        <v>68</v>
      </c>
      <c r="D8165" s="6" t="s">
        <v>69</v>
      </c>
      <c r="E8165" s="6">
        <v>11001</v>
      </c>
      <c r="F8165" s="6" t="s">
        <v>18</v>
      </c>
      <c r="G8165" s="6" t="s">
        <v>16397</v>
      </c>
      <c r="H8165" s="6" t="s">
        <v>16398</v>
      </c>
      <c r="I8165" s="7">
        <v>4.6324771</v>
      </c>
      <c r="J8165" s="8">
        <v>-74.063199499999996</v>
      </c>
    </row>
    <row r="8166" spans="1:10" x14ac:dyDescent="0.35">
      <c r="A8166" s="5" t="s">
        <v>10</v>
      </c>
      <c r="B8166" s="6">
        <v>239749</v>
      </c>
      <c r="C8166" s="6" t="s">
        <v>68</v>
      </c>
      <c r="D8166" s="6" t="s">
        <v>69</v>
      </c>
      <c r="E8166" s="6">
        <v>11001</v>
      </c>
      <c r="F8166" s="6" t="s">
        <v>18</v>
      </c>
      <c r="G8166" s="6" t="s">
        <v>16399</v>
      </c>
      <c r="H8166" s="6" t="s">
        <v>16400</v>
      </c>
      <c r="I8166" s="7">
        <v>4.6297661000000003</v>
      </c>
      <c r="J8166" s="8">
        <v>-74.179777900000005</v>
      </c>
    </row>
    <row r="8167" spans="1:10" x14ac:dyDescent="0.35">
      <c r="A8167" s="5" t="s">
        <v>10</v>
      </c>
      <c r="B8167" s="6">
        <v>243999</v>
      </c>
      <c r="C8167" s="6" t="s">
        <v>68</v>
      </c>
      <c r="D8167" s="6" t="s">
        <v>69</v>
      </c>
      <c r="E8167" s="6">
        <v>11001</v>
      </c>
      <c r="F8167" s="6" t="s">
        <v>18</v>
      </c>
      <c r="G8167" s="6" t="s">
        <v>16401</v>
      </c>
      <c r="H8167" s="6" t="s">
        <v>16402</v>
      </c>
      <c r="I8167" s="7">
        <v>4.6420789999999998</v>
      </c>
      <c r="J8167" s="8">
        <v>-74.144408499999997</v>
      </c>
    </row>
    <row r="8168" spans="1:10" x14ac:dyDescent="0.35">
      <c r="A8168" s="5" t="s">
        <v>10</v>
      </c>
      <c r="B8168" s="6">
        <v>222670</v>
      </c>
      <c r="C8168" s="6" t="s">
        <v>68</v>
      </c>
      <c r="D8168" s="6" t="s">
        <v>69</v>
      </c>
      <c r="E8168" s="6">
        <v>11001</v>
      </c>
      <c r="F8168" s="6" t="s">
        <v>18</v>
      </c>
      <c r="G8168" s="6" t="s">
        <v>16403</v>
      </c>
      <c r="H8168" s="6" t="s">
        <v>16404</v>
      </c>
      <c r="I8168" s="7">
        <v>4.5675678</v>
      </c>
      <c r="J8168" s="8">
        <v>-74.080783499999995</v>
      </c>
    </row>
    <row r="8169" spans="1:10" x14ac:dyDescent="0.35">
      <c r="A8169" s="5" t="s">
        <v>10</v>
      </c>
      <c r="B8169" s="6">
        <v>242209</v>
      </c>
      <c r="C8169" s="6" t="s">
        <v>68</v>
      </c>
      <c r="D8169" s="6" t="s">
        <v>69</v>
      </c>
      <c r="E8169" s="6">
        <v>11001</v>
      </c>
      <c r="F8169" s="6" t="s">
        <v>18</v>
      </c>
      <c r="G8169" s="6" t="s">
        <v>16405</v>
      </c>
      <c r="H8169" s="6" t="s">
        <v>16406</v>
      </c>
      <c r="I8169" s="7">
        <v>4.7371518999999997</v>
      </c>
      <c r="J8169" s="8">
        <v>-74.024441300000007</v>
      </c>
    </row>
    <row r="8170" spans="1:10" x14ac:dyDescent="0.35">
      <c r="A8170" s="5" t="s">
        <v>10</v>
      </c>
      <c r="B8170" s="6">
        <v>242270</v>
      </c>
      <c r="C8170" s="6" t="s">
        <v>68</v>
      </c>
      <c r="D8170" s="6" t="s">
        <v>69</v>
      </c>
      <c r="E8170" s="6">
        <v>11001</v>
      </c>
      <c r="F8170" s="6" t="s">
        <v>18</v>
      </c>
      <c r="G8170" s="6" t="s">
        <v>16407</v>
      </c>
      <c r="H8170" s="6" t="s">
        <v>16408</v>
      </c>
      <c r="I8170" s="7">
        <v>4.6257139</v>
      </c>
      <c r="J8170" s="8">
        <v>-74.147942299999997</v>
      </c>
    </row>
    <row r="8171" spans="1:10" x14ac:dyDescent="0.35">
      <c r="A8171" s="5" t="s">
        <v>10</v>
      </c>
      <c r="B8171" s="6">
        <v>244918</v>
      </c>
      <c r="C8171" s="6" t="s">
        <v>68</v>
      </c>
      <c r="D8171" s="6" t="s">
        <v>69</v>
      </c>
      <c r="E8171" s="6">
        <v>11001</v>
      </c>
      <c r="F8171" s="6" t="s">
        <v>18</v>
      </c>
      <c r="G8171" s="6" t="s">
        <v>16409</v>
      </c>
      <c r="H8171" s="6" t="s">
        <v>16410</v>
      </c>
      <c r="I8171" s="7">
        <v>4.5090928000000003</v>
      </c>
      <c r="J8171" s="8">
        <v>-74.1064863</v>
      </c>
    </row>
    <row r="8172" spans="1:10" x14ac:dyDescent="0.35">
      <c r="A8172" s="5" t="s">
        <v>10</v>
      </c>
      <c r="B8172" s="6">
        <v>210242</v>
      </c>
      <c r="C8172" s="6" t="s">
        <v>68</v>
      </c>
      <c r="D8172" s="6" t="s">
        <v>69</v>
      </c>
      <c r="E8172" s="6">
        <v>11001</v>
      </c>
      <c r="F8172" s="6" t="s">
        <v>18</v>
      </c>
      <c r="G8172" s="6" t="s">
        <v>12901</v>
      </c>
      <c r="H8172" s="6" t="s">
        <v>16411</v>
      </c>
      <c r="I8172" s="7">
        <v>4.5700022000000002</v>
      </c>
      <c r="J8172" s="8">
        <v>-74.102425099999905</v>
      </c>
    </row>
    <row r="8173" spans="1:10" x14ac:dyDescent="0.35">
      <c r="A8173" s="5" t="s">
        <v>10</v>
      </c>
      <c r="B8173" s="6">
        <v>218667</v>
      </c>
      <c r="C8173" s="6" t="s">
        <v>11</v>
      </c>
      <c r="D8173" s="6" t="s">
        <v>334</v>
      </c>
      <c r="E8173" s="6">
        <v>25754</v>
      </c>
      <c r="F8173" s="6" t="s">
        <v>18</v>
      </c>
      <c r="G8173" s="6" t="s">
        <v>3392</v>
      </c>
      <c r="H8173" s="6" t="s">
        <v>16412</v>
      </c>
      <c r="I8173" s="7">
        <v>4.5840157000000001</v>
      </c>
      <c r="J8173" s="8">
        <v>-74.202672399999997</v>
      </c>
    </row>
    <row r="8174" spans="1:10" x14ac:dyDescent="0.35">
      <c r="A8174" s="5" t="s">
        <v>10</v>
      </c>
      <c r="B8174" s="6">
        <v>206352</v>
      </c>
      <c r="C8174" s="6" t="s">
        <v>2130</v>
      </c>
      <c r="D8174" s="6" t="s">
        <v>16413</v>
      </c>
      <c r="E8174" s="6">
        <v>85263</v>
      </c>
      <c r="F8174" s="6" t="s">
        <v>18</v>
      </c>
      <c r="G8174" s="6" t="s">
        <v>16414</v>
      </c>
      <c r="H8174" s="6" t="s">
        <v>16415</v>
      </c>
      <c r="I8174" s="7">
        <v>5.7265628999999896</v>
      </c>
      <c r="J8174" s="8">
        <v>-71.993940999999893</v>
      </c>
    </row>
    <row r="8175" spans="1:10" x14ac:dyDescent="0.35">
      <c r="A8175" s="5" t="s">
        <v>10</v>
      </c>
      <c r="B8175" s="6">
        <v>211083</v>
      </c>
      <c r="C8175" s="6" t="s">
        <v>16</v>
      </c>
      <c r="D8175" s="6" t="s">
        <v>1401</v>
      </c>
      <c r="E8175" s="6">
        <v>68307</v>
      </c>
      <c r="F8175" s="6" t="s">
        <v>13</v>
      </c>
      <c r="G8175" s="6" t="s">
        <v>16416</v>
      </c>
      <c r="H8175" s="6" t="s">
        <v>16417</v>
      </c>
      <c r="I8175" s="7">
        <v>7.0685530999999999</v>
      </c>
      <c r="J8175" s="8">
        <v>-73.169749699999997</v>
      </c>
    </row>
    <row r="8176" spans="1:10" x14ac:dyDescent="0.35">
      <c r="A8176" s="5" t="s">
        <v>10</v>
      </c>
      <c r="B8176" s="6">
        <v>216865</v>
      </c>
      <c r="C8176" s="6" t="s">
        <v>2821</v>
      </c>
      <c r="D8176" s="6" t="s">
        <v>9371</v>
      </c>
      <c r="E8176" s="6">
        <v>47551</v>
      </c>
      <c r="F8176" s="6" t="s">
        <v>13</v>
      </c>
      <c r="G8176" s="6" t="s">
        <v>16418</v>
      </c>
      <c r="H8176" s="6" t="s">
        <v>16419</v>
      </c>
      <c r="I8176" s="7">
        <v>10.4622312</v>
      </c>
      <c r="J8176" s="8">
        <v>-74.616859300000002</v>
      </c>
    </row>
    <row r="8177" spans="1:10" x14ac:dyDescent="0.35">
      <c r="A8177" s="5" t="s">
        <v>10</v>
      </c>
      <c r="B8177" s="6">
        <v>220702</v>
      </c>
      <c r="C8177" s="6" t="s">
        <v>24</v>
      </c>
      <c r="D8177" s="6" t="s">
        <v>85</v>
      </c>
      <c r="E8177" s="6">
        <v>15759</v>
      </c>
      <c r="F8177" s="6" t="s">
        <v>13</v>
      </c>
      <c r="G8177" s="6" t="s">
        <v>16420</v>
      </c>
      <c r="H8177" s="6" t="s">
        <v>16421</v>
      </c>
      <c r="I8177" s="7">
        <v>5.5115328000000003</v>
      </c>
      <c r="J8177" s="8">
        <v>-73.246238599999998</v>
      </c>
    </row>
    <row r="8178" spans="1:10" x14ac:dyDescent="0.35">
      <c r="A8178" s="5" t="s">
        <v>10</v>
      </c>
      <c r="B8178" s="6">
        <v>214181</v>
      </c>
      <c r="C8178" s="6" t="s">
        <v>190</v>
      </c>
      <c r="D8178" s="6" t="s">
        <v>16422</v>
      </c>
      <c r="E8178" s="6">
        <v>5038</v>
      </c>
      <c r="F8178" s="6" t="s">
        <v>18</v>
      </c>
      <c r="G8178" s="6" t="s">
        <v>16423</v>
      </c>
      <c r="H8178" s="6" t="s">
        <v>16424</v>
      </c>
      <c r="I8178" s="7">
        <v>6.8853125999999998</v>
      </c>
      <c r="J8178" s="8">
        <v>-75.335408700000002</v>
      </c>
    </row>
    <row r="8179" spans="1:10" x14ac:dyDescent="0.35">
      <c r="A8179" s="5" t="s">
        <v>10</v>
      </c>
      <c r="B8179" s="6">
        <v>247341</v>
      </c>
      <c r="C8179" s="6" t="s">
        <v>190</v>
      </c>
      <c r="D8179" s="6" t="s">
        <v>191</v>
      </c>
      <c r="E8179" s="6">
        <v>5001</v>
      </c>
      <c r="F8179" s="6" t="s">
        <v>18</v>
      </c>
      <c r="G8179" s="6" t="s">
        <v>16425</v>
      </c>
      <c r="H8179" s="6" t="s">
        <v>16426</v>
      </c>
      <c r="I8179" s="7">
        <v>6.2831804</v>
      </c>
      <c r="J8179" s="8">
        <v>-75.581569200000004</v>
      </c>
    </row>
    <row r="8180" spans="1:10" x14ac:dyDescent="0.35">
      <c r="A8180" s="5" t="s">
        <v>10</v>
      </c>
      <c r="B8180" s="6">
        <v>213384</v>
      </c>
      <c r="C8180" s="6" t="s">
        <v>190</v>
      </c>
      <c r="D8180" s="6" t="s">
        <v>191</v>
      </c>
      <c r="E8180" s="6">
        <v>5001</v>
      </c>
      <c r="F8180" s="6" t="s">
        <v>18</v>
      </c>
      <c r="G8180" s="6" t="s">
        <v>16427</v>
      </c>
      <c r="H8180" s="6" t="s">
        <v>16428</v>
      </c>
      <c r="I8180" s="7">
        <v>6.2955186999999997</v>
      </c>
      <c r="J8180" s="8">
        <v>-75.559253599999906</v>
      </c>
    </row>
    <row r="8181" spans="1:10" x14ac:dyDescent="0.35">
      <c r="A8181" s="5" t="s">
        <v>10</v>
      </c>
      <c r="B8181" s="6">
        <v>239400</v>
      </c>
      <c r="C8181" s="6" t="s">
        <v>190</v>
      </c>
      <c r="D8181" s="6" t="s">
        <v>4362</v>
      </c>
      <c r="E8181" s="6">
        <v>5360</v>
      </c>
      <c r="F8181" s="6" t="s">
        <v>18</v>
      </c>
      <c r="G8181" s="6" t="s">
        <v>16429</v>
      </c>
      <c r="H8181" s="6" t="s">
        <v>16430</v>
      </c>
      <c r="I8181" s="7">
        <v>6.1832788000000001</v>
      </c>
      <c r="J8181" s="8">
        <v>-75.598264700000001</v>
      </c>
    </row>
    <row r="8182" spans="1:10" x14ac:dyDescent="0.35">
      <c r="A8182" s="5" t="s">
        <v>10</v>
      </c>
      <c r="B8182" s="6">
        <v>240776</v>
      </c>
      <c r="C8182" s="6" t="s">
        <v>190</v>
      </c>
      <c r="D8182" s="6" t="s">
        <v>12131</v>
      </c>
      <c r="E8182" s="6">
        <v>5837</v>
      </c>
      <c r="F8182" s="6" t="s">
        <v>18</v>
      </c>
      <c r="G8182" s="6" t="s">
        <v>12132</v>
      </c>
      <c r="H8182" s="6" t="s">
        <v>16431</v>
      </c>
      <c r="I8182" s="7">
        <v>6.2387338000000003</v>
      </c>
      <c r="J8182" s="8">
        <v>-75.572229199999995</v>
      </c>
    </row>
    <row r="8183" spans="1:10" x14ac:dyDescent="0.35">
      <c r="A8183" s="5" t="s">
        <v>10</v>
      </c>
      <c r="B8183" s="6">
        <v>107096</v>
      </c>
      <c r="C8183" s="6" t="s">
        <v>308</v>
      </c>
      <c r="D8183" s="6" t="s">
        <v>8338</v>
      </c>
      <c r="E8183" s="6">
        <v>23555</v>
      </c>
      <c r="F8183" s="6" t="s">
        <v>13</v>
      </c>
      <c r="G8183" s="6" t="s">
        <v>11877</v>
      </c>
      <c r="H8183" s="6" t="s">
        <v>16432</v>
      </c>
      <c r="I8183" s="7">
        <v>8.4127489999999998</v>
      </c>
      <c r="J8183" s="8">
        <v>-75.584047999999996</v>
      </c>
    </row>
    <row r="8184" spans="1:10" x14ac:dyDescent="0.35">
      <c r="A8184" s="5" t="s">
        <v>10</v>
      </c>
      <c r="B8184" s="6">
        <v>242314</v>
      </c>
      <c r="C8184" s="6" t="s">
        <v>68</v>
      </c>
      <c r="D8184" s="6" t="s">
        <v>69</v>
      </c>
      <c r="E8184" s="6">
        <v>11001</v>
      </c>
      <c r="F8184" s="6" t="s">
        <v>18</v>
      </c>
      <c r="G8184" s="6" t="s">
        <v>16433</v>
      </c>
      <c r="H8184" s="6" t="s">
        <v>16434</v>
      </c>
      <c r="I8184" s="7">
        <v>4.5675067</v>
      </c>
      <c r="J8184" s="8">
        <v>-74.130204300000003</v>
      </c>
    </row>
    <row r="8185" spans="1:10" x14ac:dyDescent="0.35">
      <c r="A8185" s="5" t="s">
        <v>10</v>
      </c>
      <c r="B8185" s="6">
        <v>211526</v>
      </c>
      <c r="C8185" s="6" t="s">
        <v>68</v>
      </c>
      <c r="D8185" s="6" t="s">
        <v>69</v>
      </c>
      <c r="E8185" s="6">
        <v>11001</v>
      </c>
      <c r="F8185" s="6" t="s">
        <v>18</v>
      </c>
      <c r="G8185" s="6" t="s">
        <v>16435</v>
      </c>
      <c r="H8185" s="6" t="s">
        <v>16436</v>
      </c>
      <c r="I8185" s="7">
        <v>4.6942529000000004</v>
      </c>
      <c r="J8185" s="8">
        <v>-74.111504999999994</v>
      </c>
    </row>
    <row r="8186" spans="1:10" x14ac:dyDescent="0.35">
      <c r="A8186" s="5" t="s">
        <v>10</v>
      </c>
      <c r="B8186" s="6">
        <v>233608</v>
      </c>
      <c r="C8186" s="6" t="s">
        <v>68</v>
      </c>
      <c r="D8186" s="6" t="s">
        <v>69</v>
      </c>
      <c r="E8186" s="6">
        <v>11001</v>
      </c>
      <c r="F8186" s="6" t="s">
        <v>18</v>
      </c>
      <c r="G8186" s="6" t="s">
        <v>16437</v>
      </c>
      <c r="H8186" s="6" t="s">
        <v>16438</v>
      </c>
      <c r="I8186" s="7">
        <v>4.6733399999999996</v>
      </c>
      <c r="J8186" s="8">
        <v>-74.094149999999999</v>
      </c>
    </row>
    <row r="8187" spans="1:10" x14ac:dyDescent="0.35">
      <c r="A8187" s="5" t="s">
        <v>10</v>
      </c>
      <c r="B8187" s="6">
        <v>242525</v>
      </c>
      <c r="C8187" s="6" t="s">
        <v>68</v>
      </c>
      <c r="D8187" s="6" t="s">
        <v>69</v>
      </c>
      <c r="E8187" s="6">
        <v>11001</v>
      </c>
      <c r="F8187" s="6" t="s">
        <v>18</v>
      </c>
      <c r="G8187" s="6" t="s">
        <v>16439</v>
      </c>
      <c r="H8187" s="6" t="s">
        <v>16440</v>
      </c>
      <c r="I8187" s="7">
        <v>4.5815374999999996</v>
      </c>
      <c r="J8187" s="8">
        <v>-74.115925099999998</v>
      </c>
    </row>
    <row r="8188" spans="1:10" x14ac:dyDescent="0.35">
      <c r="A8188" s="5" t="s">
        <v>10</v>
      </c>
      <c r="B8188" s="6">
        <v>242517</v>
      </c>
      <c r="C8188" s="6" t="s">
        <v>68</v>
      </c>
      <c r="D8188" s="6" t="s">
        <v>69</v>
      </c>
      <c r="E8188" s="6">
        <v>11001</v>
      </c>
      <c r="F8188" s="6" t="s">
        <v>18</v>
      </c>
      <c r="G8188" s="6" t="s">
        <v>16441</v>
      </c>
      <c r="H8188" s="6" t="s">
        <v>16442</v>
      </c>
      <c r="I8188" s="7">
        <v>4.7109886000000003</v>
      </c>
      <c r="J8188" s="8">
        <v>-74.072091999999998</v>
      </c>
    </row>
    <row r="8189" spans="1:10" x14ac:dyDescent="0.35">
      <c r="A8189" s="5" t="s">
        <v>10</v>
      </c>
      <c r="B8189" s="6">
        <v>242703</v>
      </c>
      <c r="C8189" s="6" t="s">
        <v>68</v>
      </c>
      <c r="D8189" s="6" t="s">
        <v>69</v>
      </c>
      <c r="E8189" s="6">
        <v>11001</v>
      </c>
      <c r="F8189" s="6" t="s">
        <v>18</v>
      </c>
      <c r="G8189" s="6" t="s">
        <v>16443</v>
      </c>
      <c r="H8189" s="6" t="s">
        <v>16444</v>
      </c>
      <c r="I8189" s="7">
        <v>4.5682305999999997</v>
      </c>
      <c r="J8189" s="8">
        <v>-74.111281700000006</v>
      </c>
    </row>
    <row r="8190" spans="1:10" x14ac:dyDescent="0.35">
      <c r="A8190" s="5" t="s">
        <v>10</v>
      </c>
      <c r="B8190" s="6">
        <v>207661</v>
      </c>
      <c r="C8190" s="6" t="s">
        <v>68</v>
      </c>
      <c r="D8190" s="6" t="s">
        <v>69</v>
      </c>
      <c r="E8190" s="6">
        <v>11001</v>
      </c>
      <c r="F8190" s="6" t="s">
        <v>18</v>
      </c>
      <c r="G8190" s="6" t="s">
        <v>16445</v>
      </c>
      <c r="H8190" s="6" t="s">
        <v>16446</v>
      </c>
      <c r="I8190" s="7">
        <v>4.6067486000000004</v>
      </c>
      <c r="J8190" s="8">
        <v>-74.185931799999906</v>
      </c>
    </row>
    <row r="8191" spans="1:10" x14ac:dyDescent="0.35">
      <c r="A8191" s="5" t="s">
        <v>10</v>
      </c>
      <c r="B8191" s="6">
        <v>211288</v>
      </c>
      <c r="C8191" s="6" t="s">
        <v>68</v>
      </c>
      <c r="D8191" s="6" t="s">
        <v>69</v>
      </c>
      <c r="E8191" s="6">
        <v>11001</v>
      </c>
      <c r="F8191" s="6" t="s">
        <v>18</v>
      </c>
      <c r="G8191" s="6" t="s">
        <v>16447</v>
      </c>
      <c r="H8191" s="6" t="s">
        <v>16448</v>
      </c>
      <c r="I8191" s="7">
        <v>4.6627219000000002</v>
      </c>
      <c r="J8191" s="8">
        <v>-74.133144000000001</v>
      </c>
    </row>
    <row r="8192" spans="1:10" x14ac:dyDescent="0.35">
      <c r="A8192" s="5" t="s">
        <v>10</v>
      </c>
      <c r="B8192" s="6">
        <v>215246</v>
      </c>
      <c r="C8192" s="6" t="s">
        <v>68</v>
      </c>
      <c r="D8192" s="6" t="s">
        <v>69</v>
      </c>
      <c r="E8192" s="6">
        <v>11001</v>
      </c>
      <c r="F8192" s="6" t="s">
        <v>18</v>
      </c>
      <c r="G8192" s="6" t="s">
        <v>16449</v>
      </c>
      <c r="H8192" s="6" t="s">
        <v>16450</v>
      </c>
      <c r="I8192" s="7">
        <v>4.6264867000000001</v>
      </c>
      <c r="J8192" s="8">
        <v>-74.198121799999996</v>
      </c>
    </row>
    <row r="8193" spans="1:10" x14ac:dyDescent="0.35">
      <c r="A8193" s="5" t="s">
        <v>10</v>
      </c>
      <c r="B8193" s="6">
        <v>217569</v>
      </c>
      <c r="C8193" s="6" t="s">
        <v>68</v>
      </c>
      <c r="D8193" s="6" t="s">
        <v>69</v>
      </c>
      <c r="E8193" s="6">
        <v>11001</v>
      </c>
      <c r="F8193" s="6" t="s">
        <v>18</v>
      </c>
      <c r="G8193" s="6" t="s">
        <v>16451</v>
      </c>
      <c r="H8193" s="6" t="s">
        <v>16452</v>
      </c>
      <c r="I8193" s="7">
        <v>4.6051225999999996</v>
      </c>
      <c r="J8193" s="8">
        <v>-74.114558899999906</v>
      </c>
    </row>
    <row r="8194" spans="1:10" x14ac:dyDescent="0.35">
      <c r="A8194" s="5" t="s">
        <v>10</v>
      </c>
      <c r="B8194" s="6">
        <v>218735</v>
      </c>
      <c r="C8194" s="6" t="s">
        <v>68</v>
      </c>
      <c r="D8194" s="6" t="s">
        <v>69</v>
      </c>
      <c r="E8194" s="6">
        <v>11001</v>
      </c>
      <c r="F8194" s="6" t="s">
        <v>18</v>
      </c>
      <c r="G8194" s="6" t="s">
        <v>7521</v>
      </c>
      <c r="H8194" s="6" t="s">
        <v>16453</v>
      </c>
      <c r="I8194" s="7">
        <v>4.5697999999999999</v>
      </c>
      <c r="J8194" s="8">
        <v>-74.1191429</v>
      </c>
    </row>
    <row r="8195" spans="1:10" x14ac:dyDescent="0.35">
      <c r="A8195" s="5" t="s">
        <v>10</v>
      </c>
      <c r="B8195" s="6">
        <v>202097</v>
      </c>
      <c r="C8195" s="6" t="s">
        <v>68</v>
      </c>
      <c r="D8195" s="6" t="s">
        <v>69</v>
      </c>
      <c r="E8195" s="6">
        <v>11001</v>
      </c>
      <c r="F8195" s="6" t="s">
        <v>13</v>
      </c>
      <c r="G8195" s="6" t="s">
        <v>14563</v>
      </c>
      <c r="H8195" s="6" t="s">
        <v>16454</v>
      </c>
      <c r="I8195" s="7">
        <v>4.5912090000000001</v>
      </c>
      <c r="J8195" s="8">
        <v>-74.111592400000006</v>
      </c>
    </row>
    <row r="8196" spans="1:10" x14ac:dyDescent="0.35">
      <c r="A8196" s="5" t="s">
        <v>10</v>
      </c>
      <c r="B8196" s="6">
        <v>204179</v>
      </c>
      <c r="C8196" s="6" t="s">
        <v>68</v>
      </c>
      <c r="D8196" s="6" t="s">
        <v>69</v>
      </c>
      <c r="E8196" s="6">
        <v>11001</v>
      </c>
      <c r="F8196" s="6" t="s">
        <v>13</v>
      </c>
      <c r="G8196" s="6" t="s">
        <v>16455</v>
      </c>
      <c r="H8196" s="6" t="s">
        <v>16456</v>
      </c>
      <c r="I8196" s="7">
        <v>4.5724206000000001</v>
      </c>
      <c r="J8196" s="8">
        <v>-74.094971799999996</v>
      </c>
    </row>
    <row r="8197" spans="1:10" x14ac:dyDescent="0.35">
      <c r="A8197" s="5" t="s">
        <v>10</v>
      </c>
      <c r="B8197" s="6">
        <v>221121</v>
      </c>
      <c r="C8197" s="6" t="s">
        <v>117</v>
      </c>
      <c r="D8197" s="6" t="s">
        <v>4931</v>
      </c>
      <c r="E8197" s="6">
        <v>76892</v>
      </c>
      <c r="F8197" s="6" t="s">
        <v>18</v>
      </c>
      <c r="G8197" s="6" t="s">
        <v>16457</v>
      </c>
      <c r="H8197" s="6" t="s">
        <v>16458</v>
      </c>
      <c r="I8197" s="7">
        <v>3.5757374999999998</v>
      </c>
      <c r="J8197" s="8">
        <v>-76.481257999999997</v>
      </c>
    </row>
    <row r="8198" spans="1:10" x14ac:dyDescent="0.35">
      <c r="A8198" s="5" t="s">
        <v>10</v>
      </c>
      <c r="B8198" s="6">
        <v>226947</v>
      </c>
      <c r="C8198" s="6" t="s">
        <v>117</v>
      </c>
      <c r="D8198" s="6" t="s">
        <v>3860</v>
      </c>
      <c r="E8198" s="6">
        <v>76130</v>
      </c>
      <c r="F8198" s="6" t="s">
        <v>18</v>
      </c>
      <c r="G8198" s="6" t="s">
        <v>16459</v>
      </c>
      <c r="H8198" s="6" t="s">
        <v>16460</v>
      </c>
      <c r="I8198" s="7">
        <v>3.4102305999999998</v>
      </c>
      <c r="J8198" s="8">
        <v>-76.349286899999996</v>
      </c>
    </row>
    <row r="8199" spans="1:10" x14ac:dyDescent="0.35">
      <c r="A8199" s="5" t="s">
        <v>10</v>
      </c>
      <c r="B8199" s="6">
        <v>246188</v>
      </c>
      <c r="C8199" s="6" t="s">
        <v>190</v>
      </c>
      <c r="D8199" s="6" t="s">
        <v>191</v>
      </c>
      <c r="E8199" s="6">
        <v>5001</v>
      </c>
      <c r="F8199" s="6" t="s">
        <v>18</v>
      </c>
      <c r="G8199" s="6" t="s">
        <v>16461</v>
      </c>
      <c r="H8199" s="6" t="s">
        <v>16462</v>
      </c>
      <c r="I8199" s="7">
        <v>6.2738234000000004</v>
      </c>
      <c r="J8199" s="8">
        <v>-75.551999800000004</v>
      </c>
    </row>
    <row r="8200" spans="1:10" x14ac:dyDescent="0.35">
      <c r="A8200" s="5" t="s">
        <v>10</v>
      </c>
      <c r="B8200" s="6">
        <v>211779</v>
      </c>
      <c r="C8200" s="6" t="s">
        <v>68</v>
      </c>
      <c r="D8200" s="6" t="s">
        <v>69</v>
      </c>
      <c r="E8200" s="6">
        <v>11001</v>
      </c>
      <c r="F8200" s="6" t="s">
        <v>18</v>
      </c>
      <c r="G8200" s="6" t="s">
        <v>16463</v>
      </c>
      <c r="H8200" s="6" t="s">
        <v>16464</v>
      </c>
      <c r="I8200" s="7">
        <v>4.6008392999999996</v>
      </c>
      <c r="J8200" s="8">
        <v>-74.070111400000002</v>
      </c>
    </row>
    <row r="8201" spans="1:10" x14ac:dyDescent="0.35">
      <c r="A8201" s="5" t="s">
        <v>10</v>
      </c>
      <c r="B8201" s="6">
        <v>233508</v>
      </c>
      <c r="C8201" s="6" t="s">
        <v>68</v>
      </c>
      <c r="D8201" s="6" t="s">
        <v>69</v>
      </c>
      <c r="E8201" s="6">
        <v>11001</v>
      </c>
      <c r="F8201" s="6" t="s">
        <v>18</v>
      </c>
      <c r="G8201" s="6" t="s">
        <v>16465</v>
      </c>
      <c r="H8201" s="6" t="s">
        <v>16466</v>
      </c>
      <c r="I8201" s="7">
        <v>4.4997199999999999</v>
      </c>
      <c r="J8201" s="8">
        <v>-74.102980000000002</v>
      </c>
    </row>
    <row r="8202" spans="1:10" x14ac:dyDescent="0.35">
      <c r="A8202" s="5" t="s">
        <v>10</v>
      </c>
      <c r="B8202" s="6">
        <v>236244</v>
      </c>
      <c r="C8202" s="6" t="s">
        <v>68</v>
      </c>
      <c r="D8202" s="6" t="s">
        <v>69</v>
      </c>
      <c r="E8202" s="6">
        <v>11001</v>
      </c>
      <c r="F8202" s="6" t="s">
        <v>18</v>
      </c>
      <c r="G8202" s="6" t="s">
        <v>16467</v>
      </c>
      <c r="H8202" s="6" t="s">
        <v>16468</v>
      </c>
      <c r="I8202" s="7">
        <v>4.6123421000000002</v>
      </c>
      <c r="J8202" s="8">
        <v>-74.174291299999993</v>
      </c>
    </row>
    <row r="8203" spans="1:10" x14ac:dyDescent="0.35">
      <c r="A8203" s="5" t="s">
        <v>10</v>
      </c>
      <c r="B8203" s="6">
        <v>236762</v>
      </c>
      <c r="C8203" s="6" t="s">
        <v>68</v>
      </c>
      <c r="D8203" s="6" t="s">
        <v>69</v>
      </c>
      <c r="E8203" s="6">
        <v>11001</v>
      </c>
      <c r="F8203" s="6" t="s">
        <v>18</v>
      </c>
      <c r="G8203" s="6" t="s">
        <v>16469</v>
      </c>
      <c r="H8203" s="6" t="s">
        <v>16470</v>
      </c>
      <c r="I8203" s="7">
        <v>4.6701997999999998</v>
      </c>
      <c r="J8203" s="8">
        <v>-74.146459699999994</v>
      </c>
    </row>
    <row r="8204" spans="1:10" x14ac:dyDescent="0.35">
      <c r="A8204" s="5" t="s">
        <v>10</v>
      </c>
      <c r="B8204" s="6">
        <v>246216</v>
      </c>
      <c r="C8204" s="6" t="s">
        <v>68</v>
      </c>
      <c r="D8204" s="6" t="s">
        <v>69</v>
      </c>
      <c r="E8204" s="6">
        <v>11001</v>
      </c>
      <c r="F8204" s="6" t="s">
        <v>18</v>
      </c>
      <c r="G8204" s="6" t="s">
        <v>16471</v>
      </c>
      <c r="H8204" s="6" t="s">
        <v>16472</v>
      </c>
      <c r="I8204" s="7">
        <v>4.7312257999999998</v>
      </c>
      <c r="J8204" s="8">
        <v>-74.025746699999999</v>
      </c>
    </row>
    <row r="8205" spans="1:10" x14ac:dyDescent="0.35">
      <c r="A8205" s="5" t="s">
        <v>10</v>
      </c>
      <c r="B8205" s="6">
        <v>245854</v>
      </c>
      <c r="C8205" s="6" t="s">
        <v>68</v>
      </c>
      <c r="D8205" s="6" t="s">
        <v>69</v>
      </c>
      <c r="E8205" s="6">
        <v>11001</v>
      </c>
      <c r="F8205" s="6" t="s">
        <v>18</v>
      </c>
      <c r="G8205" s="6" t="s">
        <v>16473</v>
      </c>
      <c r="H8205" s="6" t="s">
        <v>16474</v>
      </c>
      <c r="I8205" s="7">
        <v>4.6516999999999999</v>
      </c>
      <c r="J8205" s="8">
        <v>-74.0617637</v>
      </c>
    </row>
    <row r="8206" spans="1:10" x14ac:dyDescent="0.35">
      <c r="A8206" s="5" t="s">
        <v>10</v>
      </c>
      <c r="B8206" s="6">
        <v>239146</v>
      </c>
      <c r="C8206" s="6" t="s">
        <v>68</v>
      </c>
      <c r="D8206" s="6" t="s">
        <v>69</v>
      </c>
      <c r="E8206" s="6">
        <v>11001</v>
      </c>
      <c r="F8206" s="6" t="s">
        <v>18</v>
      </c>
      <c r="G8206" s="6" t="s">
        <v>16475</v>
      </c>
      <c r="H8206" s="6" t="s">
        <v>16476</v>
      </c>
      <c r="I8206" s="7">
        <v>4.6070729000000004</v>
      </c>
      <c r="J8206" s="8">
        <v>-74.077870599999997</v>
      </c>
    </row>
    <row r="8207" spans="1:10" x14ac:dyDescent="0.35">
      <c r="A8207" s="5" t="s">
        <v>10</v>
      </c>
      <c r="B8207" s="6">
        <v>242420</v>
      </c>
      <c r="C8207" s="6" t="s">
        <v>68</v>
      </c>
      <c r="D8207" s="6" t="s">
        <v>69</v>
      </c>
      <c r="E8207" s="6">
        <v>11001</v>
      </c>
      <c r="F8207" s="6" t="s">
        <v>18</v>
      </c>
      <c r="G8207" s="6" t="s">
        <v>16477</v>
      </c>
      <c r="H8207" s="6" t="s">
        <v>16478</v>
      </c>
      <c r="I8207" s="7">
        <v>4.7258361999999998</v>
      </c>
      <c r="J8207" s="8">
        <v>-74.112884500000007</v>
      </c>
    </row>
    <row r="8208" spans="1:10" x14ac:dyDescent="0.35">
      <c r="A8208" s="5" t="s">
        <v>10</v>
      </c>
      <c r="B8208" s="6">
        <v>215734</v>
      </c>
      <c r="C8208" s="6" t="s">
        <v>308</v>
      </c>
      <c r="D8208" s="6" t="s">
        <v>309</v>
      </c>
      <c r="E8208" s="6">
        <v>23001</v>
      </c>
      <c r="F8208" s="6" t="s">
        <v>13</v>
      </c>
      <c r="G8208" s="6" t="s">
        <v>16479</v>
      </c>
      <c r="H8208" s="6" t="s">
        <v>16480</v>
      </c>
      <c r="I8208" s="7">
        <v>8.7364574000000008</v>
      </c>
      <c r="J8208" s="8">
        <v>-75.898475199999993</v>
      </c>
    </row>
    <row r="8209" spans="1:10" x14ac:dyDescent="0.35">
      <c r="A8209" s="5" t="s">
        <v>10</v>
      </c>
      <c r="B8209" s="6">
        <v>229619</v>
      </c>
      <c r="C8209" s="6" t="s">
        <v>457</v>
      </c>
      <c r="D8209" s="6" t="s">
        <v>1086</v>
      </c>
      <c r="E8209" s="6">
        <v>52356</v>
      </c>
      <c r="F8209" s="6" t="s">
        <v>18</v>
      </c>
      <c r="G8209" s="6" t="s">
        <v>16481</v>
      </c>
      <c r="H8209" s="6" t="s">
        <v>16482</v>
      </c>
      <c r="I8209" s="7">
        <v>0.85163219999999995</v>
      </c>
      <c r="J8209" s="8">
        <v>-77.677417500000004</v>
      </c>
    </row>
    <row r="8210" spans="1:10" x14ac:dyDescent="0.35">
      <c r="A8210" s="5" t="s">
        <v>10</v>
      </c>
      <c r="B8210" s="6">
        <v>241129</v>
      </c>
      <c r="C8210" s="6" t="s">
        <v>117</v>
      </c>
      <c r="D8210" s="6" t="s">
        <v>1334</v>
      </c>
      <c r="E8210" s="6">
        <v>76001</v>
      </c>
      <c r="F8210" s="6" t="s">
        <v>18</v>
      </c>
      <c r="G8210" s="6" t="s">
        <v>16483</v>
      </c>
      <c r="H8210" s="6" t="s">
        <v>16484</v>
      </c>
      <c r="I8210" s="7">
        <v>3.4530777000000001</v>
      </c>
      <c r="J8210" s="8">
        <v>-76.532776699999999</v>
      </c>
    </row>
    <row r="8211" spans="1:10" x14ac:dyDescent="0.35">
      <c r="A8211" s="5" t="s">
        <v>10</v>
      </c>
      <c r="B8211" s="6">
        <v>248277</v>
      </c>
      <c r="C8211" s="6" t="s">
        <v>457</v>
      </c>
      <c r="D8211" s="6" t="s">
        <v>118</v>
      </c>
      <c r="E8211" s="6">
        <v>52399</v>
      </c>
      <c r="F8211" s="6" t="s">
        <v>18</v>
      </c>
      <c r="G8211" s="6" t="s">
        <v>16485</v>
      </c>
      <c r="H8211" s="6" t="s">
        <v>16486</v>
      </c>
      <c r="I8211" s="7">
        <v>0.87470000000000003</v>
      </c>
      <c r="J8211" s="8">
        <v>-77.809979999999996</v>
      </c>
    </row>
    <row r="8212" spans="1:10" x14ac:dyDescent="0.35">
      <c r="A8212" s="5" t="s">
        <v>10</v>
      </c>
      <c r="B8212" s="6">
        <v>201264</v>
      </c>
      <c r="C8212" s="6" t="s">
        <v>68</v>
      </c>
      <c r="D8212" s="6" t="s">
        <v>69</v>
      </c>
      <c r="E8212" s="6">
        <v>11001</v>
      </c>
      <c r="F8212" s="6" t="s">
        <v>18</v>
      </c>
      <c r="G8212" s="6" t="s">
        <v>16487</v>
      </c>
      <c r="H8212" s="6" t="s">
        <v>16488</v>
      </c>
      <c r="I8212" s="7">
        <v>4.6572006999999997</v>
      </c>
      <c r="J8212" s="8">
        <v>-74.1177907</v>
      </c>
    </row>
    <row r="8213" spans="1:10" x14ac:dyDescent="0.35">
      <c r="A8213" s="5" t="s">
        <v>10</v>
      </c>
      <c r="B8213" s="6">
        <v>231713</v>
      </c>
      <c r="C8213" s="6" t="s">
        <v>68</v>
      </c>
      <c r="D8213" s="6" t="s">
        <v>69</v>
      </c>
      <c r="E8213" s="6">
        <v>11001</v>
      </c>
      <c r="F8213" s="6" t="s">
        <v>18</v>
      </c>
      <c r="G8213" s="6" t="s">
        <v>16489</v>
      </c>
      <c r="H8213" s="6" t="s">
        <v>16490</v>
      </c>
      <c r="I8213" s="7">
        <v>4.5415441999999997</v>
      </c>
      <c r="J8213" s="8">
        <v>-74.136361600000001</v>
      </c>
    </row>
    <row r="8214" spans="1:10" x14ac:dyDescent="0.35">
      <c r="A8214" s="5" t="s">
        <v>10</v>
      </c>
      <c r="B8214" s="6">
        <v>237095</v>
      </c>
      <c r="C8214" s="6" t="s">
        <v>68</v>
      </c>
      <c r="D8214" s="6" t="s">
        <v>69</v>
      </c>
      <c r="E8214" s="6">
        <v>11001</v>
      </c>
      <c r="F8214" s="6" t="s">
        <v>18</v>
      </c>
      <c r="G8214" s="6" t="s">
        <v>16491</v>
      </c>
      <c r="H8214" s="6" t="s">
        <v>16492</v>
      </c>
      <c r="I8214" s="7">
        <v>4.5503438999999997</v>
      </c>
      <c r="J8214" s="8">
        <v>-74.140820300000001</v>
      </c>
    </row>
    <row r="8215" spans="1:10" x14ac:dyDescent="0.35">
      <c r="A8215" s="5" t="s">
        <v>10</v>
      </c>
      <c r="B8215" s="6">
        <v>238366</v>
      </c>
      <c r="C8215" s="6" t="s">
        <v>68</v>
      </c>
      <c r="D8215" s="6" t="s">
        <v>69</v>
      </c>
      <c r="E8215" s="6">
        <v>11001</v>
      </c>
      <c r="F8215" s="6" t="s">
        <v>18</v>
      </c>
      <c r="G8215" s="6" t="s">
        <v>16493</v>
      </c>
      <c r="H8215" s="6" t="s">
        <v>16494</v>
      </c>
      <c r="I8215" s="7">
        <v>4.7517278999999997</v>
      </c>
      <c r="J8215" s="8">
        <v>-74.113605800000002</v>
      </c>
    </row>
    <row r="8216" spans="1:10" x14ac:dyDescent="0.35">
      <c r="A8216" s="5" t="s">
        <v>10</v>
      </c>
      <c r="B8216" s="6">
        <v>246474</v>
      </c>
      <c r="C8216" s="6" t="s">
        <v>68</v>
      </c>
      <c r="D8216" s="6" t="s">
        <v>69</v>
      </c>
      <c r="E8216" s="6">
        <v>11001</v>
      </c>
      <c r="F8216" s="6" t="s">
        <v>18</v>
      </c>
      <c r="G8216" s="6" t="s">
        <v>16495</v>
      </c>
      <c r="H8216" s="6" t="s">
        <v>16496</v>
      </c>
      <c r="I8216" s="7">
        <v>4.6298339999999998</v>
      </c>
      <c r="J8216" s="8">
        <v>-74.180888199999998</v>
      </c>
    </row>
    <row r="8217" spans="1:10" x14ac:dyDescent="0.35">
      <c r="A8217" s="5" t="s">
        <v>10</v>
      </c>
      <c r="B8217" s="6">
        <v>247400</v>
      </c>
      <c r="C8217" s="6" t="s">
        <v>68</v>
      </c>
      <c r="D8217" s="6" t="s">
        <v>69</v>
      </c>
      <c r="E8217" s="6">
        <v>11001</v>
      </c>
      <c r="F8217" s="6" t="s">
        <v>18</v>
      </c>
      <c r="G8217" s="6" t="s">
        <v>16497</v>
      </c>
      <c r="H8217" s="6" t="s">
        <v>16498</v>
      </c>
      <c r="I8217" s="7">
        <v>4.6038981000000003</v>
      </c>
      <c r="J8217" s="8">
        <v>-74.187793799999994</v>
      </c>
    </row>
    <row r="8218" spans="1:10" x14ac:dyDescent="0.35">
      <c r="A8218" s="5" t="s">
        <v>10</v>
      </c>
      <c r="B8218" s="6">
        <v>227628</v>
      </c>
      <c r="C8218" s="6" t="s">
        <v>68</v>
      </c>
      <c r="D8218" s="6" t="s">
        <v>69</v>
      </c>
      <c r="E8218" s="6">
        <v>11001</v>
      </c>
      <c r="F8218" s="6" t="s">
        <v>18</v>
      </c>
      <c r="G8218" s="6" t="s">
        <v>16499</v>
      </c>
      <c r="H8218" s="6" t="s">
        <v>16500</v>
      </c>
      <c r="I8218" s="7">
        <v>4.7076640999999997</v>
      </c>
      <c r="J8218" s="8">
        <v>-74.098710600000004</v>
      </c>
    </row>
    <row r="8219" spans="1:10" x14ac:dyDescent="0.35">
      <c r="A8219" s="5" t="s">
        <v>10</v>
      </c>
      <c r="B8219" s="6">
        <v>240124</v>
      </c>
      <c r="C8219" s="6" t="s">
        <v>68</v>
      </c>
      <c r="D8219" s="6" t="s">
        <v>69</v>
      </c>
      <c r="E8219" s="6">
        <v>11001</v>
      </c>
      <c r="F8219" s="6" t="s">
        <v>18</v>
      </c>
      <c r="G8219" s="6" t="s">
        <v>15396</v>
      </c>
      <c r="H8219" s="6" t="s">
        <v>16501</v>
      </c>
      <c r="I8219" s="7">
        <v>4.7586911000000001</v>
      </c>
      <c r="J8219" s="8">
        <v>-74.027733499999997</v>
      </c>
    </row>
    <row r="8220" spans="1:10" x14ac:dyDescent="0.35">
      <c r="A8220" s="5" t="s">
        <v>10</v>
      </c>
      <c r="B8220" s="6">
        <v>242355</v>
      </c>
      <c r="C8220" s="6" t="s">
        <v>68</v>
      </c>
      <c r="D8220" s="6" t="s">
        <v>69</v>
      </c>
      <c r="E8220" s="6">
        <v>11001</v>
      </c>
      <c r="F8220" s="6" t="s">
        <v>18</v>
      </c>
      <c r="G8220" s="6" t="s">
        <v>16502</v>
      </c>
      <c r="H8220" s="6" t="s">
        <v>16503</v>
      </c>
      <c r="I8220" s="7">
        <v>4.5877796000000002</v>
      </c>
      <c r="J8220" s="8">
        <v>-74.159270199999995</v>
      </c>
    </row>
    <row r="8221" spans="1:10" x14ac:dyDescent="0.35">
      <c r="A8221" s="5" t="s">
        <v>10</v>
      </c>
      <c r="B8221" s="6">
        <v>244616</v>
      </c>
      <c r="C8221" s="6" t="s">
        <v>68</v>
      </c>
      <c r="D8221" s="6" t="s">
        <v>69</v>
      </c>
      <c r="E8221" s="6">
        <v>11001</v>
      </c>
      <c r="F8221" s="6" t="s">
        <v>18</v>
      </c>
      <c r="G8221" s="6" t="s">
        <v>14458</v>
      </c>
      <c r="H8221" s="6" t="s">
        <v>16504</v>
      </c>
      <c r="I8221" s="7">
        <v>4.7109886000000003</v>
      </c>
      <c r="J8221" s="8">
        <v>-74.072091999999998</v>
      </c>
    </row>
    <row r="8222" spans="1:10" x14ac:dyDescent="0.35">
      <c r="A8222" s="5" t="s">
        <v>10</v>
      </c>
      <c r="B8222" s="6">
        <v>181494</v>
      </c>
      <c r="C8222" s="6" t="s">
        <v>68</v>
      </c>
      <c r="D8222" s="6" t="s">
        <v>69</v>
      </c>
      <c r="E8222" s="6">
        <v>11001</v>
      </c>
      <c r="F8222" s="6" t="s">
        <v>18</v>
      </c>
      <c r="G8222" s="6" t="s">
        <v>16505</v>
      </c>
      <c r="H8222" s="6" t="s">
        <v>16506</v>
      </c>
      <c r="I8222" s="7">
        <v>4.6018015999999999</v>
      </c>
      <c r="J8222" s="8">
        <v>-74.110954699999994</v>
      </c>
    </row>
    <row r="8223" spans="1:10" x14ac:dyDescent="0.35">
      <c r="A8223" s="5" t="s">
        <v>10</v>
      </c>
      <c r="B8223" s="6">
        <v>220262</v>
      </c>
      <c r="C8223" s="6" t="s">
        <v>68</v>
      </c>
      <c r="D8223" s="6" t="s">
        <v>69</v>
      </c>
      <c r="E8223" s="6">
        <v>11001</v>
      </c>
      <c r="F8223" s="6" t="s">
        <v>18</v>
      </c>
      <c r="G8223" s="6" t="s">
        <v>16507</v>
      </c>
      <c r="H8223" s="6" t="s">
        <v>16508</v>
      </c>
      <c r="I8223" s="7">
        <v>4.7511673999999999</v>
      </c>
      <c r="J8223" s="8">
        <v>-74.114839000000003</v>
      </c>
    </row>
    <row r="8224" spans="1:10" x14ac:dyDescent="0.35">
      <c r="A8224" s="5" t="s">
        <v>10</v>
      </c>
      <c r="B8224" s="6">
        <v>242221</v>
      </c>
      <c r="C8224" s="6" t="s">
        <v>68</v>
      </c>
      <c r="D8224" s="6" t="s">
        <v>69</v>
      </c>
      <c r="E8224" s="6">
        <v>11001</v>
      </c>
      <c r="F8224" s="6" t="s">
        <v>18</v>
      </c>
      <c r="G8224" s="6" t="s">
        <v>16509</v>
      </c>
      <c r="H8224" s="6" t="s">
        <v>16510</v>
      </c>
      <c r="I8224" s="7">
        <v>4.7464142000000002</v>
      </c>
      <c r="J8224" s="8">
        <v>-74.049270199999995</v>
      </c>
    </row>
    <row r="8225" spans="1:10" x14ac:dyDescent="0.35">
      <c r="A8225" s="5" t="s">
        <v>10</v>
      </c>
      <c r="B8225" s="6">
        <v>233305</v>
      </c>
      <c r="C8225" s="6" t="s">
        <v>11</v>
      </c>
      <c r="D8225" s="6" t="s">
        <v>334</v>
      </c>
      <c r="E8225" s="6">
        <v>25754</v>
      </c>
      <c r="F8225" s="6" t="s">
        <v>18</v>
      </c>
      <c r="G8225" s="6" t="s">
        <v>16511</v>
      </c>
      <c r="H8225" s="6" t="s">
        <v>16512</v>
      </c>
      <c r="I8225" s="7">
        <v>4.5799899999999996</v>
      </c>
      <c r="J8225" s="8">
        <v>-74.215620000000001</v>
      </c>
    </row>
    <row r="8226" spans="1:10" x14ac:dyDescent="0.35">
      <c r="A8226" s="5" t="s">
        <v>10</v>
      </c>
      <c r="B8226" s="6">
        <v>164859</v>
      </c>
      <c r="C8226" s="6" t="s">
        <v>24</v>
      </c>
      <c r="D8226" s="6" t="s">
        <v>88</v>
      </c>
      <c r="E8226" s="6">
        <v>15001</v>
      </c>
      <c r="F8226" s="6" t="s">
        <v>18</v>
      </c>
      <c r="G8226" s="6" t="s">
        <v>16513</v>
      </c>
      <c r="H8226" s="6" t="s">
        <v>16514</v>
      </c>
      <c r="I8226" s="7">
        <v>5.5070937000000004</v>
      </c>
      <c r="J8226" s="8">
        <v>-73.366604600000002</v>
      </c>
    </row>
    <row r="8227" spans="1:10" x14ac:dyDescent="0.35">
      <c r="A8227" s="5" t="s">
        <v>10</v>
      </c>
      <c r="B8227" s="6">
        <v>241066</v>
      </c>
      <c r="C8227" s="6" t="s">
        <v>117</v>
      </c>
      <c r="D8227" s="6" t="s">
        <v>1334</v>
      </c>
      <c r="E8227" s="6">
        <v>76001</v>
      </c>
      <c r="F8227" s="6" t="s">
        <v>18</v>
      </c>
      <c r="G8227" s="6" t="s">
        <v>16515</v>
      </c>
      <c r="H8227" s="6" t="s">
        <v>16516</v>
      </c>
      <c r="I8227" s="7">
        <v>3.449357</v>
      </c>
      <c r="J8227" s="8">
        <v>-76.534001200000006</v>
      </c>
    </row>
    <row r="8228" spans="1:10" x14ac:dyDescent="0.35">
      <c r="A8228" s="5" t="s">
        <v>10</v>
      </c>
      <c r="B8228" s="6">
        <v>182759</v>
      </c>
      <c r="C8228" s="6" t="s">
        <v>190</v>
      </c>
      <c r="D8228" s="6" t="s">
        <v>4362</v>
      </c>
      <c r="E8228" s="6">
        <v>5360</v>
      </c>
      <c r="F8228" s="6" t="s">
        <v>18</v>
      </c>
      <c r="G8228" s="6" t="s">
        <v>16517</v>
      </c>
      <c r="H8228" s="6" t="s">
        <v>16518</v>
      </c>
      <c r="I8228" s="7">
        <v>6.1688635999999999</v>
      </c>
      <c r="J8228" s="8">
        <v>-75.615433299999907</v>
      </c>
    </row>
    <row r="8229" spans="1:10" x14ac:dyDescent="0.35">
      <c r="A8229" s="5" t="s">
        <v>10</v>
      </c>
      <c r="B8229" s="6">
        <v>238708</v>
      </c>
      <c r="C8229" s="6" t="s">
        <v>68</v>
      </c>
      <c r="D8229" s="6" t="s">
        <v>69</v>
      </c>
      <c r="E8229" s="6">
        <v>11001</v>
      </c>
      <c r="F8229" s="6" t="s">
        <v>18</v>
      </c>
      <c r="G8229" s="6" t="s">
        <v>16519</v>
      </c>
      <c r="H8229" s="6" t="s">
        <v>16520</v>
      </c>
      <c r="I8229" s="7">
        <v>4.6256363</v>
      </c>
      <c r="J8229" s="8">
        <v>-74.164520899999999</v>
      </c>
    </row>
    <row r="8230" spans="1:10" x14ac:dyDescent="0.35">
      <c r="A8230" s="5" t="s">
        <v>10</v>
      </c>
      <c r="B8230" s="6">
        <v>238941</v>
      </c>
      <c r="C8230" s="6" t="s">
        <v>68</v>
      </c>
      <c r="D8230" s="6" t="s">
        <v>69</v>
      </c>
      <c r="E8230" s="6">
        <v>11001</v>
      </c>
      <c r="F8230" s="6" t="s">
        <v>18</v>
      </c>
      <c r="G8230" s="6" t="s">
        <v>16521</v>
      </c>
      <c r="H8230" s="6" t="s">
        <v>16522</v>
      </c>
      <c r="I8230" s="7">
        <v>4.6122985999999999</v>
      </c>
      <c r="J8230" s="8">
        <v>-74.182547700000001</v>
      </c>
    </row>
    <row r="8231" spans="1:10" x14ac:dyDescent="0.35">
      <c r="A8231" s="5" t="s">
        <v>10</v>
      </c>
      <c r="B8231" s="6">
        <v>200371</v>
      </c>
      <c r="C8231" s="6" t="s">
        <v>68</v>
      </c>
      <c r="D8231" s="6" t="s">
        <v>69</v>
      </c>
      <c r="E8231" s="6">
        <v>11001</v>
      </c>
      <c r="F8231" s="6" t="s">
        <v>18</v>
      </c>
      <c r="G8231" s="6" t="s">
        <v>16523</v>
      </c>
      <c r="H8231" s="6" t="s">
        <v>16524</v>
      </c>
      <c r="I8231" s="7">
        <v>4.7465656999999997</v>
      </c>
      <c r="J8231" s="8">
        <v>-74.109646900000001</v>
      </c>
    </row>
    <row r="8232" spans="1:10" x14ac:dyDescent="0.35">
      <c r="A8232" s="5" t="s">
        <v>10</v>
      </c>
      <c r="B8232" s="6">
        <v>210343</v>
      </c>
      <c r="C8232" s="6" t="s">
        <v>68</v>
      </c>
      <c r="D8232" s="6" t="s">
        <v>69</v>
      </c>
      <c r="E8232" s="6">
        <v>11001</v>
      </c>
      <c r="F8232" s="6" t="s">
        <v>18</v>
      </c>
      <c r="G8232" s="6" t="s">
        <v>16525</v>
      </c>
      <c r="H8232" s="6" t="s">
        <v>16526</v>
      </c>
      <c r="I8232" s="7">
        <v>4.5639728000000002</v>
      </c>
      <c r="J8232" s="8">
        <v>-74.098977599999998</v>
      </c>
    </row>
    <row r="8233" spans="1:10" x14ac:dyDescent="0.35">
      <c r="A8233" s="5" t="s">
        <v>10</v>
      </c>
      <c r="B8233" s="6">
        <v>228649</v>
      </c>
      <c r="C8233" s="6" t="s">
        <v>68</v>
      </c>
      <c r="D8233" s="6" t="s">
        <v>69</v>
      </c>
      <c r="E8233" s="6">
        <v>11001</v>
      </c>
      <c r="F8233" s="6" t="s">
        <v>18</v>
      </c>
      <c r="G8233" s="6" t="s">
        <v>16527</v>
      </c>
      <c r="H8233" s="6" t="s">
        <v>16528</v>
      </c>
      <c r="I8233" s="7">
        <v>4.5681184999999997</v>
      </c>
      <c r="J8233" s="8">
        <v>-74.093694799999994</v>
      </c>
    </row>
    <row r="8234" spans="1:10" x14ac:dyDescent="0.35">
      <c r="A8234" s="5" t="s">
        <v>10</v>
      </c>
      <c r="B8234" s="6">
        <v>237917</v>
      </c>
      <c r="C8234" s="6" t="s">
        <v>68</v>
      </c>
      <c r="D8234" s="6" t="s">
        <v>69</v>
      </c>
      <c r="E8234" s="6">
        <v>11001</v>
      </c>
      <c r="F8234" s="6" t="s">
        <v>18</v>
      </c>
      <c r="G8234" s="6" t="s">
        <v>16529</v>
      </c>
      <c r="H8234" s="6" t="s">
        <v>16530</v>
      </c>
      <c r="I8234" s="7">
        <v>4.6706539999999999</v>
      </c>
      <c r="J8234" s="8">
        <v>-74.063423299999997</v>
      </c>
    </row>
    <row r="8235" spans="1:10" x14ac:dyDescent="0.35">
      <c r="A8235" s="5" t="s">
        <v>10</v>
      </c>
      <c r="B8235" s="6">
        <v>230008</v>
      </c>
      <c r="C8235" s="6" t="s">
        <v>68</v>
      </c>
      <c r="D8235" s="6" t="s">
        <v>69</v>
      </c>
      <c r="E8235" s="6">
        <v>11001</v>
      </c>
      <c r="F8235" s="6" t="s">
        <v>18</v>
      </c>
      <c r="G8235" s="6" t="s">
        <v>16531</v>
      </c>
      <c r="H8235" s="6" t="s">
        <v>16532</v>
      </c>
      <c r="I8235" s="7">
        <v>4.6044232000000003</v>
      </c>
      <c r="J8235" s="8">
        <v>-74.150789200000006</v>
      </c>
    </row>
    <row r="8236" spans="1:10" x14ac:dyDescent="0.35">
      <c r="A8236" s="5" t="s">
        <v>10</v>
      </c>
      <c r="B8236" s="6">
        <v>231697</v>
      </c>
      <c r="C8236" s="6" t="s">
        <v>68</v>
      </c>
      <c r="D8236" s="6" t="s">
        <v>69</v>
      </c>
      <c r="E8236" s="6">
        <v>11001</v>
      </c>
      <c r="F8236" s="6" t="s">
        <v>18</v>
      </c>
      <c r="G8236" s="6" t="s">
        <v>16533</v>
      </c>
      <c r="H8236" s="6" t="s">
        <v>16534</v>
      </c>
      <c r="I8236" s="7">
        <v>4.7614811000000001</v>
      </c>
      <c r="J8236" s="8">
        <v>-74.029846800000001</v>
      </c>
    </row>
    <row r="8237" spans="1:10" x14ac:dyDescent="0.35">
      <c r="A8237" s="5" t="s">
        <v>10</v>
      </c>
      <c r="B8237" s="6">
        <v>239216</v>
      </c>
      <c r="C8237" s="6" t="s">
        <v>68</v>
      </c>
      <c r="D8237" s="6" t="s">
        <v>69</v>
      </c>
      <c r="E8237" s="6">
        <v>11001</v>
      </c>
      <c r="F8237" s="6" t="s">
        <v>18</v>
      </c>
      <c r="G8237" s="6" t="s">
        <v>16535</v>
      </c>
      <c r="H8237" s="6" t="s">
        <v>16536</v>
      </c>
      <c r="I8237" s="7">
        <v>4.5892662</v>
      </c>
      <c r="J8237" s="8">
        <v>-74.163782699999999</v>
      </c>
    </row>
    <row r="8238" spans="1:10" x14ac:dyDescent="0.35">
      <c r="A8238" s="5" t="s">
        <v>10</v>
      </c>
      <c r="B8238" s="6">
        <v>213696</v>
      </c>
      <c r="C8238" s="6" t="s">
        <v>68</v>
      </c>
      <c r="D8238" s="6" t="s">
        <v>69</v>
      </c>
      <c r="E8238" s="6">
        <v>11001</v>
      </c>
      <c r="F8238" s="6" t="s">
        <v>18</v>
      </c>
      <c r="G8238" s="6" t="s">
        <v>16537</v>
      </c>
      <c r="H8238" s="6" t="s">
        <v>16538</v>
      </c>
      <c r="I8238" s="7">
        <v>4.6329351000000001</v>
      </c>
      <c r="J8238" s="8">
        <v>-74.200931099999906</v>
      </c>
    </row>
    <row r="8239" spans="1:10" x14ac:dyDescent="0.35">
      <c r="A8239" s="5" t="s">
        <v>10</v>
      </c>
      <c r="B8239" s="6">
        <v>242234</v>
      </c>
      <c r="C8239" s="6" t="s">
        <v>68</v>
      </c>
      <c r="D8239" s="6" t="s">
        <v>69</v>
      </c>
      <c r="E8239" s="6">
        <v>11001</v>
      </c>
      <c r="F8239" s="6" t="s">
        <v>18</v>
      </c>
      <c r="G8239" s="6" t="s">
        <v>16539</v>
      </c>
      <c r="H8239" s="6" t="s">
        <v>16540</v>
      </c>
      <c r="I8239" s="7">
        <v>4.5780035999999997</v>
      </c>
      <c r="J8239" s="8">
        <v>-74.092317100000002</v>
      </c>
    </row>
    <row r="8240" spans="1:10" x14ac:dyDescent="0.35">
      <c r="A8240" s="5" t="s">
        <v>10</v>
      </c>
      <c r="B8240" s="6">
        <v>242648</v>
      </c>
      <c r="C8240" s="6" t="s">
        <v>68</v>
      </c>
      <c r="D8240" s="6" t="s">
        <v>69</v>
      </c>
      <c r="E8240" s="6">
        <v>11001</v>
      </c>
      <c r="F8240" s="6" t="s">
        <v>18</v>
      </c>
      <c r="G8240" s="6" t="s">
        <v>16541</v>
      </c>
      <c r="H8240" s="6" t="s">
        <v>16542</v>
      </c>
      <c r="I8240" s="7">
        <v>4.5707996</v>
      </c>
      <c r="J8240" s="8">
        <v>-74.094521299999997</v>
      </c>
    </row>
    <row r="8241" spans="1:10" x14ac:dyDescent="0.35">
      <c r="A8241" s="5" t="s">
        <v>10</v>
      </c>
      <c r="B8241" s="6">
        <v>243606</v>
      </c>
      <c r="C8241" s="6" t="s">
        <v>68</v>
      </c>
      <c r="D8241" s="6" t="s">
        <v>69</v>
      </c>
      <c r="E8241" s="6">
        <v>11001</v>
      </c>
      <c r="F8241" s="6" t="s">
        <v>18</v>
      </c>
      <c r="G8241" s="6" t="s">
        <v>16543</v>
      </c>
      <c r="H8241" s="6" t="s">
        <v>16544</v>
      </c>
      <c r="I8241" s="7">
        <v>4.6398387999999997</v>
      </c>
      <c r="J8241" s="8">
        <v>-74.145907399999999</v>
      </c>
    </row>
    <row r="8242" spans="1:10" x14ac:dyDescent="0.35">
      <c r="A8242" s="5" t="s">
        <v>10</v>
      </c>
      <c r="B8242" s="6">
        <v>238867</v>
      </c>
      <c r="C8242" s="6" t="s">
        <v>68</v>
      </c>
      <c r="D8242" s="6" t="s">
        <v>69</v>
      </c>
      <c r="E8242" s="6">
        <v>11001</v>
      </c>
      <c r="F8242" s="6" t="s">
        <v>13</v>
      </c>
      <c r="G8242" s="6" t="s">
        <v>16545</v>
      </c>
      <c r="H8242" s="6" t="s">
        <v>16546</v>
      </c>
      <c r="I8242" s="7">
        <v>4.5544821999999998</v>
      </c>
      <c r="J8242" s="8">
        <v>-74.111402299999995</v>
      </c>
    </row>
    <row r="8243" spans="1:10" x14ac:dyDescent="0.35">
      <c r="A8243" s="5" t="s">
        <v>10</v>
      </c>
      <c r="B8243" s="6">
        <v>241204</v>
      </c>
      <c r="C8243" s="6" t="s">
        <v>117</v>
      </c>
      <c r="D8243" s="6" t="s">
        <v>1334</v>
      </c>
      <c r="E8243" s="6">
        <v>76001</v>
      </c>
      <c r="F8243" s="6" t="s">
        <v>18</v>
      </c>
      <c r="G8243" s="6" t="s">
        <v>16547</v>
      </c>
      <c r="H8243" s="6" t="s">
        <v>16548</v>
      </c>
      <c r="I8243" s="7">
        <v>3.3742404000000001</v>
      </c>
      <c r="J8243" s="8">
        <v>-76.548288799999995</v>
      </c>
    </row>
    <row r="8244" spans="1:10" x14ac:dyDescent="0.35">
      <c r="A8244" s="5" t="s">
        <v>10</v>
      </c>
      <c r="B8244" s="6">
        <v>241564</v>
      </c>
      <c r="C8244" s="6" t="s">
        <v>457</v>
      </c>
      <c r="D8244" s="6" t="s">
        <v>4400</v>
      </c>
      <c r="E8244" s="6">
        <v>52001</v>
      </c>
      <c r="F8244" s="6" t="s">
        <v>18</v>
      </c>
      <c r="G8244" s="6" t="s">
        <v>16549</v>
      </c>
      <c r="H8244" s="6" t="s">
        <v>16550</v>
      </c>
      <c r="I8244" s="7">
        <v>1.1860982</v>
      </c>
      <c r="J8244" s="8">
        <v>-77.2724099</v>
      </c>
    </row>
    <row r="8245" spans="1:10" x14ac:dyDescent="0.35">
      <c r="A8245" s="5" t="s">
        <v>10</v>
      </c>
      <c r="B8245" s="6">
        <v>230045</v>
      </c>
      <c r="C8245" s="6" t="s">
        <v>457</v>
      </c>
      <c r="D8245" s="6" t="s">
        <v>16551</v>
      </c>
      <c r="E8245" s="6">
        <v>52405</v>
      </c>
      <c r="F8245" s="6" t="s">
        <v>18</v>
      </c>
      <c r="G8245" s="6" t="s">
        <v>16552</v>
      </c>
      <c r="H8245" s="6" t="s">
        <v>16553</v>
      </c>
      <c r="I8245" s="7">
        <v>1.9354157000000001</v>
      </c>
      <c r="J8245" s="8">
        <v>-77.303562299999996</v>
      </c>
    </row>
    <row r="8246" spans="1:10" x14ac:dyDescent="0.35">
      <c r="A8246" s="5" t="s">
        <v>10</v>
      </c>
      <c r="B8246" s="6">
        <v>240614</v>
      </c>
      <c r="C8246" s="6" t="s">
        <v>190</v>
      </c>
      <c r="D8246" s="6" t="s">
        <v>4063</v>
      </c>
      <c r="E8246" s="6">
        <v>5088</v>
      </c>
      <c r="F8246" s="6" t="s">
        <v>18</v>
      </c>
      <c r="G8246" s="6" t="s">
        <v>16554</v>
      </c>
      <c r="H8246" s="6" t="s">
        <v>16555</v>
      </c>
      <c r="I8246" s="7">
        <v>6.3516507999999998</v>
      </c>
      <c r="J8246" s="8">
        <v>-75.561348699999996</v>
      </c>
    </row>
    <row r="8247" spans="1:10" x14ac:dyDescent="0.35">
      <c r="A8247" s="5" t="s">
        <v>10</v>
      </c>
      <c r="B8247" s="6">
        <v>231241</v>
      </c>
      <c r="C8247" s="6" t="s">
        <v>190</v>
      </c>
      <c r="D8247" s="6" t="s">
        <v>16556</v>
      </c>
      <c r="E8247" s="6">
        <v>5134</v>
      </c>
      <c r="F8247" s="6" t="s">
        <v>18</v>
      </c>
      <c r="G8247" s="6" t="s">
        <v>16557</v>
      </c>
      <c r="H8247" s="6" t="s">
        <v>16558</v>
      </c>
      <c r="I8247" s="7">
        <v>6.9796458000000001</v>
      </c>
      <c r="J8247" s="8">
        <v>-75.297200700000005</v>
      </c>
    </row>
    <row r="8248" spans="1:10" x14ac:dyDescent="0.35">
      <c r="A8248" s="5" t="s">
        <v>10</v>
      </c>
      <c r="B8248" s="6">
        <v>240597</v>
      </c>
      <c r="C8248" s="6" t="s">
        <v>190</v>
      </c>
      <c r="D8248" s="6" t="s">
        <v>191</v>
      </c>
      <c r="E8248" s="6">
        <v>5001</v>
      </c>
      <c r="F8248" s="6" t="s">
        <v>18</v>
      </c>
      <c r="G8248" s="6" t="s">
        <v>16559</v>
      </c>
      <c r="H8248" s="6" t="s">
        <v>16560</v>
      </c>
      <c r="I8248" s="7">
        <v>6.2752543000000003</v>
      </c>
      <c r="J8248" s="8">
        <v>-75.604281900000004</v>
      </c>
    </row>
    <row r="8249" spans="1:10" x14ac:dyDescent="0.35">
      <c r="A8249" s="5" t="s">
        <v>10</v>
      </c>
      <c r="B8249" s="6">
        <v>205621</v>
      </c>
      <c r="C8249" s="6" t="s">
        <v>68</v>
      </c>
      <c r="D8249" s="6" t="s">
        <v>69</v>
      </c>
      <c r="E8249" s="6">
        <v>11001</v>
      </c>
      <c r="F8249" s="6" t="s">
        <v>18</v>
      </c>
      <c r="G8249" s="6" t="s">
        <v>16561</v>
      </c>
      <c r="H8249" s="6" t="s">
        <v>16562</v>
      </c>
      <c r="I8249" s="7">
        <v>4.5794740999999997</v>
      </c>
      <c r="J8249" s="8">
        <v>-74.114597399999994</v>
      </c>
    </row>
    <row r="8250" spans="1:10" x14ac:dyDescent="0.35">
      <c r="A8250" s="5" t="s">
        <v>10</v>
      </c>
      <c r="B8250" s="6">
        <v>218684</v>
      </c>
      <c r="C8250" s="6" t="s">
        <v>68</v>
      </c>
      <c r="D8250" s="6" t="s">
        <v>69</v>
      </c>
      <c r="E8250" s="6">
        <v>11001</v>
      </c>
      <c r="F8250" s="6" t="s">
        <v>18</v>
      </c>
      <c r="G8250" s="6" t="s">
        <v>16563</v>
      </c>
      <c r="H8250" s="6" t="s">
        <v>16564</v>
      </c>
      <c r="I8250" s="7">
        <v>4.7521154999999897</v>
      </c>
      <c r="J8250" s="8">
        <v>-74.118873499999907</v>
      </c>
    </row>
    <row r="8251" spans="1:10" x14ac:dyDescent="0.35">
      <c r="A8251" s="5" t="s">
        <v>10</v>
      </c>
      <c r="B8251" s="6">
        <v>242612</v>
      </c>
      <c r="C8251" s="6" t="s">
        <v>68</v>
      </c>
      <c r="D8251" s="6" t="s">
        <v>69</v>
      </c>
      <c r="E8251" s="6">
        <v>11001</v>
      </c>
      <c r="F8251" s="6" t="s">
        <v>18</v>
      </c>
      <c r="G8251" s="6" t="s">
        <v>16565</v>
      </c>
      <c r="H8251" s="6" t="s">
        <v>16566</v>
      </c>
      <c r="I8251" s="7">
        <v>4.6103234000000004</v>
      </c>
      <c r="J8251" s="8">
        <v>-74.132713699999996</v>
      </c>
    </row>
    <row r="8252" spans="1:10" x14ac:dyDescent="0.35">
      <c r="A8252" s="5" t="s">
        <v>10</v>
      </c>
      <c r="B8252" s="6">
        <v>205673</v>
      </c>
      <c r="C8252" s="6" t="s">
        <v>68</v>
      </c>
      <c r="D8252" s="6" t="s">
        <v>69</v>
      </c>
      <c r="E8252" s="6">
        <v>11001</v>
      </c>
      <c r="F8252" s="6" t="s">
        <v>18</v>
      </c>
      <c r="G8252" s="6" t="s">
        <v>16567</v>
      </c>
      <c r="H8252" s="6" t="s">
        <v>16568</v>
      </c>
      <c r="I8252" s="7">
        <v>4.7520443999999999</v>
      </c>
      <c r="J8252" s="8">
        <v>-74.1139072</v>
      </c>
    </row>
    <row r="8253" spans="1:10" x14ac:dyDescent="0.35">
      <c r="A8253" s="5" t="s">
        <v>10</v>
      </c>
      <c r="B8253" s="6">
        <v>217040</v>
      </c>
      <c r="C8253" s="6" t="s">
        <v>68</v>
      </c>
      <c r="D8253" s="6" t="s">
        <v>69</v>
      </c>
      <c r="E8253" s="6">
        <v>11001</v>
      </c>
      <c r="F8253" s="6" t="s">
        <v>18</v>
      </c>
      <c r="G8253" s="6" t="s">
        <v>16569</v>
      </c>
      <c r="H8253" s="6" t="s">
        <v>16570</v>
      </c>
      <c r="I8253" s="7">
        <v>4.7109885999999896</v>
      </c>
      <c r="J8253" s="8">
        <v>-74.072091999999998</v>
      </c>
    </row>
    <row r="8254" spans="1:10" x14ac:dyDescent="0.35">
      <c r="A8254" s="5" t="s">
        <v>10</v>
      </c>
      <c r="B8254" s="6">
        <v>218860</v>
      </c>
      <c r="C8254" s="6" t="s">
        <v>68</v>
      </c>
      <c r="D8254" s="6" t="s">
        <v>69</v>
      </c>
      <c r="E8254" s="6">
        <v>11001</v>
      </c>
      <c r="F8254" s="6" t="s">
        <v>18</v>
      </c>
      <c r="G8254" s="6" t="s">
        <v>16571</v>
      </c>
      <c r="H8254" s="6" t="s">
        <v>16572</v>
      </c>
      <c r="I8254" s="7">
        <v>4.7571203000000004</v>
      </c>
      <c r="J8254" s="8">
        <v>-74.083416700000001</v>
      </c>
    </row>
    <row r="8255" spans="1:10" x14ac:dyDescent="0.35">
      <c r="A8255" s="5" t="s">
        <v>10</v>
      </c>
      <c r="B8255" s="6">
        <v>213275</v>
      </c>
      <c r="C8255" s="6" t="s">
        <v>117</v>
      </c>
      <c r="D8255" s="6" t="s">
        <v>3860</v>
      </c>
      <c r="E8255" s="6">
        <v>76130</v>
      </c>
      <c r="F8255" s="6" t="s">
        <v>18</v>
      </c>
      <c r="G8255" s="6" t="s">
        <v>16573</v>
      </c>
      <c r="H8255" s="6" t="s">
        <v>16574</v>
      </c>
      <c r="I8255" s="7">
        <v>3.4102305999999998</v>
      </c>
      <c r="J8255" s="8">
        <v>-76.349286899999996</v>
      </c>
    </row>
    <row r="8256" spans="1:10" x14ac:dyDescent="0.35">
      <c r="A8256" s="5" t="s">
        <v>10</v>
      </c>
      <c r="B8256" s="6">
        <v>234313</v>
      </c>
      <c r="C8256" s="6" t="s">
        <v>68</v>
      </c>
      <c r="D8256" s="6" t="s">
        <v>69</v>
      </c>
      <c r="E8256" s="6">
        <v>11001</v>
      </c>
      <c r="F8256" s="6" t="s">
        <v>18</v>
      </c>
      <c r="G8256" s="6" t="s">
        <v>7521</v>
      </c>
      <c r="H8256" s="6" t="s">
        <v>16575</v>
      </c>
      <c r="I8256" s="7">
        <v>4.5258313000000001</v>
      </c>
      <c r="J8256" s="8">
        <v>-74.115168499999996</v>
      </c>
    </row>
    <row r="8257" spans="1:10" x14ac:dyDescent="0.35">
      <c r="A8257" s="5" t="s">
        <v>10</v>
      </c>
      <c r="B8257" s="6">
        <v>182476</v>
      </c>
      <c r="C8257" s="6" t="s">
        <v>2130</v>
      </c>
      <c r="D8257" s="6" t="s">
        <v>3979</v>
      </c>
      <c r="E8257" s="6">
        <v>85010</v>
      </c>
      <c r="F8257" s="6" t="s">
        <v>18</v>
      </c>
      <c r="G8257" s="6" t="s">
        <v>16576</v>
      </c>
      <c r="H8257" s="6" t="s">
        <v>16577</v>
      </c>
      <c r="I8257" s="7">
        <v>5.1708470000000002</v>
      </c>
      <c r="J8257" s="8">
        <v>-72.550818999999905</v>
      </c>
    </row>
    <row r="8258" spans="1:10" x14ac:dyDescent="0.35">
      <c r="A8258" s="5" t="s">
        <v>10</v>
      </c>
      <c r="B8258" s="6">
        <v>226620</v>
      </c>
      <c r="C8258" s="6" t="s">
        <v>308</v>
      </c>
      <c r="D8258" s="6" t="s">
        <v>309</v>
      </c>
      <c r="E8258" s="6">
        <v>23001</v>
      </c>
      <c r="F8258" s="6" t="s">
        <v>13</v>
      </c>
      <c r="G8258" s="6" t="s">
        <v>16578</v>
      </c>
      <c r="H8258" s="6" t="s">
        <v>16579</v>
      </c>
      <c r="I8258" s="7">
        <v>8.7327455</v>
      </c>
      <c r="J8258" s="8">
        <v>-75.896277900000001</v>
      </c>
    </row>
    <row r="8259" spans="1:10" x14ac:dyDescent="0.35">
      <c r="A8259" s="5" t="s">
        <v>10</v>
      </c>
      <c r="B8259" s="6">
        <v>230655</v>
      </c>
      <c r="C8259" s="6" t="s">
        <v>28</v>
      </c>
      <c r="D8259" s="6" t="s">
        <v>29</v>
      </c>
      <c r="E8259" s="6">
        <v>54001</v>
      </c>
      <c r="F8259" s="6" t="s">
        <v>13</v>
      </c>
      <c r="G8259" s="6" t="s">
        <v>16580</v>
      </c>
      <c r="H8259" s="6" t="s">
        <v>16581</v>
      </c>
      <c r="I8259" s="7">
        <v>7.9116264999999997</v>
      </c>
      <c r="J8259" s="8">
        <v>-72.473629000000003</v>
      </c>
    </row>
    <row r="8260" spans="1:10" x14ac:dyDescent="0.35">
      <c r="A8260" s="5" t="s">
        <v>10</v>
      </c>
      <c r="B8260" s="6">
        <v>191612</v>
      </c>
      <c r="C8260" s="6" t="s">
        <v>11</v>
      </c>
      <c r="D8260" s="6" t="s">
        <v>4706</v>
      </c>
      <c r="E8260" s="6">
        <v>25658</v>
      </c>
      <c r="F8260" s="6" t="s">
        <v>18</v>
      </c>
      <c r="G8260" s="6" t="s">
        <v>16582</v>
      </c>
      <c r="H8260" s="6" t="s">
        <v>16583</v>
      </c>
      <c r="I8260" s="7">
        <v>4.9585398999999999</v>
      </c>
      <c r="J8260" s="8">
        <v>-74.285230200000001</v>
      </c>
    </row>
    <row r="8261" spans="1:10" x14ac:dyDescent="0.35">
      <c r="A8261" s="5" t="s">
        <v>10</v>
      </c>
      <c r="B8261" s="6">
        <v>226204</v>
      </c>
      <c r="C8261" s="6" t="s">
        <v>11</v>
      </c>
      <c r="D8261" s="6" t="s">
        <v>513</v>
      </c>
      <c r="E8261" s="6">
        <v>25286</v>
      </c>
      <c r="F8261" s="6" t="s">
        <v>18</v>
      </c>
      <c r="G8261" s="6" t="s">
        <v>16584</v>
      </c>
      <c r="H8261" s="6" t="s">
        <v>16585</v>
      </c>
      <c r="I8261" s="7">
        <v>4.7224713999999999</v>
      </c>
      <c r="J8261" s="8">
        <v>-74.214428099999907</v>
      </c>
    </row>
    <row r="8262" spans="1:10" x14ac:dyDescent="0.35">
      <c r="A8262" s="5" t="s">
        <v>10</v>
      </c>
      <c r="B8262" s="6">
        <v>211764</v>
      </c>
      <c r="C8262" s="6" t="s">
        <v>68</v>
      </c>
      <c r="D8262" s="6" t="s">
        <v>69</v>
      </c>
      <c r="E8262" s="6">
        <v>11001</v>
      </c>
      <c r="F8262" s="6" t="s">
        <v>18</v>
      </c>
      <c r="G8262" s="6" t="s">
        <v>16586</v>
      </c>
      <c r="H8262" s="6" t="s">
        <v>16587</v>
      </c>
      <c r="I8262" s="7">
        <v>4.6441014999999997</v>
      </c>
      <c r="J8262" s="8">
        <v>-74.066960299999906</v>
      </c>
    </row>
    <row r="8263" spans="1:10" x14ac:dyDescent="0.35">
      <c r="A8263" s="5" t="s">
        <v>10</v>
      </c>
      <c r="B8263" s="6">
        <v>231477</v>
      </c>
      <c r="C8263" s="6" t="s">
        <v>68</v>
      </c>
      <c r="D8263" s="6" t="s">
        <v>69</v>
      </c>
      <c r="E8263" s="6">
        <v>11001</v>
      </c>
      <c r="F8263" s="6" t="s">
        <v>18</v>
      </c>
      <c r="G8263" s="6" t="s">
        <v>16588</v>
      </c>
      <c r="H8263" s="6" t="s">
        <v>16589</v>
      </c>
      <c r="I8263" s="7">
        <v>4.532559</v>
      </c>
      <c r="J8263" s="8">
        <v>-74.149979000000002</v>
      </c>
    </row>
    <row r="8264" spans="1:10" x14ac:dyDescent="0.35">
      <c r="A8264" s="5" t="s">
        <v>10</v>
      </c>
      <c r="B8264" s="6">
        <v>236248</v>
      </c>
      <c r="C8264" s="6" t="s">
        <v>68</v>
      </c>
      <c r="D8264" s="6" t="s">
        <v>69</v>
      </c>
      <c r="E8264" s="6">
        <v>11001</v>
      </c>
      <c r="F8264" s="6" t="s">
        <v>18</v>
      </c>
      <c r="G8264" s="6" t="s">
        <v>16590</v>
      </c>
      <c r="H8264" s="6" t="s">
        <v>16591</v>
      </c>
      <c r="I8264" s="7">
        <v>4.6421231000000001</v>
      </c>
      <c r="J8264" s="8">
        <v>-74.145096100000004</v>
      </c>
    </row>
    <row r="8265" spans="1:10" x14ac:dyDescent="0.35">
      <c r="A8265" s="5" t="s">
        <v>10</v>
      </c>
      <c r="B8265" s="6">
        <v>242485</v>
      </c>
      <c r="C8265" s="6" t="s">
        <v>68</v>
      </c>
      <c r="D8265" s="6" t="s">
        <v>69</v>
      </c>
      <c r="E8265" s="6">
        <v>11001</v>
      </c>
      <c r="F8265" s="6" t="s">
        <v>18</v>
      </c>
      <c r="G8265" s="6" t="s">
        <v>16592</v>
      </c>
      <c r="H8265" s="6" t="s">
        <v>16593</v>
      </c>
      <c r="I8265" s="7">
        <v>4.6114775999999997</v>
      </c>
      <c r="J8265" s="8">
        <v>-74.072565100000006</v>
      </c>
    </row>
    <row r="8266" spans="1:10" x14ac:dyDescent="0.35">
      <c r="A8266" s="5" t="s">
        <v>10</v>
      </c>
      <c r="B8266" s="6">
        <v>218645</v>
      </c>
      <c r="C8266" s="6" t="s">
        <v>68</v>
      </c>
      <c r="D8266" s="6" t="s">
        <v>69</v>
      </c>
      <c r="E8266" s="6">
        <v>11001</v>
      </c>
      <c r="F8266" s="6" t="s">
        <v>18</v>
      </c>
      <c r="G8266" s="6" t="s">
        <v>16594</v>
      </c>
      <c r="H8266" s="6" t="s">
        <v>16595</v>
      </c>
      <c r="I8266" s="7">
        <v>4.7035184000000001</v>
      </c>
      <c r="J8266" s="8">
        <v>-74.129323099999993</v>
      </c>
    </row>
    <row r="8267" spans="1:10" x14ac:dyDescent="0.35">
      <c r="A8267" s="5" t="s">
        <v>10</v>
      </c>
      <c r="B8267" s="6">
        <v>247543</v>
      </c>
      <c r="C8267" s="6" t="s">
        <v>68</v>
      </c>
      <c r="D8267" s="6" t="s">
        <v>69</v>
      </c>
      <c r="E8267" s="6">
        <v>11001</v>
      </c>
      <c r="F8267" s="6" t="s">
        <v>18</v>
      </c>
      <c r="G8267" s="6" t="s">
        <v>16596</v>
      </c>
      <c r="H8267" s="6" t="s">
        <v>16597</v>
      </c>
      <c r="I8267" s="7">
        <v>4.7109886000000003</v>
      </c>
      <c r="J8267" s="8">
        <v>-74.072091999999998</v>
      </c>
    </row>
    <row r="8268" spans="1:10" x14ac:dyDescent="0.35">
      <c r="A8268" s="5" t="s">
        <v>10</v>
      </c>
      <c r="B8268" s="6">
        <v>219557</v>
      </c>
      <c r="C8268" s="6" t="s">
        <v>68</v>
      </c>
      <c r="D8268" s="6" t="s">
        <v>69</v>
      </c>
      <c r="E8268" s="6">
        <v>11001</v>
      </c>
      <c r="F8268" s="6" t="s">
        <v>18</v>
      </c>
      <c r="G8268" s="6" t="s">
        <v>16598</v>
      </c>
      <c r="H8268" s="6" t="s">
        <v>16599</v>
      </c>
      <c r="I8268" s="7">
        <v>4.7507410999999999</v>
      </c>
      <c r="J8268" s="8">
        <v>-74.117952000000002</v>
      </c>
    </row>
    <row r="8269" spans="1:10" x14ac:dyDescent="0.35">
      <c r="A8269" s="5" t="s">
        <v>10</v>
      </c>
      <c r="B8269" s="6">
        <v>247055</v>
      </c>
      <c r="C8269" s="6" t="s">
        <v>68</v>
      </c>
      <c r="D8269" s="6" t="s">
        <v>69</v>
      </c>
      <c r="E8269" s="6">
        <v>11001</v>
      </c>
      <c r="F8269" s="6" t="s">
        <v>18</v>
      </c>
      <c r="G8269" s="6" t="s">
        <v>16600</v>
      </c>
      <c r="H8269" s="6" t="s">
        <v>16601</v>
      </c>
      <c r="I8269" s="7">
        <v>4.7291198999999997</v>
      </c>
      <c r="J8269" s="8">
        <v>-74.1048531</v>
      </c>
    </row>
    <row r="8270" spans="1:10" x14ac:dyDescent="0.35">
      <c r="A8270" s="5" t="s">
        <v>10</v>
      </c>
      <c r="B8270" s="6">
        <v>232963</v>
      </c>
      <c r="C8270" s="6" t="s">
        <v>68</v>
      </c>
      <c r="D8270" s="6" t="s">
        <v>69</v>
      </c>
      <c r="E8270" s="6">
        <v>11001</v>
      </c>
      <c r="F8270" s="6" t="s">
        <v>18</v>
      </c>
      <c r="G8270" s="6" t="s">
        <v>16602</v>
      </c>
      <c r="H8270" s="6" t="s">
        <v>16603</v>
      </c>
      <c r="I8270" s="7">
        <v>4.5556099999999997</v>
      </c>
      <c r="J8270" s="8">
        <v>-74.110600000000005</v>
      </c>
    </row>
    <row r="8271" spans="1:10" x14ac:dyDescent="0.35">
      <c r="A8271" s="5" t="s">
        <v>10</v>
      </c>
      <c r="B8271" s="6">
        <v>247892</v>
      </c>
      <c r="C8271" s="6" t="s">
        <v>38</v>
      </c>
      <c r="D8271" s="6" t="s">
        <v>6300</v>
      </c>
      <c r="E8271" s="6">
        <v>19698</v>
      </c>
      <c r="F8271" s="6" t="s">
        <v>13</v>
      </c>
      <c r="G8271" s="6" t="s">
        <v>16604</v>
      </c>
      <c r="H8271" s="6" t="s">
        <v>16605</v>
      </c>
      <c r="I8271" s="7">
        <v>3.0090132000000001</v>
      </c>
      <c r="J8271" s="8">
        <v>-76.486304700000005</v>
      </c>
    </row>
    <row r="8272" spans="1:10" x14ac:dyDescent="0.35">
      <c r="A8272" s="5" t="s">
        <v>10</v>
      </c>
      <c r="B8272" s="6">
        <v>236960</v>
      </c>
      <c r="C8272" s="6" t="s">
        <v>68</v>
      </c>
      <c r="D8272" s="6" t="s">
        <v>69</v>
      </c>
      <c r="E8272" s="6">
        <v>11001</v>
      </c>
      <c r="F8272" s="6" t="s">
        <v>18</v>
      </c>
      <c r="G8272" s="6" t="s">
        <v>16606</v>
      </c>
      <c r="H8272" s="6" t="s">
        <v>16607</v>
      </c>
      <c r="I8272" s="7">
        <v>4.5671442000000004</v>
      </c>
      <c r="J8272" s="8">
        <v>-74.128301800000003</v>
      </c>
    </row>
    <row r="8273" spans="1:10" x14ac:dyDescent="0.35">
      <c r="A8273" s="5" t="s">
        <v>10</v>
      </c>
      <c r="B8273" s="6">
        <v>180471</v>
      </c>
      <c r="C8273" s="6" t="s">
        <v>68</v>
      </c>
      <c r="D8273" s="6" t="s">
        <v>69</v>
      </c>
      <c r="E8273" s="6">
        <v>11001</v>
      </c>
      <c r="F8273" s="6" t="s">
        <v>18</v>
      </c>
      <c r="G8273" s="6" t="s">
        <v>16608</v>
      </c>
      <c r="H8273" s="6" t="s">
        <v>16609</v>
      </c>
      <c r="I8273" s="7">
        <v>4.6004611000000004</v>
      </c>
      <c r="J8273" s="8">
        <v>-74.164995899999994</v>
      </c>
    </row>
    <row r="8274" spans="1:10" x14ac:dyDescent="0.35">
      <c r="A8274" s="5" t="s">
        <v>10</v>
      </c>
      <c r="B8274" s="6">
        <v>199157</v>
      </c>
      <c r="C8274" s="6" t="s">
        <v>68</v>
      </c>
      <c r="D8274" s="6" t="s">
        <v>69</v>
      </c>
      <c r="E8274" s="6">
        <v>11001</v>
      </c>
      <c r="F8274" s="6" t="s">
        <v>18</v>
      </c>
      <c r="G8274" s="6" t="s">
        <v>16610</v>
      </c>
      <c r="H8274" s="6" t="s">
        <v>16611</v>
      </c>
      <c r="I8274" s="7">
        <v>4.6216821000000001</v>
      </c>
      <c r="J8274" s="8">
        <v>-74.199357800000001</v>
      </c>
    </row>
    <row r="8275" spans="1:10" x14ac:dyDescent="0.35">
      <c r="A8275" s="5" t="s">
        <v>10</v>
      </c>
      <c r="B8275" s="6">
        <v>237969</v>
      </c>
      <c r="C8275" s="6" t="s">
        <v>68</v>
      </c>
      <c r="D8275" s="6" t="s">
        <v>69</v>
      </c>
      <c r="E8275" s="6">
        <v>11001</v>
      </c>
      <c r="F8275" s="6" t="s">
        <v>18</v>
      </c>
      <c r="G8275" s="6" t="s">
        <v>16612</v>
      </c>
      <c r="H8275" s="6" t="s">
        <v>16613</v>
      </c>
      <c r="I8275" s="7">
        <v>4.4929794000000003</v>
      </c>
      <c r="J8275" s="8">
        <v>-74.113512</v>
      </c>
    </row>
    <row r="8276" spans="1:10" x14ac:dyDescent="0.35">
      <c r="A8276" s="5" t="s">
        <v>10</v>
      </c>
      <c r="B8276" s="6">
        <v>186624</v>
      </c>
      <c r="C8276" s="6" t="s">
        <v>68</v>
      </c>
      <c r="D8276" s="6" t="s">
        <v>69</v>
      </c>
      <c r="E8276" s="6">
        <v>11001</v>
      </c>
      <c r="F8276" s="6" t="s">
        <v>18</v>
      </c>
      <c r="G8276" s="6" t="s">
        <v>16614</v>
      </c>
      <c r="H8276" s="6" t="s">
        <v>16615</v>
      </c>
      <c r="I8276" s="7">
        <v>4.6275518999999896</v>
      </c>
      <c r="J8276" s="8">
        <v>-74.132919200000003</v>
      </c>
    </row>
    <row r="8277" spans="1:10" x14ac:dyDescent="0.35">
      <c r="A8277" s="5" t="s">
        <v>10</v>
      </c>
      <c r="B8277" s="6">
        <v>229332</v>
      </c>
      <c r="C8277" s="6" t="s">
        <v>68</v>
      </c>
      <c r="D8277" s="6" t="s">
        <v>69</v>
      </c>
      <c r="E8277" s="6">
        <v>11001</v>
      </c>
      <c r="F8277" s="6" t="s">
        <v>18</v>
      </c>
      <c r="G8277" s="6" t="s">
        <v>113</v>
      </c>
      <c r="H8277" s="6" t="s">
        <v>16616</v>
      </c>
      <c r="I8277" s="7">
        <v>4.6410074000000003</v>
      </c>
      <c r="J8277" s="8">
        <v>-74.197229899999996</v>
      </c>
    </row>
    <row r="8278" spans="1:10" x14ac:dyDescent="0.35">
      <c r="A8278" s="5" t="s">
        <v>10</v>
      </c>
      <c r="B8278" s="6">
        <v>233549</v>
      </c>
      <c r="C8278" s="6" t="s">
        <v>68</v>
      </c>
      <c r="D8278" s="6" t="s">
        <v>69</v>
      </c>
      <c r="E8278" s="6">
        <v>11001</v>
      </c>
      <c r="F8278" s="6" t="s">
        <v>18</v>
      </c>
      <c r="G8278" s="6" t="s">
        <v>16617</v>
      </c>
      <c r="H8278" s="6" t="s">
        <v>16618</v>
      </c>
      <c r="I8278" s="7">
        <v>4.6823600000000001</v>
      </c>
      <c r="J8278" s="8">
        <v>-74.164450000000002</v>
      </c>
    </row>
    <row r="8279" spans="1:10" x14ac:dyDescent="0.35">
      <c r="A8279" s="5" t="s">
        <v>10</v>
      </c>
      <c r="B8279" s="6">
        <v>239299</v>
      </c>
      <c r="C8279" s="6" t="s">
        <v>68</v>
      </c>
      <c r="D8279" s="6" t="s">
        <v>69</v>
      </c>
      <c r="E8279" s="6">
        <v>11001</v>
      </c>
      <c r="F8279" s="6" t="s">
        <v>18</v>
      </c>
      <c r="G8279" s="6" t="s">
        <v>16619</v>
      </c>
      <c r="H8279" s="6" t="s">
        <v>16620</v>
      </c>
      <c r="I8279" s="7">
        <v>4.6250682000000003</v>
      </c>
      <c r="J8279" s="8">
        <v>-74.169339100000002</v>
      </c>
    </row>
    <row r="8280" spans="1:10" x14ac:dyDescent="0.35">
      <c r="A8280" s="5" t="s">
        <v>10</v>
      </c>
      <c r="B8280" s="6">
        <v>234330</v>
      </c>
      <c r="C8280" s="6" t="s">
        <v>68</v>
      </c>
      <c r="D8280" s="6" t="s">
        <v>69</v>
      </c>
      <c r="E8280" s="6">
        <v>11001</v>
      </c>
      <c r="F8280" s="6" t="s">
        <v>18</v>
      </c>
      <c r="G8280" s="6" t="s">
        <v>16621</v>
      </c>
      <c r="H8280" s="6" t="s">
        <v>16622</v>
      </c>
      <c r="I8280" s="7">
        <v>4.6286524</v>
      </c>
      <c r="J8280" s="8">
        <v>-74.191579099999998</v>
      </c>
    </row>
    <row r="8281" spans="1:10" x14ac:dyDescent="0.35">
      <c r="A8281" s="5" t="s">
        <v>10</v>
      </c>
      <c r="B8281" s="6">
        <v>237075</v>
      </c>
      <c r="C8281" s="6" t="s">
        <v>68</v>
      </c>
      <c r="D8281" s="6" t="s">
        <v>69</v>
      </c>
      <c r="E8281" s="6">
        <v>11001</v>
      </c>
      <c r="F8281" s="6" t="s">
        <v>18</v>
      </c>
      <c r="G8281" s="6" t="s">
        <v>16623</v>
      </c>
      <c r="H8281" s="6" t="s">
        <v>16624</v>
      </c>
      <c r="I8281" s="7">
        <v>4.6552835000000004</v>
      </c>
      <c r="J8281" s="8">
        <v>-74.114900700000007</v>
      </c>
    </row>
    <row r="8282" spans="1:10" x14ac:dyDescent="0.35">
      <c r="A8282" s="5" t="s">
        <v>10</v>
      </c>
      <c r="B8282" s="6">
        <v>239357</v>
      </c>
      <c r="C8282" s="6" t="s">
        <v>11</v>
      </c>
      <c r="D8282" s="6" t="s">
        <v>221</v>
      </c>
      <c r="E8282" s="6">
        <v>25430</v>
      </c>
      <c r="F8282" s="6" t="s">
        <v>18</v>
      </c>
      <c r="G8282" s="6" t="s">
        <v>16625</v>
      </c>
      <c r="H8282" s="6" t="s">
        <v>16626</v>
      </c>
      <c r="I8282" s="7">
        <v>4.8567958000000004</v>
      </c>
      <c r="J8282" s="8">
        <v>-74.053974499999995</v>
      </c>
    </row>
    <row r="8283" spans="1:10" x14ac:dyDescent="0.35">
      <c r="A8283" s="5" t="s">
        <v>10</v>
      </c>
      <c r="B8283" s="6">
        <v>200934</v>
      </c>
      <c r="C8283" s="6" t="s">
        <v>117</v>
      </c>
      <c r="D8283" s="6" t="s">
        <v>3860</v>
      </c>
      <c r="E8283" s="6">
        <v>76130</v>
      </c>
      <c r="F8283" s="6" t="s">
        <v>18</v>
      </c>
      <c r="G8283" s="6" t="s">
        <v>16627</v>
      </c>
      <c r="H8283" s="6" t="s">
        <v>16628</v>
      </c>
      <c r="I8283" s="7">
        <v>3.4380950000000001</v>
      </c>
      <c r="J8283" s="8">
        <v>-76.506811999999996</v>
      </c>
    </row>
    <row r="8284" spans="1:10" x14ac:dyDescent="0.35">
      <c r="A8284" s="5" t="s">
        <v>10</v>
      </c>
      <c r="B8284" s="6">
        <v>236178</v>
      </c>
      <c r="C8284" s="6" t="s">
        <v>68</v>
      </c>
      <c r="D8284" s="6" t="s">
        <v>69</v>
      </c>
      <c r="E8284" s="6">
        <v>11001</v>
      </c>
      <c r="F8284" s="6" t="s">
        <v>18</v>
      </c>
      <c r="G8284" s="6" t="s">
        <v>16629</v>
      </c>
      <c r="H8284" s="6" t="s">
        <v>16630</v>
      </c>
      <c r="I8284" s="7">
        <v>4.5871037000000001</v>
      </c>
      <c r="J8284" s="8">
        <v>-74.136966799999996</v>
      </c>
    </row>
    <row r="8285" spans="1:10" x14ac:dyDescent="0.35">
      <c r="A8285" s="5" t="s">
        <v>10</v>
      </c>
      <c r="B8285" s="6">
        <v>224772</v>
      </c>
      <c r="C8285" s="6" t="s">
        <v>68</v>
      </c>
      <c r="D8285" s="6" t="s">
        <v>69</v>
      </c>
      <c r="E8285" s="6">
        <v>11001</v>
      </c>
      <c r="F8285" s="6" t="s">
        <v>18</v>
      </c>
      <c r="G8285" s="6" t="s">
        <v>16631</v>
      </c>
      <c r="H8285" s="6" t="s">
        <v>16632</v>
      </c>
      <c r="I8285" s="7">
        <v>4.6501368000000003</v>
      </c>
      <c r="J8285" s="8">
        <v>-74.135682099999997</v>
      </c>
    </row>
    <row r="8286" spans="1:10" x14ac:dyDescent="0.35">
      <c r="A8286" s="5" t="s">
        <v>10</v>
      </c>
      <c r="B8286" s="6">
        <v>233872</v>
      </c>
      <c r="C8286" s="6" t="s">
        <v>68</v>
      </c>
      <c r="D8286" s="6" t="s">
        <v>69</v>
      </c>
      <c r="E8286" s="6">
        <v>11001</v>
      </c>
      <c r="F8286" s="6" t="s">
        <v>18</v>
      </c>
      <c r="G8286" s="6" t="s">
        <v>16633</v>
      </c>
      <c r="H8286" s="6" t="s">
        <v>16634</v>
      </c>
      <c r="I8286" s="7">
        <v>4.5635424999999996</v>
      </c>
      <c r="J8286" s="8">
        <v>-74.142241600000006</v>
      </c>
    </row>
    <row r="8287" spans="1:10" x14ac:dyDescent="0.35">
      <c r="A8287" s="5" t="s">
        <v>10</v>
      </c>
      <c r="B8287" s="6">
        <v>236302</v>
      </c>
      <c r="C8287" s="6" t="s">
        <v>68</v>
      </c>
      <c r="D8287" s="6" t="s">
        <v>69</v>
      </c>
      <c r="E8287" s="6">
        <v>11001</v>
      </c>
      <c r="F8287" s="6" t="s">
        <v>18</v>
      </c>
      <c r="G8287" s="6" t="s">
        <v>16635</v>
      </c>
      <c r="H8287" s="6" t="s">
        <v>16636</v>
      </c>
      <c r="I8287" s="7">
        <v>4.5797338999999999</v>
      </c>
      <c r="J8287" s="8">
        <v>-74.132301400000003</v>
      </c>
    </row>
    <row r="8288" spans="1:10" x14ac:dyDescent="0.35">
      <c r="A8288" s="5" t="s">
        <v>10</v>
      </c>
      <c r="B8288" s="6">
        <v>238906</v>
      </c>
      <c r="C8288" s="6" t="s">
        <v>68</v>
      </c>
      <c r="D8288" s="6" t="s">
        <v>69</v>
      </c>
      <c r="E8288" s="6">
        <v>11001</v>
      </c>
      <c r="F8288" s="6" t="s">
        <v>18</v>
      </c>
      <c r="G8288" s="6" t="s">
        <v>16637</v>
      </c>
      <c r="H8288" s="6" t="s">
        <v>16638</v>
      </c>
      <c r="I8288" s="7">
        <v>4.5076786000000002</v>
      </c>
      <c r="J8288" s="8">
        <v>-74.147831100000005</v>
      </c>
    </row>
    <row r="8289" spans="1:10" x14ac:dyDescent="0.35">
      <c r="A8289" s="5" t="s">
        <v>10</v>
      </c>
      <c r="B8289" s="6">
        <v>242516</v>
      </c>
      <c r="C8289" s="6" t="s">
        <v>68</v>
      </c>
      <c r="D8289" s="6" t="s">
        <v>69</v>
      </c>
      <c r="E8289" s="6">
        <v>11001</v>
      </c>
      <c r="F8289" s="6" t="s">
        <v>18</v>
      </c>
      <c r="G8289" s="6" t="s">
        <v>16639</v>
      </c>
      <c r="H8289" s="6" t="s">
        <v>16640</v>
      </c>
      <c r="I8289" s="7">
        <v>4.5017554999999998</v>
      </c>
      <c r="J8289" s="8">
        <v>-74.113312800000003</v>
      </c>
    </row>
    <row r="8290" spans="1:10" x14ac:dyDescent="0.35">
      <c r="A8290" s="5" t="s">
        <v>10</v>
      </c>
      <c r="B8290" s="6">
        <v>217727</v>
      </c>
      <c r="C8290" s="6" t="s">
        <v>68</v>
      </c>
      <c r="D8290" s="6" t="s">
        <v>69</v>
      </c>
      <c r="E8290" s="6">
        <v>11001</v>
      </c>
      <c r="F8290" s="6" t="s">
        <v>18</v>
      </c>
      <c r="G8290" s="6" t="s">
        <v>16641</v>
      </c>
      <c r="H8290" s="6" t="s">
        <v>16642</v>
      </c>
      <c r="I8290" s="7">
        <v>4.5596382999999996</v>
      </c>
      <c r="J8290" s="8">
        <v>-74.148362199999994</v>
      </c>
    </row>
    <row r="8291" spans="1:10" x14ac:dyDescent="0.35">
      <c r="A8291" s="5" t="s">
        <v>10</v>
      </c>
      <c r="B8291" s="6">
        <v>198035</v>
      </c>
      <c r="C8291" s="6" t="s">
        <v>68</v>
      </c>
      <c r="D8291" s="6" t="s">
        <v>69</v>
      </c>
      <c r="E8291" s="6">
        <v>11001</v>
      </c>
      <c r="F8291" s="6" t="s">
        <v>18</v>
      </c>
      <c r="G8291" s="6" t="s">
        <v>16643</v>
      </c>
      <c r="H8291" s="6" t="s">
        <v>16644</v>
      </c>
      <c r="I8291" s="7">
        <v>4.6318915000000001</v>
      </c>
      <c r="J8291" s="8">
        <v>-74.141670099999999</v>
      </c>
    </row>
    <row r="8292" spans="1:10" x14ac:dyDescent="0.35">
      <c r="A8292" s="5" t="s">
        <v>10</v>
      </c>
      <c r="B8292" s="6">
        <v>213037</v>
      </c>
      <c r="C8292" s="6" t="s">
        <v>68</v>
      </c>
      <c r="D8292" s="6" t="s">
        <v>69</v>
      </c>
      <c r="E8292" s="6">
        <v>11001</v>
      </c>
      <c r="F8292" s="6" t="s">
        <v>18</v>
      </c>
      <c r="G8292" s="6" t="s">
        <v>16645</v>
      </c>
      <c r="H8292" s="6" t="s">
        <v>16646</v>
      </c>
      <c r="I8292" s="7">
        <v>4.5905531999999996</v>
      </c>
      <c r="J8292" s="8">
        <v>-74.1389377</v>
      </c>
    </row>
    <row r="8293" spans="1:10" x14ac:dyDescent="0.35">
      <c r="A8293" s="5" t="s">
        <v>10</v>
      </c>
      <c r="B8293" s="6">
        <v>236114</v>
      </c>
      <c r="C8293" s="6" t="s">
        <v>68</v>
      </c>
      <c r="D8293" s="6" t="s">
        <v>69</v>
      </c>
      <c r="E8293" s="6">
        <v>11001</v>
      </c>
      <c r="F8293" s="6" t="s">
        <v>18</v>
      </c>
      <c r="G8293" s="6" t="s">
        <v>16647</v>
      </c>
      <c r="H8293" s="6" t="s">
        <v>16648</v>
      </c>
      <c r="I8293" s="7">
        <v>4.6135875999999998</v>
      </c>
      <c r="J8293" s="8">
        <v>-74.176164599999893</v>
      </c>
    </row>
    <row r="8294" spans="1:10" x14ac:dyDescent="0.35">
      <c r="A8294" s="5" t="s">
        <v>10</v>
      </c>
      <c r="B8294" s="6">
        <v>242065</v>
      </c>
      <c r="C8294" s="6" t="s">
        <v>68</v>
      </c>
      <c r="D8294" s="6" t="s">
        <v>69</v>
      </c>
      <c r="E8294" s="6">
        <v>11001</v>
      </c>
      <c r="F8294" s="6" t="s">
        <v>18</v>
      </c>
      <c r="G8294" s="6" t="s">
        <v>16649</v>
      </c>
      <c r="H8294" s="6" t="s">
        <v>16650</v>
      </c>
      <c r="I8294" s="7">
        <v>4.6630700999999997</v>
      </c>
      <c r="J8294" s="8">
        <v>-74.0482339</v>
      </c>
    </row>
    <row r="8295" spans="1:10" x14ac:dyDescent="0.35">
      <c r="A8295" s="5" t="s">
        <v>10</v>
      </c>
      <c r="B8295" s="6">
        <v>199888</v>
      </c>
      <c r="C8295" s="6" t="s">
        <v>68</v>
      </c>
      <c r="D8295" s="6" t="s">
        <v>69</v>
      </c>
      <c r="E8295" s="6">
        <v>11001</v>
      </c>
      <c r="F8295" s="6" t="s">
        <v>18</v>
      </c>
      <c r="G8295" s="6" t="s">
        <v>16651</v>
      </c>
      <c r="H8295" s="6" t="s">
        <v>16652</v>
      </c>
      <c r="I8295" s="7">
        <v>4.5902870999999896</v>
      </c>
      <c r="J8295" s="8">
        <v>-74.069522599999999</v>
      </c>
    </row>
    <row r="8296" spans="1:10" x14ac:dyDescent="0.35">
      <c r="A8296" s="5" t="s">
        <v>10</v>
      </c>
      <c r="B8296" s="6">
        <v>214599</v>
      </c>
      <c r="C8296" s="6" t="s">
        <v>68</v>
      </c>
      <c r="D8296" s="6" t="s">
        <v>69</v>
      </c>
      <c r="E8296" s="6">
        <v>11001</v>
      </c>
      <c r="F8296" s="6" t="s">
        <v>13</v>
      </c>
      <c r="G8296" s="6" t="s">
        <v>16653</v>
      </c>
      <c r="H8296" s="6" t="s">
        <v>16654</v>
      </c>
      <c r="I8296" s="7">
        <v>4.6808386000000004</v>
      </c>
      <c r="J8296" s="8">
        <v>-74.044634299999998</v>
      </c>
    </row>
    <row r="8297" spans="1:10" x14ac:dyDescent="0.35">
      <c r="A8297" s="5" t="s">
        <v>10</v>
      </c>
      <c r="B8297" s="6">
        <v>244609</v>
      </c>
      <c r="C8297" s="6" t="s">
        <v>55</v>
      </c>
      <c r="D8297" s="6" t="s">
        <v>56</v>
      </c>
      <c r="E8297" s="6">
        <v>73001</v>
      </c>
      <c r="F8297" s="6" t="s">
        <v>13</v>
      </c>
      <c r="G8297" s="6" t="s">
        <v>16655</v>
      </c>
      <c r="H8297" s="6" t="s">
        <v>16656</v>
      </c>
      <c r="I8297" s="7">
        <v>4.7238319999999998</v>
      </c>
      <c r="J8297" s="8">
        <v>-74.043640999999994</v>
      </c>
    </row>
    <row r="8298" spans="1:10" x14ac:dyDescent="0.35">
      <c r="A8298" s="5" t="s">
        <v>10</v>
      </c>
      <c r="B8298" s="6">
        <v>190080</v>
      </c>
      <c r="C8298" s="6" t="s">
        <v>11</v>
      </c>
      <c r="D8298" s="6" t="s">
        <v>901</v>
      </c>
      <c r="E8298" s="6">
        <v>25307</v>
      </c>
      <c r="F8298" s="6" t="s">
        <v>13</v>
      </c>
      <c r="G8298" s="6" t="s">
        <v>12374</v>
      </c>
      <c r="H8298" s="6" t="s">
        <v>16657</v>
      </c>
      <c r="I8298" s="7">
        <v>4.2962648999999997</v>
      </c>
      <c r="J8298" s="8">
        <v>-74.808099100000007</v>
      </c>
    </row>
    <row r="8299" spans="1:10" x14ac:dyDescent="0.35">
      <c r="A8299" s="5" t="s">
        <v>10</v>
      </c>
      <c r="B8299" s="6">
        <v>210623</v>
      </c>
      <c r="C8299" s="6" t="s">
        <v>109</v>
      </c>
      <c r="D8299" s="6" t="s">
        <v>658</v>
      </c>
      <c r="E8299" s="6">
        <v>13836</v>
      </c>
      <c r="F8299" s="6" t="s">
        <v>13</v>
      </c>
      <c r="G8299" s="6" t="s">
        <v>16658</v>
      </c>
      <c r="H8299" s="6" t="s">
        <v>16659</v>
      </c>
      <c r="I8299" s="7">
        <v>10.329808699999999</v>
      </c>
      <c r="J8299" s="8">
        <v>-75.412066300000006</v>
      </c>
    </row>
    <row r="8300" spans="1:10" x14ac:dyDescent="0.35">
      <c r="A8300" s="5" t="s">
        <v>10</v>
      </c>
      <c r="B8300" s="6">
        <v>190052</v>
      </c>
      <c r="C8300" s="6" t="s">
        <v>68</v>
      </c>
      <c r="D8300" s="6" t="s">
        <v>69</v>
      </c>
      <c r="E8300" s="6">
        <v>11001</v>
      </c>
      <c r="F8300" s="6" t="s">
        <v>13</v>
      </c>
      <c r="G8300" s="6" t="s">
        <v>12374</v>
      </c>
      <c r="H8300" s="6" t="s">
        <v>16660</v>
      </c>
      <c r="I8300" s="7">
        <v>4.7102225000000004</v>
      </c>
      <c r="J8300" s="8">
        <v>-74.111684400000001</v>
      </c>
    </row>
    <row r="8301" spans="1:10" x14ac:dyDescent="0.35">
      <c r="A8301" s="5" t="s">
        <v>10</v>
      </c>
      <c r="B8301" s="6">
        <v>228330</v>
      </c>
      <c r="C8301" s="6" t="s">
        <v>11</v>
      </c>
      <c r="D8301" s="6" t="s">
        <v>7045</v>
      </c>
      <c r="E8301" s="6">
        <v>25260</v>
      </c>
      <c r="F8301" s="6" t="s">
        <v>13</v>
      </c>
      <c r="G8301" s="6" t="s">
        <v>16661</v>
      </c>
      <c r="H8301" s="6" t="s">
        <v>16662</v>
      </c>
      <c r="I8301" s="7">
        <v>4.8504326000000004</v>
      </c>
      <c r="J8301" s="8">
        <v>-74.260885500000001</v>
      </c>
    </row>
    <row r="8302" spans="1:10" x14ac:dyDescent="0.35">
      <c r="A8302" s="5" t="s">
        <v>10</v>
      </c>
      <c r="B8302" s="6">
        <v>240494</v>
      </c>
      <c r="C8302" s="6" t="s">
        <v>190</v>
      </c>
      <c r="D8302" s="6" t="s">
        <v>4063</v>
      </c>
      <c r="E8302" s="6">
        <v>5088</v>
      </c>
      <c r="F8302" s="6" t="s">
        <v>18</v>
      </c>
      <c r="G8302" s="6" t="s">
        <v>16663</v>
      </c>
      <c r="H8302" s="6" t="s">
        <v>16664</v>
      </c>
      <c r="I8302" s="7">
        <v>6.3130847000000001</v>
      </c>
      <c r="J8302" s="8">
        <v>-75.581808199999998</v>
      </c>
    </row>
    <row r="8303" spans="1:10" x14ac:dyDescent="0.35">
      <c r="A8303" s="5" t="s">
        <v>10</v>
      </c>
      <c r="B8303" s="6">
        <v>180926</v>
      </c>
      <c r="C8303" s="6" t="s">
        <v>68</v>
      </c>
      <c r="D8303" s="6" t="s">
        <v>69</v>
      </c>
      <c r="E8303" s="6">
        <v>11001</v>
      </c>
      <c r="F8303" s="6" t="s">
        <v>18</v>
      </c>
      <c r="G8303" s="6" t="s">
        <v>16665</v>
      </c>
      <c r="H8303" s="6" t="s">
        <v>16666</v>
      </c>
      <c r="I8303" s="7">
        <v>4.5834598</v>
      </c>
      <c r="J8303" s="8">
        <v>-74.103793999999994</v>
      </c>
    </row>
    <row r="8304" spans="1:10" x14ac:dyDescent="0.35">
      <c r="A8304" s="5" t="s">
        <v>10</v>
      </c>
      <c r="B8304" s="6">
        <v>244809</v>
      </c>
      <c r="C8304" s="6" t="s">
        <v>68</v>
      </c>
      <c r="D8304" s="6" t="s">
        <v>69</v>
      </c>
      <c r="E8304" s="6">
        <v>11001</v>
      </c>
      <c r="F8304" s="6" t="s">
        <v>18</v>
      </c>
      <c r="G8304" s="6" t="s">
        <v>16667</v>
      </c>
      <c r="H8304" s="6" t="s">
        <v>16668</v>
      </c>
      <c r="I8304" s="7">
        <v>4.7320494000000002</v>
      </c>
      <c r="J8304" s="8">
        <v>-74.057130700000002</v>
      </c>
    </row>
    <row r="8305" spans="1:10" x14ac:dyDescent="0.35">
      <c r="A8305" s="5" t="s">
        <v>10</v>
      </c>
      <c r="B8305" s="6">
        <v>199899</v>
      </c>
      <c r="C8305" s="6" t="s">
        <v>68</v>
      </c>
      <c r="D8305" s="6" t="s">
        <v>69</v>
      </c>
      <c r="E8305" s="6">
        <v>11001</v>
      </c>
      <c r="F8305" s="6" t="s">
        <v>18</v>
      </c>
      <c r="G8305" s="6" t="s">
        <v>16669</v>
      </c>
      <c r="H8305" s="6" t="s">
        <v>16670</v>
      </c>
      <c r="I8305" s="7">
        <v>4.7048949000000002</v>
      </c>
      <c r="J8305" s="8">
        <v>-74.116558099999907</v>
      </c>
    </row>
    <row r="8306" spans="1:10" x14ac:dyDescent="0.35">
      <c r="A8306" s="5" t="s">
        <v>10</v>
      </c>
      <c r="B8306" s="6">
        <v>234820</v>
      </c>
      <c r="C8306" s="6" t="s">
        <v>68</v>
      </c>
      <c r="D8306" s="6" t="s">
        <v>69</v>
      </c>
      <c r="E8306" s="6">
        <v>11001</v>
      </c>
      <c r="F8306" s="6" t="s">
        <v>18</v>
      </c>
      <c r="G8306" s="6" t="s">
        <v>16671</v>
      </c>
      <c r="H8306" s="6" t="s">
        <v>16672</v>
      </c>
      <c r="I8306" s="7">
        <v>4.6205797000000004</v>
      </c>
      <c r="J8306" s="8">
        <v>-74.119054899999995</v>
      </c>
    </row>
    <row r="8307" spans="1:10" x14ac:dyDescent="0.35">
      <c r="A8307" s="5" t="s">
        <v>10</v>
      </c>
      <c r="B8307" s="6">
        <v>207435</v>
      </c>
      <c r="C8307" s="6" t="s">
        <v>68</v>
      </c>
      <c r="D8307" s="6" t="s">
        <v>69</v>
      </c>
      <c r="E8307" s="6">
        <v>11001</v>
      </c>
      <c r="F8307" s="6" t="s">
        <v>18</v>
      </c>
      <c r="G8307" s="6" t="s">
        <v>16673</v>
      </c>
      <c r="H8307" s="6" t="s">
        <v>16674</v>
      </c>
      <c r="I8307" s="7">
        <v>4.7307160000000001</v>
      </c>
      <c r="J8307" s="8">
        <v>-74.041917999999995</v>
      </c>
    </row>
    <row r="8308" spans="1:10" x14ac:dyDescent="0.35">
      <c r="A8308" s="5" t="s">
        <v>10</v>
      </c>
      <c r="B8308" s="6">
        <v>227844</v>
      </c>
      <c r="C8308" s="6" t="s">
        <v>68</v>
      </c>
      <c r="D8308" s="6" t="s">
        <v>69</v>
      </c>
      <c r="E8308" s="6">
        <v>11001</v>
      </c>
      <c r="F8308" s="6" t="s">
        <v>18</v>
      </c>
      <c r="G8308" s="6" t="s">
        <v>16675</v>
      </c>
      <c r="H8308" s="6" t="s">
        <v>16676</v>
      </c>
      <c r="I8308" s="7">
        <v>4.6214879</v>
      </c>
      <c r="J8308" s="8">
        <v>-74.172040799999905</v>
      </c>
    </row>
    <row r="8309" spans="1:10" x14ac:dyDescent="0.35">
      <c r="A8309" s="5" t="s">
        <v>10</v>
      </c>
      <c r="B8309" s="6">
        <v>229121</v>
      </c>
      <c r="C8309" s="6" t="s">
        <v>68</v>
      </c>
      <c r="D8309" s="6" t="s">
        <v>69</v>
      </c>
      <c r="E8309" s="6">
        <v>11001</v>
      </c>
      <c r="F8309" s="6" t="s">
        <v>18</v>
      </c>
      <c r="G8309" s="6" t="s">
        <v>16677</v>
      </c>
      <c r="H8309" s="6" t="s">
        <v>16678</v>
      </c>
      <c r="I8309" s="7">
        <v>4.6144727000000003</v>
      </c>
      <c r="J8309" s="8">
        <v>-74.213542200000006</v>
      </c>
    </row>
    <row r="8310" spans="1:10" x14ac:dyDescent="0.35">
      <c r="A8310" s="5" t="s">
        <v>10</v>
      </c>
      <c r="B8310" s="6">
        <v>233927</v>
      </c>
      <c r="C8310" s="6" t="s">
        <v>366</v>
      </c>
      <c r="D8310" s="6" t="s">
        <v>16679</v>
      </c>
      <c r="E8310" s="6">
        <v>44090</v>
      </c>
      <c r="F8310" s="6" t="s">
        <v>13</v>
      </c>
      <c r="G8310" s="6" t="s">
        <v>16680</v>
      </c>
      <c r="H8310" s="6" t="s">
        <v>16681</v>
      </c>
      <c r="I8310" s="7">
        <v>11.2736602</v>
      </c>
      <c r="J8310" s="8">
        <v>-73.311229299999994</v>
      </c>
    </row>
    <row r="8311" spans="1:10" x14ac:dyDescent="0.35">
      <c r="A8311" s="5" t="s">
        <v>10</v>
      </c>
      <c r="B8311" s="6">
        <v>190047</v>
      </c>
      <c r="C8311" s="6" t="s">
        <v>11</v>
      </c>
      <c r="D8311" s="6" t="s">
        <v>334</v>
      </c>
      <c r="E8311" s="6">
        <v>25754</v>
      </c>
      <c r="F8311" s="6" t="s">
        <v>13</v>
      </c>
      <c r="G8311" s="6" t="s">
        <v>12374</v>
      </c>
      <c r="H8311" s="6" t="s">
        <v>16682</v>
      </c>
      <c r="I8311" s="7">
        <v>4.5867950999999998</v>
      </c>
      <c r="J8311" s="8">
        <v>-74.205436700000007</v>
      </c>
    </row>
    <row r="8312" spans="1:10" x14ac:dyDescent="0.35">
      <c r="A8312" s="5" t="s">
        <v>10</v>
      </c>
      <c r="B8312" s="6">
        <v>244690</v>
      </c>
      <c r="C8312" s="6" t="s">
        <v>117</v>
      </c>
      <c r="D8312" s="6" t="s">
        <v>3492</v>
      </c>
      <c r="E8312" s="6">
        <v>76520</v>
      </c>
      <c r="F8312" s="6" t="s">
        <v>18</v>
      </c>
      <c r="G8312" s="6" t="s">
        <v>16683</v>
      </c>
      <c r="H8312" s="6" t="s">
        <v>16684</v>
      </c>
      <c r="I8312" s="7">
        <v>3.5094587000000002</v>
      </c>
      <c r="J8312" s="8">
        <v>-76.296116100000006</v>
      </c>
    </row>
    <row r="8313" spans="1:10" x14ac:dyDescent="0.35">
      <c r="A8313" s="5" t="s">
        <v>10</v>
      </c>
      <c r="B8313" s="6">
        <v>241565</v>
      </c>
      <c r="C8313" s="6" t="s">
        <v>457</v>
      </c>
      <c r="D8313" s="6" t="s">
        <v>4400</v>
      </c>
      <c r="E8313" s="6">
        <v>52001</v>
      </c>
      <c r="F8313" s="6" t="s">
        <v>18</v>
      </c>
      <c r="G8313" s="6" t="s">
        <v>16685</v>
      </c>
      <c r="H8313" s="6" t="s">
        <v>16686</v>
      </c>
      <c r="I8313" s="7">
        <v>1.2015587000000001</v>
      </c>
      <c r="J8313" s="8">
        <v>-77.274989099999999</v>
      </c>
    </row>
    <row r="8314" spans="1:10" x14ac:dyDescent="0.35">
      <c r="A8314" s="5" t="s">
        <v>10</v>
      </c>
      <c r="B8314" s="6">
        <v>206692</v>
      </c>
      <c r="C8314" s="6" t="s">
        <v>190</v>
      </c>
      <c r="D8314" s="6" t="s">
        <v>4063</v>
      </c>
      <c r="E8314" s="6">
        <v>5088</v>
      </c>
      <c r="F8314" s="6" t="s">
        <v>18</v>
      </c>
      <c r="G8314" s="6" t="s">
        <v>16687</v>
      </c>
      <c r="H8314" s="6" t="s">
        <v>16688</v>
      </c>
      <c r="I8314" s="7">
        <v>6.3413425999999999</v>
      </c>
      <c r="J8314" s="8">
        <v>-75.552926999999997</v>
      </c>
    </row>
    <row r="8315" spans="1:10" x14ac:dyDescent="0.35">
      <c r="A8315" s="5" t="s">
        <v>10</v>
      </c>
      <c r="B8315" s="6">
        <v>239359</v>
      </c>
      <c r="C8315" s="6" t="s">
        <v>190</v>
      </c>
      <c r="D8315" s="6" t="s">
        <v>16689</v>
      </c>
      <c r="E8315" s="6">
        <v>5480</v>
      </c>
      <c r="F8315" s="6" t="s">
        <v>18</v>
      </c>
      <c r="G8315" s="6" t="s">
        <v>16690</v>
      </c>
      <c r="H8315" s="6" t="s">
        <v>16691</v>
      </c>
      <c r="I8315" s="7">
        <v>7.2445987000000001</v>
      </c>
      <c r="J8315" s="8">
        <v>-76.435766799999996</v>
      </c>
    </row>
    <row r="8316" spans="1:10" x14ac:dyDescent="0.35">
      <c r="A8316" s="5" t="s">
        <v>10</v>
      </c>
      <c r="B8316" s="6">
        <v>223300</v>
      </c>
      <c r="C8316" s="6" t="s">
        <v>190</v>
      </c>
      <c r="D8316" s="6" t="s">
        <v>6084</v>
      </c>
      <c r="E8316" s="6">
        <v>5154</v>
      </c>
      <c r="F8316" s="6" t="s">
        <v>18</v>
      </c>
      <c r="G8316" s="6" t="s">
        <v>16692</v>
      </c>
      <c r="H8316" s="6" t="s">
        <v>16693</v>
      </c>
      <c r="I8316" s="7">
        <v>7.9881833000000002</v>
      </c>
      <c r="J8316" s="8">
        <v>-75.197794200000004</v>
      </c>
    </row>
    <row r="8317" spans="1:10" x14ac:dyDescent="0.35">
      <c r="A8317" s="5" t="s">
        <v>10</v>
      </c>
      <c r="B8317" s="6">
        <v>206130</v>
      </c>
      <c r="C8317" s="6" t="s">
        <v>68</v>
      </c>
      <c r="D8317" s="6" t="s">
        <v>69</v>
      </c>
      <c r="E8317" s="6">
        <v>11001</v>
      </c>
      <c r="F8317" s="6" t="s">
        <v>18</v>
      </c>
      <c r="G8317" s="6" t="s">
        <v>16694</v>
      </c>
      <c r="H8317" s="6" t="s">
        <v>16695</v>
      </c>
      <c r="I8317" s="7">
        <v>4.7582569000000001</v>
      </c>
      <c r="J8317" s="8">
        <v>-74.046521400000003</v>
      </c>
    </row>
    <row r="8318" spans="1:10" x14ac:dyDescent="0.35">
      <c r="A8318" s="5" t="s">
        <v>10</v>
      </c>
      <c r="B8318" s="6">
        <v>210124</v>
      </c>
      <c r="C8318" s="6" t="s">
        <v>68</v>
      </c>
      <c r="D8318" s="6" t="s">
        <v>69</v>
      </c>
      <c r="E8318" s="6">
        <v>11001</v>
      </c>
      <c r="F8318" s="6" t="s">
        <v>18</v>
      </c>
      <c r="G8318" s="6" t="s">
        <v>16696</v>
      </c>
      <c r="H8318" s="6" t="s">
        <v>16697</v>
      </c>
      <c r="I8318" s="7">
        <v>4.5405059999999997</v>
      </c>
      <c r="J8318" s="8">
        <v>-74.087993999999995</v>
      </c>
    </row>
    <row r="8319" spans="1:10" x14ac:dyDescent="0.35">
      <c r="A8319" s="5" t="s">
        <v>10</v>
      </c>
      <c r="B8319" s="6">
        <v>231819</v>
      </c>
      <c r="C8319" s="6" t="s">
        <v>68</v>
      </c>
      <c r="D8319" s="6" t="s">
        <v>69</v>
      </c>
      <c r="E8319" s="6">
        <v>11001</v>
      </c>
      <c r="F8319" s="6" t="s">
        <v>18</v>
      </c>
      <c r="G8319" s="6" t="s">
        <v>16698</v>
      </c>
      <c r="H8319" s="6" t="s">
        <v>16699</v>
      </c>
      <c r="I8319" s="7">
        <v>4.6378922999999999</v>
      </c>
      <c r="J8319" s="8">
        <v>-74.192567400000001</v>
      </c>
    </row>
    <row r="8320" spans="1:10" x14ac:dyDescent="0.35">
      <c r="A8320" s="5" t="s">
        <v>10</v>
      </c>
      <c r="B8320" s="6">
        <v>215152</v>
      </c>
      <c r="C8320" s="6" t="s">
        <v>68</v>
      </c>
      <c r="D8320" s="6" t="s">
        <v>69</v>
      </c>
      <c r="E8320" s="6">
        <v>11001</v>
      </c>
      <c r="F8320" s="6" t="s">
        <v>18</v>
      </c>
      <c r="G8320" s="6" t="s">
        <v>16700</v>
      </c>
      <c r="H8320" s="6" t="s">
        <v>16701</v>
      </c>
      <c r="I8320" s="7">
        <v>4.6238766</v>
      </c>
      <c r="J8320" s="8">
        <v>-74.189901500000005</v>
      </c>
    </row>
    <row r="8321" spans="1:10" x14ac:dyDescent="0.35">
      <c r="A8321" s="5" t="s">
        <v>10</v>
      </c>
      <c r="B8321" s="6">
        <v>225545</v>
      </c>
      <c r="C8321" s="6" t="s">
        <v>68</v>
      </c>
      <c r="D8321" s="6" t="s">
        <v>69</v>
      </c>
      <c r="E8321" s="6">
        <v>11001</v>
      </c>
      <c r="F8321" s="6" t="s">
        <v>18</v>
      </c>
      <c r="G8321" s="6" t="s">
        <v>16702</v>
      </c>
      <c r="H8321" s="6" t="s">
        <v>16703</v>
      </c>
      <c r="I8321" s="7">
        <v>4.5552826</v>
      </c>
      <c r="J8321" s="8">
        <v>-74.147599999999997</v>
      </c>
    </row>
    <row r="8322" spans="1:10" x14ac:dyDescent="0.35">
      <c r="A8322" s="5" t="s">
        <v>10</v>
      </c>
      <c r="B8322" s="6">
        <v>242067</v>
      </c>
      <c r="C8322" s="6" t="s">
        <v>68</v>
      </c>
      <c r="D8322" s="6" t="s">
        <v>69</v>
      </c>
      <c r="E8322" s="6">
        <v>11001</v>
      </c>
      <c r="F8322" s="6" t="s">
        <v>18</v>
      </c>
      <c r="G8322" s="6" t="s">
        <v>16704</v>
      </c>
      <c r="H8322" s="6" t="s">
        <v>16705</v>
      </c>
      <c r="I8322" s="7">
        <v>4.6440327999999997</v>
      </c>
      <c r="J8322" s="8">
        <v>-74.138001500000001</v>
      </c>
    </row>
    <row r="8323" spans="1:10" x14ac:dyDescent="0.35">
      <c r="A8323" s="5" t="s">
        <v>10</v>
      </c>
      <c r="B8323" s="6">
        <v>214491</v>
      </c>
      <c r="C8323" s="6" t="s">
        <v>68</v>
      </c>
      <c r="D8323" s="6" t="s">
        <v>69</v>
      </c>
      <c r="E8323" s="6">
        <v>11001</v>
      </c>
      <c r="F8323" s="6" t="s">
        <v>18</v>
      </c>
      <c r="G8323" s="6" t="s">
        <v>16706</v>
      </c>
      <c r="H8323" s="6" t="s">
        <v>16707</v>
      </c>
      <c r="I8323" s="7">
        <v>4.6073430000000002</v>
      </c>
      <c r="J8323" s="8">
        <v>-74.179121199999997</v>
      </c>
    </row>
    <row r="8324" spans="1:10" x14ac:dyDescent="0.35">
      <c r="A8324" s="5" t="s">
        <v>10</v>
      </c>
      <c r="B8324" s="6">
        <v>220519</v>
      </c>
      <c r="C8324" s="6" t="s">
        <v>68</v>
      </c>
      <c r="D8324" s="6" t="s">
        <v>69</v>
      </c>
      <c r="E8324" s="6">
        <v>11001</v>
      </c>
      <c r="F8324" s="6" t="s">
        <v>18</v>
      </c>
      <c r="G8324" s="6" t="s">
        <v>16708</v>
      </c>
      <c r="H8324" s="6" t="s">
        <v>16709</v>
      </c>
      <c r="I8324" s="7">
        <v>4.6165683999999896</v>
      </c>
      <c r="J8324" s="8">
        <v>-74.188699499999998</v>
      </c>
    </row>
    <row r="8325" spans="1:10" x14ac:dyDescent="0.35">
      <c r="A8325" s="5" t="s">
        <v>10</v>
      </c>
      <c r="B8325" s="6">
        <v>228077</v>
      </c>
      <c r="C8325" s="6" t="s">
        <v>68</v>
      </c>
      <c r="D8325" s="6" t="s">
        <v>69</v>
      </c>
      <c r="E8325" s="6">
        <v>11001</v>
      </c>
      <c r="F8325" s="6" t="s">
        <v>18</v>
      </c>
      <c r="G8325" s="6" t="s">
        <v>16710</v>
      </c>
      <c r="H8325" s="6" t="s">
        <v>16711</v>
      </c>
      <c r="I8325" s="7">
        <v>4.6152499999999996</v>
      </c>
      <c r="J8325" s="8">
        <v>-74.092408199999994</v>
      </c>
    </row>
    <row r="8326" spans="1:10" x14ac:dyDescent="0.35">
      <c r="A8326" s="5" t="s">
        <v>10</v>
      </c>
      <c r="B8326" s="6">
        <v>182460</v>
      </c>
      <c r="C8326" s="6" t="s">
        <v>2130</v>
      </c>
      <c r="D8326" s="6" t="s">
        <v>2131</v>
      </c>
      <c r="E8326" s="6">
        <v>85001</v>
      </c>
      <c r="F8326" s="6" t="s">
        <v>18</v>
      </c>
      <c r="G8326" s="6" t="s">
        <v>16712</v>
      </c>
      <c r="H8326" s="6" t="s">
        <v>16713</v>
      </c>
      <c r="I8326" s="7">
        <v>5.348903</v>
      </c>
      <c r="J8326" s="8">
        <v>-72.400522999999893</v>
      </c>
    </row>
    <row r="8327" spans="1:10" x14ac:dyDescent="0.35">
      <c r="A8327" s="5" t="s">
        <v>10</v>
      </c>
      <c r="B8327" s="6">
        <v>155508</v>
      </c>
      <c r="C8327" s="6" t="s">
        <v>68</v>
      </c>
      <c r="D8327" s="6" t="s">
        <v>69</v>
      </c>
      <c r="E8327" s="6">
        <v>11001</v>
      </c>
      <c r="F8327" s="6" t="s">
        <v>13</v>
      </c>
      <c r="G8327" s="6" t="s">
        <v>16714</v>
      </c>
      <c r="H8327" s="6" t="s">
        <v>16715</v>
      </c>
      <c r="I8327" s="7">
        <v>4.7578765000000001</v>
      </c>
      <c r="J8327" s="8">
        <v>-74.044877299999996</v>
      </c>
    </row>
    <row r="8328" spans="1:10" x14ac:dyDescent="0.35">
      <c r="A8328" s="5" t="s">
        <v>10</v>
      </c>
      <c r="B8328" s="6">
        <v>206372</v>
      </c>
      <c r="C8328" s="6" t="s">
        <v>308</v>
      </c>
      <c r="D8328" s="6" t="s">
        <v>8321</v>
      </c>
      <c r="E8328" s="6">
        <v>23162</v>
      </c>
      <c r="F8328" s="6" t="s">
        <v>13</v>
      </c>
      <c r="G8328" s="6" t="s">
        <v>16716</v>
      </c>
      <c r="H8328" s="6" t="s">
        <v>16717</v>
      </c>
      <c r="I8328" s="7">
        <v>8.8889206999999999</v>
      </c>
      <c r="J8328" s="8">
        <v>-75.789587499999996</v>
      </c>
    </row>
    <row r="8329" spans="1:10" x14ac:dyDescent="0.35">
      <c r="A8329" s="5" t="s">
        <v>10</v>
      </c>
      <c r="B8329" s="6">
        <v>219820</v>
      </c>
      <c r="C8329" s="6" t="s">
        <v>308</v>
      </c>
      <c r="D8329" s="6" t="s">
        <v>309</v>
      </c>
      <c r="E8329" s="6">
        <v>23001</v>
      </c>
      <c r="F8329" s="6" t="s">
        <v>13</v>
      </c>
      <c r="G8329" s="6" t="s">
        <v>16718</v>
      </c>
      <c r="H8329" s="6" t="s">
        <v>16719</v>
      </c>
      <c r="I8329" s="7">
        <v>8.7523462999999992</v>
      </c>
      <c r="J8329" s="8">
        <v>-75.873480499999999</v>
      </c>
    </row>
    <row r="8330" spans="1:10" x14ac:dyDescent="0.35">
      <c r="A8330" s="5" t="s">
        <v>10</v>
      </c>
      <c r="B8330" s="6">
        <v>227334</v>
      </c>
      <c r="C8330" s="6" t="s">
        <v>294</v>
      </c>
      <c r="D8330" s="6" t="s">
        <v>543</v>
      </c>
      <c r="E8330" s="6">
        <v>41396</v>
      </c>
      <c r="F8330" s="6" t="s">
        <v>13</v>
      </c>
      <c r="G8330" s="6" t="s">
        <v>16720</v>
      </c>
      <c r="H8330" s="6" t="s">
        <v>16721</v>
      </c>
      <c r="I8330" s="7">
        <v>2.3921497</v>
      </c>
      <c r="J8330" s="8">
        <v>-75.886064300000001</v>
      </c>
    </row>
    <row r="8331" spans="1:10" x14ac:dyDescent="0.35">
      <c r="A8331" s="5" t="s">
        <v>10</v>
      </c>
      <c r="B8331" s="6">
        <v>239925</v>
      </c>
      <c r="C8331" s="6" t="s">
        <v>117</v>
      </c>
      <c r="D8331" s="6" t="s">
        <v>3593</v>
      </c>
      <c r="E8331" s="6">
        <v>76122</v>
      </c>
      <c r="F8331" s="6" t="s">
        <v>18</v>
      </c>
      <c r="G8331" s="6" t="s">
        <v>16722</v>
      </c>
      <c r="H8331" s="6" t="s">
        <v>16723</v>
      </c>
      <c r="I8331" s="7">
        <v>3.4460904000000001</v>
      </c>
      <c r="J8331" s="8">
        <v>-76.533387300000001</v>
      </c>
    </row>
    <row r="8332" spans="1:10" x14ac:dyDescent="0.35">
      <c r="A8332" s="5" t="s">
        <v>10</v>
      </c>
      <c r="B8332" s="6">
        <v>246344</v>
      </c>
      <c r="C8332" s="6" t="s">
        <v>117</v>
      </c>
      <c r="D8332" s="6" t="s">
        <v>1334</v>
      </c>
      <c r="E8332" s="6">
        <v>76001</v>
      </c>
      <c r="F8332" s="6" t="s">
        <v>18</v>
      </c>
      <c r="G8332" s="6" t="s">
        <v>16724</v>
      </c>
      <c r="H8332" s="6" t="s">
        <v>16725</v>
      </c>
      <c r="I8332" s="7">
        <v>3.4136367000000001</v>
      </c>
      <c r="J8332" s="8">
        <v>-76.533091299999995</v>
      </c>
    </row>
    <row r="8333" spans="1:10" x14ac:dyDescent="0.35">
      <c r="A8333" s="5" t="s">
        <v>10</v>
      </c>
      <c r="B8333" s="6">
        <v>215587</v>
      </c>
      <c r="C8333" s="6" t="s">
        <v>117</v>
      </c>
      <c r="D8333" s="6" t="s">
        <v>3860</v>
      </c>
      <c r="E8333" s="6">
        <v>76130</v>
      </c>
      <c r="F8333" s="6" t="s">
        <v>18</v>
      </c>
      <c r="G8333" s="6" t="s">
        <v>16726</v>
      </c>
      <c r="H8333" s="6" t="s">
        <v>16727</v>
      </c>
      <c r="I8333" s="7">
        <v>3.3776969999999999</v>
      </c>
      <c r="J8333" s="8">
        <v>-76.326790000000003</v>
      </c>
    </row>
    <row r="8334" spans="1:10" x14ac:dyDescent="0.35">
      <c r="A8334" s="5" t="s">
        <v>10</v>
      </c>
      <c r="B8334" s="6">
        <v>232613</v>
      </c>
      <c r="C8334" s="6" t="s">
        <v>68</v>
      </c>
      <c r="D8334" s="6" t="s">
        <v>69</v>
      </c>
      <c r="E8334" s="6">
        <v>11001</v>
      </c>
      <c r="F8334" s="6" t="s">
        <v>18</v>
      </c>
      <c r="G8334" s="6" t="s">
        <v>16728</v>
      </c>
      <c r="H8334" s="6" t="s">
        <v>16729</v>
      </c>
      <c r="I8334" s="7">
        <v>4.6237475000000003</v>
      </c>
      <c r="J8334" s="8">
        <v>-74.144987700000001</v>
      </c>
    </row>
    <row r="8335" spans="1:10" x14ac:dyDescent="0.35">
      <c r="A8335" s="5" t="s">
        <v>10</v>
      </c>
      <c r="B8335" s="6">
        <v>239192</v>
      </c>
      <c r="C8335" s="6" t="s">
        <v>68</v>
      </c>
      <c r="D8335" s="6" t="s">
        <v>69</v>
      </c>
      <c r="E8335" s="6">
        <v>11001</v>
      </c>
      <c r="F8335" s="6" t="s">
        <v>18</v>
      </c>
      <c r="G8335" s="6" t="s">
        <v>16730</v>
      </c>
      <c r="H8335" s="6" t="s">
        <v>16731</v>
      </c>
      <c r="I8335" s="7">
        <v>4.5760664000000002</v>
      </c>
      <c r="J8335" s="8">
        <v>-74.155183300000004</v>
      </c>
    </row>
    <row r="8336" spans="1:10" x14ac:dyDescent="0.35">
      <c r="A8336" s="5" t="s">
        <v>10</v>
      </c>
      <c r="B8336" s="6">
        <v>242550</v>
      </c>
      <c r="C8336" s="6" t="s">
        <v>68</v>
      </c>
      <c r="D8336" s="6" t="s">
        <v>69</v>
      </c>
      <c r="E8336" s="6">
        <v>11001</v>
      </c>
      <c r="F8336" s="6" t="s">
        <v>18</v>
      </c>
      <c r="G8336" s="6" t="s">
        <v>16732</v>
      </c>
      <c r="H8336" s="6" t="s">
        <v>16733</v>
      </c>
      <c r="I8336" s="7">
        <v>4.6406425999999996</v>
      </c>
      <c r="J8336" s="8">
        <v>-74.059960899999993</v>
      </c>
    </row>
    <row r="8337" spans="1:10" x14ac:dyDescent="0.35">
      <c r="A8337" s="5" t="s">
        <v>10</v>
      </c>
      <c r="B8337" s="6">
        <v>217088</v>
      </c>
      <c r="C8337" s="6" t="s">
        <v>68</v>
      </c>
      <c r="D8337" s="6" t="s">
        <v>69</v>
      </c>
      <c r="E8337" s="6">
        <v>11001</v>
      </c>
      <c r="F8337" s="6" t="s">
        <v>18</v>
      </c>
      <c r="G8337" s="6" t="s">
        <v>16734</v>
      </c>
      <c r="H8337" s="6" t="s">
        <v>16735</v>
      </c>
      <c r="I8337" s="7">
        <v>4.6700568000000002</v>
      </c>
      <c r="J8337" s="8">
        <v>-74.141707999999994</v>
      </c>
    </row>
    <row r="8338" spans="1:10" x14ac:dyDescent="0.35">
      <c r="A8338" s="5" t="s">
        <v>10</v>
      </c>
      <c r="B8338" s="6">
        <v>234111</v>
      </c>
      <c r="C8338" s="6" t="s">
        <v>68</v>
      </c>
      <c r="D8338" s="6" t="s">
        <v>69</v>
      </c>
      <c r="E8338" s="6">
        <v>11001</v>
      </c>
      <c r="F8338" s="6" t="s">
        <v>18</v>
      </c>
      <c r="G8338" s="6" t="s">
        <v>16736</v>
      </c>
      <c r="H8338" s="6" t="s">
        <v>16737</v>
      </c>
      <c r="I8338" s="7">
        <v>4.5765523000000004</v>
      </c>
      <c r="J8338" s="8">
        <v>-74.155764000000005</v>
      </c>
    </row>
    <row r="8339" spans="1:10" x14ac:dyDescent="0.35">
      <c r="A8339" s="5" t="s">
        <v>10</v>
      </c>
      <c r="B8339" s="6">
        <v>190813</v>
      </c>
      <c r="C8339" s="6" t="s">
        <v>68</v>
      </c>
      <c r="D8339" s="6" t="s">
        <v>69</v>
      </c>
      <c r="E8339" s="6">
        <v>11001</v>
      </c>
      <c r="F8339" s="6" t="s">
        <v>18</v>
      </c>
      <c r="G8339" s="6" t="s">
        <v>16738</v>
      </c>
      <c r="H8339" s="6" t="s">
        <v>16739</v>
      </c>
      <c r="I8339" s="7">
        <v>4.5862432000000002</v>
      </c>
      <c r="J8339" s="8">
        <v>-74.159089299999906</v>
      </c>
    </row>
    <row r="8340" spans="1:10" x14ac:dyDescent="0.35">
      <c r="A8340" s="5" t="s">
        <v>10</v>
      </c>
      <c r="B8340" s="6">
        <v>227484</v>
      </c>
      <c r="C8340" s="6" t="s">
        <v>68</v>
      </c>
      <c r="D8340" s="6" t="s">
        <v>69</v>
      </c>
      <c r="E8340" s="6">
        <v>11001</v>
      </c>
      <c r="F8340" s="6" t="s">
        <v>18</v>
      </c>
      <c r="G8340" s="6" t="s">
        <v>16740</v>
      </c>
      <c r="H8340" s="6" t="s">
        <v>16741</v>
      </c>
      <c r="I8340" s="7">
        <v>4.7189624999999999</v>
      </c>
      <c r="J8340" s="8">
        <v>-74.087606100000002</v>
      </c>
    </row>
    <row r="8341" spans="1:10" x14ac:dyDescent="0.35">
      <c r="A8341" s="5" t="s">
        <v>10</v>
      </c>
      <c r="B8341" s="6">
        <v>230923</v>
      </c>
      <c r="C8341" s="6" t="s">
        <v>68</v>
      </c>
      <c r="D8341" s="6" t="s">
        <v>69</v>
      </c>
      <c r="E8341" s="6">
        <v>11001</v>
      </c>
      <c r="F8341" s="6" t="s">
        <v>18</v>
      </c>
      <c r="G8341" s="6" t="s">
        <v>16742</v>
      </c>
      <c r="H8341" s="6" t="s">
        <v>16743</v>
      </c>
      <c r="I8341" s="7">
        <v>4.5465505000000004</v>
      </c>
      <c r="J8341" s="8">
        <v>-74.106954999999999</v>
      </c>
    </row>
    <row r="8342" spans="1:10" x14ac:dyDescent="0.35">
      <c r="A8342" s="5" t="s">
        <v>10</v>
      </c>
      <c r="B8342" s="6">
        <v>242428</v>
      </c>
      <c r="C8342" s="6" t="s">
        <v>68</v>
      </c>
      <c r="D8342" s="6" t="s">
        <v>69</v>
      </c>
      <c r="E8342" s="6">
        <v>11001</v>
      </c>
      <c r="F8342" s="6" t="s">
        <v>18</v>
      </c>
      <c r="G8342" s="6" t="s">
        <v>16744</v>
      </c>
      <c r="H8342" s="6" t="s">
        <v>16745</v>
      </c>
      <c r="I8342" s="7">
        <v>4.6744969000000003</v>
      </c>
      <c r="J8342" s="8">
        <v>-74.051392300000003</v>
      </c>
    </row>
    <row r="8343" spans="1:10" x14ac:dyDescent="0.35">
      <c r="A8343" s="5" t="s">
        <v>10</v>
      </c>
      <c r="B8343" s="6">
        <v>248595</v>
      </c>
      <c r="C8343" s="6" t="s">
        <v>68</v>
      </c>
      <c r="D8343" s="6" t="s">
        <v>69</v>
      </c>
      <c r="E8343" s="6">
        <v>11001</v>
      </c>
      <c r="F8343" s="6" t="s">
        <v>18</v>
      </c>
      <c r="G8343" s="6" t="s">
        <v>16746</v>
      </c>
      <c r="H8343" s="6" t="s">
        <v>16747</v>
      </c>
      <c r="I8343" s="7">
        <v>4.6164930000000002</v>
      </c>
      <c r="J8343" s="8">
        <v>-74.178851300000005</v>
      </c>
    </row>
    <row r="8344" spans="1:10" x14ac:dyDescent="0.35">
      <c r="A8344" s="5" t="s">
        <v>10</v>
      </c>
      <c r="B8344" s="6">
        <v>147902</v>
      </c>
      <c r="C8344" s="6" t="s">
        <v>190</v>
      </c>
      <c r="D8344" s="6" t="s">
        <v>11740</v>
      </c>
      <c r="E8344" s="6">
        <v>5376</v>
      </c>
      <c r="F8344" s="6" t="s">
        <v>18</v>
      </c>
      <c r="G8344" s="6" t="s">
        <v>16748</v>
      </c>
      <c r="H8344" s="6" t="s">
        <v>16749</v>
      </c>
      <c r="I8344" s="7">
        <v>6.1512133999999996</v>
      </c>
      <c r="J8344" s="8">
        <v>-75.600850499999893</v>
      </c>
    </row>
    <row r="8345" spans="1:10" x14ac:dyDescent="0.35">
      <c r="A8345" s="5" t="s">
        <v>10</v>
      </c>
      <c r="B8345" s="6">
        <v>186364</v>
      </c>
      <c r="C8345" s="6" t="s">
        <v>190</v>
      </c>
      <c r="D8345" s="6" t="s">
        <v>11740</v>
      </c>
      <c r="E8345" s="6">
        <v>5376</v>
      </c>
      <c r="F8345" s="6" t="s">
        <v>18</v>
      </c>
      <c r="G8345" s="6" t="s">
        <v>16750</v>
      </c>
      <c r="H8345" s="6" t="s">
        <v>16751</v>
      </c>
      <c r="I8345" s="7">
        <v>6.0298997999999999</v>
      </c>
      <c r="J8345" s="8">
        <v>-75.430571200000003</v>
      </c>
    </row>
    <row r="8346" spans="1:10" x14ac:dyDescent="0.35">
      <c r="A8346" s="5" t="s">
        <v>10</v>
      </c>
      <c r="B8346" s="6">
        <v>221303</v>
      </c>
      <c r="C8346" s="6" t="s">
        <v>190</v>
      </c>
      <c r="D8346" s="6" t="s">
        <v>11705</v>
      </c>
      <c r="E8346" s="6">
        <v>5318</v>
      </c>
      <c r="F8346" s="6" t="s">
        <v>18</v>
      </c>
      <c r="G8346" s="6" t="s">
        <v>16752</v>
      </c>
      <c r="H8346" s="6" t="s">
        <v>16753</v>
      </c>
      <c r="I8346" s="7">
        <v>6.2783140999999896</v>
      </c>
      <c r="J8346" s="8">
        <v>-75.441501299999999</v>
      </c>
    </row>
    <row r="8347" spans="1:10" x14ac:dyDescent="0.35">
      <c r="A8347" s="5" t="s">
        <v>10</v>
      </c>
      <c r="B8347" s="6">
        <v>214374</v>
      </c>
      <c r="C8347" s="6" t="s">
        <v>117</v>
      </c>
      <c r="D8347" s="6" t="s">
        <v>1334</v>
      </c>
      <c r="E8347" s="6">
        <v>76001</v>
      </c>
      <c r="F8347" s="6" t="s">
        <v>18</v>
      </c>
      <c r="G8347" s="6" t="s">
        <v>16754</v>
      </c>
      <c r="H8347" s="6" t="s">
        <v>16755</v>
      </c>
      <c r="I8347" s="7">
        <v>3.4572704000000001</v>
      </c>
      <c r="J8347" s="8">
        <v>-76.542795299999995</v>
      </c>
    </row>
    <row r="8348" spans="1:10" x14ac:dyDescent="0.35">
      <c r="A8348" s="5" t="s">
        <v>10</v>
      </c>
      <c r="B8348" s="6">
        <v>234570</v>
      </c>
      <c r="C8348" s="6" t="s">
        <v>117</v>
      </c>
      <c r="D8348" s="6" t="s">
        <v>3860</v>
      </c>
      <c r="E8348" s="6">
        <v>76130</v>
      </c>
      <c r="F8348" s="6" t="s">
        <v>18</v>
      </c>
      <c r="G8348" s="6" t="s">
        <v>16756</v>
      </c>
      <c r="H8348" s="6" t="s">
        <v>16757</v>
      </c>
      <c r="I8348" s="7">
        <v>3.3994458999999999</v>
      </c>
      <c r="J8348" s="8">
        <v>-76.5458505</v>
      </c>
    </row>
    <row r="8349" spans="1:10" x14ac:dyDescent="0.35">
      <c r="A8349" s="5" t="s">
        <v>10</v>
      </c>
      <c r="B8349" s="6">
        <v>240736</v>
      </c>
      <c r="C8349" s="6" t="s">
        <v>190</v>
      </c>
      <c r="D8349" s="6" t="s">
        <v>191</v>
      </c>
      <c r="E8349" s="6">
        <v>5001</v>
      </c>
      <c r="F8349" s="6" t="s">
        <v>18</v>
      </c>
      <c r="G8349" s="6" t="s">
        <v>16758</v>
      </c>
      <c r="H8349" s="6" t="s">
        <v>16759</v>
      </c>
      <c r="I8349" s="7">
        <v>6.1839690999999997</v>
      </c>
      <c r="J8349" s="8">
        <v>-75.5713279</v>
      </c>
    </row>
    <row r="8350" spans="1:10" x14ac:dyDescent="0.35">
      <c r="A8350" s="5" t="s">
        <v>10</v>
      </c>
      <c r="B8350" s="6">
        <v>198191</v>
      </c>
      <c r="C8350" s="6" t="s">
        <v>68</v>
      </c>
      <c r="D8350" s="6" t="s">
        <v>69</v>
      </c>
      <c r="E8350" s="6">
        <v>11001</v>
      </c>
      <c r="F8350" s="6" t="s">
        <v>18</v>
      </c>
      <c r="G8350" s="6" t="s">
        <v>16760</v>
      </c>
      <c r="H8350" s="6" t="s">
        <v>16761</v>
      </c>
      <c r="I8350" s="7">
        <v>4.5697492000000004</v>
      </c>
      <c r="J8350" s="8">
        <v>-74.152463799999893</v>
      </c>
    </row>
    <row r="8351" spans="1:10" x14ac:dyDescent="0.35">
      <c r="A8351" s="5" t="s">
        <v>10</v>
      </c>
      <c r="B8351" s="6">
        <v>184363</v>
      </c>
      <c r="C8351" s="6" t="s">
        <v>11</v>
      </c>
      <c r="D8351" s="6" t="s">
        <v>334</v>
      </c>
      <c r="E8351" s="6">
        <v>25754</v>
      </c>
      <c r="F8351" s="6" t="s">
        <v>18</v>
      </c>
      <c r="G8351" s="6" t="s">
        <v>16762</v>
      </c>
      <c r="H8351" s="6" t="s">
        <v>16763</v>
      </c>
      <c r="I8351" s="7">
        <v>4.5948330999999998</v>
      </c>
      <c r="J8351" s="8">
        <v>-74.195249500000003</v>
      </c>
    </row>
    <row r="8352" spans="1:10" x14ac:dyDescent="0.35">
      <c r="A8352" s="5" t="s">
        <v>10</v>
      </c>
      <c r="B8352" s="6">
        <v>223944</v>
      </c>
      <c r="C8352" s="6" t="s">
        <v>68</v>
      </c>
      <c r="D8352" s="6" t="s">
        <v>69</v>
      </c>
      <c r="E8352" s="6">
        <v>11001</v>
      </c>
      <c r="F8352" s="6" t="s">
        <v>18</v>
      </c>
      <c r="G8352" s="6" t="s">
        <v>16764</v>
      </c>
      <c r="H8352" s="6" t="s">
        <v>16765</v>
      </c>
      <c r="I8352" s="7">
        <v>4.6112362999999998</v>
      </c>
      <c r="J8352" s="8">
        <v>-74.2031882</v>
      </c>
    </row>
    <row r="8353" spans="1:10" x14ac:dyDescent="0.35">
      <c r="A8353" s="5" t="s">
        <v>10</v>
      </c>
      <c r="B8353" s="6">
        <v>198752</v>
      </c>
      <c r="C8353" s="6" t="s">
        <v>68</v>
      </c>
      <c r="D8353" s="6" t="s">
        <v>69</v>
      </c>
      <c r="E8353" s="6">
        <v>11001</v>
      </c>
      <c r="F8353" s="6" t="s">
        <v>18</v>
      </c>
      <c r="G8353" s="6" t="s">
        <v>11347</v>
      </c>
      <c r="H8353" s="6" t="s">
        <v>16766</v>
      </c>
      <c r="I8353" s="7">
        <v>4.7331737999999897</v>
      </c>
      <c r="J8353" s="8">
        <v>-74.110706999999906</v>
      </c>
    </row>
    <row r="8354" spans="1:10" x14ac:dyDescent="0.35">
      <c r="A8354" s="5" t="s">
        <v>10</v>
      </c>
      <c r="B8354" s="6">
        <v>231644</v>
      </c>
      <c r="C8354" s="6" t="s">
        <v>68</v>
      </c>
      <c r="D8354" s="6" t="s">
        <v>69</v>
      </c>
      <c r="E8354" s="6">
        <v>11001</v>
      </c>
      <c r="F8354" s="6" t="s">
        <v>18</v>
      </c>
      <c r="G8354" s="6" t="s">
        <v>16767</v>
      </c>
      <c r="H8354" s="6" t="s">
        <v>16768</v>
      </c>
      <c r="I8354" s="7">
        <v>4.5943547999999996</v>
      </c>
      <c r="J8354" s="8">
        <v>-74.112124399999999</v>
      </c>
    </row>
    <row r="8355" spans="1:10" x14ac:dyDescent="0.35">
      <c r="A8355" s="5" t="s">
        <v>10</v>
      </c>
      <c r="B8355" s="6">
        <v>228977</v>
      </c>
      <c r="C8355" s="6" t="s">
        <v>117</v>
      </c>
      <c r="D8355" s="6" t="s">
        <v>1334</v>
      </c>
      <c r="E8355" s="6">
        <v>76001</v>
      </c>
      <c r="F8355" s="6" t="s">
        <v>18</v>
      </c>
      <c r="G8355" s="6" t="s">
        <v>16769</v>
      </c>
      <c r="H8355" s="6" t="s">
        <v>16770</v>
      </c>
      <c r="I8355" s="7">
        <v>3.3735987999999999</v>
      </c>
      <c r="J8355" s="8">
        <v>-76.514248499999994</v>
      </c>
    </row>
    <row r="8356" spans="1:10" x14ac:dyDescent="0.35">
      <c r="A8356" s="5" t="s">
        <v>10</v>
      </c>
      <c r="B8356" s="6">
        <v>237105</v>
      </c>
      <c r="C8356" s="6" t="s">
        <v>117</v>
      </c>
      <c r="D8356" s="6" t="s">
        <v>1334</v>
      </c>
      <c r="E8356" s="6">
        <v>76001</v>
      </c>
      <c r="F8356" s="6" t="s">
        <v>18</v>
      </c>
      <c r="G8356" s="6" t="s">
        <v>16771</v>
      </c>
      <c r="H8356" s="6" t="s">
        <v>16772</v>
      </c>
      <c r="I8356" s="7">
        <v>3.4259640999999998</v>
      </c>
      <c r="J8356" s="8">
        <v>-76.544404599999993</v>
      </c>
    </row>
    <row r="8357" spans="1:10" x14ac:dyDescent="0.35">
      <c r="A8357" s="5" t="s">
        <v>10</v>
      </c>
      <c r="B8357" s="6">
        <v>240531</v>
      </c>
      <c r="C8357" s="6" t="s">
        <v>190</v>
      </c>
      <c r="D8357" s="6" t="s">
        <v>3689</v>
      </c>
      <c r="E8357" s="6">
        <v>5266</v>
      </c>
      <c r="F8357" s="6" t="s">
        <v>18</v>
      </c>
      <c r="G8357" s="6" t="s">
        <v>16773</v>
      </c>
      <c r="H8357" s="6" t="s">
        <v>16774</v>
      </c>
      <c r="I8357" s="7">
        <v>6.1657178000000004</v>
      </c>
      <c r="J8357" s="8">
        <v>-75.584370800000002</v>
      </c>
    </row>
    <row r="8358" spans="1:10" x14ac:dyDescent="0.35">
      <c r="A8358" s="5" t="s">
        <v>10</v>
      </c>
      <c r="B8358" s="6">
        <v>240810</v>
      </c>
      <c r="C8358" s="6" t="s">
        <v>190</v>
      </c>
      <c r="D8358" s="6" t="s">
        <v>191</v>
      </c>
      <c r="E8358" s="6">
        <v>5001</v>
      </c>
      <c r="F8358" s="6" t="s">
        <v>18</v>
      </c>
      <c r="G8358" s="6" t="s">
        <v>16775</v>
      </c>
      <c r="H8358" s="6" t="s">
        <v>16776</v>
      </c>
      <c r="I8358" s="7">
        <v>6.2540659999999999</v>
      </c>
      <c r="J8358" s="8">
        <v>-75.565971700000006</v>
      </c>
    </row>
    <row r="8359" spans="1:10" x14ac:dyDescent="0.35">
      <c r="A8359" s="5" t="s">
        <v>10</v>
      </c>
      <c r="B8359" s="6">
        <v>201794</v>
      </c>
      <c r="C8359" s="6" t="s">
        <v>68</v>
      </c>
      <c r="D8359" s="6" t="s">
        <v>69</v>
      </c>
      <c r="E8359" s="6">
        <v>11001</v>
      </c>
      <c r="F8359" s="6" t="s">
        <v>18</v>
      </c>
      <c r="G8359" s="6" t="s">
        <v>16777</v>
      </c>
      <c r="H8359" s="6" t="s">
        <v>16778</v>
      </c>
      <c r="I8359" s="7">
        <v>4.7396509999999896</v>
      </c>
      <c r="J8359" s="8">
        <v>-74.116164999999995</v>
      </c>
    </row>
    <row r="8360" spans="1:10" x14ac:dyDescent="0.35">
      <c r="A8360" s="5" t="s">
        <v>10</v>
      </c>
      <c r="B8360" s="6">
        <v>181352</v>
      </c>
      <c r="C8360" s="6" t="s">
        <v>68</v>
      </c>
      <c r="D8360" s="6" t="s">
        <v>69</v>
      </c>
      <c r="E8360" s="6">
        <v>11001</v>
      </c>
      <c r="F8360" s="6" t="s">
        <v>18</v>
      </c>
      <c r="G8360" s="6" t="s">
        <v>16779</v>
      </c>
      <c r="H8360" s="6" t="s">
        <v>16780</v>
      </c>
      <c r="I8360" s="7">
        <v>4.6344237000000001</v>
      </c>
      <c r="J8360" s="8">
        <v>-74.165187500000002</v>
      </c>
    </row>
    <row r="8361" spans="1:10" x14ac:dyDescent="0.35">
      <c r="A8361" s="5" t="s">
        <v>10</v>
      </c>
      <c r="B8361" s="6">
        <v>227184</v>
      </c>
      <c r="C8361" s="6" t="s">
        <v>68</v>
      </c>
      <c r="D8361" s="6" t="s">
        <v>69</v>
      </c>
      <c r="E8361" s="6">
        <v>11001</v>
      </c>
      <c r="F8361" s="6" t="s">
        <v>18</v>
      </c>
      <c r="G8361" s="6" t="s">
        <v>16781</v>
      </c>
      <c r="H8361" s="6" t="s">
        <v>16782</v>
      </c>
      <c r="I8361" s="7">
        <v>4.7577090000000002</v>
      </c>
      <c r="J8361" s="8">
        <v>-74.097257299999995</v>
      </c>
    </row>
    <row r="8362" spans="1:10" x14ac:dyDescent="0.35">
      <c r="A8362" s="5" t="s">
        <v>10</v>
      </c>
      <c r="B8362" s="6">
        <v>227751</v>
      </c>
      <c r="C8362" s="6" t="s">
        <v>68</v>
      </c>
      <c r="D8362" s="6" t="s">
        <v>69</v>
      </c>
      <c r="E8362" s="6">
        <v>11001</v>
      </c>
      <c r="F8362" s="6" t="s">
        <v>18</v>
      </c>
      <c r="G8362" s="6" t="s">
        <v>16783</v>
      </c>
      <c r="H8362" s="6" t="s">
        <v>16784</v>
      </c>
      <c r="I8362" s="7">
        <v>4.6786998000000004</v>
      </c>
      <c r="J8362" s="8">
        <v>-74.1025578</v>
      </c>
    </row>
    <row r="8363" spans="1:10" x14ac:dyDescent="0.35">
      <c r="A8363" s="5" t="s">
        <v>10</v>
      </c>
      <c r="B8363" s="6">
        <v>230302</v>
      </c>
      <c r="C8363" s="6" t="s">
        <v>68</v>
      </c>
      <c r="D8363" s="6" t="s">
        <v>69</v>
      </c>
      <c r="E8363" s="6">
        <v>11001</v>
      </c>
      <c r="F8363" s="6" t="s">
        <v>18</v>
      </c>
      <c r="G8363" s="6" t="s">
        <v>16785</v>
      </c>
      <c r="H8363" s="6" t="s">
        <v>16786</v>
      </c>
      <c r="I8363" s="7">
        <v>4.7067870000000003</v>
      </c>
      <c r="J8363" s="8">
        <v>-74.107775000000004</v>
      </c>
    </row>
    <row r="8364" spans="1:10" x14ac:dyDescent="0.35">
      <c r="A8364" s="5" t="s">
        <v>10</v>
      </c>
      <c r="B8364" s="6">
        <v>231269</v>
      </c>
      <c r="C8364" s="6" t="s">
        <v>68</v>
      </c>
      <c r="D8364" s="6" t="s">
        <v>69</v>
      </c>
      <c r="E8364" s="6">
        <v>11001</v>
      </c>
      <c r="F8364" s="6" t="s">
        <v>18</v>
      </c>
      <c r="G8364" s="6" t="s">
        <v>16787</v>
      </c>
      <c r="H8364" s="6" t="s">
        <v>16788</v>
      </c>
      <c r="I8364" s="7">
        <v>4.7140317999999999</v>
      </c>
      <c r="J8364" s="8">
        <v>-74.142523800000006</v>
      </c>
    </row>
    <row r="8365" spans="1:10" x14ac:dyDescent="0.35">
      <c r="A8365" s="5" t="s">
        <v>10</v>
      </c>
      <c r="B8365" s="6">
        <v>235915</v>
      </c>
      <c r="C8365" s="6" t="s">
        <v>68</v>
      </c>
      <c r="D8365" s="6" t="s">
        <v>69</v>
      </c>
      <c r="E8365" s="6">
        <v>11001</v>
      </c>
      <c r="F8365" s="6" t="s">
        <v>18</v>
      </c>
      <c r="G8365" s="6" t="s">
        <v>16789</v>
      </c>
      <c r="H8365" s="6" t="s">
        <v>16790</v>
      </c>
      <c r="I8365" s="7">
        <v>4.7418496000000001</v>
      </c>
      <c r="J8365" s="8">
        <v>-74.112687699999995</v>
      </c>
    </row>
    <row r="8366" spans="1:10" x14ac:dyDescent="0.35">
      <c r="A8366" s="5" t="s">
        <v>10</v>
      </c>
      <c r="B8366" s="6">
        <v>236644</v>
      </c>
      <c r="C8366" s="6" t="s">
        <v>68</v>
      </c>
      <c r="D8366" s="6" t="s">
        <v>69</v>
      </c>
      <c r="E8366" s="6">
        <v>11001</v>
      </c>
      <c r="F8366" s="6" t="s">
        <v>18</v>
      </c>
      <c r="G8366" s="6" t="s">
        <v>16791</v>
      </c>
      <c r="H8366" s="6" t="s">
        <v>16792</v>
      </c>
      <c r="I8366" s="7">
        <v>4.5680753999999997</v>
      </c>
      <c r="J8366" s="8">
        <v>-74.089352300000002</v>
      </c>
    </row>
    <row r="8367" spans="1:10" x14ac:dyDescent="0.35">
      <c r="A8367" s="5" t="s">
        <v>10</v>
      </c>
      <c r="B8367" s="6">
        <v>215189</v>
      </c>
      <c r="C8367" s="6" t="s">
        <v>68</v>
      </c>
      <c r="D8367" s="6" t="s">
        <v>69</v>
      </c>
      <c r="E8367" s="6">
        <v>11001</v>
      </c>
      <c r="F8367" s="6" t="s">
        <v>18</v>
      </c>
      <c r="G8367" s="6" t="s">
        <v>16793</v>
      </c>
      <c r="H8367" s="6" t="s">
        <v>16794</v>
      </c>
      <c r="I8367" s="7">
        <v>4.6351494000000004</v>
      </c>
      <c r="J8367" s="8">
        <v>-74.208154199999996</v>
      </c>
    </row>
    <row r="8368" spans="1:10" x14ac:dyDescent="0.35">
      <c r="A8368" s="5" t="s">
        <v>10</v>
      </c>
      <c r="B8368" s="6">
        <v>111501</v>
      </c>
      <c r="C8368" s="6" t="s">
        <v>11</v>
      </c>
      <c r="D8368" s="6" t="s">
        <v>513</v>
      </c>
      <c r="E8368" s="6">
        <v>25286</v>
      </c>
      <c r="F8368" s="6" t="s">
        <v>18</v>
      </c>
      <c r="G8368" s="6" t="s">
        <v>16795</v>
      </c>
      <c r="H8368" s="6" t="s">
        <v>16796</v>
      </c>
      <c r="I8368" s="7">
        <v>4.7176676999999998</v>
      </c>
      <c r="J8368" s="8">
        <v>-74.211874100000003</v>
      </c>
    </row>
    <row r="8369" spans="1:10" x14ac:dyDescent="0.35">
      <c r="A8369" s="5" t="s">
        <v>10</v>
      </c>
      <c r="B8369" s="6">
        <v>230084</v>
      </c>
      <c r="C8369" s="6" t="s">
        <v>457</v>
      </c>
      <c r="D8369" s="6" t="s">
        <v>4400</v>
      </c>
      <c r="E8369" s="6">
        <v>52001</v>
      </c>
      <c r="F8369" s="6" t="s">
        <v>18</v>
      </c>
      <c r="G8369" s="6" t="s">
        <v>16797</v>
      </c>
      <c r="H8369" s="6" t="s">
        <v>16798</v>
      </c>
      <c r="I8369" s="7">
        <v>1.2113225999999999</v>
      </c>
      <c r="J8369" s="8">
        <v>-77.284884000000005</v>
      </c>
    </row>
    <row r="8370" spans="1:10" x14ac:dyDescent="0.35">
      <c r="A8370" s="5" t="s">
        <v>10</v>
      </c>
      <c r="B8370" s="6">
        <v>241598</v>
      </c>
      <c r="C8370" s="6" t="s">
        <v>457</v>
      </c>
      <c r="D8370" s="6" t="s">
        <v>7370</v>
      </c>
      <c r="E8370" s="6">
        <v>52835</v>
      </c>
      <c r="F8370" s="6" t="s">
        <v>18</v>
      </c>
      <c r="G8370" s="6" t="s">
        <v>16799</v>
      </c>
      <c r="H8370" s="6" t="s">
        <v>16800</v>
      </c>
      <c r="I8370" s="7">
        <v>1.8290263</v>
      </c>
      <c r="J8370" s="8">
        <v>-78.733984300000003</v>
      </c>
    </row>
    <row r="8371" spans="1:10" x14ac:dyDescent="0.35">
      <c r="A8371" s="5" t="s">
        <v>10</v>
      </c>
      <c r="B8371" s="6">
        <v>241650</v>
      </c>
      <c r="C8371" s="6" t="s">
        <v>457</v>
      </c>
      <c r="D8371" s="6" t="s">
        <v>4400</v>
      </c>
      <c r="E8371" s="6">
        <v>52001</v>
      </c>
      <c r="F8371" s="6" t="s">
        <v>18</v>
      </c>
      <c r="G8371" s="6" t="s">
        <v>16801</v>
      </c>
      <c r="H8371" s="6" t="s">
        <v>16802</v>
      </c>
      <c r="I8371" s="7">
        <v>1.2113225999999999</v>
      </c>
      <c r="J8371" s="8">
        <v>-77.284884000000005</v>
      </c>
    </row>
    <row r="8372" spans="1:10" x14ac:dyDescent="0.35">
      <c r="A8372" s="5" t="s">
        <v>10</v>
      </c>
      <c r="B8372" s="6">
        <v>236268</v>
      </c>
      <c r="C8372" s="6" t="s">
        <v>68</v>
      </c>
      <c r="D8372" s="6" t="s">
        <v>69</v>
      </c>
      <c r="E8372" s="6">
        <v>11001</v>
      </c>
      <c r="F8372" s="6" t="s">
        <v>18</v>
      </c>
      <c r="G8372" s="6" t="s">
        <v>16803</v>
      </c>
      <c r="H8372" s="6" t="s">
        <v>16804</v>
      </c>
      <c r="I8372" s="7">
        <v>4.5790442999999996</v>
      </c>
      <c r="J8372" s="8">
        <v>-74.114436299999994</v>
      </c>
    </row>
    <row r="8373" spans="1:10" x14ac:dyDescent="0.35">
      <c r="A8373" s="5" t="s">
        <v>10</v>
      </c>
      <c r="B8373" s="6">
        <v>210799</v>
      </c>
      <c r="C8373" s="6" t="s">
        <v>68</v>
      </c>
      <c r="D8373" s="6" t="s">
        <v>69</v>
      </c>
      <c r="E8373" s="6">
        <v>11001</v>
      </c>
      <c r="F8373" s="6" t="s">
        <v>18</v>
      </c>
      <c r="G8373" s="6" t="s">
        <v>1940</v>
      </c>
      <c r="H8373" s="6" t="s">
        <v>16805</v>
      </c>
      <c r="I8373" s="7">
        <v>4.6040418999999897</v>
      </c>
      <c r="J8373" s="8">
        <v>-74.133822499999994</v>
      </c>
    </row>
    <row r="8374" spans="1:10" x14ac:dyDescent="0.35">
      <c r="A8374" s="5" t="s">
        <v>10</v>
      </c>
      <c r="B8374" s="6">
        <v>211772</v>
      </c>
      <c r="C8374" s="6" t="s">
        <v>68</v>
      </c>
      <c r="D8374" s="6" t="s">
        <v>69</v>
      </c>
      <c r="E8374" s="6">
        <v>11001</v>
      </c>
      <c r="F8374" s="6" t="s">
        <v>18</v>
      </c>
      <c r="G8374" s="6" t="s">
        <v>16806</v>
      </c>
      <c r="H8374" s="6" t="s">
        <v>16807</v>
      </c>
      <c r="I8374" s="7">
        <v>4.5877246999999999</v>
      </c>
      <c r="J8374" s="8">
        <v>-74.090328200000002</v>
      </c>
    </row>
    <row r="8375" spans="1:10" x14ac:dyDescent="0.35">
      <c r="A8375" s="5" t="s">
        <v>10</v>
      </c>
      <c r="B8375" s="6">
        <v>222079</v>
      </c>
      <c r="C8375" s="6" t="s">
        <v>68</v>
      </c>
      <c r="D8375" s="6" t="s">
        <v>69</v>
      </c>
      <c r="E8375" s="6">
        <v>11001</v>
      </c>
      <c r="F8375" s="6" t="s">
        <v>18</v>
      </c>
      <c r="G8375" s="6" t="s">
        <v>16808</v>
      </c>
      <c r="H8375" s="6" t="s">
        <v>16809</v>
      </c>
      <c r="I8375" s="7">
        <v>4.6102071999999996</v>
      </c>
      <c r="J8375" s="8">
        <v>-74.115347599999893</v>
      </c>
    </row>
    <row r="8376" spans="1:10" x14ac:dyDescent="0.35">
      <c r="A8376" s="5" t="s">
        <v>10</v>
      </c>
      <c r="B8376" s="6">
        <v>235185</v>
      </c>
      <c r="C8376" s="6" t="s">
        <v>68</v>
      </c>
      <c r="D8376" s="6" t="s">
        <v>69</v>
      </c>
      <c r="E8376" s="6">
        <v>11001</v>
      </c>
      <c r="F8376" s="6" t="s">
        <v>18</v>
      </c>
      <c r="G8376" s="6" t="s">
        <v>16810</v>
      </c>
      <c r="H8376" s="6" t="s">
        <v>16811</v>
      </c>
      <c r="I8376" s="7">
        <v>4.6150131999999999</v>
      </c>
      <c r="J8376" s="8">
        <v>-74.168808499999997</v>
      </c>
    </row>
    <row r="8377" spans="1:10" x14ac:dyDescent="0.35">
      <c r="A8377" s="5" t="s">
        <v>10</v>
      </c>
      <c r="B8377" s="6">
        <v>204377</v>
      </c>
      <c r="C8377" s="6" t="s">
        <v>68</v>
      </c>
      <c r="D8377" s="6" t="s">
        <v>69</v>
      </c>
      <c r="E8377" s="6">
        <v>11001</v>
      </c>
      <c r="F8377" s="6" t="s">
        <v>18</v>
      </c>
      <c r="G8377" s="6" t="s">
        <v>16812</v>
      </c>
      <c r="H8377" s="6" t="s">
        <v>16813</v>
      </c>
      <c r="I8377" s="7">
        <v>4.7060763999999997</v>
      </c>
      <c r="J8377" s="8">
        <v>-74.094917899999999</v>
      </c>
    </row>
    <row r="8378" spans="1:10" x14ac:dyDescent="0.35">
      <c r="A8378" s="5" t="s">
        <v>10</v>
      </c>
      <c r="B8378" s="6">
        <v>224445</v>
      </c>
      <c r="C8378" s="6" t="s">
        <v>68</v>
      </c>
      <c r="D8378" s="6" t="s">
        <v>69</v>
      </c>
      <c r="E8378" s="6">
        <v>11001</v>
      </c>
      <c r="F8378" s="6" t="s">
        <v>18</v>
      </c>
      <c r="G8378" s="6" t="s">
        <v>12157</v>
      </c>
      <c r="H8378" s="6" t="s">
        <v>16814</v>
      </c>
      <c r="I8378" s="7">
        <v>4.6325729999999998</v>
      </c>
      <c r="J8378" s="8">
        <v>-74.196162599999994</v>
      </c>
    </row>
    <row r="8379" spans="1:10" x14ac:dyDescent="0.35">
      <c r="A8379" s="5" t="s">
        <v>10</v>
      </c>
      <c r="B8379" s="6">
        <v>231294</v>
      </c>
      <c r="C8379" s="6" t="s">
        <v>68</v>
      </c>
      <c r="D8379" s="6" t="s">
        <v>69</v>
      </c>
      <c r="E8379" s="6">
        <v>11001</v>
      </c>
      <c r="F8379" s="6" t="s">
        <v>18</v>
      </c>
      <c r="G8379" s="6" t="s">
        <v>16815</v>
      </c>
      <c r="H8379" s="6" t="s">
        <v>16816</v>
      </c>
      <c r="I8379" s="7">
        <v>4.5807129</v>
      </c>
      <c r="J8379" s="8">
        <v>-74.140817299999995</v>
      </c>
    </row>
    <row r="8380" spans="1:10" x14ac:dyDescent="0.35">
      <c r="A8380" s="5" t="s">
        <v>10</v>
      </c>
      <c r="B8380" s="6">
        <v>235417</v>
      </c>
      <c r="C8380" s="6" t="s">
        <v>68</v>
      </c>
      <c r="D8380" s="6" t="s">
        <v>69</v>
      </c>
      <c r="E8380" s="6">
        <v>11001</v>
      </c>
      <c r="F8380" s="6" t="s">
        <v>18</v>
      </c>
      <c r="G8380" s="6" t="s">
        <v>16817</v>
      </c>
      <c r="H8380" s="6" t="s">
        <v>16818</v>
      </c>
      <c r="I8380" s="7">
        <v>4.6099449999999997</v>
      </c>
      <c r="J8380" s="8">
        <v>-74.145781299999996</v>
      </c>
    </row>
    <row r="8381" spans="1:10" x14ac:dyDescent="0.35">
      <c r="A8381" s="5" t="s">
        <v>10</v>
      </c>
      <c r="B8381" s="6">
        <v>242128</v>
      </c>
      <c r="C8381" s="6" t="s">
        <v>68</v>
      </c>
      <c r="D8381" s="6" t="s">
        <v>69</v>
      </c>
      <c r="E8381" s="6">
        <v>11001</v>
      </c>
      <c r="F8381" s="6" t="s">
        <v>18</v>
      </c>
      <c r="G8381" s="6" t="s">
        <v>16819</v>
      </c>
      <c r="H8381" s="6" t="s">
        <v>16820</v>
      </c>
      <c r="I8381" s="7">
        <v>4.8212504999999997</v>
      </c>
      <c r="J8381" s="8">
        <v>-74.041843900000003</v>
      </c>
    </row>
    <row r="8382" spans="1:10" x14ac:dyDescent="0.35">
      <c r="A8382" s="5" t="s">
        <v>10</v>
      </c>
      <c r="B8382" s="6">
        <v>242644</v>
      </c>
      <c r="C8382" s="6" t="s">
        <v>68</v>
      </c>
      <c r="D8382" s="6" t="s">
        <v>69</v>
      </c>
      <c r="E8382" s="6">
        <v>11001</v>
      </c>
      <c r="F8382" s="6" t="s">
        <v>18</v>
      </c>
      <c r="G8382" s="6" t="s">
        <v>16821</v>
      </c>
      <c r="H8382" s="6" t="s">
        <v>16822</v>
      </c>
      <c r="I8382" s="7">
        <v>4.6159276</v>
      </c>
      <c r="J8382" s="8">
        <v>-74.152737000000002</v>
      </c>
    </row>
    <row r="8383" spans="1:10" x14ac:dyDescent="0.35">
      <c r="A8383" s="5" t="s">
        <v>10</v>
      </c>
      <c r="B8383" s="6">
        <v>247258</v>
      </c>
      <c r="C8383" s="6" t="s">
        <v>68</v>
      </c>
      <c r="D8383" s="6" t="s">
        <v>69</v>
      </c>
      <c r="E8383" s="6">
        <v>11001</v>
      </c>
      <c r="F8383" s="6" t="s">
        <v>18</v>
      </c>
      <c r="G8383" s="6" t="s">
        <v>16823</v>
      </c>
      <c r="H8383" s="6" t="s">
        <v>16824</v>
      </c>
      <c r="I8383" s="7">
        <v>4.6046775000000002</v>
      </c>
      <c r="J8383" s="8">
        <v>-74.080597299999994</v>
      </c>
    </row>
    <row r="8384" spans="1:10" x14ac:dyDescent="0.35">
      <c r="A8384" s="5" t="s">
        <v>10</v>
      </c>
      <c r="B8384" s="6">
        <v>219154</v>
      </c>
      <c r="C8384" s="6" t="s">
        <v>308</v>
      </c>
      <c r="D8384" s="6" t="s">
        <v>16825</v>
      </c>
      <c r="E8384" s="6">
        <v>23300</v>
      </c>
      <c r="F8384" s="6" t="s">
        <v>13</v>
      </c>
      <c r="G8384" s="6" t="s">
        <v>16826</v>
      </c>
      <c r="H8384" s="6" t="s">
        <v>16827</v>
      </c>
      <c r="I8384" s="7">
        <v>9.0412579999999991</v>
      </c>
      <c r="J8384" s="8">
        <v>-75.786231299999997</v>
      </c>
    </row>
    <row r="8385" spans="1:10" x14ac:dyDescent="0.35">
      <c r="A8385" s="5" t="s">
        <v>10</v>
      </c>
      <c r="B8385" s="6">
        <v>230593</v>
      </c>
      <c r="C8385" s="6" t="s">
        <v>308</v>
      </c>
      <c r="D8385" s="6" t="s">
        <v>14958</v>
      </c>
      <c r="E8385" s="6">
        <v>23678</v>
      </c>
      <c r="F8385" s="6" t="s">
        <v>13</v>
      </c>
      <c r="G8385" s="6" t="s">
        <v>16828</v>
      </c>
      <c r="H8385" s="6" t="s">
        <v>16829</v>
      </c>
      <c r="I8385" s="7">
        <v>8.7946422000000002</v>
      </c>
      <c r="J8385" s="8">
        <v>-75.699519499999994</v>
      </c>
    </row>
    <row r="8386" spans="1:10" x14ac:dyDescent="0.35">
      <c r="A8386" s="5" t="s">
        <v>10</v>
      </c>
      <c r="B8386" s="6">
        <v>239997</v>
      </c>
      <c r="C8386" s="6" t="s">
        <v>117</v>
      </c>
      <c r="D8386" s="6" t="s">
        <v>1334</v>
      </c>
      <c r="E8386" s="6">
        <v>76001</v>
      </c>
      <c r="F8386" s="6" t="s">
        <v>18</v>
      </c>
      <c r="G8386" s="6" t="s">
        <v>16830</v>
      </c>
      <c r="H8386" s="6" t="s">
        <v>16831</v>
      </c>
      <c r="I8386" s="7">
        <v>3.4048904000000002</v>
      </c>
      <c r="J8386" s="8">
        <v>-76.526581300000004</v>
      </c>
    </row>
    <row r="8387" spans="1:10" x14ac:dyDescent="0.35">
      <c r="A8387" s="5" t="s">
        <v>10</v>
      </c>
      <c r="B8387" s="6">
        <v>228674</v>
      </c>
      <c r="C8387" s="6" t="s">
        <v>117</v>
      </c>
      <c r="D8387" s="6" t="s">
        <v>992</v>
      </c>
      <c r="E8387" s="6">
        <v>76736</v>
      </c>
      <c r="F8387" s="6" t="s">
        <v>18</v>
      </c>
      <c r="G8387" s="6" t="s">
        <v>16832</v>
      </c>
      <c r="H8387" s="6" t="s">
        <v>16833</v>
      </c>
      <c r="I8387" s="7">
        <v>4.2703438999999896</v>
      </c>
      <c r="J8387" s="8">
        <v>-75.934341000000003</v>
      </c>
    </row>
    <row r="8388" spans="1:10" x14ac:dyDescent="0.35">
      <c r="A8388" s="5" t="s">
        <v>10</v>
      </c>
      <c r="B8388" s="6">
        <v>241636</v>
      </c>
      <c r="C8388" s="6" t="s">
        <v>457</v>
      </c>
      <c r="D8388" s="6" t="s">
        <v>1086</v>
      </c>
      <c r="E8388" s="6">
        <v>52356</v>
      </c>
      <c r="F8388" s="6" t="s">
        <v>18</v>
      </c>
      <c r="G8388" s="6" t="s">
        <v>16834</v>
      </c>
      <c r="H8388" s="6" t="s">
        <v>16835</v>
      </c>
      <c r="I8388" s="7">
        <v>0.82221489999999997</v>
      </c>
      <c r="J8388" s="8">
        <v>-77.6319053</v>
      </c>
    </row>
    <row r="8389" spans="1:10" x14ac:dyDescent="0.35">
      <c r="A8389" s="5" t="s">
        <v>10</v>
      </c>
      <c r="B8389" s="6">
        <v>240738</v>
      </c>
      <c r="C8389" s="6" t="s">
        <v>190</v>
      </c>
      <c r="D8389" s="6" t="s">
        <v>13913</v>
      </c>
      <c r="E8389" s="6">
        <v>5490</v>
      </c>
      <c r="F8389" s="6" t="s">
        <v>18</v>
      </c>
      <c r="G8389" s="6" t="s">
        <v>16836</v>
      </c>
      <c r="H8389" s="6" t="s">
        <v>16837</v>
      </c>
      <c r="I8389" s="7">
        <v>8.4239630000000005</v>
      </c>
      <c r="J8389" s="8">
        <v>-76.782282100000003</v>
      </c>
    </row>
    <row r="8390" spans="1:10" x14ac:dyDescent="0.35">
      <c r="A8390" s="5" t="s">
        <v>10</v>
      </c>
      <c r="B8390" s="6">
        <v>214411</v>
      </c>
      <c r="C8390" s="6" t="s">
        <v>68</v>
      </c>
      <c r="D8390" s="6" t="s">
        <v>69</v>
      </c>
      <c r="E8390" s="6">
        <v>11001</v>
      </c>
      <c r="F8390" s="6" t="s">
        <v>18</v>
      </c>
      <c r="G8390" s="6" t="s">
        <v>16838</v>
      </c>
      <c r="H8390" s="6" t="s">
        <v>16839</v>
      </c>
      <c r="I8390" s="7">
        <v>4.5852230999999897</v>
      </c>
      <c r="J8390" s="8">
        <v>-74.098549199999994</v>
      </c>
    </row>
    <row r="8391" spans="1:10" x14ac:dyDescent="0.35">
      <c r="A8391" s="5" t="s">
        <v>10</v>
      </c>
      <c r="B8391" s="6">
        <v>227585</v>
      </c>
      <c r="C8391" s="6" t="s">
        <v>68</v>
      </c>
      <c r="D8391" s="6" t="s">
        <v>69</v>
      </c>
      <c r="E8391" s="6">
        <v>11001</v>
      </c>
      <c r="F8391" s="6" t="s">
        <v>18</v>
      </c>
      <c r="G8391" s="6" t="s">
        <v>16840</v>
      </c>
      <c r="H8391" s="6" t="s">
        <v>16841</v>
      </c>
      <c r="I8391" s="7">
        <v>4.6106558999999896</v>
      </c>
      <c r="J8391" s="8">
        <v>-74.165693199999893</v>
      </c>
    </row>
    <row r="8392" spans="1:10" x14ac:dyDescent="0.35">
      <c r="A8392" s="5" t="s">
        <v>10</v>
      </c>
      <c r="B8392" s="6">
        <v>205435</v>
      </c>
      <c r="C8392" s="6" t="s">
        <v>68</v>
      </c>
      <c r="D8392" s="6" t="s">
        <v>69</v>
      </c>
      <c r="E8392" s="6">
        <v>11001</v>
      </c>
      <c r="F8392" s="6" t="s">
        <v>18</v>
      </c>
      <c r="G8392" s="6" t="s">
        <v>16842</v>
      </c>
      <c r="H8392" s="6" t="s">
        <v>16843</v>
      </c>
      <c r="I8392" s="7">
        <v>4.6431269000000004</v>
      </c>
      <c r="J8392" s="8">
        <v>-74.136781299999996</v>
      </c>
    </row>
    <row r="8393" spans="1:10" x14ac:dyDescent="0.35">
      <c r="A8393" s="5" t="s">
        <v>10</v>
      </c>
      <c r="B8393" s="6">
        <v>229467</v>
      </c>
      <c r="C8393" s="6" t="s">
        <v>68</v>
      </c>
      <c r="D8393" s="6" t="s">
        <v>69</v>
      </c>
      <c r="E8393" s="6">
        <v>11001</v>
      </c>
      <c r="F8393" s="6" t="s">
        <v>18</v>
      </c>
      <c r="G8393" s="6" t="s">
        <v>16844</v>
      </c>
      <c r="H8393" s="6" t="s">
        <v>16845</v>
      </c>
      <c r="I8393" s="7">
        <v>4.7474926000000002</v>
      </c>
      <c r="J8393" s="8">
        <v>-74.101382799999996</v>
      </c>
    </row>
    <row r="8394" spans="1:10" x14ac:dyDescent="0.35">
      <c r="A8394" s="5" t="s">
        <v>10</v>
      </c>
      <c r="B8394" s="6">
        <v>236607</v>
      </c>
      <c r="C8394" s="6" t="s">
        <v>68</v>
      </c>
      <c r="D8394" s="6" t="s">
        <v>69</v>
      </c>
      <c r="E8394" s="6">
        <v>11001</v>
      </c>
      <c r="F8394" s="6" t="s">
        <v>18</v>
      </c>
      <c r="G8394" s="6" t="s">
        <v>16846</v>
      </c>
      <c r="H8394" s="6" t="s">
        <v>16847</v>
      </c>
      <c r="I8394" s="7">
        <v>4.5743499999999999</v>
      </c>
      <c r="J8394" s="8">
        <v>-74.101107799999994</v>
      </c>
    </row>
    <row r="8395" spans="1:10" x14ac:dyDescent="0.35">
      <c r="A8395" s="5" t="s">
        <v>10</v>
      </c>
      <c r="B8395" s="6">
        <v>181483</v>
      </c>
      <c r="C8395" s="6" t="s">
        <v>68</v>
      </c>
      <c r="D8395" s="6" t="s">
        <v>69</v>
      </c>
      <c r="E8395" s="6">
        <v>11001</v>
      </c>
      <c r="F8395" s="6" t="s">
        <v>18</v>
      </c>
      <c r="G8395" s="6" t="s">
        <v>16848</v>
      </c>
      <c r="H8395" s="6" t="s">
        <v>16849</v>
      </c>
      <c r="I8395" s="7">
        <v>4.5701727999999999</v>
      </c>
      <c r="J8395" s="8">
        <v>-74.165339599999996</v>
      </c>
    </row>
    <row r="8396" spans="1:10" x14ac:dyDescent="0.35">
      <c r="A8396" s="5" t="s">
        <v>10</v>
      </c>
      <c r="B8396" s="6">
        <v>201524</v>
      </c>
      <c r="C8396" s="6" t="s">
        <v>68</v>
      </c>
      <c r="D8396" s="6" t="s">
        <v>69</v>
      </c>
      <c r="E8396" s="6">
        <v>11001</v>
      </c>
      <c r="F8396" s="6" t="s">
        <v>18</v>
      </c>
      <c r="G8396" s="6" t="s">
        <v>16850</v>
      </c>
      <c r="H8396" s="6" t="s">
        <v>16851</v>
      </c>
      <c r="I8396" s="7">
        <v>4.5050241</v>
      </c>
      <c r="J8396" s="8">
        <v>-74.112493700000002</v>
      </c>
    </row>
    <row r="8397" spans="1:10" x14ac:dyDescent="0.35">
      <c r="A8397" s="5" t="s">
        <v>10</v>
      </c>
      <c r="B8397" s="6">
        <v>207443</v>
      </c>
      <c r="C8397" s="6" t="s">
        <v>68</v>
      </c>
      <c r="D8397" s="6" t="s">
        <v>69</v>
      </c>
      <c r="E8397" s="6">
        <v>11001</v>
      </c>
      <c r="F8397" s="6" t="s">
        <v>18</v>
      </c>
      <c r="G8397" s="6" t="s">
        <v>15175</v>
      </c>
      <c r="H8397" s="6" t="s">
        <v>15176</v>
      </c>
      <c r="I8397" s="7">
        <v>4.5105157</v>
      </c>
      <c r="J8397" s="8">
        <v>-74.119943699999993</v>
      </c>
    </row>
    <row r="8398" spans="1:10" x14ac:dyDescent="0.35">
      <c r="A8398" s="5" t="s">
        <v>10</v>
      </c>
      <c r="B8398" s="6">
        <v>239062</v>
      </c>
      <c r="C8398" s="6" t="s">
        <v>68</v>
      </c>
      <c r="D8398" s="6" t="s">
        <v>69</v>
      </c>
      <c r="E8398" s="6">
        <v>11001</v>
      </c>
      <c r="F8398" s="6" t="s">
        <v>18</v>
      </c>
      <c r="G8398" s="6" t="s">
        <v>16852</v>
      </c>
      <c r="H8398" s="6" t="s">
        <v>16853</v>
      </c>
      <c r="I8398" s="7">
        <v>4.5400543000000004</v>
      </c>
      <c r="J8398" s="8">
        <v>-74.113503499999993</v>
      </c>
    </row>
    <row r="8399" spans="1:10" x14ac:dyDescent="0.35">
      <c r="A8399" s="5" t="s">
        <v>10</v>
      </c>
      <c r="B8399" s="6">
        <v>247328</v>
      </c>
      <c r="C8399" s="6" t="s">
        <v>11</v>
      </c>
      <c r="D8399" s="6" t="s">
        <v>334</v>
      </c>
      <c r="E8399" s="6">
        <v>25754</v>
      </c>
      <c r="F8399" s="6" t="s">
        <v>18</v>
      </c>
      <c r="G8399" s="6" t="s">
        <v>16854</v>
      </c>
      <c r="H8399" s="6" t="s">
        <v>16855</v>
      </c>
      <c r="I8399" s="7">
        <v>4.5847496999999997</v>
      </c>
      <c r="J8399" s="8">
        <v>-74.2193501</v>
      </c>
    </row>
    <row r="8400" spans="1:10" x14ac:dyDescent="0.35">
      <c r="A8400" s="5" t="s">
        <v>10</v>
      </c>
      <c r="B8400" s="6">
        <v>226066</v>
      </c>
      <c r="C8400" s="6" t="s">
        <v>11</v>
      </c>
      <c r="D8400" s="6" t="s">
        <v>221</v>
      </c>
      <c r="E8400" s="6">
        <v>25430</v>
      </c>
      <c r="F8400" s="6" t="s">
        <v>18</v>
      </c>
      <c r="G8400" s="6" t="s">
        <v>16856</v>
      </c>
      <c r="H8400" s="6" t="s">
        <v>16857</v>
      </c>
      <c r="I8400" s="7">
        <v>4.7384088999999996</v>
      </c>
      <c r="J8400" s="8">
        <v>-74.265600599999999</v>
      </c>
    </row>
    <row r="8401" spans="1:10" x14ac:dyDescent="0.35">
      <c r="A8401" s="5" t="s">
        <v>10</v>
      </c>
      <c r="B8401" s="6">
        <v>240943</v>
      </c>
      <c r="C8401" s="6" t="s">
        <v>117</v>
      </c>
      <c r="D8401" s="6" t="s">
        <v>3492</v>
      </c>
      <c r="E8401" s="6">
        <v>76520</v>
      </c>
      <c r="F8401" s="6" t="s">
        <v>18</v>
      </c>
      <c r="G8401" s="6" t="s">
        <v>16858</v>
      </c>
      <c r="H8401" s="6" t="s">
        <v>16859</v>
      </c>
      <c r="I8401" s="7">
        <v>3.4559313999999999</v>
      </c>
      <c r="J8401" s="8">
        <v>-76.469840700000006</v>
      </c>
    </row>
    <row r="8402" spans="1:10" x14ac:dyDescent="0.35">
      <c r="A8402" s="5" t="s">
        <v>10</v>
      </c>
      <c r="B8402" s="6">
        <v>230250</v>
      </c>
      <c r="C8402" s="6" t="s">
        <v>117</v>
      </c>
      <c r="D8402" s="6" t="s">
        <v>1334</v>
      </c>
      <c r="E8402" s="6">
        <v>76001</v>
      </c>
      <c r="F8402" s="6" t="s">
        <v>18</v>
      </c>
      <c r="G8402" s="6" t="s">
        <v>16860</v>
      </c>
      <c r="H8402" s="6" t="s">
        <v>16861</v>
      </c>
      <c r="I8402" s="7">
        <v>3.3450799999999998</v>
      </c>
      <c r="J8402" s="8">
        <v>-76.589299999999994</v>
      </c>
    </row>
    <row r="8403" spans="1:10" x14ac:dyDescent="0.35">
      <c r="A8403" s="5" t="s">
        <v>10</v>
      </c>
      <c r="B8403" s="6">
        <v>154925</v>
      </c>
      <c r="C8403" s="6" t="s">
        <v>190</v>
      </c>
      <c r="D8403" s="6" t="s">
        <v>4362</v>
      </c>
      <c r="E8403" s="6">
        <v>5360</v>
      </c>
      <c r="F8403" s="6" t="s">
        <v>18</v>
      </c>
      <c r="G8403" s="6" t="s">
        <v>16862</v>
      </c>
      <c r="H8403" s="6" t="s">
        <v>16863</v>
      </c>
      <c r="I8403" s="7">
        <v>6.1782784999999896</v>
      </c>
      <c r="J8403" s="8">
        <v>-75.612355999999906</v>
      </c>
    </row>
    <row r="8404" spans="1:10" x14ac:dyDescent="0.35">
      <c r="A8404" s="5" t="s">
        <v>10</v>
      </c>
      <c r="B8404" s="6">
        <v>240850</v>
      </c>
      <c r="C8404" s="6" t="s">
        <v>190</v>
      </c>
      <c r="D8404" s="6" t="s">
        <v>191</v>
      </c>
      <c r="E8404" s="6">
        <v>5001</v>
      </c>
      <c r="F8404" s="6" t="s">
        <v>18</v>
      </c>
      <c r="G8404" s="6" t="s">
        <v>16864</v>
      </c>
      <c r="H8404" s="6" t="s">
        <v>16865</v>
      </c>
      <c r="I8404" s="7">
        <v>6.3015007000000001</v>
      </c>
      <c r="J8404" s="8">
        <v>-75.578212600000001</v>
      </c>
    </row>
    <row r="8405" spans="1:10" x14ac:dyDescent="0.35">
      <c r="A8405" s="5" t="s">
        <v>10</v>
      </c>
      <c r="B8405" s="6">
        <v>231617</v>
      </c>
      <c r="C8405" s="6" t="s">
        <v>190</v>
      </c>
      <c r="D8405" s="6" t="s">
        <v>191</v>
      </c>
      <c r="E8405" s="6">
        <v>5001</v>
      </c>
      <c r="F8405" s="6" t="s">
        <v>18</v>
      </c>
      <c r="G8405" s="6" t="s">
        <v>16866</v>
      </c>
      <c r="H8405" s="6" t="s">
        <v>16867</v>
      </c>
      <c r="I8405" s="7">
        <v>6.2549831999999999</v>
      </c>
      <c r="J8405" s="8">
        <v>-75.566075699999999</v>
      </c>
    </row>
    <row r="8406" spans="1:10" x14ac:dyDescent="0.35">
      <c r="A8406" s="5" t="s">
        <v>10</v>
      </c>
      <c r="B8406" s="6">
        <v>201775</v>
      </c>
      <c r="C8406" s="6" t="s">
        <v>68</v>
      </c>
      <c r="D8406" s="6" t="s">
        <v>69</v>
      </c>
      <c r="E8406" s="6">
        <v>11001</v>
      </c>
      <c r="F8406" s="6" t="s">
        <v>18</v>
      </c>
      <c r="G8406" s="6" t="s">
        <v>16868</v>
      </c>
      <c r="H8406" s="6" t="s">
        <v>16869</v>
      </c>
      <c r="I8406" s="7">
        <v>4.7161268999999999</v>
      </c>
      <c r="J8406" s="8">
        <v>-74.140709299999997</v>
      </c>
    </row>
    <row r="8407" spans="1:10" x14ac:dyDescent="0.35">
      <c r="A8407" s="5" t="s">
        <v>10</v>
      </c>
      <c r="B8407" s="6">
        <v>242506</v>
      </c>
      <c r="C8407" s="6" t="s">
        <v>68</v>
      </c>
      <c r="D8407" s="6" t="s">
        <v>69</v>
      </c>
      <c r="E8407" s="6">
        <v>11001</v>
      </c>
      <c r="F8407" s="6" t="s">
        <v>18</v>
      </c>
      <c r="G8407" s="6" t="s">
        <v>16870</v>
      </c>
      <c r="H8407" s="6" t="s">
        <v>16871</v>
      </c>
      <c r="I8407" s="7">
        <v>4.5970176</v>
      </c>
      <c r="J8407" s="8">
        <v>-74.087457499999999</v>
      </c>
    </row>
    <row r="8408" spans="1:10" x14ac:dyDescent="0.35">
      <c r="A8408" s="5" t="s">
        <v>10</v>
      </c>
      <c r="B8408" s="6">
        <v>202764</v>
      </c>
      <c r="C8408" s="6" t="s">
        <v>68</v>
      </c>
      <c r="D8408" s="6" t="s">
        <v>69</v>
      </c>
      <c r="E8408" s="6">
        <v>11001</v>
      </c>
      <c r="F8408" s="6" t="s">
        <v>18</v>
      </c>
      <c r="G8408" s="6" t="s">
        <v>16872</v>
      </c>
      <c r="H8408" s="6" t="s">
        <v>16873</v>
      </c>
      <c r="I8408" s="7">
        <v>4.7310243999999999</v>
      </c>
      <c r="J8408" s="8">
        <v>-74.1047887</v>
      </c>
    </row>
    <row r="8409" spans="1:10" x14ac:dyDescent="0.35">
      <c r="A8409" s="5" t="s">
        <v>10</v>
      </c>
      <c r="B8409" s="6">
        <v>230706</v>
      </c>
      <c r="C8409" s="6" t="s">
        <v>68</v>
      </c>
      <c r="D8409" s="6" t="s">
        <v>69</v>
      </c>
      <c r="E8409" s="6">
        <v>11001</v>
      </c>
      <c r="F8409" s="6" t="s">
        <v>18</v>
      </c>
      <c r="G8409" s="6" t="s">
        <v>16874</v>
      </c>
      <c r="H8409" s="6" t="s">
        <v>16875</v>
      </c>
      <c r="I8409" s="7">
        <v>4.4785059</v>
      </c>
      <c r="J8409" s="8">
        <v>-74.123320300000003</v>
      </c>
    </row>
    <row r="8410" spans="1:10" x14ac:dyDescent="0.35">
      <c r="A8410" s="5" t="s">
        <v>10</v>
      </c>
      <c r="B8410" s="6">
        <v>234242</v>
      </c>
      <c r="C8410" s="6" t="s">
        <v>68</v>
      </c>
      <c r="D8410" s="6" t="s">
        <v>69</v>
      </c>
      <c r="E8410" s="6">
        <v>11001</v>
      </c>
      <c r="F8410" s="6" t="s">
        <v>18</v>
      </c>
      <c r="G8410" s="6" t="s">
        <v>16876</v>
      </c>
      <c r="H8410" s="6" t="s">
        <v>16877</v>
      </c>
      <c r="I8410" s="7">
        <v>4.6335937999999999</v>
      </c>
      <c r="J8410" s="8">
        <v>-74.071748299999996</v>
      </c>
    </row>
    <row r="8411" spans="1:10" x14ac:dyDescent="0.35">
      <c r="A8411" s="5" t="s">
        <v>10</v>
      </c>
      <c r="B8411" s="6">
        <v>209981</v>
      </c>
      <c r="C8411" s="6" t="s">
        <v>68</v>
      </c>
      <c r="D8411" s="6" t="s">
        <v>69</v>
      </c>
      <c r="E8411" s="6">
        <v>11001</v>
      </c>
      <c r="F8411" s="6" t="s">
        <v>18</v>
      </c>
      <c r="G8411" s="6" t="s">
        <v>6526</v>
      </c>
      <c r="H8411" s="6" t="s">
        <v>16878</v>
      </c>
      <c r="I8411" s="7">
        <v>4.5854277000000003</v>
      </c>
      <c r="J8411" s="8">
        <v>-74.067322700000005</v>
      </c>
    </row>
    <row r="8412" spans="1:10" x14ac:dyDescent="0.35">
      <c r="A8412" s="5" t="s">
        <v>10</v>
      </c>
      <c r="B8412" s="6">
        <v>207198</v>
      </c>
      <c r="C8412" s="6" t="s">
        <v>28</v>
      </c>
      <c r="D8412" s="6" t="s">
        <v>29</v>
      </c>
      <c r="E8412" s="6">
        <v>54001</v>
      </c>
      <c r="F8412" s="6" t="s">
        <v>13</v>
      </c>
      <c r="G8412" s="6" t="s">
        <v>16879</v>
      </c>
      <c r="H8412" s="6" t="s">
        <v>16880</v>
      </c>
      <c r="I8412" s="7">
        <v>7.9145200000000004</v>
      </c>
      <c r="J8412" s="8">
        <v>-72.491626499999995</v>
      </c>
    </row>
    <row r="8413" spans="1:10" x14ac:dyDescent="0.35">
      <c r="A8413" s="5" t="s">
        <v>10</v>
      </c>
      <c r="B8413" s="6">
        <v>198587</v>
      </c>
      <c r="C8413" s="6" t="s">
        <v>551</v>
      </c>
      <c r="D8413" s="6" t="s">
        <v>4203</v>
      </c>
      <c r="E8413" s="6">
        <v>20228</v>
      </c>
      <c r="F8413" s="6" t="s">
        <v>13</v>
      </c>
      <c r="G8413" s="6" t="s">
        <v>16881</v>
      </c>
      <c r="H8413" s="6" t="s">
        <v>16882</v>
      </c>
      <c r="I8413" s="7">
        <v>9.2000426999999991</v>
      </c>
      <c r="J8413" s="8">
        <v>-73.540940399999997</v>
      </c>
    </row>
    <row r="8414" spans="1:10" x14ac:dyDescent="0.35">
      <c r="A8414" s="5" t="s">
        <v>10</v>
      </c>
      <c r="B8414" s="6">
        <v>241015</v>
      </c>
      <c r="C8414" s="6" t="s">
        <v>117</v>
      </c>
      <c r="D8414" s="6" t="s">
        <v>1334</v>
      </c>
      <c r="E8414" s="6">
        <v>76001</v>
      </c>
      <c r="F8414" s="6" t="s">
        <v>18</v>
      </c>
      <c r="G8414" s="6" t="s">
        <v>16883</v>
      </c>
      <c r="H8414" s="6" t="s">
        <v>16884</v>
      </c>
      <c r="I8414" s="7">
        <v>3.4145588999999998</v>
      </c>
      <c r="J8414" s="8">
        <v>-76.547336599999994</v>
      </c>
    </row>
    <row r="8415" spans="1:10" x14ac:dyDescent="0.35">
      <c r="A8415" s="5" t="s">
        <v>10</v>
      </c>
      <c r="B8415" s="6">
        <v>132913</v>
      </c>
      <c r="C8415" s="6" t="s">
        <v>190</v>
      </c>
      <c r="D8415" s="6" t="s">
        <v>14386</v>
      </c>
      <c r="E8415" s="6">
        <v>5390</v>
      </c>
      <c r="F8415" s="6" t="s">
        <v>18</v>
      </c>
      <c r="G8415" s="6" t="s">
        <v>16885</v>
      </c>
      <c r="H8415" s="6" t="s">
        <v>16886</v>
      </c>
      <c r="I8415" s="7">
        <v>5.7469419999999998</v>
      </c>
      <c r="J8415" s="8">
        <v>-75.606403</v>
      </c>
    </row>
    <row r="8416" spans="1:10" x14ac:dyDescent="0.35">
      <c r="A8416" s="5" t="s">
        <v>10</v>
      </c>
      <c r="B8416" s="6">
        <v>218009</v>
      </c>
      <c r="C8416" s="6" t="s">
        <v>190</v>
      </c>
      <c r="D8416" s="6" t="s">
        <v>191</v>
      </c>
      <c r="E8416" s="6">
        <v>5001</v>
      </c>
      <c r="F8416" s="6" t="s">
        <v>18</v>
      </c>
      <c r="G8416" s="6" t="s">
        <v>16887</v>
      </c>
      <c r="H8416" s="6" t="s">
        <v>16888</v>
      </c>
      <c r="I8416" s="7">
        <v>6.2912034999999999</v>
      </c>
      <c r="J8416" s="8">
        <v>-75.551735500000007</v>
      </c>
    </row>
    <row r="8417" spans="1:10" x14ac:dyDescent="0.35">
      <c r="A8417" s="5" t="s">
        <v>10</v>
      </c>
      <c r="B8417" s="6">
        <v>208049</v>
      </c>
      <c r="C8417" s="6" t="s">
        <v>68</v>
      </c>
      <c r="D8417" s="6" t="s">
        <v>69</v>
      </c>
      <c r="E8417" s="6">
        <v>11001</v>
      </c>
      <c r="F8417" s="6" t="s">
        <v>18</v>
      </c>
      <c r="G8417" s="6" t="s">
        <v>16889</v>
      </c>
      <c r="H8417" s="6" t="s">
        <v>16890</v>
      </c>
      <c r="I8417" s="7">
        <v>4.6377264</v>
      </c>
      <c r="J8417" s="8">
        <v>-74.189644599999994</v>
      </c>
    </row>
    <row r="8418" spans="1:10" x14ac:dyDescent="0.35">
      <c r="A8418" s="5" t="s">
        <v>10</v>
      </c>
      <c r="B8418" s="6">
        <v>233991</v>
      </c>
      <c r="C8418" s="6" t="s">
        <v>68</v>
      </c>
      <c r="D8418" s="6" t="s">
        <v>69</v>
      </c>
      <c r="E8418" s="6">
        <v>11001</v>
      </c>
      <c r="F8418" s="6" t="s">
        <v>18</v>
      </c>
      <c r="G8418" s="6" t="s">
        <v>16891</v>
      </c>
      <c r="H8418" s="6" t="s">
        <v>16892</v>
      </c>
      <c r="I8418" s="7">
        <v>4.6274436000000003</v>
      </c>
      <c r="J8418" s="8">
        <v>-74.188283499999997</v>
      </c>
    </row>
    <row r="8419" spans="1:10" x14ac:dyDescent="0.35">
      <c r="A8419" s="5" t="s">
        <v>10</v>
      </c>
      <c r="B8419" s="6">
        <v>227657</v>
      </c>
      <c r="C8419" s="6" t="s">
        <v>68</v>
      </c>
      <c r="D8419" s="6" t="s">
        <v>69</v>
      </c>
      <c r="E8419" s="6">
        <v>11001</v>
      </c>
      <c r="F8419" s="6" t="s">
        <v>18</v>
      </c>
      <c r="G8419" s="6" t="s">
        <v>16893</v>
      </c>
      <c r="H8419" s="6" t="s">
        <v>16894</v>
      </c>
      <c r="I8419" s="7">
        <v>4.5116673999999897</v>
      </c>
      <c r="J8419" s="8">
        <v>-74.116250499999893</v>
      </c>
    </row>
    <row r="8420" spans="1:10" x14ac:dyDescent="0.35">
      <c r="A8420" s="5" t="s">
        <v>10</v>
      </c>
      <c r="B8420" s="6">
        <v>214958</v>
      </c>
      <c r="C8420" s="6" t="s">
        <v>68</v>
      </c>
      <c r="D8420" s="6" t="s">
        <v>69</v>
      </c>
      <c r="E8420" s="6">
        <v>11001</v>
      </c>
      <c r="F8420" s="6" t="s">
        <v>18</v>
      </c>
      <c r="G8420" s="6" t="s">
        <v>16895</v>
      </c>
      <c r="H8420" s="6" t="s">
        <v>16896</v>
      </c>
      <c r="I8420" s="7">
        <v>4.7048046000000001</v>
      </c>
      <c r="J8420" s="8">
        <v>-74.108741100000003</v>
      </c>
    </row>
    <row r="8421" spans="1:10" x14ac:dyDescent="0.35">
      <c r="A8421" s="5" t="s">
        <v>10</v>
      </c>
      <c r="B8421" s="6">
        <v>171112</v>
      </c>
      <c r="C8421" s="6" t="s">
        <v>190</v>
      </c>
      <c r="D8421" s="6" t="s">
        <v>16897</v>
      </c>
      <c r="E8421" s="6">
        <v>5364</v>
      </c>
      <c r="F8421" s="6" t="s">
        <v>18</v>
      </c>
      <c r="G8421" s="6" t="s">
        <v>16898</v>
      </c>
      <c r="H8421" s="6" t="s">
        <v>16899</v>
      </c>
      <c r="I8421" s="7">
        <v>5.5988131999999897</v>
      </c>
      <c r="J8421" s="8">
        <v>-75.819817200000003</v>
      </c>
    </row>
    <row r="8422" spans="1:10" x14ac:dyDescent="0.35">
      <c r="A8422" s="5" t="s">
        <v>10</v>
      </c>
      <c r="B8422" s="6">
        <v>188681</v>
      </c>
      <c r="C8422" s="6" t="s">
        <v>28</v>
      </c>
      <c r="D8422" s="6" t="s">
        <v>29</v>
      </c>
      <c r="E8422" s="6">
        <v>54001</v>
      </c>
      <c r="F8422" s="6" t="s">
        <v>13</v>
      </c>
      <c r="G8422" s="6" t="s">
        <v>16900</v>
      </c>
      <c r="H8422" s="6" t="s">
        <v>16901</v>
      </c>
      <c r="I8422" s="7">
        <v>7.8865049000000003</v>
      </c>
      <c r="J8422" s="8">
        <v>-72.473986999999994</v>
      </c>
    </row>
    <row r="8423" spans="1:10" x14ac:dyDescent="0.35">
      <c r="A8423" s="5" t="s">
        <v>10</v>
      </c>
      <c r="B8423" s="6">
        <v>237430</v>
      </c>
      <c r="C8423" s="6" t="s">
        <v>466</v>
      </c>
      <c r="D8423" s="6" t="s">
        <v>1262</v>
      </c>
      <c r="E8423" s="6">
        <v>81001</v>
      </c>
      <c r="F8423" s="6" t="s">
        <v>13</v>
      </c>
      <c r="G8423" s="6" t="s">
        <v>16902</v>
      </c>
      <c r="H8423" s="6" t="s">
        <v>16903</v>
      </c>
      <c r="I8423" s="7">
        <v>6.7801280999999998</v>
      </c>
      <c r="J8423" s="8">
        <v>-70.716846899999993</v>
      </c>
    </row>
    <row r="8424" spans="1:10" x14ac:dyDescent="0.35">
      <c r="A8424" s="5" t="s">
        <v>10</v>
      </c>
      <c r="B8424" s="6">
        <v>188680</v>
      </c>
      <c r="C8424" s="6" t="s">
        <v>28</v>
      </c>
      <c r="D8424" s="6" t="s">
        <v>29</v>
      </c>
      <c r="E8424" s="6">
        <v>54001</v>
      </c>
      <c r="F8424" s="6" t="s">
        <v>13</v>
      </c>
      <c r="G8424" s="6" t="s">
        <v>16904</v>
      </c>
      <c r="H8424" s="6" t="s">
        <v>16905</v>
      </c>
      <c r="I8424" s="7">
        <v>7.8141870000000004</v>
      </c>
      <c r="J8424" s="8">
        <v>-72.516736600000002</v>
      </c>
    </row>
    <row r="8425" spans="1:10" x14ac:dyDescent="0.35">
      <c r="A8425" s="5" t="s">
        <v>10</v>
      </c>
      <c r="B8425" s="6">
        <v>240909</v>
      </c>
      <c r="C8425" s="6" t="s">
        <v>117</v>
      </c>
      <c r="D8425" s="6" t="s">
        <v>1334</v>
      </c>
      <c r="E8425" s="6">
        <v>76001</v>
      </c>
      <c r="F8425" s="6" t="s">
        <v>18</v>
      </c>
      <c r="G8425" s="6" t="s">
        <v>16906</v>
      </c>
      <c r="H8425" s="6" t="s">
        <v>16907</v>
      </c>
      <c r="I8425" s="7">
        <v>3.4784752999999999</v>
      </c>
      <c r="J8425" s="8">
        <v>-76.507574899999994</v>
      </c>
    </row>
    <row r="8426" spans="1:10" x14ac:dyDescent="0.35">
      <c r="A8426" s="5" t="s">
        <v>10</v>
      </c>
      <c r="B8426" s="6">
        <v>241057</v>
      </c>
      <c r="C8426" s="6" t="s">
        <v>117</v>
      </c>
      <c r="D8426" s="6" t="s">
        <v>1334</v>
      </c>
      <c r="E8426" s="6">
        <v>76001</v>
      </c>
      <c r="F8426" s="6" t="s">
        <v>18</v>
      </c>
      <c r="G8426" s="6" t="s">
        <v>16908</v>
      </c>
      <c r="H8426" s="6" t="s">
        <v>16909</v>
      </c>
      <c r="I8426" s="7">
        <v>3.4973372</v>
      </c>
      <c r="J8426" s="8">
        <v>-76.491759400000007</v>
      </c>
    </row>
    <row r="8427" spans="1:10" x14ac:dyDescent="0.35">
      <c r="A8427" s="5" t="s">
        <v>10</v>
      </c>
      <c r="B8427" s="6">
        <v>241159</v>
      </c>
      <c r="C8427" s="6" t="s">
        <v>117</v>
      </c>
      <c r="D8427" s="6" t="s">
        <v>1334</v>
      </c>
      <c r="E8427" s="6">
        <v>76001</v>
      </c>
      <c r="F8427" s="6" t="s">
        <v>18</v>
      </c>
      <c r="G8427" s="6" t="s">
        <v>16910</v>
      </c>
      <c r="H8427" s="6" t="s">
        <v>16911</v>
      </c>
      <c r="I8427" s="7">
        <v>3.4663599999999999</v>
      </c>
      <c r="J8427" s="8">
        <v>-76.488008500000007</v>
      </c>
    </row>
    <row r="8428" spans="1:10" x14ac:dyDescent="0.35">
      <c r="A8428" s="5" t="s">
        <v>10</v>
      </c>
      <c r="B8428" s="6">
        <v>111606</v>
      </c>
      <c r="C8428" s="6" t="s">
        <v>190</v>
      </c>
      <c r="D8428" s="6" t="s">
        <v>12131</v>
      </c>
      <c r="E8428" s="6">
        <v>5837</v>
      </c>
      <c r="F8428" s="6" t="s">
        <v>18</v>
      </c>
      <c r="G8428" s="6" t="s">
        <v>16912</v>
      </c>
      <c r="H8428" s="6" t="s">
        <v>16913</v>
      </c>
      <c r="I8428" s="7">
        <v>8.0991721999999999</v>
      </c>
      <c r="J8428" s="8">
        <v>-76.721839199999906</v>
      </c>
    </row>
    <row r="8429" spans="1:10" x14ac:dyDescent="0.35">
      <c r="A8429" s="5" t="s">
        <v>10</v>
      </c>
      <c r="B8429" s="6">
        <v>203826</v>
      </c>
      <c r="C8429" s="6" t="s">
        <v>190</v>
      </c>
      <c r="D8429" s="6" t="s">
        <v>16914</v>
      </c>
      <c r="E8429" s="6">
        <v>5756</v>
      </c>
      <c r="F8429" s="6" t="s">
        <v>18</v>
      </c>
      <c r="G8429" s="6" t="s">
        <v>16915</v>
      </c>
      <c r="H8429" s="6" t="s">
        <v>16916</v>
      </c>
      <c r="I8429" s="7">
        <v>5.712002</v>
      </c>
      <c r="J8429" s="8">
        <v>-75.309798000000001</v>
      </c>
    </row>
    <row r="8430" spans="1:10" x14ac:dyDescent="0.35">
      <c r="A8430" s="5" t="s">
        <v>10</v>
      </c>
      <c r="B8430" s="6">
        <v>213668</v>
      </c>
      <c r="C8430" s="6" t="s">
        <v>190</v>
      </c>
      <c r="D8430" s="6" t="s">
        <v>16917</v>
      </c>
      <c r="E8430" s="6">
        <v>5858</v>
      </c>
      <c r="F8430" s="6" t="s">
        <v>18</v>
      </c>
      <c r="G8430" s="6" t="s">
        <v>16918</v>
      </c>
      <c r="H8430" s="6" t="s">
        <v>16919</v>
      </c>
      <c r="I8430" s="7">
        <v>6.7716573999999996</v>
      </c>
      <c r="J8430" s="8">
        <v>-74.798553099999907</v>
      </c>
    </row>
    <row r="8431" spans="1:10" x14ac:dyDescent="0.35">
      <c r="A8431" s="5" t="s">
        <v>10</v>
      </c>
      <c r="B8431" s="6">
        <v>240804</v>
      </c>
      <c r="C8431" s="6" t="s">
        <v>190</v>
      </c>
      <c r="D8431" s="6" t="s">
        <v>4063</v>
      </c>
      <c r="E8431" s="6">
        <v>5088</v>
      </c>
      <c r="F8431" s="6" t="s">
        <v>18</v>
      </c>
      <c r="G8431" s="6" t="s">
        <v>16920</v>
      </c>
      <c r="H8431" s="6" t="s">
        <v>16921</v>
      </c>
      <c r="I8431" s="7">
        <v>6.3160318999999996</v>
      </c>
      <c r="J8431" s="8">
        <v>-75.560575099999994</v>
      </c>
    </row>
    <row r="8432" spans="1:10" x14ac:dyDescent="0.35">
      <c r="A8432" s="5" t="s">
        <v>10</v>
      </c>
      <c r="B8432" s="6">
        <v>242047</v>
      </c>
      <c r="C8432" s="6" t="s">
        <v>68</v>
      </c>
      <c r="D8432" s="6" t="s">
        <v>69</v>
      </c>
      <c r="E8432" s="6">
        <v>11001</v>
      </c>
      <c r="F8432" s="6" t="s">
        <v>18</v>
      </c>
      <c r="G8432" s="6" t="s">
        <v>16922</v>
      </c>
      <c r="H8432" s="6" t="s">
        <v>16923</v>
      </c>
      <c r="I8432" s="7">
        <v>4.5944763000000002</v>
      </c>
      <c r="J8432" s="8">
        <v>-74.097354100000004</v>
      </c>
    </row>
    <row r="8433" spans="1:10" x14ac:dyDescent="0.35">
      <c r="A8433" s="5" t="s">
        <v>10</v>
      </c>
      <c r="B8433" s="6">
        <v>244773</v>
      </c>
      <c r="C8433" s="6" t="s">
        <v>68</v>
      </c>
      <c r="D8433" s="6" t="s">
        <v>69</v>
      </c>
      <c r="E8433" s="6">
        <v>11001</v>
      </c>
      <c r="F8433" s="6" t="s">
        <v>18</v>
      </c>
      <c r="G8433" s="6" t="s">
        <v>16924</v>
      </c>
      <c r="H8433" s="6" t="s">
        <v>16925</v>
      </c>
      <c r="I8433" s="7">
        <v>4.6807945000000002</v>
      </c>
      <c r="J8433" s="8">
        <v>-74.082468599999999</v>
      </c>
    </row>
    <row r="8434" spans="1:10" x14ac:dyDescent="0.35">
      <c r="A8434" s="5" t="s">
        <v>10</v>
      </c>
      <c r="B8434" s="6">
        <v>246003</v>
      </c>
      <c r="C8434" s="6" t="s">
        <v>68</v>
      </c>
      <c r="D8434" s="6" t="s">
        <v>69</v>
      </c>
      <c r="E8434" s="6">
        <v>11001</v>
      </c>
      <c r="F8434" s="6" t="s">
        <v>18</v>
      </c>
      <c r="G8434" s="6" t="s">
        <v>16926</v>
      </c>
      <c r="H8434" s="6" t="s">
        <v>16927</v>
      </c>
      <c r="I8434" s="7">
        <v>4.49674</v>
      </c>
      <c r="J8434" s="8">
        <v>-74.114265000000003</v>
      </c>
    </row>
    <row r="8435" spans="1:10" x14ac:dyDescent="0.35">
      <c r="A8435" s="5" t="s">
        <v>10</v>
      </c>
      <c r="B8435" s="6">
        <v>209912</v>
      </c>
      <c r="C8435" s="6" t="s">
        <v>68</v>
      </c>
      <c r="D8435" s="6" t="s">
        <v>69</v>
      </c>
      <c r="E8435" s="6">
        <v>11001</v>
      </c>
      <c r="F8435" s="6" t="s">
        <v>18</v>
      </c>
      <c r="G8435" s="6" t="s">
        <v>16928</v>
      </c>
      <c r="H8435" s="6" t="s">
        <v>16929</v>
      </c>
      <c r="I8435" s="7">
        <v>4.7062473999999996</v>
      </c>
      <c r="J8435" s="8">
        <v>-74.131434900000002</v>
      </c>
    </row>
    <row r="8436" spans="1:10" x14ac:dyDescent="0.35">
      <c r="A8436" s="5" t="s">
        <v>10</v>
      </c>
      <c r="B8436" s="6">
        <v>208338</v>
      </c>
      <c r="C8436" s="6" t="s">
        <v>68</v>
      </c>
      <c r="D8436" s="6" t="s">
        <v>69</v>
      </c>
      <c r="E8436" s="6">
        <v>11001</v>
      </c>
      <c r="F8436" s="6" t="s">
        <v>18</v>
      </c>
      <c r="G8436" s="6" t="s">
        <v>16930</v>
      </c>
      <c r="H8436" s="6" t="s">
        <v>16931</v>
      </c>
      <c r="I8436" s="7">
        <v>4.6073561999999999</v>
      </c>
      <c r="J8436" s="8">
        <v>-74.185658699999905</v>
      </c>
    </row>
    <row r="8437" spans="1:10" x14ac:dyDescent="0.35">
      <c r="A8437" s="5" t="s">
        <v>10</v>
      </c>
      <c r="B8437" s="6">
        <v>225129</v>
      </c>
      <c r="C8437" s="6" t="s">
        <v>11</v>
      </c>
      <c r="D8437" s="6" t="s">
        <v>337</v>
      </c>
      <c r="E8437" s="6">
        <v>25290</v>
      </c>
      <c r="F8437" s="6" t="s">
        <v>13</v>
      </c>
      <c r="G8437" s="6" t="s">
        <v>16932</v>
      </c>
      <c r="H8437" s="6" t="s">
        <v>16933</v>
      </c>
      <c r="I8437" s="7">
        <v>4.3487513</v>
      </c>
      <c r="J8437" s="8">
        <v>-74.362867499999993</v>
      </c>
    </row>
    <row r="8438" spans="1:10" x14ac:dyDescent="0.35">
      <c r="A8438" s="5" t="s">
        <v>10</v>
      </c>
      <c r="B8438" s="6">
        <v>227255</v>
      </c>
      <c r="C8438" s="6" t="s">
        <v>308</v>
      </c>
      <c r="D8438" s="6" t="s">
        <v>309</v>
      </c>
      <c r="E8438" s="6">
        <v>23001</v>
      </c>
      <c r="F8438" s="6" t="s">
        <v>13</v>
      </c>
      <c r="G8438" s="6" t="s">
        <v>16934</v>
      </c>
      <c r="H8438" s="6" t="s">
        <v>16935</v>
      </c>
      <c r="I8438" s="7">
        <v>8.6979693000000005</v>
      </c>
      <c r="J8438" s="8">
        <v>-75.820292899999998</v>
      </c>
    </row>
    <row r="8439" spans="1:10" x14ac:dyDescent="0.35">
      <c r="A8439" s="5" t="s">
        <v>10</v>
      </c>
      <c r="B8439" s="6">
        <v>240939</v>
      </c>
      <c r="C8439" s="6" t="s">
        <v>117</v>
      </c>
      <c r="D8439" s="6" t="s">
        <v>3402</v>
      </c>
      <c r="E8439" s="6">
        <v>76364</v>
      </c>
      <c r="F8439" s="6" t="s">
        <v>18</v>
      </c>
      <c r="G8439" s="6" t="s">
        <v>16936</v>
      </c>
      <c r="H8439" s="6" t="s">
        <v>16937</v>
      </c>
      <c r="I8439" s="7">
        <v>3.2508913000000002</v>
      </c>
      <c r="J8439" s="8">
        <v>-76.535980300000006</v>
      </c>
    </row>
    <row r="8440" spans="1:10" x14ac:dyDescent="0.35">
      <c r="A8440" s="5" t="s">
        <v>10</v>
      </c>
      <c r="B8440" s="6">
        <v>229960</v>
      </c>
      <c r="C8440" s="6" t="s">
        <v>117</v>
      </c>
      <c r="D8440" s="6" t="s">
        <v>13749</v>
      </c>
      <c r="E8440" s="6">
        <v>76869</v>
      </c>
      <c r="F8440" s="6" t="s">
        <v>18</v>
      </c>
      <c r="G8440" s="6" t="s">
        <v>16938</v>
      </c>
      <c r="H8440" s="6" t="s">
        <v>16939</v>
      </c>
      <c r="I8440" s="7">
        <v>3.4508961999999999</v>
      </c>
      <c r="J8440" s="8">
        <v>-76.535032000000001</v>
      </c>
    </row>
    <row r="8441" spans="1:10" x14ac:dyDescent="0.35">
      <c r="A8441" s="5" t="s">
        <v>10</v>
      </c>
      <c r="B8441" s="6">
        <v>242269</v>
      </c>
      <c r="C8441" s="6" t="s">
        <v>68</v>
      </c>
      <c r="D8441" s="6" t="s">
        <v>69</v>
      </c>
      <c r="E8441" s="6">
        <v>11001</v>
      </c>
      <c r="F8441" s="6" t="s">
        <v>18</v>
      </c>
      <c r="G8441" s="6" t="s">
        <v>16940</v>
      </c>
      <c r="H8441" s="6" t="s">
        <v>16941</v>
      </c>
      <c r="I8441" s="7">
        <v>4.6595081</v>
      </c>
      <c r="J8441" s="8">
        <v>-74.108396499999998</v>
      </c>
    </row>
    <row r="8442" spans="1:10" x14ac:dyDescent="0.35">
      <c r="A8442" s="5" t="s">
        <v>10</v>
      </c>
      <c r="B8442" s="6">
        <v>211773</v>
      </c>
      <c r="C8442" s="6" t="s">
        <v>68</v>
      </c>
      <c r="D8442" s="6" t="s">
        <v>69</v>
      </c>
      <c r="E8442" s="6">
        <v>11001</v>
      </c>
      <c r="F8442" s="6" t="s">
        <v>18</v>
      </c>
      <c r="G8442" s="6" t="s">
        <v>16942</v>
      </c>
      <c r="H8442" s="6" t="s">
        <v>16943</v>
      </c>
      <c r="I8442" s="7">
        <v>4.6069350999999896</v>
      </c>
      <c r="J8442" s="8">
        <v>-74.198644599999994</v>
      </c>
    </row>
    <row r="8443" spans="1:10" x14ac:dyDescent="0.35">
      <c r="A8443" s="5" t="s">
        <v>10</v>
      </c>
      <c r="B8443" s="6">
        <v>244035</v>
      </c>
      <c r="C8443" s="6" t="s">
        <v>68</v>
      </c>
      <c r="D8443" s="6" t="s">
        <v>69</v>
      </c>
      <c r="E8443" s="6">
        <v>11001</v>
      </c>
      <c r="F8443" s="6" t="s">
        <v>18</v>
      </c>
      <c r="G8443" s="6" t="s">
        <v>16944</v>
      </c>
      <c r="H8443" s="6" t="s">
        <v>16945</v>
      </c>
      <c r="I8443" s="7">
        <v>4.5504382000000003</v>
      </c>
      <c r="J8443" s="8">
        <v>-74.146846600000003</v>
      </c>
    </row>
    <row r="8444" spans="1:10" x14ac:dyDescent="0.35">
      <c r="A8444" s="5" t="s">
        <v>10</v>
      </c>
      <c r="B8444" s="6">
        <v>187091</v>
      </c>
      <c r="C8444" s="6" t="s">
        <v>68</v>
      </c>
      <c r="D8444" s="6" t="s">
        <v>69</v>
      </c>
      <c r="E8444" s="6">
        <v>11001</v>
      </c>
      <c r="F8444" s="6" t="s">
        <v>18</v>
      </c>
      <c r="G8444" s="6" t="s">
        <v>16946</v>
      </c>
      <c r="H8444" s="6" t="s">
        <v>16947</v>
      </c>
      <c r="I8444" s="7">
        <v>4.6152829999999998</v>
      </c>
      <c r="J8444" s="8">
        <v>-74.089491799999905</v>
      </c>
    </row>
    <row r="8445" spans="1:10" x14ac:dyDescent="0.35">
      <c r="A8445" s="5" t="s">
        <v>10</v>
      </c>
      <c r="B8445" s="6">
        <v>247242</v>
      </c>
      <c r="C8445" s="6" t="s">
        <v>68</v>
      </c>
      <c r="D8445" s="6" t="s">
        <v>69</v>
      </c>
      <c r="E8445" s="6">
        <v>11001</v>
      </c>
      <c r="F8445" s="6" t="s">
        <v>18</v>
      </c>
      <c r="G8445" s="6" t="s">
        <v>16948</v>
      </c>
      <c r="H8445" s="6" t="s">
        <v>16949</v>
      </c>
      <c r="I8445" s="7">
        <v>4.5315864000000001</v>
      </c>
      <c r="J8445" s="8">
        <v>-74.149401900000001</v>
      </c>
    </row>
    <row r="8446" spans="1:10" x14ac:dyDescent="0.35">
      <c r="A8446" s="5" t="s">
        <v>10</v>
      </c>
      <c r="B8446" s="6">
        <v>246195</v>
      </c>
      <c r="C8446" s="6" t="s">
        <v>68</v>
      </c>
      <c r="D8446" s="6" t="s">
        <v>69</v>
      </c>
      <c r="E8446" s="6">
        <v>11001</v>
      </c>
      <c r="F8446" s="6" t="s">
        <v>18</v>
      </c>
      <c r="G8446" s="6" t="s">
        <v>16950</v>
      </c>
      <c r="H8446" s="6" t="s">
        <v>16951</v>
      </c>
      <c r="I8446" s="7">
        <v>4.6035515</v>
      </c>
      <c r="J8446" s="8">
        <v>-74.139151900000002</v>
      </c>
    </row>
    <row r="8447" spans="1:10" x14ac:dyDescent="0.35">
      <c r="A8447" s="5" t="s">
        <v>10</v>
      </c>
      <c r="B8447" s="6">
        <v>211242</v>
      </c>
      <c r="C8447" s="6" t="s">
        <v>308</v>
      </c>
      <c r="D8447" s="6" t="s">
        <v>309</v>
      </c>
      <c r="E8447" s="6">
        <v>23001</v>
      </c>
      <c r="F8447" s="6" t="s">
        <v>13</v>
      </c>
      <c r="G8447" s="6" t="s">
        <v>16952</v>
      </c>
      <c r="H8447" s="6" t="s">
        <v>16953</v>
      </c>
      <c r="I8447" s="7">
        <v>8.7603723999999996</v>
      </c>
      <c r="J8447" s="8">
        <v>-75.899419699999996</v>
      </c>
    </row>
    <row r="8448" spans="1:10" x14ac:dyDescent="0.35">
      <c r="A8448" s="5" t="s">
        <v>10</v>
      </c>
      <c r="B8448" s="6">
        <v>247157</v>
      </c>
      <c r="C8448" s="6" t="s">
        <v>294</v>
      </c>
      <c r="D8448" s="6" t="s">
        <v>3133</v>
      </c>
      <c r="E8448" s="6">
        <v>41483</v>
      </c>
      <c r="F8448" s="6" t="s">
        <v>13</v>
      </c>
      <c r="G8448" s="6" t="s">
        <v>16954</v>
      </c>
      <c r="H8448" s="6" t="s">
        <v>16955</v>
      </c>
      <c r="I8448" s="7">
        <v>2.5446209999999998</v>
      </c>
      <c r="J8448" s="8">
        <v>-75.808940800000002</v>
      </c>
    </row>
    <row r="8449" spans="1:10" x14ac:dyDescent="0.35">
      <c r="A8449" s="5" t="s">
        <v>10</v>
      </c>
      <c r="B8449" s="6">
        <v>229919</v>
      </c>
      <c r="C8449" s="6" t="s">
        <v>117</v>
      </c>
      <c r="D8449" s="6" t="s">
        <v>1334</v>
      </c>
      <c r="E8449" s="6">
        <v>76001</v>
      </c>
      <c r="F8449" s="6" t="s">
        <v>18</v>
      </c>
      <c r="G8449" s="6" t="s">
        <v>16956</v>
      </c>
      <c r="H8449" s="6" t="s">
        <v>16957</v>
      </c>
      <c r="I8449" s="7">
        <v>3.4393541999999999</v>
      </c>
      <c r="J8449" s="8">
        <v>-76.512909399999998</v>
      </c>
    </row>
    <row r="8450" spans="1:10" x14ac:dyDescent="0.35">
      <c r="A8450" s="5" t="s">
        <v>10</v>
      </c>
      <c r="B8450" s="6">
        <v>240967</v>
      </c>
      <c r="C8450" s="6" t="s">
        <v>117</v>
      </c>
      <c r="D8450" s="6" t="s">
        <v>1334</v>
      </c>
      <c r="E8450" s="6">
        <v>76001</v>
      </c>
      <c r="F8450" s="6" t="s">
        <v>18</v>
      </c>
      <c r="G8450" s="6" t="s">
        <v>16958</v>
      </c>
      <c r="H8450" s="6" t="s">
        <v>16959</v>
      </c>
      <c r="I8450" s="7">
        <v>3.4376975000000001</v>
      </c>
      <c r="J8450" s="8">
        <v>-76.525958099999997</v>
      </c>
    </row>
    <row r="8451" spans="1:10" x14ac:dyDescent="0.35">
      <c r="A8451" s="5" t="s">
        <v>10</v>
      </c>
      <c r="B8451" s="6">
        <v>154941</v>
      </c>
      <c r="C8451" s="6" t="s">
        <v>190</v>
      </c>
      <c r="D8451" s="6" t="s">
        <v>191</v>
      </c>
      <c r="E8451" s="6">
        <v>5001</v>
      </c>
      <c r="F8451" s="6" t="s">
        <v>18</v>
      </c>
      <c r="G8451" s="6" t="s">
        <v>16960</v>
      </c>
      <c r="H8451" s="6" t="s">
        <v>16961</v>
      </c>
      <c r="I8451" s="7">
        <v>6.3092790000000001</v>
      </c>
      <c r="J8451" s="8">
        <v>-75.571867999999995</v>
      </c>
    </row>
    <row r="8452" spans="1:10" x14ac:dyDescent="0.35">
      <c r="A8452" s="5" t="s">
        <v>10</v>
      </c>
      <c r="B8452" s="6">
        <v>216434</v>
      </c>
      <c r="C8452" s="6" t="s">
        <v>68</v>
      </c>
      <c r="D8452" s="6" t="s">
        <v>69</v>
      </c>
      <c r="E8452" s="6">
        <v>11001</v>
      </c>
      <c r="F8452" s="6" t="s">
        <v>18</v>
      </c>
      <c r="G8452" s="6" t="s">
        <v>16962</v>
      </c>
      <c r="H8452" s="6" t="s">
        <v>16963</v>
      </c>
      <c r="I8452" s="7">
        <v>4.5440937999999997</v>
      </c>
      <c r="J8452" s="8">
        <v>-74.089586800000006</v>
      </c>
    </row>
    <row r="8453" spans="1:10" x14ac:dyDescent="0.35">
      <c r="A8453" s="5" t="s">
        <v>10</v>
      </c>
      <c r="B8453" s="6">
        <v>192703</v>
      </c>
      <c r="C8453" s="6" t="s">
        <v>68</v>
      </c>
      <c r="D8453" s="6" t="s">
        <v>69</v>
      </c>
      <c r="E8453" s="6">
        <v>11001</v>
      </c>
      <c r="F8453" s="6" t="s">
        <v>18</v>
      </c>
      <c r="G8453" s="6" t="s">
        <v>16964</v>
      </c>
      <c r="H8453" s="6" t="s">
        <v>16965</v>
      </c>
      <c r="I8453" s="7">
        <v>4.7442416999999999</v>
      </c>
      <c r="J8453" s="8">
        <v>-74.1095519</v>
      </c>
    </row>
    <row r="8454" spans="1:10" x14ac:dyDescent="0.35">
      <c r="A8454" s="5" t="s">
        <v>10</v>
      </c>
      <c r="B8454" s="6">
        <v>204368</v>
      </c>
      <c r="C8454" s="6" t="s">
        <v>68</v>
      </c>
      <c r="D8454" s="6" t="s">
        <v>69</v>
      </c>
      <c r="E8454" s="6">
        <v>11001</v>
      </c>
      <c r="F8454" s="6" t="s">
        <v>18</v>
      </c>
      <c r="G8454" s="6" t="s">
        <v>16966</v>
      </c>
      <c r="H8454" s="6" t="s">
        <v>16967</v>
      </c>
      <c r="I8454" s="7">
        <v>4.6177947000000001</v>
      </c>
      <c r="J8454" s="8">
        <v>-74.081672699999999</v>
      </c>
    </row>
    <row r="8455" spans="1:10" x14ac:dyDescent="0.35">
      <c r="A8455" s="5" t="s">
        <v>10</v>
      </c>
      <c r="B8455" s="6">
        <v>236304</v>
      </c>
      <c r="C8455" s="6" t="s">
        <v>68</v>
      </c>
      <c r="D8455" s="6" t="s">
        <v>69</v>
      </c>
      <c r="E8455" s="6">
        <v>11001</v>
      </c>
      <c r="F8455" s="6" t="s">
        <v>18</v>
      </c>
      <c r="G8455" s="6" t="s">
        <v>16968</v>
      </c>
      <c r="H8455" s="6" t="s">
        <v>16969</v>
      </c>
      <c r="I8455" s="7">
        <v>4.6792826999999999</v>
      </c>
      <c r="J8455" s="8">
        <v>-74.142205899999993</v>
      </c>
    </row>
    <row r="8456" spans="1:10" x14ac:dyDescent="0.35">
      <c r="A8456" s="5" t="s">
        <v>10</v>
      </c>
      <c r="B8456" s="6">
        <v>239334</v>
      </c>
      <c r="C8456" s="6" t="s">
        <v>68</v>
      </c>
      <c r="D8456" s="6" t="s">
        <v>69</v>
      </c>
      <c r="E8456" s="6">
        <v>11001</v>
      </c>
      <c r="F8456" s="6" t="s">
        <v>18</v>
      </c>
      <c r="G8456" s="6" t="s">
        <v>16970</v>
      </c>
      <c r="H8456" s="6" t="s">
        <v>16971</v>
      </c>
      <c r="I8456" s="7">
        <v>4.5877692000000003</v>
      </c>
      <c r="J8456" s="8">
        <v>-74.110137600000002</v>
      </c>
    </row>
    <row r="8457" spans="1:10" x14ac:dyDescent="0.35">
      <c r="A8457" s="5" t="s">
        <v>10</v>
      </c>
      <c r="B8457" s="6">
        <v>240011</v>
      </c>
      <c r="C8457" s="6" t="s">
        <v>68</v>
      </c>
      <c r="D8457" s="6" t="s">
        <v>69</v>
      </c>
      <c r="E8457" s="6">
        <v>11001</v>
      </c>
      <c r="F8457" s="6" t="s">
        <v>18</v>
      </c>
      <c r="G8457" s="6" t="s">
        <v>16972</v>
      </c>
      <c r="H8457" s="6" t="s">
        <v>16973</v>
      </c>
      <c r="I8457" s="7">
        <v>4.5796583000000002</v>
      </c>
      <c r="J8457" s="8">
        <v>-74.097670100000002</v>
      </c>
    </row>
    <row r="8458" spans="1:10" x14ac:dyDescent="0.35">
      <c r="A8458" s="5" t="s">
        <v>10</v>
      </c>
      <c r="B8458" s="6">
        <v>246776</v>
      </c>
      <c r="C8458" s="6" t="s">
        <v>68</v>
      </c>
      <c r="D8458" s="6" t="s">
        <v>69</v>
      </c>
      <c r="E8458" s="6">
        <v>11001</v>
      </c>
      <c r="F8458" s="6" t="s">
        <v>18</v>
      </c>
      <c r="G8458" s="6" t="s">
        <v>16974</v>
      </c>
      <c r="H8458" s="6" t="s">
        <v>16975</v>
      </c>
      <c r="I8458" s="7">
        <v>4.5490765</v>
      </c>
      <c r="J8458" s="8">
        <v>-74.107269599999995</v>
      </c>
    </row>
    <row r="8459" spans="1:10" x14ac:dyDescent="0.35">
      <c r="A8459" s="5" t="s">
        <v>10</v>
      </c>
      <c r="B8459" s="6">
        <v>215979</v>
      </c>
      <c r="C8459" s="6" t="s">
        <v>11</v>
      </c>
      <c r="D8459" s="6" t="s">
        <v>334</v>
      </c>
      <c r="E8459" s="6">
        <v>25754</v>
      </c>
      <c r="F8459" s="6" t="s">
        <v>18</v>
      </c>
      <c r="G8459" s="6" t="s">
        <v>7521</v>
      </c>
      <c r="H8459" s="6" t="s">
        <v>16976</v>
      </c>
      <c r="I8459" s="7">
        <v>4.5774265999999999</v>
      </c>
      <c r="J8459" s="8">
        <v>-74.197064299999994</v>
      </c>
    </row>
    <row r="8460" spans="1:10" x14ac:dyDescent="0.35">
      <c r="A8460" s="5" t="s">
        <v>10</v>
      </c>
      <c r="B8460" s="6">
        <v>219351</v>
      </c>
      <c r="C8460" s="6" t="s">
        <v>457</v>
      </c>
      <c r="D8460" s="6" t="s">
        <v>4400</v>
      </c>
      <c r="E8460" s="6">
        <v>52001</v>
      </c>
      <c r="F8460" s="6" t="s">
        <v>18</v>
      </c>
      <c r="G8460" s="6" t="s">
        <v>16977</v>
      </c>
      <c r="H8460" s="6" t="s">
        <v>16978</v>
      </c>
      <c r="I8460" s="7">
        <v>1.1978991999999999</v>
      </c>
      <c r="J8460" s="8">
        <v>-77.281177200000002</v>
      </c>
    </row>
    <row r="8461" spans="1:10" x14ac:dyDescent="0.35">
      <c r="A8461" s="5" t="s">
        <v>10</v>
      </c>
      <c r="B8461" s="6">
        <v>221201</v>
      </c>
      <c r="C8461" s="6" t="s">
        <v>68</v>
      </c>
      <c r="D8461" s="6" t="s">
        <v>69</v>
      </c>
      <c r="E8461" s="6">
        <v>11001</v>
      </c>
      <c r="F8461" s="6" t="s">
        <v>18</v>
      </c>
      <c r="G8461" s="6" t="s">
        <v>16979</v>
      </c>
      <c r="H8461" s="6" t="s">
        <v>16980</v>
      </c>
      <c r="I8461" s="7">
        <v>4.5682117999999896</v>
      </c>
      <c r="J8461" s="8">
        <v>-74.163045600000004</v>
      </c>
    </row>
    <row r="8462" spans="1:10" x14ac:dyDescent="0.35">
      <c r="A8462" s="5" t="s">
        <v>10</v>
      </c>
      <c r="B8462" s="6">
        <v>201376</v>
      </c>
      <c r="C8462" s="6" t="s">
        <v>68</v>
      </c>
      <c r="D8462" s="6" t="s">
        <v>69</v>
      </c>
      <c r="E8462" s="6">
        <v>11001</v>
      </c>
      <c r="F8462" s="6" t="s">
        <v>18</v>
      </c>
      <c r="G8462" s="6" t="s">
        <v>12144</v>
      </c>
      <c r="H8462" s="6" t="s">
        <v>12145</v>
      </c>
      <c r="I8462" s="7">
        <v>4.7108188000000002</v>
      </c>
      <c r="J8462" s="8">
        <v>-74.124742299999994</v>
      </c>
    </row>
    <row r="8463" spans="1:10" x14ac:dyDescent="0.35">
      <c r="A8463" s="5" t="s">
        <v>10</v>
      </c>
      <c r="B8463" s="6">
        <v>216646</v>
      </c>
      <c r="C8463" s="6" t="s">
        <v>68</v>
      </c>
      <c r="D8463" s="6" t="s">
        <v>69</v>
      </c>
      <c r="E8463" s="6">
        <v>11001</v>
      </c>
      <c r="F8463" s="6" t="s">
        <v>18</v>
      </c>
      <c r="G8463" s="6" t="s">
        <v>16981</v>
      </c>
      <c r="H8463" s="6" t="s">
        <v>16982</v>
      </c>
      <c r="I8463" s="7">
        <v>4.5816214000000004</v>
      </c>
      <c r="J8463" s="8">
        <v>-74.132521499999996</v>
      </c>
    </row>
    <row r="8464" spans="1:10" x14ac:dyDescent="0.35">
      <c r="A8464" s="5" t="s">
        <v>10</v>
      </c>
      <c r="B8464" s="6">
        <v>230936</v>
      </c>
      <c r="C8464" s="6" t="s">
        <v>68</v>
      </c>
      <c r="D8464" s="6" t="s">
        <v>69</v>
      </c>
      <c r="E8464" s="6">
        <v>11001</v>
      </c>
      <c r="F8464" s="6" t="s">
        <v>18</v>
      </c>
      <c r="G8464" s="6" t="s">
        <v>16983</v>
      </c>
      <c r="H8464" s="6" t="s">
        <v>16984</v>
      </c>
      <c r="I8464" s="7">
        <v>4.5480900000000002</v>
      </c>
      <c r="J8464" s="8">
        <v>-74.098177899999996</v>
      </c>
    </row>
    <row r="8465" spans="1:10" x14ac:dyDescent="0.35">
      <c r="A8465" s="5" t="s">
        <v>10</v>
      </c>
      <c r="B8465" s="6">
        <v>242458</v>
      </c>
      <c r="C8465" s="6" t="s">
        <v>68</v>
      </c>
      <c r="D8465" s="6" t="s">
        <v>69</v>
      </c>
      <c r="E8465" s="6">
        <v>11001</v>
      </c>
      <c r="F8465" s="6" t="s">
        <v>18</v>
      </c>
      <c r="G8465" s="6" t="s">
        <v>16985</v>
      </c>
      <c r="H8465" s="6" t="s">
        <v>16986</v>
      </c>
      <c r="I8465" s="7">
        <v>4.7184619999999997</v>
      </c>
      <c r="J8465" s="8">
        <v>-74.112967999999995</v>
      </c>
    </row>
    <row r="8466" spans="1:10" x14ac:dyDescent="0.35">
      <c r="A8466" s="5" t="s">
        <v>10</v>
      </c>
      <c r="B8466" s="6">
        <v>207682</v>
      </c>
      <c r="C8466" s="6" t="s">
        <v>68</v>
      </c>
      <c r="D8466" s="6" t="s">
        <v>69</v>
      </c>
      <c r="E8466" s="6">
        <v>11001</v>
      </c>
      <c r="F8466" s="6" t="s">
        <v>18</v>
      </c>
      <c r="G8466" s="6" t="s">
        <v>16987</v>
      </c>
      <c r="H8466" s="6" t="s">
        <v>16988</v>
      </c>
      <c r="I8466" s="7">
        <v>4.7006869</v>
      </c>
      <c r="J8466" s="8">
        <v>-74.111873599999996</v>
      </c>
    </row>
    <row r="8467" spans="1:10" x14ac:dyDescent="0.35">
      <c r="A8467" s="5" t="s">
        <v>10</v>
      </c>
      <c r="B8467" s="6">
        <v>210485</v>
      </c>
      <c r="C8467" s="6" t="s">
        <v>68</v>
      </c>
      <c r="D8467" s="6" t="s">
        <v>69</v>
      </c>
      <c r="E8467" s="6">
        <v>11001</v>
      </c>
      <c r="F8467" s="6" t="s">
        <v>18</v>
      </c>
      <c r="G8467" s="6" t="s">
        <v>16989</v>
      </c>
      <c r="H8467" s="6" t="s">
        <v>16990</v>
      </c>
      <c r="I8467" s="7">
        <v>4.5731089999999996</v>
      </c>
      <c r="J8467" s="8">
        <v>-74.080416399999905</v>
      </c>
    </row>
    <row r="8468" spans="1:10" x14ac:dyDescent="0.35">
      <c r="A8468" s="5" t="s">
        <v>10</v>
      </c>
      <c r="B8468" s="6">
        <v>229524</v>
      </c>
      <c r="C8468" s="6" t="s">
        <v>68</v>
      </c>
      <c r="D8468" s="6" t="s">
        <v>69</v>
      </c>
      <c r="E8468" s="6">
        <v>11001</v>
      </c>
      <c r="F8468" s="6" t="s">
        <v>18</v>
      </c>
      <c r="G8468" s="6" t="s">
        <v>16991</v>
      </c>
      <c r="H8468" s="6" t="s">
        <v>16992</v>
      </c>
      <c r="I8468" s="7">
        <v>4.6583157999999996</v>
      </c>
      <c r="J8468" s="8">
        <v>-74.071918600000004</v>
      </c>
    </row>
    <row r="8469" spans="1:10" x14ac:dyDescent="0.35">
      <c r="A8469" s="5" t="s">
        <v>10</v>
      </c>
      <c r="B8469" s="6">
        <v>208514</v>
      </c>
      <c r="C8469" s="6" t="s">
        <v>308</v>
      </c>
      <c r="D8469" s="6" t="s">
        <v>309</v>
      </c>
      <c r="E8469" s="6">
        <v>23001</v>
      </c>
      <c r="F8469" s="6" t="s">
        <v>18</v>
      </c>
      <c r="G8469" s="6" t="s">
        <v>16993</v>
      </c>
      <c r="H8469" s="6" t="s">
        <v>16994</v>
      </c>
      <c r="I8469" s="7">
        <v>8.7509829999999997</v>
      </c>
      <c r="J8469" s="8">
        <v>-75.878534799999997</v>
      </c>
    </row>
    <row r="8470" spans="1:10" x14ac:dyDescent="0.35">
      <c r="A8470" s="5" t="s">
        <v>10</v>
      </c>
      <c r="B8470" s="6">
        <v>236154</v>
      </c>
      <c r="C8470" s="6" t="s">
        <v>308</v>
      </c>
      <c r="D8470" s="6" t="s">
        <v>309</v>
      </c>
      <c r="E8470" s="6">
        <v>23001</v>
      </c>
      <c r="F8470" s="6" t="s">
        <v>13</v>
      </c>
      <c r="G8470" s="6" t="s">
        <v>16995</v>
      </c>
      <c r="H8470" s="6" t="s">
        <v>16996</v>
      </c>
      <c r="I8470" s="7">
        <v>8.7379473999999995</v>
      </c>
      <c r="J8470" s="8">
        <v>-75.893118799999996</v>
      </c>
    </row>
    <row r="8471" spans="1:10" x14ac:dyDescent="0.35">
      <c r="A8471" s="5" t="s">
        <v>10</v>
      </c>
      <c r="B8471" s="6">
        <v>189502</v>
      </c>
      <c r="C8471" s="6" t="s">
        <v>68</v>
      </c>
      <c r="D8471" s="6" t="s">
        <v>69</v>
      </c>
      <c r="E8471" s="6">
        <v>11001</v>
      </c>
      <c r="F8471" s="6" t="s">
        <v>13</v>
      </c>
      <c r="G8471" s="6" t="s">
        <v>16997</v>
      </c>
      <c r="H8471" s="6" t="s">
        <v>16998</v>
      </c>
      <c r="I8471" s="7">
        <v>4.6681625999999996</v>
      </c>
      <c r="J8471" s="8">
        <v>-74.073441900000006</v>
      </c>
    </row>
    <row r="8472" spans="1:10" x14ac:dyDescent="0.35">
      <c r="A8472" s="5" t="s">
        <v>10</v>
      </c>
      <c r="B8472" s="6">
        <v>206848</v>
      </c>
      <c r="C8472" s="6" t="s">
        <v>109</v>
      </c>
      <c r="D8472" s="6" t="s">
        <v>1445</v>
      </c>
      <c r="E8472" s="6">
        <v>13688</v>
      </c>
      <c r="F8472" s="6" t="s">
        <v>13</v>
      </c>
      <c r="G8472" s="6" t="s">
        <v>16999</v>
      </c>
      <c r="H8472" s="6" t="s">
        <v>17000</v>
      </c>
      <c r="I8472" s="7">
        <v>7.9630637999999996</v>
      </c>
      <c r="J8472" s="8">
        <v>-74.050974800000006</v>
      </c>
    </row>
    <row r="8473" spans="1:10" x14ac:dyDescent="0.35">
      <c r="A8473" s="5" t="s">
        <v>10</v>
      </c>
      <c r="B8473" s="6">
        <v>241599</v>
      </c>
      <c r="C8473" s="6" t="s">
        <v>190</v>
      </c>
      <c r="D8473" s="6" t="s">
        <v>118</v>
      </c>
      <c r="E8473" s="6">
        <v>5400</v>
      </c>
      <c r="F8473" s="6" t="s">
        <v>18</v>
      </c>
      <c r="G8473" s="6" t="s">
        <v>17001</v>
      </c>
      <c r="H8473" s="6" t="s">
        <v>17002</v>
      </c>
      <c r="I8473" s="7">
        <v>1.1978496000000001</v>
      </c>
      <c r="J8473" s="8">
        <v>-77.265436500000007</v>
      </c>
    </row>
    <row r="8474" spans="1:10" x14ac:dyDescent="0.35">
      <c r="A8474" s="5" t="s">
        <v>10</v>
      </c>
      <c r="B8474" s="6">
        <v>225136</v>
      </c>
      <c r="C8474" s="6" t="s">
        <v>117</v>
      </c>
      <c r="D8474" s="6" t="s">
        <v>3402</v>
      </c>
      <c r="E8474" s="6">
        <v>76364</v>
      </c>
      <c r="F8474" s="6" t="s">
        <v>18</v>
      </c>
      <c r="G8474" s="6" t="s">
        <v>17003</v>
      </c>
      <c r="H8474" s="6" t="s">
        <v>17004</v>
      </c>
      <c r="I8474" s="7">
        <v>3.2279819999999999</v>
      </c>
      <c r="J8474" s="8">
        <v>-76.5147707</v>
      </c>
    </row>
    <row r="8475" spans="1:10" x14ac:dyDescent="0.35">
      <c r="A8475" s="5" t="s">
        <v>10</v>
      </c>
      <c r="B8475" s="6">
        <v>241114</v>
      </c>
      <c r="C8475" s="6" t="s">
        <v>117</v>
      </c>
      <c r="D8475" s="6" t="s">
        <v>1334</v>
      </c>
      <c r="E8475" s="6">
        <v>76001</v>
      </c>
      <c r="F8475" s="6" t="s">
        <v>18</v>
      </c>
      <c r="G8475" s="6" t="s">
        <v>17005</v>
      </c>
      <c r="H8475" s="6" t="s">
        <v>17006</v>
      </c>
      <c r="I8475" s="7">
        <v>3.4372817000000002</v>
      </c>
      <c r="J8475" s="8">
        <v>-76.482639899999995</v>
      </c>
    </row>
    <row r="8476" spans="1:10" x14ac:dyDescent="0.35">
      <c r="A8476" s="5" t="s">
        <v>10</v>
      </c>
      <c r="B8476" s="6">
        <v>239778</v>
      </c>
      <c r="C8476" s="6" t="s">
        <v>117</v>
      </c>
      <c r="D8476" s="6" t="s">
        <v>3034</v>
      </c>
      <c r="E8476" s="6">
        <v>76100</v>
      </c>
      <c r="F8476" s="6" t="s">
        <v>18</v>
      </c>
      <c r="G8476" s="6" t="s">
        <v>17007</v>
      </c>
      <c r="H8476" s="6" t="s">
        <v>17008</v>
      </c>
      <c r="I8476" s="7">
        <v>4.3383329000000002</v>
      </c>
      <c r="J8476" s="8">
        <v>-76.183987099999996</v>
      </c>
    </row>
    <row r="8477" spans="1:10" x14ac:dyDescent="0.35">
      <c r="A8477" s="5" t="s">
        <v>10</v>
      </c>
      <c r="B8477" s="6">
        <v>155859</v>
      </c>
      <c r="C8477" s="6" t="s">
        <v>190</v>
      </c>
      <c r="D8477" s="6" t="s">
        <v>3651</v>
      </c>
      <c r="E8477" s="6">
        <v>5313</v>
      </c>
      <c r="F8477" s="6" t="s">
        <v>18</v>
      </c>
      <c r="G8477" s="6" t="s">
        <v>17009</v>
      </c>
      <c r="H8477" s="6" t="s">
        <v>17010</v>
      </c>
      <c r="I8477" s="7">
        <v>6.139621</v>
      </c>
      <c r="J8477" s="8">
        <v>-75.183585999999906</v>
      </c>
    </row>
    <row r="8478" spans="1:10" x14ac:dyDescent="0.35">
      <c r="A8478" s="5" t="s">
        <v>10</v>
      </c>
      <c r="B8478" s="6">
        <v>240653</v>
      </c>
      <c r="C8478" s="6" t="s">
        <v>190</v>
      </c>
      <c r="D8478" s="6" t="s">
        <v>191</v>
      </c>
      <c r="E8478" s="6">
        <v>5001</v>
      </c>
      <c r="F8478" s="6" t="s">
        <v>18</v>
      </c>
      <c r="G8478" s="6" t="s">
        <v>17011</v>
      </c>
      <c r="H8478" s="6" t="s">
        <v>17012</v>
      </c>
      <c r="I8478" s="7">
        <v>6.2142523000000001</v>
      </c>
      <c r="J8478" s="8">
        <v>-75.576695799999996</v>
      </c>
    </row>
    <row r="8479" spans="1:10" x14ac:dyDescent="0.35">
      <c r="A8479" s="5" t="s">
        <v>10</v>
      </c>
      <c r="B8479" s="6">
        <v>220305</v>
      </c>
      <c r="C8479" s="6" t="s">
        <v>68</v>
      </c>
      <c r="D8479" s="6" t="s">
        <v>69</v>
      </c>
      <c r="E8479" s="6">
        <v>11001</v>
      </c>
      <c r="F8479" s="6" t="s">
        <v>18</v>
      </c>
      <c r="G8479" s="6" t="s">
        <v>17013</v>
      </c>
      <c r="H8479" s="6" t="s">
        <v>17014</v>
      </c>
      <c r="I8479" s="7">
        <v>4.6338188999999996</v>
      </c>
      <c r="J8479" s="8">
        <v>-74.186666099999997</v>
      </c>
    </row>
    <row r="8480" spans="1:10" x14ac:dyDescent="0.35">
      <c r="A8480" s="5" t="s">
        <v>10</v>
      </c>
      <c r="B8480" s="6">
        <v>220366</v>
      </c>
      <c r="C8480" s="6" t="s">
        <v>68</v>
      </c>
      <c r="D8480" s="6" t="s">
        <v>69</v>
      </c>
      <c r="E8480" s="6">
        <v>11001</v>
      </c>
      <c r="F8480" s="6" t="s">
        <v>18</v>
      </c>
      <c r="G8480" s="6" t="s">
        <v>17015</v>
      </c>
      <c r="H8480" s="6" t="s">
        <v>17016</v>
      </c>
      <c r="I8480" s="7">
        <v>4.6046103</v>
      </c>
      <c r="J8480" s="8">
        <v>-74.185807999999994</v>
      </c>
    </row>
    <row r="8481" spans="1:10" x14ac:dyDescent="0.35">
      <c r="A8481" s="5" t="s">
        <v>10</v>
      </c>
      <c r="B8481" s="6">
        <v>240148</v>
      </c>
      <c r="C8481" s="6" t="s">
        <v>68</v>
      </c>
      <c r="D8481" s="6" t="s">
        <v>69</v>
      </c>
      <c r="E8481" s="6">
        <v>11001</v>
      </c>
      <c r="F8481" s="6" t="s">
        <v>18</v>
      </c>
      <c r="G8481" s="6" t="s">
        <v>17017</v>
      </c>
      <c r="H8481" s="6" t="s">
        <v>17018</v>
      </c>
      <c r="I8481" s="7">
        <v>4.7192809999999996</v>
      </c>
      <c r="J8481" s="8">
        <v>-74.036783600000007</v>
      </c>
    </row>
    <row r="8482" spans="1:10" x14ac:dyDescent="0.35">
      <c r="A8482" s="5" t="s">
        <v>10</v>
      </c>
      <c r="B8482" s="6">
        <v>207515</v>
      </c>
      <c r="C8482" s="6" t="s">
        <v>68</v>
      </c>
      <c r="D8482" s="6" t="s">
        <v>69</v>
      </c>
      <c r="E8482" s="6">
        <v>11001</v>
      </c>
      <c r="F8482" s="6" t="s">
        <v>18</v>
      </c>
      <c r="G8482" s="6" t="s">
        <v>17019</v>
      </c>
      <c r="H8482" s="6" t="s">
        <v>17020</v>
      </c>
      <c r="I8482" s="7">
        <v>4.6026308</v>
      </c>
      <c r="J8482" s="8">
        <v>-74.193283399999999</v>
      </c>
    </row>
    <row r="8483" spans="1:10" x14ac:dyDescent="0.35">
      <c r="A8483" s="5" t="s">
        <v>10</v>
      </c>
      <c r="B8483" s="6">
        <v>202463</v>
      </c>
      <c r="C8483" s="6" t="s">
        <v>68</v>
      </c>
      <c r="D8483" s="6" t="s">
        <v>69</v>
      </c>
      <c r="E8483" s="6">
        <v>11001</v>
      </c>
      <c r="F8483" s="6" t="s">
        <v>18</v>
      </c>
      <c r="G8483" s="6" t="s">
        <v>17021</v>
      </c>
      <c r="H8483" s="6" t="s">
        <v>17022</v>
      </c>
      <c r="I8483" s="7">
        <v>4.5836866000000001</v>
      </c>
      <c r="J8483" s="8">
        <v>-74.154002699999893</v>
      </c>
    </row>
    <row r="8484" spans="1:10" x14ac:dyDescent="0.35">
      <c r="A8484" s="5" t="s">
        <v>10</v>
      </c>
      <c r="B8484" s="6">
        <v>232540</v>
      </c>
      <c r="C8484" s="6" t="s">
        <v>68</v>
      </c>
      <c r="D8484" s="6" t="s">
        <v>69</v>
      </c>
      <c r="E8484" s="6">
        <v>11001</v>
      </c>
      <c r="F8484" s="6" t="s">
        <v>18</v>
      </c>
      <c r="G8484" s="6" t="s">
        <v>17023</v>
      </c>
      <c r="H8484" s="6" t="s">
        <v>17024</v>
      </c>
      <c r="I8484" s="7">
        <v>4.5517937000000002</v>
      </c>
      <c r="J8484" s="8">
        <v>-74.159353899999999</v>
      </c>
    </row>
    <row r="8485" spans="1:10" x14ac:dyDescent="0.35">
      <c r="A8485" s="5" t="s">
        <v>10</v>
      </c>
      <c r="B8485" s="6">
        <v>232847</v>
      </c>
      <c r="C8485" s="6" t="s">
        <v>68</v>
      </c>
      <c r="D8485" s="6" t="s">
        <v>69</v>
      </c>
      <c r="E8485" s="6">
        <v>11001</v>
      </c>
      <c r="F8485" s="6" t="s">
        <v>18</v>
      </c>
      <c r="G8485" s="6" t="s">
        <v>17025</v>
      </c>
      <c r="H8485" s="6" t="s">
        <v>17026</v>
      </c>
      <c r="I8485" s="7">
        <v>4.6443599999999998</v>
      </c>
      <c r="J8485" s="8">
        <v>-74.17259</v>
      </c>
    </row>
    <row r="8486" spans="1:10" x14ac:dyDescent="0.35">
      <c r="A8486" s="5" t="s">
        <v>10</v>
      </c>
      <c r="B8486" s="6">
        <v>242106</v>
      </c>
      <c r="C8486" s="6" t="s">
        <v>68</v>
      </c>
      <c r="D8486" s="6" t="s">
        <v>69</v>
      </c>
      <c r="E8486" s="6">
        <v>11001</v>
      </c>
      <c r="F8486" s="6" t="s">
        <v>18</v>
      </c>
      <c r="G8486" s="6" t="s">
        <v>17027</v>
      </c>
      <c r="H8486" s="6" t="s">
        <v>17028</v>
      </c>
      <c r="I8486" s="7">
        <v>4.5933222999999996</v>
      </c>
      <c r="J8486" s="8">
        <v>-74.095884999999996</v>
      </c>
    </row>
    <row r="8487" spans="1:10" x14ac:dyDescent="0.35">
      <c r="A8487" s="5" t="s">
        <v>10</v>
      </c>
      <c r="B8487" s="6">
        <v>244921</v>
      </c>
      <c r="C8487" s="6" t="s">
        <v>68</v>
      </c>
      <c r="D8487" s="6" t="s">
        <v>69</v>
      </c>
      <c r="E8487" s="6">
        <v>11001</v>
      </c>
      <c r="F8487" s="6" t="s">
        <v>18</v>
      </c>
      <c r="G8487" s="6" t="s">
        <v>17029</v>
      </c>
      <c r="H8487" s="6" t="s">
        <v>17030</v>
      </c>
      <c r="I8487" s="7">
        <v>4.6038553999999996</v>
      </c>
      <c r="J8487" s="8">
        <v>-74.088224499999995</v>
      </c>
    </row>
    <row r="8488" spans="1:10" x14ac:dyDescent="0.35">
      <c r="A8488" s="5" t="s">
        <v>10</v>
      </c>
      <c r="B8488" s="6">
        <v>218780</v>
      </c>
      <c r="C8488" s="6" t="s">
        <v>68</v>
      </c>
      <c r="D8488" s="6" t="s">
        <v>69</v>
      </c>
      <c r="E8488" s="6">
        <v>11001</v>
      </c>
      <c r="F8488" s="6" t="s">
        <v>18</v>
      </c>
      <c r="G8488" s="6" t="s">
        <v>855</v>
      </c>
      <c r="H8488" s="6" t="s">
        <v>17031</v>
      </c>
      <c r="I8488" s="7">
        <v>4.6286505</v>
      </c>
      <c r="J8488" s="8">
        <v>-74.111975299999997</v>
      </c>
    </row>
    <row r="8489" spans="1:10" x14ac:dyDescent="0.35">
      <c r="A8489" s="5" t="s">
        <v>10</v>
      </c>
      <c r="B8489" s="6">
        <v>226933</v>
      </c>
      <c r="C8489" s="6" t="s">
        <v>68</v>
      </c>
      <c r="D8489" s="6" t="s">
        <v>69</v>
      </c>
      <c r="E8489" s="6">
        <v>11001</v>
      </c>
      <c r="F8489" s="6" t="s">
        <v>13</v>
      </c>
      <c r="G8489" s="6" t="s">
        <v>17032</v>
      </c>
      <c r="H8489" s="6" t="s">
        <v>17033</v>
      </c>
      <c r="I8489" s="7">
        <v>4.6529448000000002</v>
      </c>
      <c r="J8489" s="8">
        <v>-74.138076600000005</v>
      </c>
    </row>
    <row r="8490" spans="1:10" x14ac:dyDescent="0.35">
      <c r="A8490" s="5" t="s">
        <v>10</v>
      </c>
      <c r="B8490" s="6">
        <v>241641</v>
      </c>
      <c r="C8490" s="6" t="s">
        <v>457</v>
      </c>
      <c r="D8490" s="6" t="s">
        <v>1086</v>
      </c>
      <c r="E8490" s="6">
        <v>52356</v>
      </c>
      <c r="F8490" s="6" t="s">
        <v>18</v>
      </c>
      <c r="G8490" s="6" t="s">
        <v>17034</v>
      </c>
      <c r="H8490" s="6" t="s">
        <v>17035</v>
      </c>
      <c r="I8490" s="7">
        <v>0.82412700000000005</v>
      </c>
      <c r="J8490" s="8">
        <v>-77.637965600000001</v>
      </c>
    </row>
    <row r="8491" spans="1:10" x14ac:dyDescent="0.35">
      <c r="A8491" s="5" t="s">
        <v>10</v>
      </c>
      <c r="B8491" s="6">
        <v>110637</v>
      </c>
      <c r="C8491" s="6" t="s">
        <v>190</v>
      </c>
      <c r="D8491" s="6" t="s">
        <v>11790</v>
      </c>
      <c r="E8491" s="6">
        <v>5642</v>
      </c>
      <c r="F8491" s="6" t="s">
        <v>18</v>
      </c>
      <c r="G8491" s="6" t="s">
        <v>17036</v>
      </c>
      <c r="H8491" s="6" t="s">
        <v>17037</v>
      </c>
      <c r="I8491" s="7">
        <v>5.9632573000000004</v>
      </c>
      <c r="J8491" s="8">
        <v>-75.979070300000004</v>
      </c>
    </row>
    <row r="8492" spans="1:10" x14ac:dyDescent="0.35">
      <c r="A8492" s="5" t="s">
        <v>10</v>
      </c>
      <c r="B8492" s="6">
        <v>240475</v>
      </c>
      <c r="C8492" s="6" t="s">
        <v>190</v>
      </c>
      <c r="D8492" s="6" t="s">
        <v>191</v>
      </c>
      <c r="E8492" s="6">
        <v>5001</v>
      </c>
      <c r="F8492" s="6" t="s">
        <v>18</v>
      </c>
      <c r="G8492" s="6" t="s">
        <v>17038</v>
      </c>
      <c r="H8492" s="6" t="s">
        <v>17039</v>
      </c>
      <c r="I8492" s="7">
        <v>6.3095292000000001</v>
      </c>
      <c r="J8492" s="8">
        <v>-75.563539899999995</v>
      </c>
    </row>
    <row r="8493" spans="1:10" x14ac:dyDescent="0.35">
      <c r="A8493" s="5" t="s">
        <v>10</v>
      </c>
      <c r="B8493" s="6">
        <v>198382</v>
      </c>
      <c r="C8493" s="6" t="s">
        <v>68</v>
      </c>
      <c r="D8493" s="6" t="s">
        <v>69</v>
      </c>
      <c r="E8493" s="6">
        <v>11001</v>
      </c>
      <c r="F8493" s="6" t="s">
        <v>18</v>
      </c>
      <c r="G8493" s="6" t="s">
        <v>17040</v>
      </c>
      <c r="H8493" s="6" t="s">
        <v>17041</v>
      </c>
      <c r="I8493" s="7">
        <v>4.7057595000000001</v>
      </c>
      <c r="J8493" s="8">
        <v>-74.126475200000002</v>
      </c>
    </row>
    <row r="8494" spans="1:10" x14ac:dyDescent="0.35">
      <c r="A8494" s="5" t="s">
        <v>10</v>
      </c>
      <c r="B8494" s="6">
        <v>201971</v>
      </c>
      <c r="C8494" s="6" t="s">
        <v>68</v>
      </c>
      <c r="D8494" s="6" t="s">
        <v>69</v>
      </c>
      <c r="E8494" s="6">
        <v>11001</v>
      </c>
      <c r="F8494" s="6" t="s">
        <v>18</v>
      </c>
      <c r="G8494" s="6" t="s">
        <v>17042</v>
      </c>
      <c r="H8494" s="6" t="s">
        <v>17043</v>
      </c>
      <c r="I8494" s="7">
        <v>4.5707502</v>
      </c>
      <c r="J8494" s="8">
        <v>-74.093186099999997</v>
      </c>
    </row>
    <row r="8495" spans="1:10" x14ac:dyDescent="0.35">
      <c r="A8495" s="5" t="s">
        <v>10</v>
      </c>
      <c r="B8495" s="6">
        <v>214333</v>
      </c>
      <c r="C8495" s="6" t="s">
        <v>68</v>
      </c>
      <c r="D8495" s="6" t="s">
        <v>69</v>
      </c>
      <c r="E8495" s="6">
        <v>11001</v>
      </c>
      <c r="F8495" s="6" t="s">
        <v>18</v>
      </c>
      <c r="G8495" s="6" t="s">
        <v>17044</v>
      </c>
      <c r="H8495" s="6" t="s">
        <v>17045</v>
      </c>
      <c r="I8495" s="7">
        <v>4.7433888</v>
      </c>
      <c r="J8495" s="8">
        <v>-74.108413299999995</v>
      </c>
    </row>
    <row r="8496" spans="1:10" x14ac:dyDescent="0.35">
      <c r="A8496" s="5" t="s">
        <v>10</v>
      </c>
      <c r="B8496" s="6">
        <v>177136</v>
      </c>
      <c r="C8496" s="6" t="s">
        <v>68</v>
      </c>
      <c r="D8496" s="6" t="s">
        <v>69</v>
      </c>
      <c r="E8496" s="6">
        <v>11001</v>
      </c>
      <c r="F8496" s="6" t="s">
        <v>18</v>
      </c>
      <c r="G8496" s="6" t="s">
        <v>17046</v>
      </c>
      <c r="H8496" s="6" t="s">
        <v>17047</v>
      </c>
      <c r="I8496" s="7">
        <v>4.6023152999999999</v>
      </c>
      <c r="J8496" s="8">
        <v>-74.079254300000002</v>
      </c>
    </row>
    <row r="8497" spans="1:10" x14ac:dyDescent="0.35">
      <c r="A8497" s="5" t="s">
        <v>10</v>
      </c>
      <c r="B8497" s="6">
        <v>209566</v>
      </c>
      <c r="C8497" s="6" t="s">
        <v>68</v>
      </c>
      <c r="D8497" s="6" t="s">
        <v>69</v>
      </c>
      <c r="E8497" s="6">
        <v>11001</v>
      </c>
      <c r="F8497" s="6" t="s">
        <v>18</v>
      </c>
      <c r="G8497" s="6" t="s">
        <v>12989</v>
      </c>
      <c r="H8497" s="6" t="s">
        <v>12990</v>
      </c>
      <c r="I8497" s="7">
        <v>4.6286714999999896</v>
      </c>
      <c r="J8497" s="8">
        <v>-74.190579900000003</v>
      </c>
    </row>
    <row r="8498" spans="1:10" x14ac:dyDescent="0.35">
      <c r="A8498" s="5" t="s">
        <v>10</v>
      </c>
      <c r="B8498" s="6">
        <v>217644</v>
      </c>
      <c r="C8498" s="6" t="s">
        <v>68</v>
      </c>
      <c r="D8498" s="6" t="s">
        <v>69</v>
      </c>
      <c r="E8498" s="6">
        <v>11001</v>
      </c>
      <c r="F8498" s="6" t="s">
        <v>18</v>
      </c>
      <c r="G8498" s="6" t="s">
        <v>17048</v>
      </c>
      <c r="H8498" s="6" t="s">
        <v>17049</v>
      </c>
      <c r="I8498" s="7">
        <v>4.6299684000000001</v>
      </c>
      <c r="J8498" s="8">
        <v>-74.177945899999997</v>
      </c>
    </row>
    <row r="8499" spans="1:10" x14ac:dyDescent="0.35">
      <c r="A8499" s="5" t="s">
        <v>10</v>
      </c>
      <c r="B8499" s="6">
        <v>238154</v>
      </c>
      <c r="C8499" s="6" t="s">
        <v>68</v>
      </c>
      <c r="D8499" s="6" t="s">
        <v>69</v>
      </c>
      <c r="E8499" s="6">
        <v>11001</v>
      </c>
      <c r="F8499" s="6" t="s">
        <v>18</v>
      </c>
      <c r="G8499" s="6" t="s">
        <v>17050</v>
      </c>
      <c r="H8499" s="6" t="s">
        <v>17051</v>
      </c>
      <c r="I8499" s="7">
        <v>4.7437373000000003</v>
      </c>
      <c r="J8499" s="8">
        <v>-74.099103200000002</v>
      </c>
    </row>
    <row r="8500" spans="1:10" x14ac:dyDescent="0.35">
      <c r="A8500" s="5" t="s">
        <v>10</v>
      </c>
      <c r="B8500" s="6">
        <v>210910</v>
      </c>
      <c r="C8500" s="6" t="s">
        <v>68</v>
      </c>
      <c r="D8500" s="6" t="s">
        <v>69</v>
      </c>
      <c r="E8500" s="6">
        <v>11001</v>
      </c>
      <c r="F8500" s="6" t="s">
        <v>18</v>
      </c>
      <c r="G8500" s="6" t="s">
        <v>17052</v>
      </c>
      <c r="H8500" s="6" t="s">
        <v>17053</v>
      </c>
      <c r="I8500" s="7">
        <v>4.5415749999999999</v>
      </c>
      <c r="J8500" s="8">
        <v>-74.087879000000001</v>
      </c>
    </row>
    <row r="8501" spans="1:10" x14ac:dyDescent="0.35">
      <c r="A8501" s="5" t="s">
        <v>10</v>
      </c>
      <c r="B8501" s="6">
        <v>238808</v>
      </c>
      <c r="C8501" s="6" t="s">
        <v>68</v>
      </c>
      <c r="D8501" s="6" t="s">
        <v>69</v>
      </c>
      <c r="E8501" s="6">
        <v>11001</v>
      </c>
      <c r="F8501" s="6" t="s">
        <v>18</v>
      </c>
      <c r="G8501" s="6" t="s">
        <v>17054</v>
      </c>
      <c r="H8501" s="6" t="s">
        <v>17055</v>
      </c>
      <c r="I8501" s="7">
        <v>4.6001390000000004</v>
      </c>
      <c r="J8501" s="8">
        <v>-74.159754399999997</v>
      </c>
    </row>
    <row r="8502" spans="1:10" x14ac:dyDescent="0.35">
      <c r="A8502" s="5" t="s">
        <v>10</v>
      </c>
      <c r="B8502" s="6">
        <v>183925</v>
      </c>
      <c r="C8502" s="6" t="s">
        <v>68</v>
      </c>
      <c r="D8502" s="6" t="s">
        <v>69</v>
      </c>
      <c r="E8502" s="6">
        <v>11001</v>
      </c>
      <c r="F8502" s="6" t="s">
        <v>18</v>
      </c>
      <c r="G8502" s="6" t="s">
        <v>17056</v>
      </c>
      <c r="H8502" s="6" t="s">
        <v>17057</v>
      </c>
      <c r="I8502" s="7">
        <v>4.6692504000000001</v>
      </c>
      <c r="J8502" s="8">
        <v>-74.019511899999998</v>
      </c>
    </row>
    <row r="8503" spans="1:10" x14ac:dyDescent="0.35">
      <c r="A8503" s="5" t="s">
        <v>10</v>
      </c>
      <c r="B8503" s="6">
        <v>186536</v>
      </c>
      <c r="C8503" s="6" t="s">
        <v>68</v>
      </c>
      <c r="D8503" s="6" t="s">
        <v>69</v>
      </c>
      <c r="E8503" s="6">
        <v>11001</v>
      </c>
      <c r="F8503" s="6" t="s">
        <v>18</v>
      </c>
      <c r="G8503" s="6" t="s">
        <v>17058</v>
      </c>
      <c r="H8503" s="6" t="s">
        <v>17059</v>
      </c>
      <c r="I8503" s="7">
        <v>4.6846964</v>
      </c>
      <c r="J8503" s="8">
        <v>-74.044147699999996</v>
      </c>
    </row>
    <row r="8504" spans="1:10" x14ac:dyDescent="0.35">
      <c r="A8504" s="5" t="s">
        <v>10</v>
      </c>
      <c r="B8504" s="6">
        <v>138238</v>
      </c>
      <c r="C8504" s="6" t="s">
        <v>2130</v>
      </c>
      <c r="D8504" s="6" t="s">
        <v>2131</v>
      </c>
      <c r="E8504" s="6">
        <v>85001</v>
      </c>
      <c r="F8504" s="6" t="s">
        <v>18</v>
      </c>
      <c r="G8504" s="6" t="s">
        <v>17060</v>
      </c>
      <c r="H8504" s="6" t="s">
        <v>17061</v>
      </c>
      <c r="I8504" s="7">
        <v>5.3270384999999996</v>
      </c>
      <c r="J8504" s="8">
        <v>-72.404678500000003</v>
      </c>
    </row>
    <row r="8505" spans="1:10" x14ac:dyDescent="0.35">
      <c r="A8505" s="5" t="s">
        <v>10</v>
      </c>
      <c r="B8505" s="6">
        <v>239294</v>
      </c>
      <c r="C8505" s="6" t="s">
        <v>16</v>
      </c>
      <c r="D8505" s="6" t="s">
        <v>1401</v>
      </c>
      <c r="E8505" s="6">
        <v>68307</v>
      </c>
      <c r="F8505" s="6" t="s">
        <v>13</v>
      </c>
      <c r="G8505" s="6" t="s">
        <v>17062</v>
      </c>
      <c r="H8505" s="6" t="s">
        <v>17063</v>
      </c>
      <c r="I8505" s="7">
        <v>7.0585794999999996</v>
      </c>
      <c r="J8505" s="8">
        <v>-73.165962699999994</v>
      </c>
    </row>
    <row r="8506" spans="1:10" x14ac:dyDescent="0.35">
      <c r="A8506" s="5" t="s">
        <v>10</v>
      </c>
      <c r="B8506" s="6">
        <v>130128</v>
      </c>
      <c r="C8506" s="6" t="s">
        <v>11</v>
      </c>
      <c r="D8506" s="6" t="s">
        <v>12</v>
      </c>
      <c r="E8506" s="6">
        <v>25899</v>
      </c>
      <c r="F8506" s="6" t="s">
        <v>18</v>
      </c>
      <c r="G8506" s="6" t="s">
        <v>17064</v>
      </c>
      <c r="H8506" s="6" t="s">
        <v>17065</v>
      </c>
      <c r="I8506" s="7">
        <v>5.0310551999999999</v>
      </c>
      <c r="J8506" s="8">
        <v>-74.0092748</v>
      </c>
    </row>
    <row r="8507" spans="1:10" x14ac:dyDescent="0.35">
      <c r="A8507" s="5" t="s">
        <v>10</v>
      </c>
      <c r="B8507" s="6">
        <v>241570</v>
      </c>
      <c r="C8507" s="6" t="s">
        <v>457</v>
      </c>
      <c r="D8507" s="6" t="s">
        <v>4400</v>
      </c>
      <c r="E8507" s="6">
        <v>52001</v>
      </c>
      <c r="F8507" s="6" t="s">
        <v>18</v>
      </c>
      <c r="G8507" s="6" t="s">
        <v>17066</v>
      </c>
      <c r="H8507" s="6" t="s">
        <v>17067</v>
      </c>
      <c r="I8507" s="7">
        <v>1.1936099</v>
      </c>
      <c r="J8507" s="8">
        <v>-77.262466399999994</v>
      </c>
    </row>
    <row r="8508" spans="1:10" x14ac:dyDescent="0.35">
      <c r="A8508" s="5" t="s">
        <v>10</v>
      </c>
      <c r="B8508" s="6">
        <v>246370</v>
      </c>
      <c r="C8508" s="6" t="s">
        <v>117</v>
      </c>
      <c r="D8508" s="6" t="s">
        <v>3402</v>
      </c>
      <c r="E8508" s="6">
        <v>76364</v>
      </c>
      <c r="F8508" s="6" t="s">
        <v>18</v>
      </c>
      <c r="G8508" s="6" t="s">
        <v>17068</v>
      </c>
      <c r="H8508" s="6" t="s">
        <v>17069</v>
      </c>
      <c r="I8508" s="7">
        <v>3.2418070999999999</v>
      </c>
      <c r="J8508" s="8">
        <v>-76.515073900000004</v>
      </c>
    </row>
    <row r="8509" spans="1:10" x14ac:dyDescent="0.35">
      <c r="A8509" s="5" t="s">
        <v>10</v>
      </c>
      <c r="B8509" s="6">
        <v>197748</v>
      </c>
      <c r="C8509" s="6" t="s">
        <v>190</v>
      </c>
      <c r="D8509" s="6" t="s">
        <v>191</v>
      </c>
      <c r="E8509" s="6">
        <v>5001</v>
      </c>
      <c r="F8509" s="6" t="s">
        <v>18</v>
      </c>
      <c r="G8509" s="6" t="s">
        <v>17070</v>
      </c>
      <c r="H8509" s="6" t="s">
        <v>17071</v>
      </c>
      <c r="I8509" s="7">
        <v>6.2758548999999997</v>
      </c>
      <c r="J8509" s="8">
        <v>-75.553431199999906</v>
      </c>
    </row>
    <row r="8510" spans="1:10" x14ac:dyDescent="0.35">
      <c r="A8510" s="5" t="s">
        <v>10</v>
      </c>
      <c r="B8510" s="6">
        <v>226785</v>
      </c>
      <c r="C8510" s="6" t="s">
        <v>68</v>
      </c>
      <c r="D8510" s="6" t="s">
        <v>69</v>
      </c>
      <c r="E8510" s="6">
        <v>11001</v>
      </c>
      <c r="F8510" s="6" t="s">
        <v>18</v>
      </c>
      <c r="G8510" s="6" t="s">
        <v>17072</v>
      </c>
      <c r="H8510" s="6" t="s">
        <v>17073</v>
      </c>
      <c r="I8510" s="7">
        <v>4.5874240000000004</v>
      </c>
      <c r="J8510" s="8">
        <v>-74.143363899999997</v>
      </c>
    </row>
    <row r="8511" spans="1:10" x14ac:dyDescent="0.35">
      <c r="A8511" s="5" t="s">
        <v>10</v>
      </c>
      <c r="B8511" s="6">
        <v>242727</v>
      </c>
      <c r="C8511" s="6" t="s">
        <v>68</v>
      </c>
      <c r="D8511" s="6" t="s">
        <v>69</v>
      </c>
      <c r="E8511" s="6">
        <v>11001</v>
      </c>
      <c r="F8511" s="6" t="s">
        <v>18</v>
      </c>
      <c r="G8511" s="6" t="s">
        <v>17074</v>
      </c>
      <c r="H8511" s="6" t="s">
        <v>17075</v>
      </c>
      <c r="I8511" s="7">
        <v>4.6130605999999998</v>
      </c>
      <c r="J8511" s="8">
        <v>-74.1380245</v>
      </c>
    </row>
    <row r="8512" spans="1:10" x14ac:dyDescent="0.35">
      <c r="A8512" s="5" t="s">
        <v>10</v>
      </c>
      <c r="B8512" s="6">
        <v>199823</v>
      </c>
      <c r="C8512" s="6" t="s">
        <v>68</v>
      </c>
      <c r="D8512" s="6" t="s">
        <v>69</v>
      </c>
      <c r="E8512" s="6">
        <v>11001</v>
      </c>
      <c r="F8512" s="6" t="s">
        <v>18</v>
      </c>
      <c r="G8512" s="6" t="s">
        <v>17076</v>
      </c>
      <c r="H8512" s="6" t="s">
        <v>17077</v>
      </c>
      <c r="I8512" s="7">
        <v>4.7352150000000002</v>
      </c>
      <c r="J8512" s="8">
        <v>-74.050024399999998</v>
      </c>
    </row>
    <row r="8513" spans="1:10" x14ac:dyDescent="0.35">
      <c r="A8513" s="5" t="s">
        <v>10</v>
      </c>
      <c r="B8513" s="6">
        <v>229579</v>
      </c>
      <c r="C8513" s="6" t="s">
        <v>68</v>
      </c>
      <c r="D8513" s="6" t="s">
        <v>69</v>
      </c>
      <c r="E8513" s="6">
        <v>11001</v>
      </c>
      <c r="F8513" s="6" t="s">
        <v>18</v>
      </c>
      <c r="G8513" s="6" t="s">
        <v>17078</v>
      </c>
      <c r="H8513" s="6" t="s">
        <v>17079</v>
      </c>
      <c r="I8513" s="7">
        <v>4.6197835999999999</v>
      </c>
      <c r="J8513" s="8">
        <v>-74.138446500000001</v>
      </c>
    </row>
    <row r="8514" spans="1:10" x14ac:dyDescent="0.35">
      <c r="A8514" s="5" t="s">
        <v>10</v>
      </c>
      <c r="B8514" s="6">
        <v>238393</v>
      </c>
      <c r="C8514" s="6" t="s">
        <v>68</v>
      </c>
      <c r="D8514" s="6" t="s">
        <v>69</v>
      </c>
      <c r="E8514" s="6">
        <v>11001</v>
      </c>
      <c r="F8514" s="6" t="s">
        <v>18</v>
      </c>
      <c r="G8514" s="6" t="s">
        <v>17080</v>
      </c>
      <c r="H8514" s="6" t="s">
        <v>17081</v>
      </c>
      <c r="I8514" s="7">
        <v>4.6944872999999996</v>
      </c>
      <c r="J8514" s="8">
        <v>-74.0859229</v>
      </c>
    </row>
    <row r="8515" spans="1:10" x14ac:dyDescent="0.35">
      <c r="A8515" s="5" t="s">
        <v>10</v>
      </c>
      <c r="B8515" s="6">
        <v>234875</v>
      </c>
      <c r="C8515" s="6" t="s">
        <v>68</v>
      </c>
      <c r="D8515" s="6" t="s">
        <v>69</v>
      </c>
      <c r="E8515" s="6">
        <v>11001</v>
      </c>
      <c r="F8515" s="6" t="s">
        <v>18</v>
      </c>
      <c r="G8515" s="6" t="s">
        <v>17082</v>
      </c>
      <c r="H8515" s="6" t="s">
        <v>17083</v>
      </c>
      <c r="I8515" s="7">
        <v>4.5781489999999998</v>
      </c>
      <c r="J8515" s="8">
        <v>-74.092222100000001</v>
      </c>
    </row>
    <row r="8516" spans="1:10" x14ac:dyDescent="0.35">
      <c r="A8516" s="5" t="s">
        <v>10</v>
      </c>
      <c r="B8516" s="6">
        <v>235744</v>
      </c>
      <c r="C8516" s="6" t="s">
        <v>68</v>
      </c>
      <c r="D8516" s="6" t="s">
        <v>69</v>
      </c>
      <c r="E8516" s="6">
        <v>11001</v>
      </c>
      <c r="F8516" s="6" t="s">
        <v>18</v>
      </c>
      <c r="G8516" s="6" t="s">
        <v>113</v>
      </c>
      <c r="H8516" s="6" t="s">
        <v>17084</v>
      </c>
      <c r="I8516" s="7">
        <v>4.5902474</v>
      </c>
      <c r="J8516" s="8">
        <v>-74.173004599999999</v>
      </c>
    </row>
    <row r="8517" spans="1:10" x14ac:dyDescent="0.35">
      <c r="A8517" s="5" t="s">
        <v>10</v>
      </c>
      <c r="B8517" s="6">
        <v>242546</v>
      </c>
      <c r="C8517" s="6" t="s">
        <v>68</v>
      </c>
      <c r="D8517" s="6" t="s">
        <v>69</v>
      </c>
      <c r="E8517" s="6">
        <v>11001</v>
      </c>
      <c r="F8517" s="6" t="s">
        <v>18</v>
      </c>
      <c r="G8517" s="6" t="s">
        <v>17085</v>
      </c>
      <c r="H8517" s="6" t="s">
        <v>17086</v>
      </c>
      <c r="I8517" s="7">
        <v>4.5664541999999999</v>
      </c>
      <c r="J8517" s="8">
        <v>-74.142918300000005</v>
      </c>
    </row>
    <row r="8518" spans="1:10" x14ac:dyDescent="0.35">
      <c r="A8518" s="5" t="s">
        <v>10</v>
      </c>
      <c r="B8518" s="6">
        <v>202332</v>
      </c>
      <c r="C8518" s="6" t="s">
        <v>68</v>
      </c>
      <c r="D8518" s="6" t="s">
        <v>69</v>
      </c>
      <c r="E8518" s="6">
        <v>11001</v>
      </c>
      <c r="F8518" s="6" t="s">
        <v>18</v>
      </c>
      <c r="G8518" s="6" t="s">
        <v>17087</v>
      </c>
      <c r="H8518" s="6" t="s">
        <v>17088</v>
      </c>
      <c r="I8518" s="7">
        <v>4.7217574000000004</v>
      </c>
      <c r="J8518" s="8">
        <v>-74.126577699999999</v>
      </c>
    </row>
    <row r="8519" spans="1:10" x14ac:dyDescent="0.35">
      <c r="A8519" s="5" t="s">
        <v>10</v>
      </c>
      <c r="B8519" s="6">
        <v>212644</v>
      </c>
      <c r="C8519" s="6" t="s">
        <v>68</v>
      </c>
      <c r="D8519" s="6" t="s">
        <v>69</v>
      </c>
      <c r="E8519" s="6">
        <v>11001</v>
      </c>
      <c r="F8519" s="6" t="s">
        <v>18</v>
      </c>
      <c r="G8519" s="6" t="s">
        <v>17089</v>
      </c>
      <c r="H8519" s="6" t="s">
        <v>17090</v>
      </c>
      <c r="I8519" s="7">
        <v>4.4922722999999998</v>
      </c>
      <c r="J8519" s="8">
        <v>-74.115976799999999</v>
      </c>
    </row>
    <row r="8520" spans="1:10" x14ac:dyDescent="0.35">
      <c r="A8520" s="5" t="s">
        <v>10</v>
      </c>
      <c r="B8520" s="6">
        <v>242180</v>
      </c>
      <c r="C8520" s="6" t="s">
        <v>68</v>
      </c>
      <c r="D8520" s="6" t="s">
        <v>69</v>
      </c>
      <c r="E8520" s="6">
        <v>11001</v>
      </c>
      <c r="F8520" s="6" t="s">
        <v>18</v>
      </c>
      <c r="G8520" s="6" t="s">
        <v>17091</v>
      </c>
      <c r="H8520" s="6" t="s">
        <v>17092</v>
      </c>
      <c r="I8520" s="7">
        <v>4.7367774999999996</v>
      </c>
      <c r="J8520" s="8">
        <v>-74.092054300000001</v>
      </c>
    </row>
    <row r="8521" spans="1:10" x14ac:dyDescent="0.35">
      <c r="A8521" s="5" t="s">
        <v>10</v>
      </c>
      <c r="B8521" s="6">
        <v>242267</v>
      </c>
      <c r="C8521" s="6" t="s">
        <v>68</v>
      </c>
      <c r="D8521" s="6" t="s">
        <v>69</v>
      </c>
      <c r="E8521" s="6">
        <v>11001</v>
      </c>
      <c r="F8521" s="6" t="s">
        <v>18</v>
      </c>
      <c r="G8521" s="6" t="s">
        <v>17093</v>
      </c>
      <c r="H8521" s="6" t="s">
        <v>17094</v>
      </c>
      <c r="I8521" s="7">
        <v>4.5944991999999996</v>
      </c>
      <c r="J8521" s="8">
        <v>-74.138508900000005</v>
      </c>
    </row>
    <row r="8522" spans="1:10" x14ac:dyDescent="0.35">
      <c r="A8522" s="5" t="s">
        <v>10</v>
      </c>
      <c r="B8522" s="6">
        <v>190098</v>
      </c>
      <c r="C8522" s="6" t="s">
        <v>68</v>
      </c>
      <c r="D8522" s="6" t="s">
        <v>69</v>
      </c>
      <c r="E8522" s="6">
        <v>11001</v>
      </c>
      <c r="F8522" s="6" t="s">
        <v>13</v>
      </c>
      <c r="G8522" s="6" t="s">
        <v>12374</v>
      </c>
      <c r="H8522" s="6" t="s">
        <v>17095</v>
      </c>
      <c r="I8522" s="7">
        <v>4.6186634</v>
      </c>
      <c r="J8522" s="8">
        <v>-74.135190100000003</v>
      </c>
    </row>
    <row r="8523" spans="1:10" x14ac:dyDescent="0.35">
      <c r="A8523" s="5" t="s">
        <v>10</v>
      </c>
      <c r="B8523" s="6">
        <v>241595</v>
      </c>
      <c r="C8523" s="6" t="s">
        <v>457</v>
      </c>
      <c r="D8523" s="6" t="s">
        <v>17096</v>
      </c>
      <c r="E8523" s="6">
        <v>52079</v>
      </c>
      <c r="F8523" s="6" t="s">
        <v>18</v>
      </c>
      <c r="G8523" s="6" t="s">
        <v>17097</v>
      </c>
      <c r="H8523" s="6" t="s">
        <v>17098</v>
      </c>
      <c r="I8523" s="7">
        <v>1.6711084</v>
      </c>
      <c r="J8523" s="8">
        <v>-78.139392999999998</v>
      </c>
    </row>
    <row r="8524" spans="1:10" x14ac:dyDescent="0.35">
      <c r="A8524" s="5" t="s">
        <v>10</v>
      </c>
      <c r="B8524" s="6">
        <v>240675</v>
      </c>
      <c r="C8524" s="6" t="s">
        <v>190</v>
      </c>
      <c r="D8524" s="6" t="s">
        <v>17099</v>
      </c>
      <c r="E8524" s="6">
        <v>5086</v>
      </c>
      <c r="F8524" s="6" t="s">
        <v>18</v>
      </c>
      <c r="G8524" s="6" t="s">
        <v>17100</v>
      </c>
      <c r="H8524" s="6" t="s">
        <v>17101</v>
      </c>
      <c r="I8524" s="7">
        <v>6.6053335999999998</v>
      </c>
      <c r="J8524" s="8">
        <v>-75.666416799999993</v>
      </c>
    </row>
    <row r="8525" spans="1:10" x14ac:dyDescent="0.35">
      <c r="A8525" s="5" t="s">
        <v>10</v>
      </c>
      <c r="B8525" s="6">
        <v>107071</v>
      </c>
      <c r="C8525" s="6" t="s">
        <v>308</v>
      </c>
      <c r="D8525" s="6" t="s">
        <v>8321</v>
      </c>
      <c r="E8525" s="6">
        <v>23162</v>
      </c>
      <c r="F8525" s="6" t="s">
        <v>13</v>
      </c>
      <c r="G8525" s="6" t="s">
        <v>11877</v>
      </c>
      <c r="H8525" s="6" t="s">
        <v>16280</v>
      </c>
      <c r="I8525" s="7">
        <v>8.8889206999999999</v>
      </c>
      <c r="J8525" s="8">
        <v>-75.789587499999996</v>
      </c>
    </row>
    <row r="8526" spans="1:10" x14ac:dyDescent="0.35">
      <c r="A8526" s="5" t="s">
        <v>10</v>
      </c>
      <c r="B8526" s="6">
        <v>226743</v>
      </c>
      <c r="C8526" s="6" t="s">
        <v>68</v>
      </c>
      <c r="D8526" s="6" t="s">
        <v>69</v>
      </c>
      <c r="E8526" s="6">
        <v>11001</v>
      </c>
      <c r="F8526" s="6" t="s">
        <v>18</v>
      </c>
      <c r="G8526" s="6" t="s">
        <v>10104</v>
      </c>
      <c r="H8526" s="6" t="s">
        <v>17102</v>
      </c>
      <c r="I8526" s="7">
        <v>4.5703101999999998</v>
      </c>
      <c r="J8526" s="8">
        <v>-74.1250687</v>
      </c>
    </row>
    <row r="8527" spans="1:10" x14ac:dyDescent="0.35">
      <c r="A8527" s="5" t="s">
        <v>10</v>
      </c>
      <c r="B8527" s="6">
        <v>234755</v>
      </c>
      <c r="C8527" s="6" t="s">
        <v>68</v>
      </c>
      <c r="D8527" s="6" t="s">
        <v>69</v>
      </c>
      <c r="E8527" s="6">
        <v>11001</v>
      </c>
      <c r="F8527" s="6" t="s">
        <v>18</v>
      </c>
      <c r="G8527" s="6" t="s">
        <v>17103</v>
      </c>
      <c r="H8527" s="6" t="s">
        <v>17104</v>
      </c>
      <c r="I8527" s="7">
        <v>4.6556652999999999</v>
      </c>
      <c r="J8527" s="8">
        <v>-74.112638099999998</v>
      </c>
    </row>
    <row r="8528" spans="1:10" x14ac:dyDescent="0.35">
      <c r="A8528" s="5" t="s">
        <v>10</v>
      </c>
      <c r="B8528" s="6">
        <v>242344</v>
      </c>
      <c r="C8528" s="6" t="s">
        <v>68</v>
      </c>
      <c r="D8528" s="6" t="s">
        <v>69</v>
      </c>
      <c r="E8528" s="6">
        <v>11001</v>
      </c>
      <c r="F8528" s="6" t="s">
        <v>18</v>
      </c>
      <c r="G8528" s="6" t="s">
        <v>17105</v>
      </c>
      <c r="H8528" s="6" t="s">
        <v>17106</v>
      </c>
      <c r="I8528" s="7">
        <v>4.6713203999999999</v>
      </c>
      <c r="J8528" s="8">
        <v>-74.098125100000004</v>
      </c>
    </row>
    <row r="8529" spans="1:10" x14ac:dyDescent="0.35">
      <c r="A8529" s="5" t="s">
        <v>10</v>
      </c>
      <c r="B8529" s="6">
        <v>212376</v>
      </c>
      <c r="C8529" s="6" t="s">
        <v>68</v>
      </c>
      <c r="D8529" s="6" t="s">
        <v>69</v>
      </c>
      <c r="E8529" s="6">
        <v>11001</v>
      </c>
      <c r="F8529" s="6" t="s">
        <v>18</v>
      </c>
      <c r="G8529" s="6" t="s">
        <v>17107</v>
      </c>
      <c r="H8529" s="6" t="s">
        <v>17108</v>
      </c>
      <c r="I8529" s="7">
        <v>4.6802817999999897</v>
      </c>
      <c r="J8529" s="8">
        <v>-74.066691300000002</v>
      </c>
    </row>
    <row r="8530" spans="1:10" x14ac:dyDescent="0.35">
      <c r="A8530" s="5" t="s">
        <v>10</v>
      </c>
      <c r="B8530" s="6">
        <v>214461</v>
      </c>
      <c r="C8530" s="6" t="s">
        <v>68</v>
      </c>
      <c r="D8530" s="6" t="s">
        <v>69</v>
      </c>
      <c r="E8530" s="6">
        <v>11001</v>
      </c>
      <c r="F8530" s="6" t="s">
        <v>18</v>
      </c>
      <c r="G8530" s="6" t="s">
        <v>17109</v>
      </c>
      <c r="H8530" s="6" t="s">
        <v>17110</v>
      </c>
      <c r="I8530" s="7">
        <v>4.7517896999999998</v>
      </c>
      <c r="J8530" s="8">
        <v>-74.116111899999893</v>
      </c>
    </row>
    <row r="8531" spans="1:10" x14ac:dyDescent="0.35">
      <c r="A8531" s="5" t="s">
        <v>10</v>
      </c>
      <c r="B8531" s="6">
        <v>234548</v>
      </c>
      <c r="C8531" s="6" t="s">
        <v>68</v>
      </c>
      <c r="D8531" s="6" t="s">
        <v>69</v>
      </c>
      <c r="E8531" s="6">
        <v>11001</v>
      </c>
      <c r="F8531" s="6" t="s">
        <v>18</v>
      </c>
      <c r="G8531" s="6" t="s">
        <v>17111</v>
      </c>
      <c r="H8531" s="6" t="s">
        <v>17112</v>
      </c>
      <c r="I8531" s="7">
        <v>4.6124428000000002</v>
      </c>
      <c r="J8531" s="8">
        <v>-74.187681600000005</v>
      </c>
    </row>
    <row r="8532" spans="1:10" x14ac:dyDescent="0.35">
      <c r="A8532" s="5" t="s">
        <v>10</v>
      </c>
      <c r="B8532" s="6">
        <v>238750</v>
      </c>
      <c r="C8532" s="6" t="s">
        <v>68</v>
      </c>
      <c r="D8532" s="6" t="s">
        <v>69</v>
      </c>
      <c r="E8532" s="6">
        <v>11001</v>
      </c>
      <c r="F8532" s="6" t="s">
        <v>18</v>
      </c>
      <c r="G8532" s="6" t="s">
        <v>17113</v>
      </c>
      <c r="H8532" s="6" t="s">
        <v>17114</v>
      </c>
      <c r="I8532" s="7">
        <v>4.6394202</v>
      </c>
      <c r="J8532" s="8">
        <v>-74.161249999999995</v>
      </c>
    </row>
    <row r="8533" spans="1:10" x14ac:dyDescent="0.35">
      <c r="A8533" s="5" t="s">
        <v>10</v>
      </c>
      <c r="B8533" s="6">
        <v>204435</v>
      </c>
      <c r="C8533" s="6" t="s">
        <v>68</v>
      </c>
      <c r="D8533" s="6" t="s">
        <v>69</v>
      </c>
      <c r="E8533" s="6">
        <v>11001</v>
      </c>
      <c r="F8533" s="6" t="s">
        <v>18</v>
      </c>
      <c r="G8533" s="6" t="s">
        <v>17115</v>
      </c>
      <c r="H8533" s="6" t="s">
        <v>17116</v>
      </c>
      <c r="I8533" s="7">
        <v>4.7514211</v>
      </c>
      <c r="J8533" s="8">
        <v>-74.114137299999996</v>
      </c>
    </row>
    <row r="8534" spans="1:10" x14ac:dyDescent="0.35">
      <c r="A8534" s="5" t="s">
        <v>10</v>
      </c>
      <c r="B8534" s="6">
        <v>188874</v>
      </c>
      <c r="C8534" s="6" t="s">
        <v>68</v>
      </c>
      <c r="D8534" s="6" t="s">
        <v>69</v>
      </c>
      <c r="E8534" s="6">
        <v>11001</v>
      </c>
      <c r="F8534" s="6" t="s">
        <v>18</v>
      </c>
      <c r="G8534" s="6" t="s">
        <v>17117</v>
      </c>
      <c r="H8534" s="6" t="s">
        <v>17118</v>
      </c>
      <c r="I8534" s="7">
        <v>4.6933935999999896</v>
      </c>
      <c r="J8534" s="8">
        <v>-74.098759799999996</v>
      </c>
    </row>
    <row r="8535" spans="1:10" x14ac:dyDescent="0.35">
      <c r="A8535" s="5" t="s">
        <v>10</v>
      </c>
      <c r="B8535" s="6">
        <v>201851</v>
      </c>
      <c r="C8535" s="6" t="s">
        <v>68</v>
      </c>
      <c r="D8535" s="6" t="s">
        <v>69</v>
      </c>
      <c r="E8535" s="6">
        <v>11001</v>
      </c>
      <c r="F8535" s="6" t="s">
        <v>18</v>
      </c>
      <c r="G8535" s="6" t="s">
        <v>17119</v>
      </c>
      <c r="H8535" s="6" t="s">
        <v>17120</v>
      </c>
      <c r="I8535" s="7">
        <v>4.6268421999999996</v>
      </c>
      <c r="J8535" s="8">
        <v>-74.177277799999999</v>
      </c>
    </row>
    <row r="8536" spans="1:10" x14ac:dyDescent="0.35">
      <c r="A8536" s="5" t="s">
        <v>10</v>
      </c>
      <c r="B8536" s="6">
        <v>215088</v>
      </c>
      <c r="C8536" s="6" t="s">
        <v>68</v>
      </c>
      <c r="D8536" s="6" t="s">
        <v>69</v>
      </c>
      <c r="E8536" s="6">
        <v>11001</v>
      </c>
      <c r="F8536" s="6" t="s">
        <v>18</v>
      </c>
      <c r="G8536" s="6" t="s">
        <v>17121</v>
      </c>
      <c r="H8536" s="6" t="s">
        <v>17122</v>
      </c>
      <c r="I8536" s="7">
        <v>4.5445481000000001</v>
      </c>
      <c r="J8536" s="8">
        <v>-74.120715799999999</v>
      </c>
    </row>
    <row r="8537" spans="1:10" x14ac:dyDescent="0.35">
      <c r="A8537" s="5" t="s">
        <v>10</v>
      </c>
      <c r="B8537" s="6">
        <v>217240</v>
      </c>
      <c r="C8537" s="6" t="s">
        <v>68</v>
      </c>
      <c r="D8537" s="6" t="s">
        <v>69</v>
      </c>
      <c r="E8537" s="6">
        <v>11001</v>
      </c>
      <c r="F8537" s="6" t="s">
        <v>18</v>
      </c>
      <c r="G8537" s="6" t="s">
        <v>113</v>
      </c>
      <c r="H8537" s="6" t="s">
        <v>17123</v>
      </c>
      <c r="I8537" s="7">
        <v>4.5941141999999999</v>
      </c>
      <c r="J8537" s="8">
        <v>-74.157822699999997</v>
      </c>
    </row>
    <row r="8538" spans="1:10" x14ac:dyDescent="0.35">
      <c r="A8538" s="5" t="s">
        <v>10</v>
      </c>
      <c r="B8538" s="6">
        <v>238599</v>
      </c>
      <c r="C8538" s="6" t="s">
        <v>68</v>
      </c>
      <c r="D8538" s="6" t="s">
        <v>69</v>
      </c>
      <c r="E8538" s="6">
        <v>11001</v>
      </c>
      <c r="F8538" s="6" t="s">
        <v>18</v>
      </c>
      <c r="G8538" s="6" t="s">
        <v>17124</v>
      </c>
      <c r="H8538" s="6" t="s">
        <v>17125</v>
      </c>
      <c r="I8538" s="7">
        <v>4.6019645999999996</v>
      </c>
      <c r="J8538" s="8">
        <v>-74.192495500000007</v>
      </c>
    </row>
    <row r="8539" spans="1:10" x14ac:dyDescent="0.35">
      <c r="A8539" s="5" t="s">
        <v>10</v>
      </c>
      <c r="B8539" s="6">
        <v>215738</v>
      </c>
      <c r="C8539" s="6" t="s">
        <v>308</v>
      </c>
      <c r="D8539" s="6" t="s">
        <v>309</v>
      </c>
      <c r="E8539" s="6">
        <v>23001</v>
      </c>
      <c r="F8539" s="6" t="s">
        <v>13</v>
      </c>
      <c r="G8539" s="6" t="s">
        <v>17126</v>
      </c>
      <c r="H8539" s="6" t="s">
        <v>17127</v>
      </c>
      <c r="I8539" s="7">
        <v>8.7353027999999995</v>
      </c>
      <c r="J8539" s="8">
        <v>-75.891898900000001</v>
      </c>
    </row>
    <row r="8540" spans="1:10" x14ac:dyDescent="0.35">
      <c r="A8540" s="5" t="s">
        <v>10</v>
      </c>
      <c r="B8540" s="6">
        <v>207410</v>
      </c>
      <c r="C8540" s="6" t="s">
        <v>7527</v>
      </c>
      <c r="D8540" s="6" t="s">
        <v>17128</v>
      </c>
      <c r="E8540" s="6">
        <v>27372</v>
      </c>
      <c r="F8540" s="6" t="s">
        <v>13</v>
      </c>
      <c r="G8540" s="6" t="s">
        <v>17129</v>
      </c>
      <c r="H8540" s="6" t="s">
        <v>17130</v>
      </c>
      <c r="I8540" s="7">
        <v>7.1026259999999999</v>
      </c>
      <c r="J8540" s="8">
        <v>-77.762045999999998</v>
      </c>
    </row>
    <row r="8541" spans="1:10" x14ac:dyDescent="0.35">
      <c r="A8541" s="5" t="s">
        <v>10</v>
      </c>
      <c r="B8541" s="6">
        <v>237194</v>
      </c>
      <c r="C8541" s="6" t="s">
        <v>24</v>
      </c>
      <c r="D8541" s="6" t="s">
        <v>2991</v>
      </c>
      <c r="E8541" s="6">
        <v>15518</v>
      </c>
      <c r="F8541" s="6" t="s">
        <v>13</v>
      </c>
      <c r="G8541" s="6" t="s">
        <v>17131</v>
      </c>
      <c r="H8541" s="6" t="s">
        <v>17132</v>
      </c>
      <c r="I8541" s="7">
        <v>5.2949634999999997</v>
      </c>
      <c r="J8541" s="8">
        <v>-72.702810200000002</v>
      </c>
    </row>
    <row r="8542" spans="1:10" x14ac:dyDescent="0.35">
      <c r="A8542" s="5" t="s">
        <v>10</v>
      </c>
      <c r="B8542" s="6">
        <v>236412</v>
      </c>
      <c r="C8542" s="6" t="s">
        <v>117</v>
      </c>
      <c r="D8542" s="6" t="s">
        <v>1334</v>
      </c>
      <c r="E8542" s="6">
        <v>76001</v>
      </c>
      <c r="F8542" s="6" t="s">
        <v>18</v>
      </c>
      <c r="G8542" s="6" t="s">
        <v>17133</v>
      </c>
      <c r="H8542" s="6" t="s">
        <v>17134</v>
      </c>
      <c r="I8542" s="7">
        <v>3.4533388999999999</v>
      </c>
      <c r="J8542" s="8">
        <v>-76.530899599999998</v>
      </c>
    </row>
    <row r="8543" spans="1:10" x14ac:dyDescent="0.35">
      <c r="A8543" s="5" t="s">
        <v>10</v>
      </c>
      <c r="B8543" s="6">
        <v>240805</v>
      </c>
      <c r="C8543" s="6" t="s">
        <v>190</v>
      </c>
      <c r="D8543" s="6" t="s">
        <v>4063</v>
      </c>
      <c r="E8543" s="6">
        <v>5088</v>
      </c>
      <c r="F8543" s="6" t="s">
        <v>18</v>
      </c>
      <c r="G8543" s="6" t="s">
        <v>17135</v>
      </c>
      <c r="H8543" s="6" t="s">
        <v>17136</v>
      </c>
      <c r="I8543" s="7">
        <v>6.3178210999999997</v>
      </c>
      <c r="J8543" s="8">
        <v>-75.560170600000006</v>
      </c>
    </row>
    <row r="8544" spans="1:10" x14ac:dyDescent="0.35">
      <c r="A8544" s="5" t="s">
        <v>10</v>
      </c>
      <c r="B8544" s="6">
        <v>225668</v>
      </c>
      <c r="C8544" s="6" t="s">
        <v>68</v>
      </c>
      <c r="D8544" s="6" t="s">
        <v>69</v>
      </c>
      <c r="E8544" s="6">
        <v>11001</v>
      </c>
      <c r="F8544" s="6" t="s">
        <v>18</v>
      </c>
      <c r="G8544" s="6" t="s">
        <v>17137</v>
      </c>
      <c r="H8544" s="6" t="s">
        <v>17138</v>
      </c>
      <c r="I8544" s="7">
        <v>4.5683585000000004</v>
      </c>
      <c r="J8544" s="8">
        <v>-74.116372200000001</v>
      </c>
    </row>
    <row r="8545" spans="1:10" x14ac:dyDescent="0.35">
      <c r="A8545" s="5" t="s">
        <v>10</v>
      </c>
      <c r="B8545" s="6">
        <v>236243</v>
      </c>
      <c r="C8545" s="6" t="s">
        <v>68</v>
      </c>
      <c r="D8545" s="6" t="s">
        <v>69</v>
      </c>
      <c r="E8545" s="6">
        <v>11001</v>
      </c>
      <c r="F8545" s="6" t="s">
        <v>18</v>
      </c>
      <c r="G8545" s="6" t="s">
        <v>17139</v>
      </c>
      <c r="H8545" s="6" t="s">
        <v>17140</v>
      </c>
      <c r="I8545" s="7">
        <v>4.6783346000000003</v>
      </c>
      <c r="J8545" s="8">
        <v>-74.113135700000001</v>
      </c>
    </row>
    <row r="8546" spans="1:10" x14ac:dyDescent="0.35">
      <c r="A8546" s="5" t="s">
        <v>10</v>
      </c>
      <c r="B8546" s="6">
        <v>242186</v>
      </c>
      <c r="C8546" s="6" t="s">
        <v>68</v>
      </c>
      <c r="D8546" s="6" t="s">
        <v>69</v>
      </c>
      <c r="E8546" s="6">
        <v>11001</v>
      </c>
      <c r="F8546" s="6" t="s">
        <v>18</v>
      </c>
      <c r="G8546" s="6" t="s">
        <v>17141</v>
      </c>
      <c r="H8546" s="6" t="s">
        <v>17142</v>
      </c>
      <c r="I8546" s="7">
        <v>4.7236321999999999</v>
      </c>
      <c r="J8546" s="8">
        <v>-74.042795499999997</v>
      </c>
    </row>
    <row r="8547" spans="1:10" x14ac:dyDescent="0.35">
      <c r="A8547" s="5" t="s">
        <v>10</v>
      </c>
      <c r="B8547" s="6">
        <v>247270</v>
      </c>
      <c r="C8547" s="6" t="s">
        <v>68</v>
      </c>
      <c r="D8547" s="6" t="s">
        <v>69</v>
      </c>
      <c r="E8547" s="6">
        <v>11001</v>
      </c>
      <c r="F8547" s="6" t="s">
        <v>18</v>
      </c>
      <c r="G8547" s="6" t="s">
        <v>17143</v>
      </c>
      <c r="H8547" s="6" t="s">
        <v>17144</v>
      </c>
      <c r="I8547" s="7">
        <v>4.7244453999999996</v>
      </c>
      <c r="J8547" s="8">
        <v>-74.071027799999996</v>
      </c>
    </row>
    <row r="8548" spans="1:10" x14ac:dyDescent="0.35">
      <c r="A8548" s="5" t="s">
        <v>10</v>
      </c>
      <c r="B8548" s="6">
        <v>178003</v>
      </c>
      <c r="C8548" s="6" t="s">
        <v>68</v>
      </c>
      <c r="D8548" s="6" t="s">
        <v>69</v>
      </c>
      <c r="E8548" s="6">
        <v>11001</v>
      </c>
      <c r="F8548" s="6" t="s">
        <v>18</v>
      </c>
      <c r="G8548" s="6" t="s">
        <v>13492</v>
      </c>
      <c r="H8548" s="6" t="s">
        <v>13493</v>
      </c>
      <c r="I8548" s="7">
        <v>4.5943692999999897</v>
      </c>
      <c r="J8548" s="8">
        <v>-74.156054400000002</v>
      </c>
    </row>
    <row r="8549" spans="1:10" x14ac:dyDescent="0.35">
      <c r="A8549" s="5" t="s">
        <v>10</v>
      </c>
      <c r="B8549" s="6">
        <v>230032</v>
      </c>
      <c r="C8549" s="6" t="s">
        <v>68</v>
      </c>
      <c r="D8549" s="6" t="s">
        <v>69</v>
      </c>
      <c r="E8549" s="6">
        <v>11001</v>
      </c>
      <c r="F8549" s="6" t="s">
        <v>18</v>
      </c>
      <c r="G8549" s="6" t="s">
        <v>17145</v>
      </c>
      <c r="H8549" s="6" t="s">
        <v>17146</v>
      </c>
      <c r="I8549" s="7">
        <v>4.5618708000000003</v>
      </c>
      <c r="J8549" s="8">
        <v>-74.123479599999996</v>
      </c>
    </row>
    <row r="8550" spans="1:10" x14ac:dyDescent="0.35">
      <c r="A8550" s="5" t="s">
        <v>10</v>
      </c>
      <c r="B8550" s="6">
        <v>235681</v>
      </c>
      <c r="C8550" s="6" t="s">
        <v>68</v>
      </c>
      <c r="D8550" s="6" t="s">
        <v>69</v>
      </c>
      <c r="E8550" s="6">
        <v>11001</v>
      </c>
      <c r="F8550" s="6" t="s">
        <v>18</v>
      </c>
      <c r="G8550" s="6" t="s">
        <v>17147</v>
      </c>
      <c r="H8550" s="6" t="s">
        <v>17148</v>
      </c>
      <c r="I8550" s="7">
        <v>4.5336451999999996</v>
      </c>
      <c r="J8550" s="8">
        <v>-74.088236800000004</v>
      </c>
    </row>
    <row r="8551" spans="1:10" x14ac:dyDescent="0.35">
      <c r="A8551" s="5" t="s">
        <v>10</v>
      </c>
      <c r="B8551" s="6">
        <v>245639</v>
      </c>
      <c r="C8551" s="6" t="s">
        <v>68</v>
      </c>
      <c r="D8551" s="6" t="s">
        <v>69</v>
      </c>
      <c r="E8551" s="6">
        <v>11001</v>
      </c>
      <c r="F8551" s="6" t="s">
        <v>18</v>
      </c>
      <c r="G8551" s="6" t="s">
        <v>17149</v>
      </c>
      <c r="H8551" s="6" t="s">
        <v>17150</v>
      </c>
      <c r="I8551" s="7">
        <v>4.5470300000000003</v>
      </c>
      <c r="J8551" s="8">
        <v>-74.137698499999999</v>
      </c>
    </row>
    <row r="8552" spans="1:10" x14ac:dyDescent="0.35">
      <c r="A8552" s="5" t="s">
        <v>10</v>
      </c>
      <c r="B8552" s="6">
        <v>192827</v>
      </c>
      <c r="C8552" s="6" t="s">
        <v>294</v>
      </c>
      <c r="D8552" s="6" t="s">
        <v>295</v>
      </c>
      <c r="E8552" s="6">
        <v>41359</v>
      </c>
      <c r="F8552" s="6" t="s">
        <v>13</v>
      </c>
      <c r="G8552" s="6" t="s">
        <v>17151</v>
      </c>
      <c r="H8552" s="6" t="s">
        <v>17152</v>
      </c>
      <c r="I8552" s="7">
        <v>1.9304068999999999</v>
      </c>
      <c r="J8552" s="8">
        <v>-76.215374400000002</v>
      </c>
    </row>
    <row r="8553" spans="1:10" x14ac:dyDescent="0.35">
      <c r="A8553" s="5" t="s">
        <v>10</v>
      </c>
      <c r="B8553" s="6">
        <v>221928</v>
      </c>
      <c r="C8553" s="6" t="s">
        <v>308</v>
      </c>
      <c r="D8553" s="6" t="s">
        <v>309</v>
      </c>
      <c r="E8553" s="6">
        <v>23001</v>
      </c>
      <c r="F8553" s="6" t="s">
        <v>13</v>
      </c>
      <c r="G8553" s="6" t="s">
        <v>17153</v>
      </c>
      <c r="H8553" s="6" t="s">
        <v>17154</v>
      </c>
      <c r="I8553" s="7">
        <v>8.7654565000000009</v>
      </c>
      <c r="J8553" s="8">
        <v>-75.901107100000004</v>
      </c>
    </row>
    <row r="8554" spans="1:10" x14ac:dyDescent="0.35">
      <c r="A8554" s="5" t="s">
        <v>10</v>
      </c>
      <c r="B8554" s="6">
        <v>190044</v>
      </c>
      <c r="C8554" s="6" t="s">
        <v>68</v>
      </c>
      <c r="D8554" s="6" t="s">
        <v>69</v>
      </c>
      <c r="E8554" s="6">
        <v>11001</v>
      </c>
      <c r="F8554" s="6" t="s">
        <v>13</v>
      </c>
      <c r="G8554" s="6" t="s">
        <v>12374</v>
      </c>
      <c r="H8554" s="6" t="s">
        <v>17155</v>
      </c>
      <c r="I8554" s="7">
        <v>4.5920950999999999</v>
      </c>
      <c r="J8554" s="8">
        <v>-74.123991399999994</v>
      </c>
    </row>
    <row r="8555" spans="1:10" x14ac:dyDescent="0.35">
      <c r="A8555" s="5" t="s">
        <v>10</v>
      </c>
      <c r="B8555" s="6">
        <v>221072</v>
      </c>
      <c r="C8555" s="6" t="s">
        <v>308</v>
      </c>
      <c r="D8555" s="6" t="s">
        <v>309</v>
      </c>
      <c r="E8555" s="6">
        <v>23001</v>
      </c>
      <c r="F8555" s="6" t="s">
        <v>13</v>
      </c>
      <c r="G8555" s="6" t="s">
        <v>17156</v>
      </c>
      <c r="H8555" s="6" t="s">
        <v>17157</v>
      </c>
      <c r="I8555" s="7">
        <v>8.7347388000000006</v>
      </c>
      <c r="J8555" s="8">
        <v>-75.893032899999994</v>
      </c>
    </row>
    <row r="8556" spans="1:10" x14ac:dyDescent="0.35">
      <c r="A8556" s="5" t="s">
        <v>10</v>
      </c>
      <c r="B8556" s="6">
        <v>186554</v>
      </c>
      <c r="C8556" s="6" t="s">
        <v>294</v>
      </c>
      <c r="D8556" s="6" t="s">
        <v>703</v>
      </c>
      <c r="E8556" s="6">
        <v>41001</v>
      </c>
      <c r="F8556" s="6" t="s">
        <v>13</v>
      </c>
      <c r="G8556" s="6" t="s">
        <v>17158</v>
      </c>
      <c r="H8556" s="6" t="s">
        <v>17159</v>
      </c>
      <c r="I8556" s="7">
        <v>2.9303729999999999</v>
      </c>
      <c r="J8556" s="8">
        <v>-75.265040999999997</v>
      </c>
    </row>
    <row r="8557" spans="1:10" x14ac:dyDescent="0.35">
      <c r="A8557" s="5" t="s">
        <v>10</v>
      </c>
      <c r="B8557" s="6">
        <v>241118</v>
      </c>
      <c r="C8557" s="6" t="s">
        <v>117</v>
      </c>
      <c r="D8557" s="6" t="s">
        <v>1334</v>
      </c>
      <c r="E8557" s="6">
        <v>76001</v>
      </c>
      <c r="F8557" s="6" t="s">
        <v>18</v>
      </c>
      <c r="G8557" s="6" t="s">
        <v>17160</v>
      </c>
      <c r="H8557" s="6" t="s">
        <v>17161</v>
      </c>
      <c r="I8557" s="7">
        <v>3.4137846000000001</v>
      </c>
      <c r="J8557" s="8">
        <v>-76.470709400000004</v>
      </c>
    </row>
    <row r="8558" spans="1:10" x14ac:dyDescent="0.35">
      <c r="A8558" s="5" t="s">
        <v>10</v>
      </c>
      <c r="B8558" s="6">
        <v>241645</v>
      </c>
      <c r="C8558" s="6" t="s">
        <v>457</v>
      </c>
      <c r="D8558" s="6" t="s">
        <v>4400</v>
      </c>
      <c r="E8558" s="6">
        <v>52001</v>
      </c>
      <c r="F8558" s="6" t="s">
        <v>18</v>
      </c>
      <c r="G8558" s="6" t="s">
        <v>17162</v>
      </c>
      <c r="H8558" s="6" t="s">
        <v>17163</v>
      </c>
      <c r="I8558" s="7">
        <v>1.2242777</v>
      </c>
      <c r="J8558" s="8">
        <v>-77.290607300000005</v>
      </c>
    </row>
    <row r="8559" spans="1:10" x14ac:dyDescent="0.35">
      <c r="A8559" s="5" t="s">
        <v>10</v>
      </c>
      <c r="B8559" s="6">
        <v>240367</v>
      </c>
      <c r="C8559" s="6" t="s">
        <v>117</v>
      </c>
      <c r="D8559" s="6" t="s">
        <v>118</v>
      </c>
      <c r="E8559" s="6">
        <v>76400</v>
      </c>
      <c r="F8559" s="6" t="s">
        <v>18</v>
      </c>
      <c r="G8559" s="6" t="s">
        <v>17164</v>
      </c>
      <c r="H8559" s="6" t="s">
        <v>17165</v>
      </c>
      <c r="I8559" s="7">
        <v>4.5332179000000004</v>
      </c>
      <c r="J8559" s="8">
        <v>-76.103380599999994</v>
      </c>
    </row>
    <row r="8560" spans="1:10" x14ac:dyDescent="0.35">
      <c r="A8560" s="5" t="s">
        <v>10</v>
      </c>
      <c r="B8560" s="6">
        <v>224870</v>
      </c>
      <c r="C8560" s="6" t="s">
        <v>190</v>
      </c>
      <c r="D8560" s="6" t="s">
        <v>4063</v>
      </c>
      <c r="E8560" s="6">
        <v>5088</v>
      </c>
      <c r="F8560" s="6" t="s">
        <v>18</v>
      </c>
      <c r="G8560" s="6" t="s">
        <v>17166</v>
      </c>
      <c r="H8560" s="6" t="s">
        <v>17167</v>
      </c>
      <c r="I8560" s="7">
        <v>6.3500907999999896</v>
      </c>
      <c r="J8560" s="8">
        <v>-75.567091599999998</v>
      </c>
    </row>
    <row r="8561" spans="1:10" x14ac:dyDescent="0.35">
      <c r="A8561" s="5" t="s">
        <v>10</v>
      </c>
      <c r="B8561" s="6">
        <v>229831</v>
      </c>
      <c r="C8561" s="6" t="s">
        <v>190</v>
      </c>
      <c r="D8561" s="6" t="s">
        <v>191</v>
      </c>
      <c r="E8561" s="6">
        <v>5001</v>
      </c>
      <c r="F8561" s="6" t="s">
        <v>18</v>
      </c>
      <c r="G8561" s="6" t="s">
        <v>17168</v>
      </c>
      <c r="H8561" s="6" t="s">
        <v>17169</v>
      </c>
      <c r="I8561" s="7">
        <v>6.2653726000000001</v>
      </c>
      <c r="J8561" s="8">
        <v>-75.546313499999997</v>
      </c>
    </row>
    <row r="8562" spans="1:10" x14ac:dyDescent="0.35">
      <c r="A8562" s="5" t="s">
        <v>10</v>
      </c>
      <c r="B8562" s="6">
        <v>190158</v>
      </c>
      <c r="C8562" s="6" t="s">
        <v>68</v>
      </c>
      <c r="D8562" s="6" t="s">
        <v>69</v>
      </c>
      <c r="E8562" s="6">
        <v>11001</v>
      </c>
      <c r="F8562" s="6" t="s">
        <v>18</v>
      </c>
      <c r="G8562" s="6" t="s">
        <v>14780</v>
      </c>
      <c r="H8562" s="6" t="s">
        <v>17170</v>
      </c>
      <c r="I8562" s="7">
        <v>4.5455021999999996</v>
      </c>
      <c r="J8562" s="8">
        <v>-74.091087899999906</v>
      </c>
    </row>
    <row r="8563" spans="1:10" x14ac:dyDescent="0.35">
      <c r="A8563" s="5" t="s">
        <v>10</v>
      </c>
      <c r="B8563" s="6">
        <v>228636</v>
      </c>
      <c r="C8563" s="6" t="s">
        <v>68</v>
      </c>
      <c r="D8563" s="6" t="s">
        <v>69</v>
      </c>
      <c r="E8563" s="6">
        <v>11001</v>
      </c>
      <c r="F8563" s="6" t="s">
        <v>18</v>
      </c>
      <c r="G8563" s="6" t="s">
        <v>17171</v>
      </c>
      <c r="H8563" s="6" t="s">
        <v>17172</v>
      </c>
      <c r="I8563" s="7">
        <v>4.7398020000000001</v>
      </c>
      <c r="J8563" s="8">
        <v>-74.115055999999996</v>
      </c>
    </row>
    <row r="8564" spans="1:10" x14ac:dyDescent="0.35">
      <c r="A8564" s="5" t="s">
        <v>10</v>
      </c>
      <c r="B8564" s="6">
        <v>238316</v>
      </c>
      <c r="C8564" s="6" t="s">
        <v>68</v>
      </c>
      <c r="D8564" s="6" t="s">
        <v>69</v>
      </c>
      <c r="E8564" s="6">
        <v>11001</v>
      </c>
      <c r="F8564" s="6" t="s">
        <v>18</v>
      </c>
      <c r="G8564" s="6" t="s">
        <v>17173</v>
      </c>
      <c r="H8564" s="6" t="s">
        <v>17174</v>
      </c>
      <c r="I8564" s="7">
        <v>4.6240857999999996</v>
      </c>
      <c r="J8564" s="8">
        <v>-74.166370599999993</v>
      </c>
    </row>
    <row r="8565" spans="1:10" x14ac:dyDescent="0.35">
      <c r="A8565" s="5" t="s">
        <v>10</v>
      </c>
      <c r="B8565" s="6">
        <v>200373</v>
      </c>
      <c r="C8565" s="6" t="s">
        <v>68</v>
      </c>
      <c r="D8565" s="6" t="s">
        <v>69</v>
      </c>
      <c r="E8565" s="6">
        <v>11001</v>
      </c>
      <c r="F8565" s="6" t="s">
        <v>18</v>
      </c>
      <c r="G8565" s="6" t="s">
        <v>17175</v>
      </c>
      <c r="H8565" s="6" t="s">
        <v>17176</v>
      </c>
      <c r="I8565" s="7">
        <v>4.7223199999999999</v>
      </c>
      <c r="J8565" s="8">
        <v>-74.118759900000001</v>
      </c>
    </row>
    <row r="8566" spans="1:10" x14ac:dyDescent="0.35">
      <c r="A8566" s="5" t="s">
        <v>10</v>
      </c>
      <c r="B8566" s="6">
        <v>234241</v>
      </c>
      <c r="C8566" s="6" t="s">
        <v>68</v>
      </c>
      <c r="D8566" s="6" t="s">
        <v>69</v>
      </c>
      <c r="E8566" s="6">
        <v>11001</v>
      </c>
      <c r="F8566" s="6" t="s">
        <v>18</v>
      </c>
      <c r="G8566" s="6" t="s">
        <v>17177</v>
      </c>
      <c r="H8566" s="6" t="s">
        <v>17178</v>
      </c>
      <c r="I8566" s="7">
        <v>4.6371718</v>
      </c>
      <c r="J8566" s="8">
        <v>-74.166315800000007</v>
      </c>
    </row>
    <row r="8567" spans="1:10" x14ac:dyDescent="0.35">
      <c r="A8567" s="5" t="s">
        <v>10</v>
      </c>
      <c r="B8567" s="6">
        <v>209987</v>
      </c>
      <c r="C8567" s="6" t="s">
        <v>68</v>
      </c>
      <c r="D8567" s="6" t="s">
        <v>69</v>
      </c>
      <c r="E8567" s="6">
        <v>11001</v>
      </c>
      <c r="F8567" s="6" t="s">
        <v>18</v>
      </c>
      <c r="G8567" s="6" t="s">
        <v>17179</v>
      </c>
      <c r="H8567" s="6" t="s">
        <v>17180</v>
      </c>
      <c r="I8567" s="7">
        <v>4.6548826999999999</v>
      </c>
      <c r="J8567" s="8">
        <v>-74.137255499999995</v>
      </c>
    </row>
    <row r="8568" spans="1:10" x14ac:dyDescent="0.35">
      <c r="A8568" s="5" t="s">
        <v>10</v>
      </c>
      <c r="B8568" s="6">
        <v>242564</v>
      </c>
      <c r="C8568" s="6" t="s">
        <v>68</v>
      </c>
      <c r="D8568" s="6" t="s">
        <v>69</v>
      </c>
      <c r="E8568" s="6">
        <v>11001</v>
      </c>
      <c r="F8568" s="6" t="s">
        <v>18</v>
      </c>
      <c r="G8568" s="6" t="s">
        <v>17181</v>
      </c>
      <c r="H8568" s="6" t="s">
        <v>17182</v>
      </c>
      <c r="I8568" s="7">
        <v>4.5725987999999997</v>
      </c>
      <c r="J8568" s="8">
        <v>-74.150004499999994</v>
      </c>
    </row>
    <row r="8569" spans="1:10" x14ac:dyDescent="0.35">
      <c r="A8569" s="5" t="s">
        <v>10</v>
      </c>
      <c r="B8569" s="6">
        <v>206683</v>
      </c>
      <c r="C8569" s="6" t="s">
        <v>68</v>
      </c>
      <c r="D8569" s="6" t="s">
        <v>69</v>
      </c>
      <c r="E8569" s="6">
        <v>11001</v>
      </c>
      <c r="F8569" s="6" t="s">
        <v>18</v>
      </c>
      <c r="G8569" s="6" t="s">
        <v>17183</v>
      </c>
      <c r="H8569" s="6" t="s">
        <v>17184</v>
      </c>
      <c r="I8569" s="7">
        <v>4.7469117999999897</v>
      </c>
      <c r="J8569" s="8">
        <v>-74.115921099999994</v>
      </c>
    </row>
    <row r="8570" spans="1:10" x14ac:dyDescent="0.35">
      <c r="A8570" s="5" t="s">
        <v>10</v>
      </c>
      <c r="B8570" s="6">
        <v>223768</v>
      </c>
      <c r="C8570" s="6" t="s">
        <v>68</v>
      </c>
      <c r="D8570" s="6" t="s">
        <v>69</v>
      </c>
      <c r="E8570" s="6">
        <v>11001</v>
      </c>
      <c r="F8570" s="6" t="s">
        <v>18</v>
      </c>
      <c r="G8570" s="6" t="s">
        <v>17185</v>
      </c>
      <c r="H8570" s="6" t="s">
        <v>17186</v>
      </c>
      <c r="I8570" s="7">
        <v>4.5862577999999896</v>
      </c>
      <c r="J8570" s="8">
        <v>-74.099494199999995</v>
      </c>
    </row>
    <row r="8571" spans="1:10" x14ac:dyDescent="0.35">
      <c r="A8571" s="5" t="s">
        <v>10</v>
      </c>
      <c r="B8571" s="6">
        <v>229842</v>
      </c>
      <c r="C8571" s="6" t="s">
        <v>68</v>
      </c>
      <c r="D8571" s="6" t="s">
        <v>69</v>
      </c>
      <c r="E8571" s="6">
        <v>11001</v>
      </c>
      <c r="F8571" s="6" t="s">
        <v>18</v>
      </c>
      <c r="G8571" s="6" t="s">
        <v>17187</v>
      </c>
      <c r="H8571" s="6" t="s">
        <v>17188</v>
      </c>
      <c r="I8571" s="7">
        <v>4.6106432000000002</v>
      </c>
      <c r="J8571" s="8">
        <v>-74.191202000000004</v>
      </c>
    </row>
    <row r="8572" spans="1:10" x14ac:dyDescent="0.35">
      <c r="A8572" s="5" t="s">
        <v>10</v>
      </c>
      <c r="B8572" s="6">
        <v>245889</v>
      </c>
      <c r="C8572" s="6" t="s">
        <v>68</v>
      </c>
      <c r="D8572" s="6" t="s">
        <v>69</v>
      </c>
      <c r="E8572" s="6">
        <v>11001</v>
      </c>
      <c r="F8572" s="6" t="s">
        <v>18</v>
      </c>
      <c r="G8572" s="6" t="s">
        <v>17189</v>
      </c>
      <c r="H8572" s="6" t="s">
        <v>17190</v>
      </c>
      <c r="I8572" s="7">
        <v>4.6630115999999999</v>
      </c>
      <c r="J8572" s="8">
        <v>-74.070676599999999</v>
      </c>
    </row>
    <row r="8573" spans="1:10" x14ac:dyDescent="0.35">
      <c r="A8573" s="5" t="s">
        <v>10</v>
      </c>
      <c r="B8573" s="6">
        <v>218339</v>
      </c>
      <c r="C8573" s="6" t="s">
        <v>2130</v>
      </c>
      <c r="D8573" s="6" t="s">
        <v>2131</v>
      </c>
      <c r="E8573" s="6">
        <v>85001</v>
      </c>
      <c r="F8573" s="6" t="s">
        <v>18</v>
      </c>
      <c r="G8573" s="6" t="s">
        <v>17191</v>
      </c>
      <c r="H8573" s="6" t="s">
        <v>17192</v>
      </c>
      <c r="I8573" s="7">
        <v>5.3182711999999999</v>
      </c>
      <c r="J8573" s="8">
        <v>-72.398834100000002</v>
      </c>
    </row>
    <row r="8574" spans="1:10" x14ac:dyDescent="0.35">
      <c r="A8574" s="5" t="s">
        <v>10</v>
      </c>
      <c r="B8574" s="6">
        <v>210946</v>
      </c>
      <c r="C8574" s="6" t="s">
        <v>68</v>
      </c>
      <c r="D8574" s="6" t="s">
        <v>69</v>
      </c>
      <c r="E8574" s="6">
        <v>11001</v>
      </c>
      <c r="F8574" s="6" t="s">
        <v>13</v>
      </c>
      <c r="G8574" s="6" t="s">
        <v>17193</v>
      </c>
      <c r="H8574" s="6" t="s">
        <v>17194</v>
      </c>
      <c r="I8574" s="7">
        <v>4.6383390999999996</v>
      </c>
      <c r="J8574" s="8">
        <v>-74.172987699999993</v>
      </c>
    </row>
    <row r="8575" spans="1:10" x14ac:dyDescent="0.35">
      <c r="A8575" s="5" t="s">
        <v>10</v>
      </c>
      <c r="B8575" s="6">
        <v>190095</v>
      </c>
      <c r="C8575" s="6" t="s">
        <v>11</v>
      </c>
      <c r="D8575" s="6" t="s">
        <v>12</v>
      </c>
      <c r="E8575" s="6">
        <v>25899</v>
      </c>
      <c r="F8575" s="6" t="s">
        <v>13</v>
      </c>
      <c r="G8575" s="6" t="s">
        <v>12374</v>
      </c>
      <c r="H8575" s="6" t="s">
        <v>17195</v>
      </c>
      <c r="I8575" s="7">
        <v>5.0199411999999999</v>
      </c>
      <c r="J8575" s="8">
        <v>-74.000998199999998</v>
      </c>
    </row>
    <row r="8576" spans="1:10" x14ac:dyDescent="0.35">
      <c r="A8576" s="5" t="s">
        <v>10</v>
      </c>
      <c r="B8576" s="6">
        <v>247422</v>
      </c>
      <c r="C8576" s="6" t="s">
        <v>308</v>
      </c>
      <c r="D8576" s="6" t="s">
        <v>309</v>
      </c>
      <c r="E8576" s="6">
        <v>23001</v>
      </c>
      <c r="F8576" s="6" t="s">
        <v>13</v>
      </c>
      <c r="G8576" s="6" t="s">
        <v>17196</v>
      </c>
      <c r="H8576" s="6" t="s">
        <v>17197</v>
      </c>
      <c r="I8576" s="7">
        <v>8.7548990999999994</v>
      </c>
      <c r="J8576" s="8">
        <v>-75.889228200000005</v>
      </c>
    </row>
    <row r="8577" spans="1:10" x14ac:dyDescent="0.35">
      <c r="A8577" s="5" t="s">
        <v>10</v>
      </c>
      <c r="B8577" s="6">
        <v>203839</v>
      </c>
      <c r="C8577" s="6" t="s">
        <v>190</v>
      </c>
      <c r="D8577" s="6" t="s">
        <v>17198</v>
      </c>
      <c r="E8577" s="6">
        <v>5004</v>
      </c>
      <c r="F8577" s="6" t="s">
        <v>18</v>
      </c>
      <c r="G8577" s="6" t="s">
        <v>17199</v>
      </c>
      <c r="H8577" s="6" t="s">
        <v>17200</v>
      </c>
      <c r="I8577" s="7">
        <v>10.4229301</v>
      </c>
      <c r="J8577" s="8">
        <v>-75.550232399999999</v>
      </c>
    </row>
    <row r="8578" spans="1:10" x14ac:dyDescent="0.35">
      <c r="A8578" s="5" t="s">
        <v>10</v>
      </c>
      <c r="B8578" s="6">
        <v>206349</v>
      </c>
      <c r="C8578" s="6" t="s">
        <v>68</v>
      </c>
      <c r="D8578" s="6" t="s">
        <v>69</v>
      </c>
      <c r="E8578" s="6">
        <v>11001</v>
      </c>
      <c r="F8578" s="6" t="s">
        <v>18</v>
      </c>
      <c r="G8578" s="6" t="s">
        <v>17201</v>
      </c>
      <c r="H8578" s="6" t="s">
        <v>17202</v>
      </c>
      <c r="I8578" s="7">
        <v>4.7438548999999997</v>
      </c>
      <c r="J8578" s="8">
        <v>-74.036867899999905</v>
      </c>
    </row>
    <row r="8579" spans="1:10" x14ac:dyDescent="0.35">
      <c r="A8579" s="5" t="s">
        <v>10</v>
      </c>
      <c r="B8579" s="6">
        <v>219291</v>
      </c>
      <c r="C8579" s="6" t="s">
        <v>68</v>
      </c>
      <c r="D8579" s="6" t="s">
        <v>69</v>
      </c>
      <c r="E8579" s="6">
        <v>11001</v>
      </c>
      <c r="F8579" s="6" t="s">
        <v>18</v>
      </c>
      <c r="G8579" s="6" t="s">
        <v>17203</v>
      </c>
      <c r="H8579" s="6" t="s">
        <v>17204</v>
      </c>
      <c r="I8579" s="7">
        <v>4.7114598999999897</v>
      </c>
      <c r="J8579" s="8">
        <v>-74.142381</v>
      </c>
    </row>
    <row r="8580" spans="1:10" x14ac:dyDescent="0.35">
      <c r="A8580" s="5" t="s">
        <v>10</v>
      </c>
      <c r="B8580" s="6">
        <v>232792</v>
      </c>
      <c r="C8580" s="6" t="s">
        <v>68</v>
      </c>
      <c r="D8580" s="6" t="s">
        <v>69</v>
      </c>
      <c r="E8580" s="6">
        <v>11001</v>
      </c>
      <c r="F8580" s="6" t="s">
        <v>18</v>
      </c>
      <c r="G8580" s="6" t="s">
        <v>17205</v>
      </c>
      <c r="H8580" s="6" t="s">
        <v>17206</v>
      </c>
      <c r="I8580" s="7">
        <v>4.5736800000000004</v>
      </c>
      <c r="J8580" s="8">
        <v>-74.153790000000001</v>
      </c>
    </row>
    <row r="8581" spans="1:10" x14ac:dyDescent="0.35">
      <c r="A8581" s="5" t="s">
        <v>10</v>
      </c>
      <c r="B8581" s="6">
        <v>236294</v>
      </c>
      <c r="C8581" s="6" t="s">
        <v>68</v>
      </c>
      <c r="D8581" s="6" t="s">
        <v>69</v>
      </c>
      <c r="E8581" s="6">
        <v>11001</v>
      </c>
      <c r="F8581" s="6" t="s">
        <v>18</v>
      </c>
      <c r="G8581" s="6" t="s">
        <v>17207</v>
      </c>
      <c r="H8581" s="6" t="s">
        <v>17208</v>
      </c>
      <c r="I8581" s="7">
        <v>4.5892533000000002</v>
      </c>
      <c r="J8581" s="8">
        <v>-74.153273499999997</v>
      </c>
    </row>
    <row r="8582" spans="1:10" x14ac:dyDescent="0.35">
      <c r="A8582" s="5" t="s">
        <v>10</v>
      </c>
      <c r="B8582" s="6">
        <v>242078</v>
      </c>
      <c r="C8582" s="6" t="s">
        <v>68</v>
      </c>
      <c r="D8582" s="6" t="s">
        <v>69</v>
      </c>
      <c r="E8582" s="6">
        <v>11001</v>
      </c>
      <c r="F8582" s="6" t="s">
        <v>18</v>
      </c>
      <c r="G8582" s="6" t="s">
        <v>17209</v>
      </c>
      <c r="H8582" s="6" t="s">
        <v>17210</v>
      </c>
      <c r="I8582" s="7">
        <v>4.7262903999999999</v>
      </c>
      <c r="J8582" s="8">
        <v>-74.040523500000006</v>
      </c>
    </row>
    <row r="8583" spans="1:10" x14ac:dyDescent="0.35">
      <c r="A8583" s="5" t="s">
        <v>10</v>
      </c>
      <c r="B8583" s="6">
        <v>242423</v>
      </c>
      <c r="C8583" s="6" t="s">
        <v>68</v>
      </c>
      <c r="D8583" s="6" t="s">
        <v>69</v>
      </c>
      <c r="E8583" s="6">
        <v>11001</v>
      </c>
      <c r="F8583" s="6" t="s">
        <v>18</v>
      </c>
      <c r="G8583" s="6" t="s">
        <v>17211</v>
      </c>
      <c r="H8583" s="6" t="s">
        <v>17212</v>
      </c>
      <c r="I8583" s="7">
        <v>4.6413188999999999</v>
      </c>
      <c r="J8583" s="8">
        <v>-74.139984200000001</v>
      </c>
    </row>
    <row r="8584" spans="1:10" x14ac:dyDescent="0.35">
      <c r="A8584" s="5" t="s">
        <v>10</v>
      </c>
      <c r="B8584" s="6">
        <v>246577</v>
      </c>
      <c r="C8584" s="6" t="s">
        <v>68</v>
      </c>
      <c r="D8584" s="6" t="s">
        <v>69</v>
      </c>
      <c r="E8584" s="6">
        <v>11001</v>
      </c>
      <c r="F8584" s="6" t="s">
        <v>18</v>
      </c>
      <c r="G8584" s="6" t="s">
        <v>17213</v>
      </c>
      <c r="H8584" s="6" t="s">
        <v>17214</v>
      </c>
      <c r="I8584" s="7">
        <v>4.7065992999999997</v>
      </c>
      <c r="J8584" s="8">
        <v>-74.115484199999997</v>
      </c>
    </row>
    <row r="8585" spans="1:10" x14ac:dyDescent="0.35">
      <c r="A8585" s="5" t="s">
        <v>10</v>
      </c>
      <c r="B8585" s="6">
        <v>220893</v>
      </c>
      <c r="C8585" s="6" t="s">
        <v>68</v>
      </c>
      <c r="D8585" s="6" t="s">
        <v>69</v>
      </c>
      <c r="E8585" s="6">
        <v>11001</v>
      </c>
      <c r="F8585" s="6" t="s">
        <v>18</v>
      </c>
      <c r="G8585" s="6" t="s">
        <v>17215</v>
      </c>
      <c r="H8585" s="6" t="s">
        <v>17216</v>
      </c>
      <c r="I8585" s="7">
        <v>4.7412827999999996</v>
      </c>
      <c r="J8585" s="8">
        <v>-74.097806399999996</v>
      </c>
    </row>
    <row r="8586" spans="1:10" x14ac:dyDescent="0.35">
      <c r="A8586" s="5" t="s">
        <v>10</v>
      </c>
      <c r="B8586" s="6">
        <v>238037</v>
      </c>
      <c r="C8586" s="6" t="s">
        <v>68</v>
      </c>
      <c r="D8586" s="6" t="s">
        <v>69</v>
      </c>
      <c r="E8586" s="6">
        <v>11001</v>
      </c>
      <c r="F8586" s="6" t="s">
        <v>18</v>
      </c>
      <c r="G8586" s="6" t="s">
        <v>17217</v>
      </c>
      <c r="H8586" s="6" t="s">
        <v>17218</v>
      </c>
      <c r="I8586" s="7">
        <v>4.7428125000000003</v>
      </c>
      <c r="J8586" s="8">
        <v>-74.101716499999995</v>
      </c>
    </row>
    <row r="8587" spans="1:10" x14ac:dyDescent="0.35">
      <c r="A8587" s="5" t="s">
        <v>10</v>
      </c>
      <c r="B8587" s="6">
        <v>239605</v>
      </c>
      <c r="C8587" s="6" t="s">
        <v>68</v>
      </c>
      <c r="D8587" s="6" t="s">
        <v>69</v>
      </c>
      <c r="E8587" s="6">
        <v>11001</v>
      </c>
      <c r="F8587" s="6" t="s">
        <v>18</v>
      </c>
      <c r="G8587" s="6" t="s">
        <v>17219</v>
      </c>
      <c r="H8587" s="6" t="s">
        <v>17220</v>
      </c>
      <c r="I8587" s="7">
        <v>4.5894753000000001</v>
      </c>
      <c r="J8587" s="8">
        <v>-74.148344300000005</v>
      </c>
    </row>
    <row r="8588" spans="1:10" x14ac:dyDescent="0.35">
      <c r="A8588" s="5" t="s">
        <v>10</v>
      </c>
      <c r="B8588" s="6">
        <v>207678</v>
      </c>
      <c r="C8588" s="6" t="s">
        <v>68</v>
      </c>
      <c r="D8588" s="6" t="s">
        <v>69</v>
      </c>
      <c r="E8588" s="6">
        <v>11001</v>
      </c>
      <c r="F8588" s="6" t="s">
        <v>18</v>
      </c>
      <c r="G8588" s="6" t="s">
        <v>17221</v>
      </c>
      <c r="H8588" s="6" t="s">
        <v>17222</v>
      </c>
      <c r="I8588" s="7">
        <v>4.6540423999999998</v>
      </c>
      <c r="J8588" s="8">
        <v>-74.060840099999993</v>
      </c>
    </row>
    <row r="8589" spans="1:10" x14ac:dyDescent="0.35">
      <c r="A8589" s="5" t="s">
        <v>10</v>
      </c>
      <c r="B8589" s="6">
        <v>212017</v>
      </c>
      <c r="C8589" s="6" t="s">
        <v>68</v>
      </c>
      <c r="D8589" s="6" t="s">
        <v>69</v>
      </c>
      <c r="E8589" s="6">
        <v>11001</v>
      </c>
      <c r="F8589" s="6" t="s">
        <v>18</v>
      </c>
      <c r="G8589" s="6" t="s">
        <v>17223</v>
      </c>
      <c r="H8589" s="6" t="s">
        <v>17224</v>
      </c>
      <c r="I8589" s="7">
        <v>4.6298802999999999</v>
      </c>
      <c r="J8589" s="8">
        <v>-74.179039599999996</v>
      </c>
    </row>
    <row r="8590" spans="1:10" x14ac:dyDescent="0.35">
      <c r="A8590" s="5" t="s">
        <v>10</v>
      </c>
      <c r="B8590" s="6">
        <v>240345</v>
      </c>
      <c r="C8590" s="6" t="s">
        <v>2821</v>
      </c>
      <c r="D8590" s="6" t="s">
        <v>2822</v>
      </c>
      <c r="E8590" s="6">
        <v>47001</v>
      </c>
      <c r="F8590" s="6" t="s">
        <v>13</v>
      </c>
      <c r="G8590" s="6" t="s">
        <v>17225</v>
      </c>
      <c r="H8590" s="6" t="s">
        <v>17226</v>
      </c>
      <c r="I8590" s="7">
        <v>11.2394848</v>
      </c>
      <c r="J8590" s="8">
        <v>-74.181301599999998</v>
      </c>
    </row>
    <row r="8591" spans="1:10" x14ac:dyDescent="0.35">
      <c r="A8591" s="5" t="s">
        <v>10</v>
      </c>
      <c r="B8591" s="6">
        <v>241602</v>
      </c>
      <c r="C8591" s="6" t="s">
        <v>457</v>
      </c>
      <c r="D8591" s="6" t="s">
        <v>4400</v>
      </c>
      <c r="E8591" s="6">
        <v>52001</v>
      </c>
      <c r="F8591" s="6" t="s">
        <v>18</v>
      </c>
      <c r="G8591" s="6" t="s">
        <v>17227</v>
      </c>
      <c r="H8591" s="6" t="s">
        <v>17228</v>
      </c>
      <c r="I8591" s="7">
        <v>1.1990133999999999</v>
      </c>
      <c r="J8591" s="8">
        <v>-77.262002199999998</v>
      </c>
    </row>
    <row r="8592" spans="1:10" x14ac:dyDescent="0.35">
      <c r="A8592" s="5" t="s">
        <v>10</v>
      </c>
      <c r="B8592" s="6">
        <v>189968</v>
      </c>
      <c r="C8592" s="6" t="s">
        <v>68</v>
      </c>
      <c r="D8592" s="6" t="s">
        <v>69</v>
      </c>
      <c r="E8592" s="6">
        <v>11001</v>
      </c>
      <c r="F8592" s="6" t="s">
        <v>18</v>
      </c>
      <c r="G8592" s="6" t="s">
        <v>17229</v>
      </c>
      <c r="H8592" s="6" t="s">
        <v>17230</v>
      </c>
      <c r="I8592" s="7">
        <v>4.6244904999999896</v>
      </c>
      <c r="J8592" s="8">
        <v>-74.196660199999997</v>
      </c>
    </row>
    <row r="8593" spans="1:10" x14ac:dyDescent="0.35">
      <c r="A8593" s="5" t="s">
        <v>10</v>
      </c>
      <c r="B8593" s="6">
        <v>199921</v>
      </c>
      <c r="C8593" s="6" t="s">
        <v>68</v>
      </c>
      <c r="D8593" s="6" t="s">
        <v>69</v>
      </c>
      <c r="E8593" s="6">
        <v>11001</v>
      </c>
      <c r="F8593" s="6" t="s">
        <v>18</v>
      </c>
      <c r="G8593" s="6" t="s">
        <v>17231</v>
      </c>
      <c r="H8593" s="6" t="s">
        <v>17232</v>
      </c>
      <c r="I8593" s="7">
        <v>4.6613509999999998</v>
      </c>
      <c r="J8593" s="8">
        <v>-74.134187999999995</v>
      </c>
    </row>
    <row r="8594" spans="1:10" x14ac:dyDescent="0.35">
      <c r="A8594" s="5" t="s">
        <v>10</v>
      </c>
      <c r="B8594" s="6">
        <v>242311</v>
      </c>
      <c r="C8594" s="6" t="s">
        <v>68</v>
      </c>
      <c r="D8594" s="6" t="s">
        <v>69</v>
      </c>
      <c r="E8594" s="6">
        <v>11001</v>
      </c>
      <c r="F8594" s="6" t="s">
        <v>18</v>
      </c>
      <c r="G8594" s="6" t="s">
        <v>17233</v>
      </c>
      <c r="H8594" s="6" t="s">
        <v>17234</v>
      </c>
      <c r="I8594" s="7">
        <v>4.6197692999999997</v>
      </c>
      <c r="J8594" s="8">
        <v>-74.140321900000004</v>
      </c>
    </row>
    <row r="8595" spans="1:10" x14ac:dyDescent="0.35">
      <c r="A8595" s="5" t="s">
        <v>10</v>
      </c>
      <c r="B8595" s="6">
        <v>242385</v>
      </c>
      <c r="C8595" s="6" t="s">
        <v>68</v>
      </c>
      <c r="D8595" s="6" t="s">
        <v>69</v>
      </c>
      <c r="E8595" s="6">
        <v>11001</v>
      </c>
      <c r="F8595" s="6" t="s">
        <v>18</v>
      </c>
      <c r="G8595" s="6" t="s">
        <v>17235</v>
      </c>
      <c r="H8595" s="6" t="s">
        <v>17236</v>
      </c>
      <c r="I8595" s="7">
        <v>4.6555844000000004</v>
      </c>
      <c r="J8595" s="8">
        <v>-74.078909699999997</v>
      </c>
    </row>
    <row r="8596" spans="1:10" x14ac:dyDescent="0.35">
      <c r="A8596" s="5" t="s">
        <v>10</v>
      </c>
      <c r="B8596" s="6">
        <v>230187</v>
      </c>
      <c r="C8596" s="6" t="s">
        <v>68</v>
      </c>
      <c r="D8596" s="6" t="s">
        <v>69</v>
      </c>
      <c r="E8596" s="6">
        <v>11001</v>
      </c>
      <c r="F8596" s="6" t="s">
        <v>18</v>
      </c>
      <c r="G8596" s="6" t="s">
        <v>17237</v>
      </c>
      <c r="H8596" s="6" t="s">
        <v>17238</v>
      </c>
      <c r="I8596" s="7">
        <v>4.6394264999999999</v>
      </c>
      <c r="J8596" s="8">
        <v>-74.194031899999999</v>
      </c>
    </row>
    <row r="8597" spans="1:10" x14ac:dyDescent="0.35">
      <c r="A8597" s="5" t="s">
        <v>10</v>
      </c>
      <c r="B8597" s="6">
        <v>185047</v>
      </c>
      <c r="C8597" s="6" t="s">
        <v>68</v>
      </c>
      <c r="D8597" s="6" t="s">
        <v>69</v>
      </c>
      <c r="E8597" s="6">
        <v>11001</v>
      </c>
      <c r="F8597" s="6" t="s">
        <v>18</v>
      </c>
      <c r="G8597" s="6" t="s">
        <v>17239</v>
      </c>
      <c r="H8597" s="6" t="s">
        <v>17240</v>
      </c>
      <c r="I8597" s="7">
        <v>4.6216656</v>
      </c>
      <c r="J8597" s="8">
        <v>-74.205459399999995</v>
      </c>
    </row>
    <row r="8598" spans="1:10" x14ac:dyDescent="0.35">
      <c r="A8598" s="5" t="s">
        <v>10</v>
      </c>
      <c r="B8598" s="6">
        <v>77885</v>
      </c>
      <c r="C8598" s="6" t="s">
        <v>4364</v>
      </c>
      <c r="D8598" s="6" t="s">
        <v>7995</v>
      </c>
      <c r="E8598" s="6">
        <v>70508</v>
      </c>
      <c r="F8598" s="6" t="s">
        <v>18</v>
      </c>
      <c r="G8598" s="6" t="s">
        <v>17241</v>
      </c>
      <c r="H8598" s="6" t="s">
        <v>17242</v>
      </c>
      <c r="I8598" s="7">
        <v>9.5251459999999994</v>
      </c>
      <c r="J8598" s="8">
        <v>-75.229669299999998</v>
      </c>
    </row>
    <row r="8599" spans="1:10" x14ac:dyDescent="0.35">
      <c r="A8599" s="5" t="s">
        <v>10</v>
      </c>
      <c r="B8599" s="6">
        <v>230919</v>
      </c>
      <c r="C8599" s="6" t="s">
        <v>2130</v>
      </c>
      <c r="D8599" s="6" t="s">
        <v>2131</v>
      </c>
      <c r="E8599" s="6">
        <v>85001</v>
      </c>
      <c r="F8599" s="6" t="s">
        <v>18</v>
      </c>
      <c r="G8599" s="6" t="s">
        <v>17243</v>
      </c>
      <c r="H8599" s="6" t="s">
        <v>17244</v>
      </c>
      <c r="I8599" s="7">
        <v>5.3154646000000003</v>
      </c>
      <c r="J8599" s="8">
        <v>-72.398692100000005</v>
      </c>
    </row>
    <row r="8600" spans="1:10" x14ac:dyDescent="0.35">
      <c r="A8600" s="5" t="s">
        <v>10</v>
      </c>
      <c r="B8600" s="6">
        <v>210847</v>
      </c>
      <c r="C8600" s="6" t="s">
        <v>11</v>
      </c>
      <c r="D8600" s="6" t="s">
        <v>221</v>
      </c>
      <c r="E8600" s="6">
        <v>25430</v>
      </c>
      <c r="F8600" s="6" t="s">
        <v>18</v>
      </c>
      <c r="G8600" s="6" t="s">
        <v>17245</v>
      </c>
      <c r="H8600" s="6" t="s">
        <v>17246</v>
      </c>
      <c r="I8600" s="7">
        <v>4.7258944999999999</v>
      </c>
      <c r="J8600" s="8">
        <v>-74.285809499999999</v>
      </c>
    </row>
    <row r="8601" spans="1:10" x14ac:dyDescent="0.35">
      <c r="A8601" s="5" t="s">
        <v>10</v>
      </c>
      <c r="B8601" s="6">
        <v>230106</v>
      </c>
      <c r="C8601" s="6" t="s">
        <v>117</v>
      </c>
      <c r="D8601" s="6" t="s">
        <v>12206</v>
      </c>
      <c r="E8601" s="6">
        <v>76845</v>
      </c>
      <c r="F8601" s="6" t="s">
        <v>18</v>
      </c>
      <c r="G8601" s="6" t="s">
        <v>17247</v>
      </c>
      <c r="H8601" s="6" t="s">
        <v>17248</v>
      </c>
      <c r="I8601" s="7">
        <v>4.7516802</v>
      </c>
      <c r="J8601" s="8">
        <v>-75.906875099999993</v>
      </c>
    </row>
    <row r="8602" spans="1:10" x14ac:dyDescent="0.35">
      <c r="A8602" s="5" t="s">
        <v>10</v>
      </c>
      <c r="B8602" s="6">
        <v>241138</v>
      </c>
      <c r="C8602" s="6" t="s">
        <v>117</v>
      </c>
      <c r="D8602" s="6" t="s">
        <v>1291</v>
      </c>
      <c r="E8602" s="6">
        <v>76834</v>
      </c>
      <c r="F8602" s="6" t="s">
        <v>18</v>
      </c>
      <c r="G8602" s="6" t="s">
        <v>17249</v>
      </c>
      <c r="H8602" s="6" t="s">
        <v>17250</v>
      </c>
      <c r="I8602" s="7">
        <v>4.0843026</v>
      </c>
      <c r="J8602" s="8">
        <v>-76.190095499999998</v>
      </c>
    </row>
    <row r="8603" spans="1:10" x14ac:dyDescent="0.35">
      <c r="A8603" s="5" t="s">
        <v>10</v>
      </c>
      <c r="B8603" s="6">
        <v>228545</v>
      </c>
      <c r="C8603" s="6" t="s">
        <v>190</v>
      </c>
      <c r="D8603" s="6" t="s">
        <v>4362</v>
      </c>
      <c r="E8603" s="6">
        <v>5360</v>
      </c>
      <c r="F8603" s="6" t="s">
        <v>18</v>
      </c>
      <c r="G8603" s="6" t="s">
        <v>17251</v>
      </c>
      <c r="H8603" s="6" t="s">
        <v>17252</v>
      </c>
      <c r="I8603" s="7">
        <v>6.2518243</v>
      </c>
      <c r="J8603" s="8">
        <v>-75.568972799999997</v>
      </c>
    </row>
    <row r="8604" spans="1:10" x14ac:dyDescent="0.35">
      <c r="A8604" s="5" t="s">
        <v>10</v>
      </c>
      <c r="B8604" s="6">
        <v>207069</v>
      </c>
      <c r="C8604" s="6" t="s">
        <v>190</v>
      </c>
      <c r="D8604" s="6" t="s">
        <v>13048</v>
      </c>
      <c r="E8604" s="6">
        <v>5321</v>
      </c>
      <c r="F8604" s="6" t="s">
        <v>18</v>
      </c>
      <c r="G8604" s="6" t="s">
        <v>17253</v>
      </c>
      <c r="H8604" s="6" t="s">
        <v>17254</v>
      </c>
      <c r="I8604" s="7">
        <v>6.2337642999999998</v>
      </c>
      <c r="J8604" s="8">
        <v>-75.159221299999999</v>
      </c>
    </row>
    <row r="8605" spans="1:10" x14ac:dyDescent="0.35">
      <c r="A8605" s="5" t="s">
        <v>10</v>
      </c>
      <c r="B8605" s="6">
        <v>238419</v>
      </c>
      <c r="C8605" s="6" t="s">
        <v>190</v>
      </c>
      <c r="D8605" s="6" t="s">
        <v>17255</v>
      </c>
      <c r="E8605" s="6">
        <v>5792</v>
      </c>
      <c r="F8605" s="6" t="s">
        <v>18</v>
      </c>
      <c r="G8605" s="6" t="s">
        <v>17256</v>
      </c>
      <c r="H8605" s="6" t="s">
        <v>17257</v>
      </c>
      <c r="I8605" s="7">
        <v>5.8640946999999999</v>
      </c>
      <c r="J8605" s="8">
        <v>-75.822658000000004</v>
      </c>
    </row>
    <row r="8606" spans="1:10" x14ac:dyDescent="0.35">
      <c r="A8606" s="5" t="s">
        <v>10</v>
      </c>
      <c r="B8606" s="6">
        <v>240495</v>
      </c>
      <c r="C8606" s="6" t="s">
        <v>190</v>
      </c>
      <c r="D8606" s="6" t="s">
        <v>4063</v>
      </c>
      <c r="E8606" s="6">
        <v>5088</v>
      </c>
      <c r="F8606" s="6" t="s">
        <v>18</v>
      </c>
      <c r="G8606" s="6" t="s">
        <v>17258</v>
      </c>
      <c r="H8606" s="6" t="s">
        <v>17259</v>
      </c>
      <c r="I8606" s="7">
        <v>6.3084123999999999</v>
      </c>
      <c r="J8606" s="8">
        <v>-75.554288600000007</v>
      </c>
    </row>
    <row r="8607" spans="1:10" x14ac:dyDescent="0.35">
      <c r="A8607" s="5" t="s">
        <v>10</v>
      </c>
      <c r="B8607" s="6">
        <v>235378</v>
      </c>
      <c r="C8607" s="6" t="s">
        <v>68</v>
      </c>
      <c r="D8607" s="6" t="s">
        <v>69</v>
      </c>
      <c r="E8607" s="6">
        <v>11001</v>
      </c>
      <c r="F8607" s="6" t="s">
        <v>18</v>
      </c>
      <c r="G8607" s="6" t="s">
        <v>17260</v>
      </c>
      <c r="H8607" s="6" t="s">
        <v>17261</v>
      </c>
      <c r="I8607" s="7">
        <v>4.7369589000000003</v>
      </c>
      <c r="J8607" s="8">
        <v>-74.023173200000002</v>
      </c>
    </row>
    <row r="8608" spans="1:10" x14ac:dyDescent="0.35">
      <c r="A8608" s="5" t="s">
        <v>10</v>
      </c>
      <c r="B8608" s="6">
        <v>239693</v>
      </c>
      <c r="C8608" s="6" t="s">
        <v>68</v>
      </c>
      <c r="D8608" s="6" t="s">
        <v>69</v>
      </c>
      <c r="E8608" s="6">
        <v>11001</v>
      </c>
      <c r="F8608" s="6" t="s">
        <v>18</v>
      </c>
      <c r="G8608" s="6" t="s">
        <v>17262</v>
      </c>
      <c r="H8608" s="6" t="s">
        <v>17263</v>
      </c>
      <c r="I8608" s="7">
        <v>4.6477798000000003</v>
      </c>
      <c r="J8608" s="8">
        <v>-74.1644486</v>
      </c>
    </row>
    <row r="8609" spans="1:10" x14ac:dyDescent="0.35">
      <c r="A8609" s="5" t="s">
        <v>10</v>
      </c>
      <c r="B8609" s="6">
        <v>206679</v>
      </c>
      <c r="C8609" s="6" t="s">
        <v>68</v>
      </c>
      <c r="D8609" s="6" t="s">
        <v>69</v>
      </c>
      <c r="E8609" s="6">
        <v>11001</v>
      </c>
      <c r="F8609" s="6" t="s">
        <v>18</v>
      </c>
      <c r="G8609" s="6" t="s">
        <v>11310</v>
      </c>
      <c r="H8609" s="6" t="s">
        <v>17264</v>
      </c>
      <c r="I8609" s="7">
        <v>4.6166304999999896</v>
      </c>
      <c r="J8609" s="8">
        <v>-74.188070699999997</v>
      </c>
    </row>
    <row r="8610" spans="1:10" x14ac:dyDescent="0.35">
      <c r="A8610" s="5" t="s">
        <v>10</v>
      </c>
      <c r="B8610" s="6">
        <v>208609</v>
      </c>
      <c r="C8610" s="6" t="s">
        <v>68</v>
      </c>
      <c r="D8610" s="6" t="s">
        <v>69</v>
      </c>
      <c r="E8610" s="6">
        <v>11001</v>
      </c>
      <c r="F8610" s="6" t="s">
        <v>18</v>
      </c>
      <c r="G8610" s="6" t="s">
        <v>17265</v>
      </c>
      <c r="H8610" s="6" t="s">
        <v>17266</v>
      </c>
      <c r="I8610" s="7">
        <v>4.5052114999999997</v>
      </c>
      <c r="J8610" s="8">
        <v>-74.115237899999997</v>
      </c>
    </row>
    <row r="8611" spans="1:10" x14ac:dyDescent="0.35">
      <c r="A8611" s="5" t="s">
        <v>10</v>
      </c>
      <c r="B8611" s="6">
        <v>224494</v>
      </c>
      <c r="C8611" s="6" t="s">
        <v>68</v>
      </c>
      <c r="D8611" s="6" t="s">
        <v>69</v>
      </c>
      <c r="E8611" s="6">
        <v>11001</v>
      </c>
      <c r="F8611" s="6" t="s">
        <v>18</v>
      </c>
      <c r="G8611" s="6" t="s">
        <v>17267</v>
      </c>
      <c r="H8611" s="6" t="s">
        <v>17268</v>
      </c>
      <c r="I8611" s="7">
        <v>4.5760158999999998</v>
      </c>
      <c r="J8611" s="8">
        <v>-74.089137699999995</v>
      </c>
    </row>
    <row r="8612" spans="1:10" x14ac:dyDescent="0.35">
      <c r="A8612" s="5" t="s">
        <v>10</v>
      </c>
      <c r="B8612" s="6">
        <v>230986</v>
      </c>
      <c r="C8612" s="6" t="s">
        <v>68</v>
      </c>
      <c r="D8612" s="6" t="s">
        <v>69</v>
      </c>
      <c r="E8612" s="6">
        <v>11001</v>
      </c>
      <c r="F8612" s="6" t="s">
        <v>18</v>
      </c>
      <c r="G8612" s="6" t="s">
        <v>17269</v>
      </c>
      <c r="H8612" s="6" t="s">
        <v>17270</v>
      </c>
      <c r="I8612" s="7">
        <v>4.6140932000000001</v>
      </c>
      <c r="J8612" s="8">
        <v>-74.2139703</v>
      </c>
    </row>
    <row r="8613" spans="1:10" x14ac:dyDescent="0.35">
      <c r="A8613" s="5" t="s">
        <v>10</v>
      </c>
      <c r="B8613" s="6">
        <v>178063</v>
      </c>
      <c r="C8613" s="6" t="s">
        <v>68</v>
      </c>
      <c r="D8613" s="6" t="s">
        <v>69</v>
      </c>
      <c r="E8613" s="6">
        <v>11001</v>
      </c>
      <c r="F8613" s="6" t="s">
        <v>18</v>
      </c>
      <c r="G8613" s="6" t="s">
        <v>17271</v>
      </c>
      <c r="H8613" s="6" t="s">
        <v>17272</v>
      </c>
      <c r="I8613" s="7">
        <v>4.5408314000000001</v>
      </c>
      <c r="J8613" s="8">
        <v>-74.148014699999905</v>
      </c>
    </row>
    <row r="8614" spans="1:10" x14ac:dyDescent="0.35">
      <c r="A8614" s="5" t="s">
        <v>10</v>
      </c>
      <c r="B8614" s="6">
        <v>214169</v>
      </c>
      <c r="C8614" s="6" t="s">
        <v>68</v>
      </c>
      <c r="D8614" s="6" t="s">
        <v>69</v>
      </c>
      <c r="E8614" s="6">
        <v>11001</v>
      </c>
      <c r="F8614" s="6" t="s">
        <v>18</v>
      </c>
      <c r="G8614" s="6" t="s">
        <v>17273</v>
      </c>
      <c r="H8614" s="6" t="s">
        <v>17274</v>
      </c>
      <c r="I8614" s="7">
        <v>4.7319307999999998</v>
      </c>
      <c r="J8614" s="8">
        <v>-74.089250899999996</v>
      </c>
    </row>
    <row r="8615" spans="1:10" x14ac:dyDescent="0.35">
      <c r="A8615" s="5" t="s">
        <v>10</v>
      </c>
      <c r="B8615" s="6">
        <v>215034</v>
      </c>
      <c r="C8615" s="6" t="s">
        <v>190</v>
      </c>
      <c r="D8615" s="6" t="s">
        <v>11740</v>
      </c>
      <c r="E8615" s="6">
        <v>5376</v>
      </c>
      <c r="F8615" s="6" t="s">
        <v>18</v>
      </c>
      <c r="G8615" s="6" t="s">
        <v>17275</v>
      </c>
      <c r="H8615" s="6" t="s">
        <v>17276</v>
      </c>
      <c r="I8615" s="7">
        <v>6.0221195999999999</v>
      </c>
      <c r="J8615" s="8">
        <v>-75.433553000000003</v>
      </c>
    </row>
    <row r="8616" spans="1:10" x14ac:dyDescent="0.35">
      <c r="A8616" s="5" t="s">
        <v>10</v>
      </c>
      <c r="B8616" s="6">
        <v>229461</v>
      </c>
      <c r="C8616" s="6" t="s">
        <v>117</v>
      </c>
      <c r="D8616" s="6" t="s">
        <v>1334</v>
      </c>
      <c r="E8616" s="6">
        <v>76001</v>
      </c>
      <c r="F8616" s="6" t="s">
        <v>18</v>
      </c>
      <c r="G8616" s="6" t="s">
        <v>14681</v>
      </c>
      <c r="H8616" s="6" t="s">
        <v>14682</v>
      </c>
      <c r="I8616" s="7">
        <v>3.4129257000000002</v>
      </c>
      <c r="J8616" s="8">
        <v>-76.528416500000006</v>
      </c>
    </row>
    <row r="8617" spans="1:10" x14ac:dyDescent="0.35">
      <c r="A8617" s="5" t="s">
        <v>10</v>
      </c>
      <c r="B8617" s="6">
        <v>239423</v>
      </c>
      <c r="C8617" s="6" t="s">
        <v>117</v>
      </c>
      <c r="D8617" s="6" t="s">
        <v>1334</v>
      </c>
      <c r="E8617" s="6">
        <v>76001</v>
      </c>
      <c r="F8617" s="6" t="s">
        <v>18</v>
      </c>
      <c r="G8617" s="6" t="s">
        <v>17277</v>
      </c>
      <c r="H8617" s="6" t="s">
        <v>17278</v>
      </c>
      <c r="I8617" s="7">
        <v>3.4336661999999998</v>
      </c>
      <c r="J8617" s="8">
        <v>-76.537599499999999</v>
      </c>
    </row>
    <row r="8618" spans="1:10" x14ac:dyDescent="0.35">
      <c r="A8618" s="5" t="s">
        <v>10</v>
      </c>
      <c r="B8618" s="6">
        <v>237146</v>
      </c>
      <c r="C8618" s="6" t="s">
        <v>190</v>
      </c>
      <c r="D8618" s="6" t="s">
        <v>12131</v>
      </c>
      <c r="E8618" s="6">
        <v>5837</v>
      </c>
      <c r="F8618" s="6" t="s">
        <v>18</v>
      </c>
      <c r="G8618" s="6" t="s">
        <v>17279</v>
      </c>
      <c r="H8618" s="6" t="s">
        <v>17280</v>
      </c>
      <c r="I8618" s="7">
        <v>8.0951529999999998</v>
      </c>
      <c r="J8618" s="8">
        <v>-76.728441500000002</v>
      </c>
    </row>
    <row r="8619" spans="1:10" x14ac:dyDescent="0.35">
      <c r="A8619" s="5" t="s">
        <v>10</v>
      </c>
      <c r="B8619" s="6">
        <v>242111</v>
      </c>
      <c r="C8619" s="6" t="s">
        <v>68</v>
      </c>
      <c r="D8619" s="6" t="s">
        <v>69</v>
      </c>
      <c r="E8619" s="6">
        <v>11001</v>
      </c>
      <c r="F8619" s="6" t="s">
        <v>18</v>
      </c>
      <c r="G8619" s="6" t="s">
        <v>17281</v>
      </c>
      <c r="H8619" s="6" t="s">
        <v>17282</v>
      </c>
      <c r="I8619" s="7">
        <v>4.7300554999999997</v>
      </c>
      <c r="J8619" s="8">
        <v>-74.045503499999995</v>
      </c>
    </row>
    <row r="8620" spans="1:10" x14ac:dyDescent="0.35">
      <c r="A8620" s="5" t="s">
        <v>10</v>
      </c>
      <c r="B8620" s="6">
        <v>242280</v>
      </c>
      <c r="C8620" s="6" t="s">
        <v>68</v>
      </c>
      <c r="D8620" s="6" t="s">
        <v>69</v>
      </c>
      <c r="E8620" s="6">
        <v>11001</v>
      </c>
      <c r="F8620" s="6" t="s">
        <v>18</v>
      </c>
      <c r="G8620" s="6" t="s">
        <v>17283</v>
      </c>
      <c r="H8620" s="6" t="s">
        <v>17284</v>
      </c>
      <c r="I8620" s="7">
        <v>4.6375973000000004</v>
      </c>
      <c r="J8620" s="8">
        <v>-74.161379600000004</v>
      </c>
    </row>
    <row r="8621" spans="1:10" x14ac:dyDescent="0.35">
      <c r="A8621" s="5" t="s">
        <v>10</v>
      </c>
      <c r="B8621" s="6">
        <v>199714</v>
      </c>
      <c r="C8621" s="6" t="s">
        <v>68</v>
      </c>
      <c r="D8621" s="6" t="s">
        <v>69</v>
      </c>
      <c r="E8621" s="6">
        <v>11001</v>
      </c>
      <c r="F8621" s="6" t="s">
        <v>18</v>
      </c>
      <c r="G8621" s="6" t="s">
        <v>17285</v>
      </c>
      <c r="H8621" s="6" t="s">
        <v>17286</v>
      </c>
      <c r="I8621" s="7">
        <v>4.6288016999999897</v>
      </c>
      <c r="J8621" s="8">
        <v>-74.120960099999905</v>
      </c>
    </row>
    <row r="8622" spans="1:10" x14ac:dyDescent="0.35">
      <c r="A8622" s="5" t="s">
        <v>10</v>
      </c>
      <c r="B8622" s="6">
        <v>208686</v>
      </c>
      <c r="C8622" s="6" t="s">
        <v>68</v>
      </c>
      <c r="D8622" s="6" t="s">
        <v>69</v>
      </c>
      <c r="E8622" s="6">
        <v>11001</v>
      </c>
      <c r="F8622" s="6" t="s">
        <v>18</v>
      </c>
      <c r="G8622" s="6" t="s">
        <v>17287</v>
      </c>
      <c r="H8622" s="6" t="s">
        <v>17288</v>
      </c>
      <c r="I8622" s="7">
        <v>4.5719726999999999</v>
      </c>
      <c r="J8622" s="8">
        <v>-74.095403899999994</v>
      </c>
    </row>
    <row r="8623" spans="1:10" x14ac:dyDescent="0.35">
      <c r="A8623" s="5" t="s">
        <v>10</v>
      </c>
      <c r="B8623" s="6">
        <v>231211</v>
      </c>
      <c r="C8623" s="6" t="s">
        <v>68</v>
      </c>
      <c r="D8623" s="6" t="s">
        <v>69</v>
      </c>
      <c r="E8623" s="6">
        <v>11001</v>
      </c>
      <c r="F8623" s="6" t="s">
        <v>18</v>
      </c>
      <c r="G8623" s="6" t="s">
        <v>17289</v>
      </c>
      <c r="H8623" s="6" t="s">
        <v>17290</v>
      </c>
      <c r="I8623" s="7">
        <v>4.6215640999999996</v>
      </c>
      <c r="J8623" s="8">
        <v>-74.147160999999997</v>
      </c>
    </row>
    <row r="8624" spans="1:10" x14ac:dyDescent="0.35">
      <c r="A8624" s="5" t="s">
        <v>10</v>
      </c>
      <c r="B8624" s="6">
        <v>233701</v>
      </c>
      <c r="C8624" s="6" t="s">
        <v>68</v>
      </c>
      <c r="D8624" s="6" t="s">
        <v>69</v>
      </c>
      <c r="E8624" s="6">
        <v>11001</v>
      </c>
      <c r="F8624" s="6" t="s">
        <v>18</v>
      </c>
      <c r="G8624" s="6" t="s">
        <v>17291</v>
      </c>
      <c r="H8624" s="6" t="s">
        <v>17292</v>
      </c>
      <c r="I8624" s="7">
        <v>4.5472599999999996</v>
      </c>
      <c r="J8624" s="8">
        <v>-74.149810000000002</v>
      </c>
    </row>
    <row r="8625" spans="1:10" x14ac:dyDescent="0.35">
      <c r="A8625" s="5" t="s">
        <v>10</v>
      </c>
      <c r="B8625" s="6">
        <v>217919</v>
      </c>
      <c r="C8625" s="6" t="s">
        <v>68</v>
      </c>
      <c r="D8625" s="6" t="s">
        <v>69</v>
      </c>
      <c r="E8625" s="6">
        <v>11001</v>
      </c>
      <c r="F8625" s="6" t="s">
        <v>18</v>
      </c>
      <c r="G8625" s="6" t="s">
        <v>17293</v>
      </c>
      <c r="H8625" s="6" t="s">
        <v>17294</v>
      </c>
      <c r="I8625" s="7">
        <v>4.4964566000000001</v>
      </c>
      <c r="J8625" s="8">
        <v>-74.103600999999998</v>
      </c>
    </row>
    <row r="8626" spans="1:10" x14ac:dyDescent="0.35">
      <c r="A8626" s="5" t="s">
        <v>10</v>
      </c>
      <c r="B8626" s="6">
        <v>239010</v>
      </c>
      <c r="C8626" s="6" t="s">
        <v>68</v>
      </c>
      <c r="D8626" s="6" t="s">
        <v>69</v>
      </c>
      <c r="E8626" s="6">
        <v>11001</v>
      </c>
      <c r="F8626" s="6" t="s">
        <v>18</v>
      </c>
      <c r="G8626" s="6" t="s">
        <v>17295</v>
      </c>
      <c r="H8626" s="6" t="s">
        <v>17296</v>
      </c>
      <c r="I8626" s="7">
        <v>4.7378669999999996</v>
      </c>
      <c r="J8626" s="8">
        <v>-74.0975088</v>
      </c>
    </row>
    <row r="8627" spans="1:10" x14ac:dyDescent="0.35">
      <c r="A8627" s="5" t="s">
        <v>10</v>
      </c>
      <c r="B8627" s="6">
        <v>211644</v>
      </c>
      <c r="C8627" s="6" t="s">
        <v>68</v>
      </c>
      <c r="D8627" s="6" t="s">
        <v>69</v>
      </c>
      <c r="E8627" s="6">
        <v>11001</v>
      </c>
      <c r="F8627" s="6" t="s">
        <v>18</v>
      </c>
      <c r="G8627" s="6" t="s">
        <v>17297</v>
      </c>
      <c r="H8627" s="6" t="s">
        <v>17298</v>
      </c>
      <c r="I8627" s="7">
        <v>4.5947732999999999</v>
      </c>
      <c r="J8627" s="8">
        <v>-74.175694199999995</v>
      </c>
    </row>
    <row r="8628" spans="1:10" x14ac:dyDescent="0.35">
      <c r="A8628" s="5" t="s">
        <v>10</v>
      </c>
      <c r="B8628" s="6">
        <v>230754</v>
      </c>
      <c r="C8628" s="6" t="s">
        <v>68</v>
      </c>
      <c r="D8628" s="6" t="s">
        <v>69</v>
      </c>
      <c r="E8628" s="6">
        <v>11001</v>
      </c>
      <c r="F8628" s="6" t="s">
        <v>18</v>
      </c>
      <c r="G8628" s="6" t="s">
        <v>17299</v>
      </c>
      <c r="H8628" s="6" t="s">
        <v>17300</v>
      </c>
      <c r="I8628" s="7">
        <v>4.6212419999999996</v>
      </c>
      <c r="J8628" s="8">
        <v>-74.1124978</v>
      </c>
    </row>
    <row r="8629" spans="1:10" x14ac:dyDescent="0.35">
      <c r="A8629" s="5" t="s">
        <v>10</v>
      </c>
      <c r="B8629" s="6">
        <v>238254</v>
      </c>
      <c r="C8629" s="6" t="s">
        <v>68</v>
      </c>
      <c r="D8629" s="6" t="s">
        <v>69</v>
      </c>
      <c r="E8629" s="6">
        <v>11001</v>
      </c>
      <c r="F8629" s="6" t="s">
        <v>18</v>
      </c>
      <c r="G8629" s="6" t="s">
        <v>17301</v>
      </c>
      <c r="H8629" s="6" t="s">
        <v>17302</v>
      </c>
      <c r="I8629" s="7">
        <v>4.7044996000000001</v>
      </c>
      <c r="J8629" s="8">
        <v>-74.117263800000003</v>
      </c>
    </row>
    <row r="8630" spans="1:10" x14ac:dyDescent="0.35">
      <c r="A8630" s="5" t="s">
        <v>10</v>
      </c>
      <c r="B8630" s="6">
        <v>197171</v>
      </c>
      <c r="C8630" s="6" t="s">
        <v>6569</v>
      </c>
      <c r="D8630" s="6" t="s">
        <v>17303</v>
      </c>
      <c r="E8630" s="6">
        <v>91001</v>
      </c>
      <c r="F8630" s="6" t="s">
        <v>13</v>
      </c>
      <c r="G8630" s="6" t="s">
        <v>17304</v>
      </c>
      <c r="H8630" s="6" t="s">
        <v>17305</v>
      </c>
      <c r="I8630" s="7">
        <v>-4.2107586000000001</v>
      </c>
      <c r="J8630" s="8">
        <v>-69.941420300000004</v>
      </c>
    </row>
    <row r="8631" spans="1:10" x14ac:dyDescent="0.35">
      <c r="A8631" s="5" t="s">
        <v>10</v>
      </c>
      <c r="B8631" s="6">
        <v>190089</v>
      </c>
      <c r="C8631" s="6" t="s">
        <v>55</v>
      </c>
      <c r="D8631" s="6" t="s">
        <v>56</v>
      </c>
      <c r="E8631" s="6">
        <v>73001</v>
      </c>
      <c r="F8631" s="6" t="s">
        <v>13</v>
      </c>
      <c r="G8631" s="6" t="s">
        <v>12374</v>
      </c>
      <c r="H8631" s="6" t="s">
        <v>17306</v>
      </c>
      <c r="I8631" s="7">
        <v>4.4368429000000003</v>
      </c>
      <c r="J8631" s="8">
        <v>-75.201331400000001</v>
      </c>
    </row>
    <row r="8632" spans="1:10" x14ac:dyDescent="0.35">
      <c r="A8632" s="5" t="s">
        <v>10</v>
      </c>
      <c r="B8632" s="6">
        <v>231105</v>
      </c>
      <c r="C8632" s="6" t="s">
        <v>366</v>
      </c>
      <c r="D8632" s="6" t="s">
        <v>367</v>
      </c>
      <c r="E8632" s="6">
        <v>44430</v>
      </c>
      <c r="F8632" s="6" t="s">
        <v>13</v>
      </c>
      <c r="G8632" s="6" t="s">
        <v>17307</v>
      </c>
      <c r="H8632" s="6" t="s">
        <v>17308</v>
      </c>
      <c r="I8632" s="7">
        <v>11.370462</v>
      </c>
      <c r="J8632" s="8">
        <v>-72.233091000000002</v>
      </c>
    </row>
    <row r="8633" spans="1:10" x14ac:dyDescent="0.35">
      <c r="A8633" s="5" t="s">
        <v>10</v>
      </c>
      <c r="B8633" s="6">
        <v>170844</v>
      </c>
      <c r="C8633" s="6" t="s">
        <v>190</v>
      </c>
      <c r="D8633" s="6" t="s">
        <v>191</v>
      </c>
      <c r="E8633" s="6">
        <v>5001</v>
      </c>
      <c r="F8633" s="6" t="s">
        <v>18</v>
      </c>
      <c r="G8633" s="6" t="s">
        <v>16337</v>
      </c>
      <c r="H8633" s="6" t="s">
        <v>17309</v>
      </c>
      <c r="I8633" s="7">
        <v>6.2924330999999896</v>
      </c>
      <c r="J8633" s="8">
        <v>-75.571776700000001</v>
      </c>
    </row>
    <row r="8634" spans="1:10" x14ac:dyDescent="0.35">
      <c r="A8634" s="5" t="s">
        <v>10</v>
      </c>
      <c r="B8634" s="6">
        <v>229636</v>
      </c>
      <c r="C8634" s="6" t="s">
        <v>68</v>
      </c>
      <c r="D8634" s="6" t="s">
        <v>69</v>
      </c>
      <c r="E8634" s="6">
        <v>11001</v>
      </c>
      <c r="F8634" s="6" t="s">
        <v>18</v>
      </c>
      <c r="G8634" s="6" t="s">
        <v>17310</v>
      </c>
      <c r="H8634" s="6" t="s">
        <v>17311</v>
      </c>
      <c r="I8634" s="7">
        <v>4.5753320000000004</v>
      </c>
      <c r="J8634" s="8">
        <v>-74.095303900000005</v>
      </c>
    </row>
    <row r="8635" spans="1:10" x14ac:dyDescent="0.35">
      <c r="A8635" s="5" t="s">
        <v>10</v>
      </c>
      <c r="B8635" s="6">
        <v>246654</v>
      </c>
      <c r="C8635" s="6" t="s">
        <v>68</v>
      </c>
      <c r="D8635" s="6" t="s">
        <v>69</v>
      </c>
      <c r="E8635" s="6">
        <v>11001</v>
      </c>
      <c r="F8635" s="6" t="s">
        <v>18</v>
      </c>
      <c r="G8635" s="6" t="s">
        <v>17312</v>
      </c>
      <c r="H8635" s="6" t="s">
        <v>17313</v>
      </c>
      <c r="I8635" s="7">
        <v>4.5700184000000004</v>
      </c>
      <c r="J8635" s="8">
        <v>-74.098579799999996</v>
      </c>
    </row>
    <row r="8636" spans="1:10" x14ac:dyDescent="0.35">
      <c r="A8636" s="5" t="s">
        <v>10</v>
      </c>
      <c r="B8636" s="6">
        <v>228597</v>
      </c>
      <c r="C8636" s="6" t="s">
        <v>68</v>
      </c>
      <c r="D8636" s="6" t="s">
        <v>69</v>
      </c>
      <c r="E8636" s="6">
        <v>11001</v>
      </c>
      <c r="F8636" s="6" t="s">
        <v>18</v>
      </c>
      <c r="G8636" s="6" t="s">
        <v>17314</v>
      </c>
      <c r="H8636" s="6" t="s">
        <v>17315</v>
      </c>
      <c r="I8636" s="7">
        <v>4.5103096999999996</v>
      </c>
      <c r="J8636" s="8">
        <v>-74.101239199999995</v>
      </c>
    </row>
    <row r="8637" spans="1:10" x14ac:dyDescent="0.35">
      <c r="A8637" s="5" t="s">
        <v>10</v>
      </c>
      <c r="B8637" s="6">
        <v>233434</v>
      </c>
      <c r="C8637" s="6" t="s">
        <v>68</v>
      </c>
      <c r="D8637" s="6" t="s">
        <v>69</v>
      </c>
      <c r="E8637" s="6">
        <v>11001</v>
      </c>
      <c r="F8637" s="6" t="s">
        <v>18</v>
      </c>
      <c r="G8637" s="6" t="s">
        <v>17316</v>
      </c>
      <c r="H8637" s="6" t="s">
        <v>17317</v>
      </c>
      <c r="I8637" s="7">
        <v>4.6262800000000004</v>
      </c>
      <c r="J8637" s="8">
        <v>-74.172510000000003</v>
      </c>
    </row>
    <row r="8638" spans="1:10" x14ac:dyDescent="0.35">
      <c r="A8638" s="5" t="s">
        <v>10</v>
      </c>
      <c r="B8638" s="6">
        <v>235000</v>
      </c>
      <c r="C8638" s="6" t="s">
        <v>68</v>
      </c>
      <c r="D8638" s="6" t="s">
        <v>69</v>
      </c>
      <c r="E8638" s="6">
        <v>11001</v>
      </c>
      <c r="F8638" s="6" t="s">
        <v>18</v>
      </c>
      <c r="G8638" s="6" t="s">
        <v>17318</v>
      </c>
      <c r="H8638" s="6" t="s">
        <v>17319</v>
      </c>
      <c r="I8638" s="7">
        <v>4.7437116000000001</v>
      </c>
      <c r="J8638" s="8">
        <v>-74.123902200000003</v>
      </c>
    </row>
    <row r="8639" spans="1:10" x14ac:dyDescent="0.35">
      <c r="A8639" s="5" t="s">
        <v>10</v>
      </c>
      <c r="B8639" s="6">
        <v>242320</v>
      </c>
      <c r="C8639" s="6" t="s">
        <v>68</v>
      </c>
      <c r="D8639" s="6" t="s">
        <v>69</v>
      </c>
      <c r="E8639" s="6">
        <v>11001</v>
      </c>
      <c r="F8639" s="6" t="s">
        <v>18</v>
      </c>
      <c r="G8639" s="6" t="s">
        <v>17320</v>
      </c>
      <c r="H8639" s="6" t="s">
        <v>17321</v>
      </c>
      <c r="I8639" s="7">
        <v>4.5326122</v>
      </c>
      <c r="J8639" s="8">
        <v>-74.087395000000001</v>
      </c>
    </row>
    <row r="8640" spans="1:10" x14ac:dyDescent="0.35">
      <c r="A8640" s="5" t="s">
        <v>10</v>
      </c>
      <c r="B8640" s="6">
        <v>230335</v>
      </c>
      <c r="C8640" s="6" t="s">
        <v>68</v>
      </c>
      <c r="D8640" s="6" t="s">
        <v>69</v>
      </c>
      <c r="E8640" s="6">
        <v>11001</v>
      </c>
      <c r="F8640" s="6" t="s">
        <v>18</v>
      </c>
      <c r="G8640" s="6" t="s">
        <v>17322</v>
      </c>
      <c r="H8640" s="6" t="s">
        <v>17323</v>
      </c>
      <c r="I8640" s="7">
        <v>4.7647069999999996</v>
      </c>
      <c r="J8640" s="8">
        <v>-74.029583000000002</v>
      </c>
    </row>
    <row r="8641" spans="1:10" x14ac:dyDescent="0.35">
      <c r="A8641" s="5" t="s">
        <v>10</v>
      </c>
      <c r="B8641" s="6">
        <v>230360</v>
      </c>
      <c r="C8641" s="6" t="s">
        <v>68</v>
      </c>
      <c r="D8641" s="6" t="s">
        <v>69</v>
      </c>
      <c r="E8641" s="6">
        <v>11001</v>
      </c>
      <c r="F8641" s="6" t="s">
        <v>18</v>
      </c>
      <c r="G8641" s="6" t="s">
        <v>17324</v>
      </c>
      <c r="H8641" s="6" t="s">
        <v>17325</v>
      </c>
      <c r="I8641" s="7">
        <v>4.6470412000000003</v>
      </c>
      <c r="J8641" s="8">
        <v>-74.167371200000005</v>
      </c>
    </row>
    <row r="8642" spans="1:10" x14ac:dyDescent="0.35">
      <c r="A8642" s="5" t="s">
        <v>10</v>
      </c>
      <c r="B8642" s="6">
        <v>213091</v>
      </c>
      <c r="C8642" s="6" t="s">
        <v>11</v>
      </c>
      <c r="D8642" s="6" t="s">
        <v>334</v>
      </c>
      <c r="E8642" s="6">
        <v>25754</v>
      </c>
      <c r="F8642" s="6" t="s">
        <v>18</v>
      </c>
      <c r="G8642" s="6" t="s">
        <v>855</v>
      </c>
      <c r="H8642" s="6" t="s">
        <v>17326</v>
      </c>
      <c r="I8642" s="7">
        <v>4.5621359999999997</v>
      </c>
      <c r="J8642" s="8">
        <v>-74.234331400000002</v>
      </c>
    </row>
    <row r="8643" spans="1:10" x14ac:dyDescent="0.35">
      <c r="A8643" s="5" t="s">
        <v>10</v>
      </c>
      <c r="B8643" s="6">
        <v>227539</v>
      </c>
      <c r="C8643" s="6" t="s">
        <v>551</v>
      </c>
      <c r="D8643" s="6" t="s">
        <v>3868</v>
      </c>
      <c r="E8643" s="6">
        <v>20001</v>
      </c>
      <c r="F8643" s="6" t="s">
        <v>13</v>
      </c>
      <c r="G8643" s="6" t="s">
        <v>17327</v>
      </c>
      <c r="H8643" s="6" t="s">
        <v>17328</v>
      </c>
      <c r="I8643" s="7">
        <v>10.468829299999999</v>
      </c>
      <c r="J8643" s="8">
        <v>-73.257155900000001</v>
      </c>
    </row>
    <row r="8644" spans="1:10" x14ac:dyDescent="0.35">
      <c r="A8644" s="5" t="s">
        <v>10</v>
      </c>
      <c r="B8644" s="6">
        <v>231941</v>
      </c>
      <c r="C8644" s="6" t="s">
        <v>68</v>
      </c>
      <c r="D8644" s="6" t="s">
        <v>69</v>
      </c>
      <c r="E8644" s="6">
        <v>11001</v>
      </c>
      <c r="F8644" s="6" t="s">
        <v>13</v>
      </c>
      <c r="G8644" s="6" t="s">
        <v>17329</v>
      </c>
      <c r="H8644" s="6" t="s">
        <v>17330</v>
      </c>
      <c r="I8644" s="7">
        <v>4.6485909999999997</v>
      </c>
      <c r="J8644" s="8">
        <v>-74.080956</v>
      </c>
    </row>
    <row r="8645" spans="1:10" x14ac:dyDescent="0.35">
      <c r="A8645" s="5" t="s">
        <v>10</v>
      </c>
      <c r="B8645" s="6">
        <v>205729</v>
      </c>
      <c r="C8645" s="6" t="s">
        <v>11</v>
      </c>
      <c r="D8645" s="6" t="s">
        <v>6346</v>
      </c>
      <c r="E8645" s="6">
        <v>25530</v>
      </c>
      <c r="F8645" s="6" t="s">
        <v>13</v>
      </c>
      <c r="G8645" s="6" t="s">
        <v>17331</v>
      </c>
      <c r="H8645" s="6" t="s">
        <v>17332</v>
      </c>
      <c r="I8645" s="7">
        <v>4.3746916999999996</v>
      </c>
      <c r="J8645" s="8">
        <v>-73.2120879</v>
      </c>
    </row>
    <row r="8646" spans="1:10" x14ac:dyDescent="0.35">
      <c r="A8646" s="5" t="s">
        <v>10</v>
      </c>
      <c r="B8646" s="6">
        <v>240020</v>
      </c>
      <c r="C8646" s="6" t="s">
        <v>117</v>
      </c>
      <c r="D8646" s="6" t="s">
        <v>1334</v>
      </c>
      <c r="E8646" s="6">
        <v>76001</v>
      </c>
      <c r="F8646" s="6" t="s">
        <v>18</v>
      </c>
      <c r="G8646" s="6" t="s">
        <v>17333</v>
      </c>
      <c r="H8646" s="6" t="s">
        <v>17334</v>
      </c>
      <c r="I8646" s="7">
        <v>3.4051366999999999</v>
      </c>
      <c r="J8646" s="8">
        <v>-76.546620799999999</v>
      </c>
    </row>
    <row r="8647" spans="1:10" x14ac:dyDescent="0.35">
      <c r="A8647" s="5" t="s">
        <v>10</v>
      </c>
      <c r="B8647" s="6">
        <v>241137</v>
      </c>
      <c r="C8647" s="6" t="s">
        <v>117</v>
      </c>
      <c r="D8647" s="6" t="s">
        <v>1291</v>
      </c>
      <c r="E8647" s="6">
        <v>76834</v>
      </c>
      <c r="F8647" s="6" t="s">
        <v>18</v>
      </c>
      <c r="G8647" s="6" t="s">
        <v>17335</v>
      </c>
      <c r="H8647" s="6" t="s">
        <v>17336</v>
      </c>
      <c r="I8647" s="7">
        <v>4.0774128000000003</v>
      </c>
      <c r="J8647" s="8">
        <v>-76.194021300000003</v>
      </c>
    </row>
    <row r="8648" spans="1:10" x14ac:dyDescent="0.35">
      <c r="A8648" s="5" t="s">
        <v>10</v>
      </c>
      <c r="B8648" s="6">
        <v>115388</v>
      </c>
      <c r="C8648" s="6" t="s">
        <v>190</v>
      </c>
      <c r="D8648" s="6" t="s">
        <v>8798</v>
      </c>
      <c r="E8648" s="6">
        <v>5101</v>
      </c>
      <c r="F8648" s="6" t="s">
        <v>18</v>
      </c>
      <c r="G8648" s="6" t="s">
        <v>17337</v>
      </c>
      <c r="H8648" s="6" t="s">
        <v>17338</v>
      </c>
      <c r="I8648" s="7">
        <v>5.8498992999999997</v>
      </c>
      <c r="J8648" s="8">
        <v>-76.020477299999996</v>
      </c>
    </row>
    <row r="8649" spans="1:10" x14ac:dyDescent="0.35">
      <c r="A8649" s="5" t="s">
        <v>10</v>
      </c>
      <c r="B8649" s="6">
        <v>242066</v>
      </c>
      <c r="C8649" s="6" t="s">
        <v>68</v>
      </c>
      <c r="D8649" s="6" t="s">
        <v>69</v>
      </c>
      <c r="E8649" s="6">
        <v>11001</v>
      </c>
      <c r="F8649" s="6" t="s">
        <v>18</v>
      </c>
      <c r="G8649" s="6" t="s">
        <v>17339</v>
      </c>
      <c r="H8649" s="6" t="s">
        <v>17340</v>
      </c>
      <c r="I8649" s="7">
        <v>4.7086655000000004</v>
      </c>
      <c r="J8649" s="8">
        <v>-74.102689999999996</v>
      </c>
    </row>
    <row r="8650" spans="1:10" x14ac:dyDescent="0.35">
      <c r="A8650" s="5" t="s">
        <v>10</v>
      </c>
      <c r="B8650" s="6">
        <v>213434</v>
      </c>
      <c r="C8650" s="6" t="s">
        <v>68</v>
      </c>
      <c r="D8650" s="6" t="s">
        <v>69</v>
      </c>
      <c r="E8650" s="6">
        <v>11001</v>
      </c>
      <c r="F8650" s="6" t="s">
        <v>18</v>
      </c>
      <c r="G8650" s="6" t="s">
        <v>12503</v>
      </c>
      <c r="H8650" s="6" t="s">
        <v>17341</v>
      </c>
      <c r="I8650" s="7">
        <v>4.5918656000000002</v>
      </c>
      <c r="J8650" s="8">
        <v>-74.174754199999995</v>
      </c>
    </row>
    <row r="8651" spans="1:10" x14ac:dyDescent="0.35">
      <c r="A8651" s="5" t="s">
        <v>10</v>
      </c>
      <c r="B8651" s="6">
        <v>228901</v>
      </c>
      <c r="C8651" s="6" t="s">
        <v>68</v>
      </c>
      <c r="D8651" s="6" t="s">
        <v>69</v>
      </c>
      <c r="E8651" s="6">
        <v>11001</v>
      </c>
      <c r="F8651" s="6" t="s">
        <v>18</v>
      </c>
      <c r="G8651" s="6" t="s">
        <v>17342</v>
      </c>
      <c r="H8651" s="6" t="s">
        <v>17343</v>
      </c>
      <c r="I8651" s="7">
        <v>4.6947548000000001</v>
      </c>
      <c r="J8651" s="8">
        <v>-74.108779400000003</v>
      </c>
    </row>
    <row r="8652" spans="1:10" x14ac:dyDescent="0.35">
      <c r="A8652" s="5" t="s">
        <v>10</v>
      </c>
      <c r="B8652" s="6">
        <v>242062</v>
      </c>
      <c r="C8652" s="6" t="s">
        <v>68</v>
      </c>
      <c r="D8652" s="6" t="s">
        <v>69</v>
      </c>
      <c r="E8652" s="6">
        <v>11001</v>
      </c>
      <c r="F8652" s="6" t="s">
        <v>18</v>
      </c>
      <c r="G8652" s="6" t="s">
        <v>17344</v>
      </c>
      <c r="H8652" s="6" t="s">
        <v>17345</v>
      </c>
      <c r="I8652" s="7">
        <v>4.5911420999999999</v>
      </c>
      <c r="J8652" s="8">
        <v>-74.091643700000006</v>
      </c>
    </row>
    <row r="8653" spans="1:10" x14ac:dyDescent="0.35">
      <c r="A8653" s="5" t="s">
        <v>10</v>
      </c>
      <c r="B8653" s="6">
        <v>242354</v>
      </c>
      <c r="C8653" s="6" t="s">
        <v>68</v>
      </c>
      <c r="D8653" s="6" t="s">
        <v>69</v>
      </c>
      <c r="E8653" s="6">
        <v>11001</v>
      </c>
      <c r="F8653" s="6" t="s">
        <v>18</v>
      </c>
      <c r="G8653" s="6" t="s">
        <v>17346</v>
      </c>
      <c r="H8653" s="6" t="s">
        <v>17347</v>
      </c>
      <c r="I8653" s="7">
        <v>4.5887143000000004</v>
      </c>
      <c r="J8653" s="8">
        <v>-74.157492700000006</v>
      </c>
    </row>
    <row r="8654" spans="1:10" x14ac:dyDescent="0.35">
      <c r="A8654" s="5" t="s">
        <v>10</v>
      </c>
      <c r="B8654" s="6">
        <v>239027</v>
      </c>
      <c r="C8654" s="6" t="s">
        <v>68</v>
      </c>
      <c r="D8654" s="6" t="s">
        <v>69</v>
      </c>
      <c r="E8654" s="6">
        <v>11001</v>
      </c>
      <c r="F8654" s="6" t="s">
        <v>18</v>
      </c>
      <c r="G8654" s="6" t="s">
        <v>3748</v>
      </c>
      <c r="H8654" s="6" t="s">
        <v>17348</v>
      </c>
      <c r="I8654" s="7">
        <v>4.5898029999999999</v>
      </c>
      <c r="J8654" s="8">
        <v>-74.093397800000005</v>
      </c>
    </row>
    <row r="8655" spans="1:10" x14ac:dyDescent="0.35">
      <c r="A8655" s="5" t="s">
        <v>10</v>
      </c>
      <c r="B8655" s="6">
        <v>212033</v>
      </c>
      <c r="C8655" s="6" t="s">
        <v>68</v>
      </c>
      <c r="D8655" s="6" t="s">
        <v>69</v>
      </c>
      <c r="E8655" s="6">
        <v>11001</v>
      </c>
      <c r="F8655" s="6" t="s">
        <v>18</v>
      </c>
      <c r="G8655" s="6" t="s">
        <v>17349</v>
      </c>
      <c r="H8655" s="6" t="s">
        <v>17350</v>
      </c>
      <c r="I8655" s="7">
        <v>4.5813347999999996</v>
      </c>
      <c r="J8655" s="8">
        <v>-74.124657900000003</v>
      </c>
    </row>
    <row r="8656" spans="1:10" x14ac:dyDescent="0.35">
      <c r="A8656" s="5" t="s">
        <v>10</v>
      </c>
      <c r="B8656" s="6">
        <v>215767</v>
      </c>
      <c r="C8656" s="6" t="s">
        <v>68</v>
      </c>
      <c r="D8656" s="6" t="s">
        <v>69</v>
      </c>
      <c r="E8656" s="6">
        <v>11001</v>
      </c>
      <c r="F8656" s="6" t="s">
        <v>18</v>
      </c>
      <c r="G8656" s="6" t="s">
        <v>17351</v>
      </c>
      <c r="H8656" s="6" t="s">
        <v>17352</v>
      </c>
      <c r="I8656" s="7">
        <v>4.7042801000000001</v>
      </c>
      <c r="J8656" s="8">
        <v>-74.094288699999893</v>
      </c>
    </row>
    <row r="8657" spans="1:10" x14ac:dyDescent="0.35">
      <c r="A8657" s="5" t="s">
        <v>10</v>
      </c>
      <c r="B8657" s="6">
        <v>216276</v>
      </c>
      <c r="C8657" s="6" t="s">
        <v>68</v>
      </c>
      <c r="D8657" s="6" t="s">
        <v>69</v>
      </c>
      <c r="E8657" s="6">
        <v>11001</v>
      </c>
      <c r="F8657" s="6" t="s">
        <v>18</v>
      </c>
      <c r="G8657" s="6" t="s">
        <v>17353</v>
      </c>
      <c r="H8657" s="6" t="s">
        <v>17354</v>
      </c>
      <c r="I8657" s="7">
        <v>4.7166812999999896</v>
      </c>
      <c r="J8657" s="8">
        <v>-74.123948599999906</v>
      </c>
    </row>
    <row r="8658" spans="1:10" x14ac:dyDescent="0.35">
      <c r="A8658" s="5" t="s">
        <v>10</v>
      </c>
      <c r="B8658" s="6">
        <v>229878</v>
      </c>
      <c r="C8658" s="6" t="s">
        <v>117</v>
      </c>
      <c r="D8658" s="6" t="s">
        <v>3860</v>
      </c>
      <c r="E8658" s="6">
        <v>76130</v>
      </c>
      <c r="F8658" s="6" t="s">
        <v>18</v>
      </c>
      <c r="G8658" s="6" t="s">
        <v>17355</v>
      </c>
      <c r="H8658" s="6" t="s">
        <v>17356</v>
      </c>
      <c r="I8658" s="7">
        <v>3.3957221999999998</v>
      </c>
      <c r="J8658" s="8">
        <v>-76.385778700000003</v>
      </c>
    </row>
    <row r="8659" spans="1:10" x14ac:dyDescent="0.35">
      <c r="A8659" s="5" t="s">
        <v>10</v>
      </c>
      <c r="B8659" s="6">
        <v>217845</v>
      </c>
      <c r="C8659" s="6" t="s">
        <v>190</v>
      </c>
      <c r="D8659" s="6" t="s">
        <v>17357</v>
      </c>
      <c r="E8659" s="6">
        <v>5856</v>
      </c>
      <c r="F8659" s="6" t="s">
        <v>18</v>
      </c>
      <c r="G8659" s="6" t="s">
        <v>17358</v>
      </c>
      <c r="H8659" s="6" t="s">
        <v>17359</v>
      </c>
      <c r="I8659" s="7">
        <v>5.6147188999999997</v>
      </c>
      <c r="J8659" s="8">
        <v>-75.625101200000003</v>
      </c>
    </row>
    <row r="8660" spans="1:10" x14ac:dyDescent="0.35">
      <c r="A8660" s="5" t="s">
        <v>10</v>
      </c>
      <c r="B8660" s="6">
        <v>200986</v>
      </c>
      <c r="C8660" s="6" t="s">
        <v>68</v>
      </c>
      <c r="D8660" s="6" t="s">
        <v>69</v>
      </c>
      <c r="E8660" s="6">
        <v>11001</v>
      </c>
      <c r="F8660" s="6" t="s">
        <v>18</v>
      </c>
      <c r="G8660" s="6" t="s">
        <v>17360</v>
      </c>
      <c r="H8660" s="6" t="s">
        <v>17361</v>
      </c>
      <c r="I8660" s="7">
        <v>4.5672416</v>
      </c>
      <c r="J8660" s="8">
        <v>-74.095186099999907</v>
      </c>
    </row>
    <row r="8661" spans="1:10" x14ac:dyDescent="0.35">
      <c r="A8661" s="5" t="s">
        <v>10</v>
      </c>
      <c r="B8661" s="6">
        <v>204936</v>
      </c>
      <c r="C8661" s="6" t="s">
        <v>68</v>
      </c>
      <c r="D8661" s="6" t="s">
        <v>69</v>
      </c>
      <c r="E8661" s="6">
        <v>11001</v>
      </c>
      <c r="F8661" s="6" t="s">
        <v>18</v>
      </c>
      <c r="G8661" s="6" t="s">
        <v>17362</v>
      </c>
      <c r="H8661" s="6" t="s">
        <v>17363</v>
      </c>
      <c r="I8661" s="7">
        <v>4.6300347000000004</v>
      </c>
      <c r="J8661" s="8">
        <v>-74.178843200000003</v>
      </c>
    </row>
    <row r="8662" spans="1:10" x14ac:dyDescent="0.35">
      <c r="A8662" s="5" t="s">
        <v>10</v>
      </c>
      <c r="B8662" s="6">
        <v>225019</v>
      </c>
      <c r="C8662" s="6" t="s">
        <v>68</v>
      </c>
      <c r="D8662" s="6" t="s">
        <v>69</v>
      </c>
      <c r="E8662" s="6">
        <v>11001</v>
      </c>
      <c r="F8662" s="6" t="s">
        <v>18</v>
      </c>
      <c r="G8662" s="6" t="s">
        <v>113</v>
      </c>
      <c r="H8662" s="6" t="s">
        <v>17364</v>
      </c>
      <c r="I8662" s="7">
        <v>4.6021188000000004</v>
      </c>
      <c r="J8662" s="8">
        <v>-74.0694838</v>
      </c>
    </row>
    <row r="8663" spans="1:10" x14ac:dyDescent="0.35">
      <c r="A8663" s="5" t="s">
        <v>10</v>
      </c>
      <c r="B8663" s="6">
        <v>229656</v>
      </c>
      <c r="C8663" s="6" t="s">
        <v>68</v>
      </c>
      <c r="D8663" s="6" t="s">
        <v>69</v>
      </c>
      <c r="E8663" s="6">
        <v>11001</v>
      </c>
      <c r="F8663" s="6" t="s">
        <v>18</v>
      </c>
      <c r="G8663" s="6" t="s">
        <v>17365</v>
      </c>
      <c r="H8663" s="6" t="s">
        <v>17366</v>
      </c>
      <c r="I8663" s="7">
        <v>4.5720229999999997</v>
      </c>
      <c r="J8663" s="8">
        <v>-74.0954464</v>
      </c>
    </row>
    <row r="8664" spans="1:10" x14ac:dyDescent="0.35">
      <c r="A8664" s="5" t="s">
        <v>10</v>
      </c>
      <c r="B8664" s="6">
        <v>233017</v>
      </c>
      <c r="C8664" s="6" t="s">
        <v>68</v>
      </c>
      <c r="D8664" s="6" t="s">
        <v>69</v>
      </c>
      <c r="E8664" s="6">
        <v>11001</v>
      </c>
      <c r="F8664" s="6" t="s">
        <v>18</v>
      </c>
      <c r="G8664" s="6" t="s">
        <v>17367</v>
      </c>
      <c r="H8664" s="6" t="s">
        <v>17368</v>
      </c>
      <c r="I8664" s="7">
        <v>4.5968900000000001</v>
      </c>
      <c r="J8664" s="8">
        <v>-74.18535</v>
      </c>
    </row>
    <row r="8665" spans="1:10" x14ac:dyDescent="0.35">
      <c r="A8665" s="5" t="s">
        <v>10</v>
      </c>
      <c r="B8665" s="6">
        <v>217543</v>
      </c>
      <c r="C8665" s="6" t="s">
        <v>68</v>
      </c>
      <c r="D8665" s="6" t="s">
        <v>69</v>
      </c>
      <c r="E8665" s="6">
        <v>11001</v>
      </c>
      <c r="F8665" s="6" t="s">
        <v>18</v>
      </c>
      <c r="G8665" s="6" t="s">
        <v>17369</v>
      </c>
      <c r="H8665" s="6" t="s">
        <v>17370</v>
      </c>
      <c r="I8665" s="7">
        <v>4.6276799999999998</v>
      </c>
      <c r="J8665" s="8">
        <v>-74.186501999999905</v>
      </c>
    </row>
    <row r="8666" spans="1:10" x14ac:dyDescent="0.35">
      <c r="A8666" s="5" t="s">
        <v>10</v>
      </c>
      <c r="B8666" s="6">
        <v>208388</v>
      </c>
      <c r="C8666" s="6" t="s">
        <v>68</v>
      </c>
      <c r="D8666" s="6" t="s">
        <v>69</v>
      </c>
      <c r="E8666" s="6">
        <v>11001</v>
      </c>
      <c r="F8666" s="6" t="s">
        <v>18</v>
      </c>
      <c r="G8666" s="6" t="s">
        <v>17371</v>
      </c>
      <c r="H8666" s="6" t="s">
        <v>17372</v>
      </c>
      <c r="I8666" s="7">
        <v>4.6166415999999897</v>
      </c>
      <c r="J8666" s="8">
        <v>-74.174558399999995</v>
      </c>
    </row>
    <row r="8667" spans="1:10" x14ac:dyDescent="0.35">
      <c r="A8667" s="5" t="s">
        <v>10</v>
      </c>
      <c r="B8667" s="6">
        <v>237388</v>
      </c>
      <c r="C8667" s="6" t="s">
        <v>68</v>
      </c>
      <c r="D8667" s="6" t="s">
        <v>69</v>
      </c>
      <c r="E8667" s="6">
        <v>11001</v>
      </c>
      <c r="F8667" s="6" t="s">
        <v>18</v>
      </c>
      <c r="G8667" s="6" t="s">
        <v>17373</v>
      </c>
      <c r="H8667" s="6" t="s">
        <v>17374</v>
      </c>
      <c r="I8667" s="7">
        <v>4.7437969000000004</v>
      </c>
      <c r="J8667" s="8">
        <v>-74.122866299999998</v>
      </c>
    </row>
    <row r="8668" spans="1:10" x14ac:dyDescent="0.35">
      <c r="A8668" s="5" t="s">
        <v>10</v>
      </c>
      <c r="B8668" s="6">
        <v>242254</v>
      </c>
      <c r="C8668" s="6" t="s">
        <v>68</v>
      </c>
      <c r="D8668" s="6" t="s">
        <v>69</v>
      </c>
      <c r="E8668" s="6">
        <v>11001</v>
      </c>
      <c r="F8668" s="6" t="s">
        <v>18</v>
      </c>
      <c r="G8668" s="6" t="s">
        <v>17375</v>
      </c>
      <c r="H8668" s="6" t="s">
        <v>17376</v>
      </c>
      <c r="I8668" s="7">
        <v>4.5376767999999998</v>
      </c>
      <c r="J8668" s="8">
        <v>-74.114046999999999</v>
      </c>
    </row>
    <row r="8669" spans="1:10" x14ac:dyDescent="0.35">
      <c r="A8669" s="5" t="s">
        <v>10</v>
      </c>
      <c r="B8669" s="6">
        <v>201304</v>
      </c>
      <c r="C8669" s="6" t="s">
        <v>68</v>
      </c>
      <c r="D8669" s="6" t="s">
        <v>69</v>
      </c>
      <c r="E8669" s="6">
        <v>11001</v>
      </c>
      <c r="F8669" s="6" t="s">
        <v>18</v>
      </c>
      <c r="G8669" s="6" t="s">
        <v>17377</v>
      </c>
      <c r="H8669" s="6" t="s">
        <v>17378</v>
      </c>
      <c r="I8669" s="7">
        <v>4.5568333999999897</v>
      </c>
      <c r="J8669" s="8">
        <v>-74.121738399999998</v>
      </c>
    </row>
    <row r="8670" spans="1:10" x14ac:dyDescent="0.35">
      <c r="A8670" s="5" t="s">
        <v>10</v>
      </c>
      <c r="B8670" s="6">
        <v>239024</v>
      </c>
      <c r="C8670" s="6" t="s">
        <v>68</v>
      </c>
      <c r="D8670" s="6" t="s">
        <v>69</v>
      </c>
      <c r="E8670" s="6">
        <v>11001</v>
      </c>
      <c r="F8670" s="6" t="s">
        <v>18</v>
      </c>
      <c r="G8670" s="6" t="s">
        <v>17379</v>
      </c>
      <c r="H8670" s="6" t="s">
        <v>17380</v>
      </c>
      <c r="I8670" s="7">
        <v>4.7663007000000004</v>
      </c>
      <c r="J8670" s="8">
        <v>-74.0239878</v>
      </c>
    </row>
    <row r="8671" spans="1:10" x14ac:dyDescent="0.35">
      <c r="A8671" s="5" t="s">
        <v>10</v>
      </c>
      <c r="B8671" s="6">
        <v>203452</v>
      </c>
      <c r="C8671" s="6" t="s">
        <v>68</v>
      </c>
      <c r="D8671" s="6" t="s">
        <v>69</v>
      </c>
      <c r="E8671" s="6">
        <v>11001</v>
      </c>
      <c r="F8671" s="6" t="s">
        <v>18</v>
      </c>
      <c r="G8671" s="6" t="s">
        <v>17381</v>
      </c>
      <c r="H8671" s="6" t="s">
        <v>17382</v>
      </c>
      <c r="I8671" s="7">
        <v>4.5851097999999997</v>
      </c>
      <c r="J8671" s="8">
        <v>-74.083779300000003</v>
      </c>
    </row>
    <row r="8672" spans="1:10" x14ac:dyDescent="0.35">
      <c r="A8672" s="5" t="s">
        <v>10</v>
      </c>
      <c r="B8672" s="6">
        <v>234532</v>
      </c>
      <c r="C8672" s="6" t="s">
        <v>68</v>
      </c>
      <c r="D8672" s="6" t="s">
        <v>69</v>
      </c>
      <c r="E8672" s="6">
        <v>11001</v>
      </c>
      <c r="F8672" s="6" t="s">
        <v>70</v>
      </c>
      <c r="G8672" s="6" t="s">
        <v>17383</v>
      </c>
      <c r="H8672" s="6" t="s">
        <v>10299</v>
      </c>
      <c r="I8672" s="7">
        <v>4.6533553999999997</v>
      </c>
      <c r="J8672" s="8">
        <v>-74.057007200000001</v>
      </c>
    </row>
    <row r="8673" spans="1:10" x14ac:dyDescent="0.35">
      <c r="A8673" s="5" t="s">
        <v>10</v>
      </c>
      <c r="B8673" s="6">
        <v>123240</v>
      </c>
      <c r="C8673" s="6" t="s">
        <v>190</v>
      </c>
      <c r="D8673" s="6" t="s">
        <v>11740</v>
      </c>
      <c r="E8673" s="6">
        <v>5376</v>
      </c>
      <c r="F8673" s="6" t="s">
        <v>18</v>
      </c>
      <c r="G8673" s="6" t="s">
        <v>17384</v>
      </c>
      <c r="H8673" s="6" t="s">
        <v>17385</v>
      </c>
      <c r="I8673" s="7">
        <v>6.0298997999999999</v>
      </c>
      <c r="J8673" s="8">
        <v>-75.430571200000003</v>
      </c>
    </row>
    <row r="8674" spans="1:10" x14ac:dyDescent="0.35">
      <c r="A8674" s="5" t="s">
        <v>10</v>
      </c>
      <c r="B8674" s="6">
        <v>230833</v>
      </c>
      <c r="C8674" s="6" t="s">
        <v>109</v>
      </c>
      <c r="D8674" s="6" t="s">
        <v>1445</v>
      </c>
      <c r="E8674" s="6">
        <v>13688</v>
      </c>
      <c r="F8674" s="6" t="s">
        <v>13</v>
      </c>
      <c r="G8674" s="6" t="s">
        <v>17386</v>
      </c>
      <c r="H8674" s="6" t="s">
        <v>17387</v>
      </c>
      <c r="I8674" s="7">
        <v>7.9630637999999996</v>
      </c>
      <c r="J8674" s="8">
        <v>-74.050974799999906</v>
      </c>
    </row>
    <row r="8675" spans="1:10" x14ac:dyDescent="0.35">
      <c r="A8675" s="5" t="s">
        <v>10</v>
      </c>
      <c r="B8675" s="6">
        <v>225202</v>
      </c>
      <c r="C8675" s="6" t="s">
        <v>308</v>
      </c>
      <c r="D8675" s="6" t="s">
        <v>309</v>
      </c>
      <c r="E8675" s="6">
        <v>23001</v>
      </c>
      <c r="F8675" s="6" t="s">
        <v>13</v>
      </c>
      <c r="G8675" s="6" t="s">
        <v>17388</v>
      </c>
      <c r="H8675" s="6" t="s">
        <v>17389</v>
      </c>
      <c r="I8675" s="7">
        <v>8.7349150000000009</v>
      </c>
      <c r="J8675" s="8">
        <v>-75.895692400000001</v>
      </c>
    </row>
    <row r="8676" spans="1:10" x14ac:dyDescent="0.35">
      <c r="A8676" s="5" t="s">
        <v>10</v>
      </c>
      <c r="B8676" s="6">
        <v>229399</v>
      </c>
      <c r="C8676" s="6" t="s">
        <v>308</v>
      </c>
      <c r="D8676" s="6" t="s">
        <v>8102</v>
      </c>
      <c r="E8676" s="6">
        <v>23417</v>
      </c>
      <c r="F8676" s="6" t="s">
        <v>13</v>
      </c>
      <c r="G8676" s="6" t="s">
        <v>17390</v>
      </c>
      <c r="H8676" s="6" t="s">
        <v>17391</v>
      </c>
      <c r="I8676" s="7">
        <v>9.2336718999999992</v>
      </c>
      <c r="J8676" s="8">
        <v>-75.813198600000007</v>
      </c>
    </row>
    <row r="8677" spans="1:10" x14ac:dyDescent="0.35">
      <c r="A8677" s="5" t="s">
        <v>10</v>
      </c>
      <c r="B8677" s="6">
        <v>188834</v>
      </c>
      <c r="C8677" s="6" t="s">
        <v>28</v>
      </c>
      <c r="D8677" s="6" t="s">
        <v>322</v>
      </c>
      <c r="E8677" s="6">
        <v>54405</v>
      </c>
      <c r="F8677" s="6" t="s">
        <v>13</v>
      </c>
      <c r="G8677" s="6" t="s">
        <v>17392</v>
      </c>
      <c r="H8677" s="6" t="s">
        <v>17393</v>
      </c>
      <c r="I8677" s="7">
        <v>7.8404354999999999</v>
      </c>
      <c r="J8677" s="8">
        <v>-72.507675500000005</v>
      </c>
    </row>
    <row r="8678" spans="1:10" x14ac:dyDescent="0.35">
      <c r="A8678" s="5" t="s">
        <v>10</v>
      </c>
      <c r="B8678" s="6">
        <v>227421</v>
      </c>
      <c r="C8678" s="6" t="s">
        <v>117</v>
      </c>
      <c r="D8678" s="6" t="s">
        <v>1291</v>
      </c>
      <c r="E8678" s="6">
        <v>76834</v>
      </c>
      <c r="F8678" s="6" t="s">
        <v>18</v>
      </c>
      <c r="G8678" s="6" t="s">
        <v>17394</v>
      </c>
      <c r="H8678" s="6" t="s">
        <v>17395</v>
      </c>
      <c r="I8678" s="7">
        <v>4.0709929000000002</v>
      </c>
      <c r="J8678" s="8">
        <v>-76.200946799999997</v>
      </c>
    </row>
    <row r="8679" spans="1:10" x14ac:dyDescent="0.35">
      <c r="A8679" s="5" t="s">
        <v>10</v>
      </c>
      <c r="B8679" s="6">
        <v>241007</v>
      </c>
      <c r="C8679" s="6" t="s">
        <v>117</v>
      </c>
      <c r="D8679" s="6" t="s">
        <v>1291</v>
      </c>
      <c r="E8679" s="6">
        <v>76834</v>
      </c>
      <c r="F8679" s="6" t="s">
        <v>18</v>
      </c>
      <c r="G8679" s="6" t="s">
        <v>17396</v>
      </c>
      <c r="H8679" s="6" t="s">
        <v>17397</v>
      </c>
      <c r="I8679" s="7">
        <v>4.070964</v>
      </c>
      <c r="J8679" s="8">
        <v>-76.199688699999996</v>
      </c>
    </row>
    <row r="8680" spans="1:10" x14ac:dyDescent="0.35">
      <c r="A8680" s="5" t="s">
        <v>10</v>
      </c>
      <c r="B8680" s="6">
        <v>229444</v>
      </c>
      <c r="C8680" s="6" t="s">
        <v>457</v>
      </c>
      <c r="D8680" s="6" t="s">
        <v>1086</v>
      </c>
      <c r="E8680" s="6">
        <v>52356</v>
      </c>
      <c r="F8680" s="6" t="s">
        <v>18</v>
      </c>
      <c r="G8680" s="6" t="s">
        <v>17398</v>
      </c>
      <c r="H8680" s="6" t="s">
        <v>17399</v>
      </c>
      <c r="I8680" s="7">
        <v>0.85157300000000002</v>
      </c>
      <c r="J8680" s="8">
        <v>-77.677408600000007</v>
      </c>
    </row>
    <row r="8681" spans="1:10" x14ac:dyDescent="0.35">
      <c r="A8681" s="5" t="s">
        <v>10</v>
      </c>
      <c r="B8681" s="6">
        <v>232615</v>
      </c>
      <c r="C8681" s="6" t="s">
        <v>117</v>
      </c>
      <c r="D8681" s="6" t="s">
        <v>1334</v>
      </c>
      <c r="E8681" s="6">
        <v>76001</v>
      </c>
      <c r="F8681" s="6" t="s">
        <v>18</v>
      </c>
      <c r="G8681" s="6" t="s">
        <v>17400</v>
      </c>
      <c r="H8681" s="6" t="s">
        <v>17401</v>
      </c>
      <c r="I8681" s="7">
        <v>3.4532682000000001</v>
      </c>
      <c r="J8681" s="8">
        <v>-76.556944000000001</v>
      </c>
    </row>
    <row r="8682" spans="1:10" x14ac:dyDescent="0.35">
      <c r="A8682" s="5" t="s">
        <v>10</v>
      </c>
      <c r="B8682" s="6">
        <v>240702</v>
      </c>
      <c r="C8682" s="6" t="s">
        <v>190</v>
      </c>
      <c r="D8682" s="6" t="s">
        <v>17402</v>
      </c>
      <c r="E8682" s="6">
        <v>5284</v>
      </c>
      <c r="F8682" s="6" t="s">
        <v>18</v>
      </c>
      <c r="G8682" s="6" t="s">
        <v>17403</v>
      </c>
      <c r="H8682" s="6" t="s">
        <v>17404</v>
      </c>
      <c r="I8682" s="7">
        <v>6.7725590000000002</v>
      </c>
      <c r="J8682" s="8">
        <v>-76.131131999999994</v>
      </c>
    </row>
    <row r="8683" spans="1:10" x14ac:dyDescent="0.35">
      <c r="A8683" s="5" t="s">
        <v>10</v>
      </c>
      <c r="B8683" s="6">
        <v>224290</v>
      </c>
      <c r="C8683" s="6" t="s">
        <v>190</v>
      </c>
      <c r="D8683" s="6" t="s">
        <v>2954</v>
      </c>
      <c r="E8683" s="6">
        <v>5368</v>
      </c>
      <c r="F8683" s="6" t="s">
        <v>18</v>
      </c>
      <c r="G8683" s="6" t="s">
        <v>17405</v>
      </c>
      <c r="H8683" s="6" t="s">
        <v>17406</v>
      </c>
      <c r="I8683" s="7">
        <v>5.7902108999999999</v>
      </c>
      <c r="J8683" s="8">
        <v>-75.7869685</v>
      </c>
    </row>
    <row r="8684" spans="1:10" x14ac:dyDescent="0.35">
      <c r="A8684" s="5" t="s">
        <v>10</v>
      </c>
      <c r="B8684" s="6">
        <v>224876</v>
      </c>
      <c r="C8684" s="6" t="s">
        <v>68</v>
      </c>
      <c r="D8684" s="6" t="s">
        <v>69</v>
      </c>
      <c r="E8684" s="6">
        <v>11001</v>
      </c>
      <c r="F8684" s="6" t="s">
        <v>18</v>
      </c>
      <c r="G8684" s="6" t="s">
        <v>17407</v>
      </c>
      <c r="H8684" s="6" t="s">
        <v>17408</v>
      </c>
      <c r="I8684" s="7">
        <v>4.5483137999999999</v>
      </c>
      <c r="J8684" s="8">
        <v>-74.112589900000003</v>
      </c>
    </row>
    <row r="8685" spans="1:10" x14ac:dyDescent="0.35">
      <c r="A8685" s="5" t="s">
        <v>10</v>
      </c>
      <c r="B8685" s="6">
        <v>220182</v>
      </c>
      <c r="C8685" s="6" t="s">
        <v>68</v>
      </c>
      <c r="D8685" s="6" t="s">
        <v>69</v>
      </c>
      <c r="E8685" s="6">
        <v>11001</v>
      </c>
      <c r="F8685" s="6" t="s">
        <v>18</v>
      </c>
      <c r="G8685" s="6" t="s">
        <v>17409</v>
      </c>
      <c r="H8685" s="6" t="s">
        <v>17410</v>
      </c>
      <c r="I8685" s="7">
        <v>4.7039621</v>
      </c>
      <c r="J8685" s="8">
        <v>-74.130723399999994</v>
      </c>
    </row>
    <row r="8686" spans="1:10" x14ac:dyDescent="0.35">
      <c r="A8686" s="5" t="s">
        <v>10</v>
      </c>
      <c r="B8686" s="6">
        <v>200453</v>
      </c>
      <c r="C8686" s="6" t="s">
        <v>68</v>
      </c>
      <c r="D8686" s="6" t="s">
        <v>69</v>
      </c>
      <c r="E8686" s="6">
        <v>11001</v>
      </c>
      <c r="F8686" s="6" t="s">
        <v>18</v>
      </c>
      <c r="G8686" s="6" t="s">
        <v>17411</v>
      </c>
      <c r="H8686" s="6" t="s">
        <v>17412</v>
      </c>
      <c r="I8686" s="7">
        <v>4.6663334999999897</v>
      </c>
      <c r="J8686" s="8">
        <v>-74.119414899999995</v>
      </c>
    </row>
    <row r="8687" spans="1:10" x14ac:dyDescent="0.35">
      <c r="A8687" s="5" t="s">
        <v>10</v>
      </c>
      <c r="B8687" s="6">
        <v>235891</v>
      </c>
      <c r="C8687" s="6" t="s">
        <v>68</v>
      </c>
      <c r="D8687" s="6" t="s">
        <v>69</v>
      </c>
      <c r="E8687" s="6">
        <v>11001</v>
      </c>
      <c r="F8687" s="6" t="s">
        <v>18</v>
      </c>
      <c r="G8687" s="6" t="s">
        <v>17413</v>
      </c>
      <c r="H8687" s="6" t="s">
        <v>17414</v>
      </c>
      <c r="I8687" s="7">
        <v>4.671646</v>
      </c>
      <c r="J8687" s="8">
        <v>-74.1367513</v>
      </c>
    </row>
    <row r="8688" spans="1:10" x14ac:dyDescent="0.35">
      <c r="A8688" s="5" t="s">
        <v>10</v>
      </c>
      <c r="B8688" s="6">
        <v>203623</v>
      </c>
      <c r="C8688" s="6" t="s">
        <v>68</v>
      </c>
      <c r="D8688" s="6" t="s">
        <v>69</v>
      </c>
      <c r="E8688" s="6">
        <v>11001</v>
      </c>
      <c r="F8688" s="6" t="s">
        <v>18</v>
      </c>
      <c r="G8688" s="6" t="s">
        <v>17415</v>
      </c>
      <c r="H8688" s="6" t="s">
        <v>17416</v>
      </c>
      <c r="I8688" s="7">
        <v>4.6917502999999998</v>
      </c>
      <c r="J8688" s="8">
        <v>-74.158070499999994</v>
      </c>
    </row>
    <row r="8689" spans="1:10" x14ac:dyDescent="0.35">
      <c r="A8689" s="5" t="s">
        <v>10</v>
      </c>
      <c r="B8689" s="6">
        <v>204374</v>
      </c>
      <c r="C8689" s="6" t="s">
        <v>68</v>
      </c>
      <c r="D8689" s="6" t="s">
        <v>69</v>
      </c>
      <c r="E8689" s="6">
        <v>11001</v>
      </c>
      <c r="F8689" s="6" t="s">
        <v>18</v>
      </c>
      <c r="G8689" s="6" t="s">
        <v>17417</v>
      </c>
      <c r="H8689" s="6" t="s">
        <v>17418</v>
      </c>
      <c r="I8689" s="7">
        <v>4.5049175999999997</v>
      </c>
      <c r="J8689" s="8">
        <v>-74.1067477</v>
      </c>
    </row>
    <row r="8690" spans="1:10" x14ac:dyDescent="0.35">
      <c r="A8690" s="5" t="s">
        <v>10</v>
      </c>
      <c r="B8690" s="6">
        <v>242144</v>
      </c>
      <c r="C8690" s="6" t="s">
        <v>68</v>
      </c>
      <c r="D8690" s="6" t="s">
        <v>69</v>
      </c>
      <c r="E8690" s="6">
        <v>11001</v>
      </c>
      <c r="F8690" s="6" t="s">
        <v>18</v>
      </c>
      <c r="G8690" s="6" t="s">
        <v>17419</v>
      </c>
      <c r="H8690" s="6" t="s">
        <v>17420</v>
      </c>
      <c r="I8690" s="7">
        <v>4.6958124999999997</v>
      </c>
      <c r="J8690" s="8">
        <v>-74.0528671</v>
      </c>
    </row>
    <row r="8691" spans="1:10" x14ac:dyDescent="0.35">
      <c r="A8691" s="5" t="s">
        <v>10</v>
      </c>
      <c r="B8691" s="6">
        <v>171183</v>
      </c>
      <c r="C8691" s="6" t="s">
        <v>190</v>
      </c>
      <c r="D8691" s="6" t="s">
        <v>11740</v>
      </c>
      <c r="E8691" s="6">
        <v>5376</v>
      </c>
      <c r="F8691" s="6" t="s">
        <v>18</v>
      </c>
      <c r="G8691" s="6" t="s">
        <v>17421</v>
      </c>
      <c r="H8691" s="6" t="s">
        <v>17422</v>
      </c>
      <c r="I8691" s="7">
        <v>6.0194229999999997</v>
      </c>
      <c r="J8691" s="8">
        <v>-75.431806600000002</v>
      </c>
    </row>
    <row r="8692" spans="1:10" x14ac:dyDescent="0.35">
      <c r="A8692" s="5" t="s">
        <v>10</v>
      </c>
      <c r="B8692" s="6">
        <v>234304</v>
      </c>
      <c r="C8692" s="6" t="s">
        <v>68</v>
      </c>
      <c r="D8692" s="6" t="s">
        <v>69</v>
      </c>
      <c r="E8692" s="6">
        <v>11001</v>
      </c>
      <c r="F8692" s="6" t="s">
        <v>13</v>
      </c>
      <c r="G8692" s="6" t="s">
        <v>17423</v>
      </c>
      <c r="H8692" s="6" t="s">
        <v>17424</v>
      </c>
      <c r="I8692" s="7">
        <v>4.5709898999999998</v>
      </c>
      <c r="J8692" s="8">
        <v>-74.150322700000004</v>
      </c>
    </row>
    <row r="8693" spans="1:10" x14ac:dyDescent="0.35">
      <c r="A8693" s="5" t="s">
        <v>10</v>
      </c>
      <c r="B8693" s="6">
        <v>224365</v>
      </c>
      <c r="C8693" s="6" t="s">
        <v>68</v>
      </c>
      <c r="D8693" s="6" t="s">
        <v>69</v>
      </c>
      <c r="E8693" s="6">
        <v>11001</v>
      </c>
      <c r="F8693" s="6" t="s">
        <v>13</v>
      </c>
      <c r="G8693" s="6" t="s">
        <v>17425</v>
      </c>
      <c r="H8693" s="6" t="s">
        <v>17426</v>
      </c>
      <c r="I8693" s="7">
        <v>4.5898396999999997</v>
      </c>
      <c r="J8693" s="8">
        <v>-74.091778300000001</v>
      </c>
    </row>
    <row r="8694" spans="1:10" x14ac:dyDescent="0.35">
      <c r="A8694" s="5" t="s">
        <v>10</v>
      </c>
      <c r="B8694" s="6">
        <v>131624</v>
      </c>
      <c r="C8694" s="6" t="s">
        <v>457</v>
      </c>
      <c r="D8694" s="6" t="s">
        <v>13503</v>
      </c>
      <c r="E8694" s="6">
        <v>52411</v>
      </c>
      <c r="F8694" s="6" t="s">
        <v>18</v>
      </c>
      <c r="G8694" s="6" t="s">
        <v>17427</v>
      </c>
      <c r="H8694" s="6" t="s">
        <v>17428</v>
      </c>
      <c r="I8694" s="7">
        <v>1.3509329999999999</v>
      </c>
      <c r="J8694" s="8">
        <v>-77.523870000000002</v>
      </c>
    </row>
    <row r="8695" spans="1:10" x14ac:dyDescent="0.35">
      <c r="A8695" s="5" t="s">
        <v>10</v>
      </c>
      <c r="B8695" s="6">
        <v>241043</v>
      </c>
      <c r="C8695" s="6" t="s">
        <v>117</v>
      </c>
      <c r="D8695" s="6" t="s">
        <v>1334</v>
      </c>
      <c r="E8695" s="6">
        <v>76001</v>
      </c>
      <c r="F8695" s="6" t="s">
        <v>18</v>
      </c>
      <c r="G8695" s="6" t="s">
        <v>17429</v>
      </c>
      <c r="H8695" s="6" t="s">
        <v>17430</v>
      </c>
      <c r="I8695" s="7">
        <v>3.4611996</v>
      </c>
      <c r="J8695" s="8">
        <v>-76.489717900000002</v>
      </c>
    </row>
    <row r="8696" spans="1:10" x14ac:dyDescent="0.35">
      <c r="A8696" s="5" t="s">
        <v>10</v>
      </c>
      <c r="B8696" s="6">
        <v>241068</v>
      </c>
      <c r="C8696" s="6" t="s">
        <v>117</v>
      </c>
      <c r="D8696" s="6" t="s">
        <v>1334</v>
      </c>
      <c r="E8696" s="6">
        <v>76001</v>
      </c>
      <c r="F8696" s="6" t="s">
        <v>18</v>
      </c>
      <c r="G8696" s="6" t="s">
        <v>17431</v>
      </c>
      <c r="H8696" s="6" t="s">
        <v>17432</v>
      </c>
      <c r="I8696" s="7">
        <v>3.4047713000000002</v>
      </c>
      <c r="J8696" s="8">
        <v>-76.543487999999996</v>
      </c>
    </row>
    <row r="8697" spans="1:10" x14ac:dyDescent="0.35">
      <c r="A8697" s="5" t="s">
        <v>10</v>
      </c>
      <c r="B8697" s="6">
        <v>244377</v>
      </c>
      <c r="C8697" s="6" t="s">
        <v>190</v>
      </c>
      <c r="D8697" s="6" t="s">
        <v>14386</v>
      </c>
      <c r="E8697" s="6">
        <v>5390</v>
      </c>
      <c r="F8697" s="6" t="s">
        <v>18</v>
      </c>
      <c r="G8697" s="6" t="s">
        <v>17433</v>
      </c>
      <c r="H8697" s="6" t="s">
        <v>17434</v>
      </c>
      <c r="I8697" s="7">
        <v>5.7472250000000003</v>
      </c>
      <c r="J8697" s="8">
        <v>-75.606108500000005</v>
      </c>
    </row>
    <row r="8698" spans="1:10" x14ac:dyDescent="0.35">
      <c r="A8698" s="5" t="s">
        <v>10</v>
      </c>
      <c r="B8698" s="6">
        <v>202469</v>
      </c>
      <c r="C8698" s="6" t="s">
        <v>68</v>
      </c>
      <c r="D8698" s="6" t="s">
        <v>69</v>
      </c>
      <c r="E8698" s="6">
        <v>11001</v>
      </c>
      <c r="F8698" s="6" t="s">
        <v>18</v>
      </c>
      <c r="G8698" s="6" t="s">
        <v>17435</v>
      </c>
      <c r="H8698" s="6" t="s">
        <v>17436</v>
      </c>
      <c r="I8698" s="7">
        <v>4.5305783999999996</v>
      </c>
      <c r="J8698" s="8">
        <v>-74.086619900000002</v>
      </c>
    </row>
    <row r="8699" spans="1:10" x14ac:dyDescent="0.35">
      <c r="A8699" s="5" t="s">
        <v>10</v>
      </c>
      <c r="B8699" s="6">
        <v>210164</v>
      </c>
      <c r="C8699" s="6" t="s">
        <v>68</v>
      </c>
      <c r="D8699" s="6" t="s">
        <v>69</v>
      </c>
      <c r="E8699" s="6">
        <v>11001</v>
      </c>
      <c r="F8699" s="6" t="s">
        <v>18</v>
      </c>
      <c r="G8699" s="6" t="s">
        <v>17437</v>
      </c>
      <c r="H8699" s="6" t="s">
        <v>17438</v>
      </c>
      <c r="I8699" s="7">
        <v>4.6037607999999999</v>
      </c>
      <c r="J8699" s="8">
        <v>-74.183595099999906</v>
      </c>
    </row>
    <row r="8700" spans="1:10" x14ac:dyDescent="0.35">
      <c r="A8700" s="5" t="s">
        <v>10</v>
      </c>
      <c r="B8700" s="6">
        <v>206331</v>
      </c>
      <c r="C8700" s="6" t="s">
        <v>68</v>
      </c>
      <c r="D8700" s="6" t="s">
        <v>69</v>
      </c>
      <c r="E8700" s="6">
        <v>11001</v>
      </c>
      <c r="F8700" s="6" t="s">
        <v>18</v>
      </c>
      <c r="G8700" s="6" t="s">
        <v>17439</v>
      </c>
      <c r="H8700" s="6" t="s">
        <v>17440</v>
      </c>
      <c r="I8700" s="7">
        <v>4.7344062999999998</v>
      </c>
      <c r="J8700" s="8">
        <v>-74.095427599999994</v>
      </c>
    </row>
    <row r="8701" spans="1:10" x14ac:dyDescent="0.35">
      <c r="A8701" s="5" t="s">
        <v>10</v>
      </c>
      <c r="B8701" s="6">
        <v>239678</v>
      </c>
      <c r="C8701" s="6" t="s">
        <v>68</v>
      </c>
      <c r="D8701" s="6" t="s">
        <v>69</v>
      </c>
      <c r="E8701" s="6">
        <v>11001</v>
      </c>
      <c r="F8701" s="6" t="s">
        <v>18</v>
      </c>
      <c r="G8701" s="6" t="s">
        <v>17441</v>
      </c>
      <c r="H8701" s="6" t="s">
        <v>17442</v>
      </c>
      <c r="I8701" s="7">
        <v>4.7658531999999996</v>
      </c>
      <c r="J8701" s="8">
        <v>-74.024675299999998</v>
      </c>
    </row>
    <row r="8702" spans="1:10" x14ac:dyDescent="0.35">
      <c r="A8702" s="5" t="s">
        <v>10</v>
      </c>
      <c r="B8702" s="6">
        <v>242400</v>
      </c>
      <c r="C8702" s="6" t="s">
        <v>68</v>
      </c>
      <c r="D8702" s="6" t="s">
        <v>69</v>
      </c>
      <c r="E8702" s="6">
        <v>11001</v>
      </c>
      <c r="F8702" s="6" t="s">
        <v>18</v>
      </c>
      <c r="G8702" s="6" t="s">
        <v>17443</v>
      </c>
      <c r="H8702" s="6" t="s">
        <v>17444</v>
      </c>
      <c r="I8702" s="7">
        <v>4.6621924000000003</v>
      </c>
      <c r="J8702" s="8">
        <v>-74.056520300000003</v>
      </c>
    </row>
    <row r="8703" spans="1:10" x14ac:dyDescent="0.35">
      <c r="A8703" s="5" t="s">
        <v>10</v>
      </c>
      <c r="B8703" s="6">
        <v>204027</v>
      </c>
      <c r="C8703" s="6" t="s">
        <v>68</v>
      </c>
      <c r="D8703" s="6" t="s">
        <v>69</v>
      </c>
      <c r="E8703" s="6">
        <v>11001</v>
      </c>
      <c r="F8703" s="6" t="s">
        <v>18</v>
      </c>
      <c r="G8703" s="6" t="s">
        <v>17445</v>
      </c>
      <c r="H8703" s="6" t="s">
        <v>17446</v>
      </c>
      <c r="I8703" s="7">
        <v>4.5101433999999996</v>
      </c>
      <c r="J8703" s="8">
        <v>-74.107555199999993</v>
      </c>
    </row>
    <row r="8704" spans="1:10" x14ac:dyDescent="0.35">
      <c r="A8704" s="5" t="s">
        <v>10</v>
      </c>
      <c r="B8704" s="6">
        <v>209447</v>
      </c>
      <c r="C8704" s="6" t="s">
        <v>68</v>
      </c>
      <c r="D8704" s="6" t="s">
        <v>69</v>
      </c>
      <c r="E8704" s="6">
        <v>11001</v>
      </c>
      <c r="F8704" s="6" t="s">
        <v>18</v>
      </c>
      <c r="G8704" s="6" t="s">
        <v>17447</v>
      </c>
      <c r="H8704" s="6" t="s">
        <v>17448</v>
      </c>
      <c r="I8704" s="7">
        <v>4.5459528999999996</v>
      </c>
      <c r="J8704" s="8">
        <v>-74.093749500000001</v>
      </c>
    </row>
    <row r="8705" spans="1:10" x14ac:dyDescent="0.35">
      <c r="A8705" s="5" t="s">
        <v>10</v>
      </c>
      <c r="B8705" s="6">
        <v>242137</v>
      </c>
      <c r="C8705" s="6" t="s">
        <v>68</v>
      </c>
      <c r="D8705" s="6" t="s">
        <v>69</v>
      </c>
      <c r="E8705" s="6">
        <v>11001</v>
      </c>
      <c r="F8705" s="6" t="s">
        <v>18</v>
      </c>
      <c r="G8705" s="6" t="s">
        <v>17449</v>
      </c>
      <c r="H8705" s="6" t="s">
        <v>17450</v>
      </c>
      <c r="I8705" s="7">
        <v>4.6852875000000003</v>
      </c>
      <c r="J8705" s="8">
        <v>-74.050445499999995</v>
      </c>
    </row>
    <row r="8706" spans="1:10" x14ac:dyDescent="0.35">
      <c r="A8706" s="5" t="s">
        <v>10</v>
      </c>
      <c r="B8706" s="6">
        <v>242398</v>
      </c>
      <c r="C8706" s="6" t="s">
        <v>68</v>
      </c>
      <c r="D8706" s="6" t="s">
        <v>69</v>
      </c>
      <c r="E8706" s="6">
        <v>11001</v>
      </c>
      <c r="F8706" s="6" t="s">
        <v>18</v>
      </c>
      <c r="G8706" s="6" t="s">
        <v>17451</v>
      </c>
      <c r="H8706" s="6" t="s">
        <v>17452</v>
      </c>
      <c r="I8706" s="7">
        <v>4.5117814999999997</v>
      </c>
      <c r="J8706" s="8">
        <v>-74.115933200000001</v>
      </c>
    </row>
    <row r="8707" spans="1:10" x14ac:dyDescent="0.35">
      <c r="A8707" s="5" t="s">
        <v>10</v>
      </c>
      <c r="B8707" s="6">
        <v>246861</v>
      </c>
      <c r="C8707" s="6" t="s">
        <v>68</v>
      </c>
      <c r="D8707" s="6" t="s">
        <v>69</v>
      </c>
      <c r="E8707" s="6">
        <v>11001</v>
      </c>
      <c r="F8707" s="6" t="s">
        <v>18</v>
      </c>
      <c r="G8707" s="6" t="s">
        <v>17453</v>
      </c>
      <c r="H8707" s="6" t="s">
        <v>17454</v>
      </c>
      <c r="I8707" s="7">
        <v>4.5878012000000004</v>
      </c>
      <c r="J8707" s="8">
        <v>-74.137451900000002</v>
      </c>
    </row>
    <row r="8708" spans="1:10" x14ac:dyDescent="0.35">
      <c r="A8708" s="5" t="s">
        <v>10</v>
      </c>
      <c r="B8708" s="6">
        <v>185759</v>
      </c>
      <c r="C8708" s="6" t="s">
        <v>68</v>
      </c>
      <c r="D8708" s="6" t="s">
        <v>69</v>
      </c>
      <c r="E8708" s="6">
        <v>11001</v>
      </c>
      <c r="F8708" s="6" t="s">
        <v>18</v>
      </c>
      <c r="G8708" s="6" t="s">
        <v>17455</v>
      </c>
      <c r="H8708" s="6" t="s">
        <v>17456</v>
      </c>
      <c r="I8708" s="7">
        <v>4.6746878000000001</v>
      </c>
      <c r="J8708" s="8">
        <v>-74.062459899999993</v>
      </c>
    </row>
    <row r="8709" spans="1:10" x14ac:dyDescent="0.35">
      <c r="A8709" s="5" t="s">
        <v>10</v>
      </c>
      <c r="B8709" s="6">
        <v>192238</v>
      </c>
      <c r="C8709" s="6" t="s">
        <v>551</v>
      </c>
      <c r="D8709" s="6" t="s">
        <v>3868</v>
      </c>
      <c r="E8709" s="6">
        <v>20001</v>
      </c>
      <c r="F8709" s="6" t="s">
        <v>13</v>
      </c>
      <c r="G8709" s="6" t="s">
        <v>17457</v>
      </c>
      <c r="H8709" s="6" t="s">
        <v>17458</v>
      </c>
      <c r="I8709" s="7">
        <v>10.4813504</v>
      </c>
      <c r="J8709" s="8">
        <v>-73.263100699999995</v>
      </c>
    </row>
    <row r="8710" spans="1:10" x14ac:dyDescent="0.35">
      <c r="A8710" s="5" t="s">
        <v>10</v>
      </c>
      <c r="B8710" s="6">
        <v>210849</v>
      </c>
      <c r="C8710" s="6" t="s">
        <v>11</v>
      </c>
      <c r="D8710" s="6" t="s">
        <v>221</v>
      </c>
      <c r="E8710" s="6">
        <v>25430</v>
      </c>
      <c r="F8710" s="6" t="s">
        <v>18</v>
      </c>
      <c r="G8710" s="6" t="s">
        <v>17459</v>
      </c>
      <c r="H8710" s="6" t="s">
        <v>17460</v>
      </c>
      <c r="I8710" s="7">
        <v>4.7302460999999996</v>
      </c>
      <c r="J8710" s="8">
        <v>-74.260958700000003</v>
      </c>
    </row>
    <row r="8711" spans="1:10" x14ac:dyDescent="0.35">
      <c r="A8711" s="5" t="s">
        <v>10</v>
      </c>
      <c r="B8711" s="6">
        <v>233222</v>
      </c>
      <c r="C8711" s="6" t="s">
        <v>117</v>
      </c>
      <c r="D8711" s="6" t="s">
        <v>3860</v>
      </c>
      <c r="E8711" s="6">
        <v>76130</v>
      </c>
      <c r="F8711" s="6" t="s">
        <v>18</v>
      </c>
      <c r="G8711" s="6" t="s">
        <v>17461</v>
      </c>
      <c r="H8711" s="6" t="s">
        <v>17462</v>
      </c>
      <c r="I8711" s="7">
        <v>3.4054000000000002</v>
      </c>
      <c r="J8711" s="8">
        <v>-76.34854</v>
      </c>
    </row>
    <row r="8712" spans="1:10" x14ac:dyDescent="0.35">
      <c r="A8712" s="5" t="s">
        <v>10</v>
      </c>
      <c r="B8712" s="6">
        <v>229457</v>
      </c>
      <c r="C8712" s="6" t="s">
        <v>117</v>
      </c>
      <c r="D8712" s="6" t="s">
        <v>1334</v>
      </c>
      <c r="E8712" s="6">
        <v>76001</v>
      </c>
      <c r="F8712" s="6" t="s">
        <v>18</v>
      </c>
      <c r="G8712" s="6" t="s">
        <v>17463</v>
      </c>
      <c r="H8712" s="6" t="s">
        <v>17464</v>
      </c>
      <c r="I8712" s="7">
        <v>3.4218687999999999</v>
      </c>
      <c r="J8712" s="8">
        <v>-76.527430100000004</v>
      </c>
    </row>
    <row r="8713" spans="1:10" x14ac:dyDescent="0.35">
      <c r="A8713" s="5" t="s">
        <v>10</v>
      </c>
      <c r="B8713" s="6">
        <v>240960</v>
      </c>
      <c r="C8713" s="6" t="s">
        <v>302</v>
      </c>
      <c r="D8713" s="6" t="s">
        <v>3860</v>
      </c>
      <c r="E8713" s="6">
        <v>8141</v>
      </c>
      <c r="F8713" s="6" t="s">
        <v>18</v>
      </c>
      <c r="G8713" s="6" t="s">
        <v>17465</v>
      </c>
      <c r="H8713" s="6" t="s">
        <v>17466</v>
      </c>
      <c r="I8713" s="7">
        <v>3.4026553000000002</v>
      </c>
      <c r="J8713" s="8">
        <v>-76.418385099999995</v>
      </c>
    </row>
    <row r="8714" spans="1:10" x14ac:dyDescent="0.35">
      <c r="A8714" s="5" t="s">
        <v>10</v>
      </c>
      <c r="B8714" s="6">
        <v>241220</v>
      </c>
      <c r="C8714" s="6" t="s">
        <v>117</v>
      </c>
      <c r="D8714" s="6" t="s">
        <v>1334</v>
      </c>
      <c r="E8714" s="6">
        <v>76001</v>
      </c>
      <c r="F8714" s="6" t="s">
        <v>18</v>
      </c>
      <c r="G8714" s="6" t="s">
        <v>17467</v>
      </c>
      <c r="H8714" s="6" t="s">
        <v>17468</v>
      </c>
      <c r="I8714" s="7">
        <v>3.4363562000000001</v>
      </c>
      <c r="J8714" s="8">
        <v>-76.512632199999999</v>
      </c>
    </row>
    <row r="8715" spans="1:10" x14ac:dyDescent="0.35">
      <c r="A8715" s="5" t="s">
        <v>10</v>
      </c>
      <c r="B8715" s="6">
        <v>249055</v>
      </c>
      <c r="C8715" s="6" t="s">
        <v>68</v>
      </c>
      <c r="D8715" s="6" t="s">
        <v>69</v>
      </c>
      <c r="E8715" s="6">
        <v>11001</v>
      </c>
      <c r="F8715" s="6" t="s">
        <v>18</v>
      </c>
      <c r="G8715" s="6" t="s">
        <v>16887</v>
      </c>
      <c r="H8715" s="6" t="s">
        <v>17469</v>
      </c>
      <c r="I8715" s="7">
        <v>4.7109886000000003</v>
      </c>
      <c r="J8715" s="8">
        <v>-74.072091999999998</v>
      </c>
    </row>
    <row r="8716" spans="1:10" x14ac:dyDescent="0.35">
      <c r="A8716" s="5" t="s">
        <v>10</v>
      </c>
      <c r="B8716" s="6">
        <v>200416</v>
      </c>
      <c r="C8716" s="6" t="s">
        <v>68</v>
      </c>
      <c r="D8716" s="6" t="s">
        <v>69</v>
      </c>
      <c r="E8716" s="6">
        <v>11001</v>
      </c>
      <c r="F8716" s="6" t="s">
        <v>18</v>
      </c>
      <c r="G8716" s="6" t="s">
        <v>17470</v>
      </c>
      <c r="H8716" s="6" t="s">
        <v>17471</v>
      </c>
      <c r="I8716" s="7">
        <v>4.6375725000000001</v>
      </c>
      <c r="J8716" s="8">
        <v>-74.162149399999905</v>
      </c>
    </row>
    <row r="8717" spans="1:10" x14ac:dyDescent="0.35">
      <c r="A8717" s="5" t="s">
        <v>10</v>
      </c>
      <c r="B8717" s="6">
        <v>232700</v>
      </c>
      <c r="C8717" s="6" t="s">
        <v>68</v>
      </c>
      <c r="D8717" s="6" t="s">
        <v>69</v>
      </c>
      <c r="E8717" s="6">
        <v>11001</v>
      </c>
      <c r="F8717" s="6" t="s">
        <v>18</v>
      </c>
      <c r="G8717" s="6" t="s">
        <v>17472</v>
      </c>
      <c r="H8717" s="6" t="s">
        <v>17473</v>
      </c>
      <c r="I8717" s="7">
        <v>4.5810899999999997</v>
      </c>
      <c r="J8717" s="8">
        <v>-74.088290000000001</v>
      </c>
    </row>
    <row r="8718" spans="1:10" x14ac:dyDescent="0.35">
      <c r="A8718" s="5" t="s">
        <v>10</v>
      </c>
      <c r="B8718" s="6">
        <v>199399</v>
      </c>
      <c r="C8718" s="6" t="s">
        <v>68</v>
      </c>
      <c r="D8718" s="6" t="s">
        <v>69</v>
      </c>
      <c r="E8718" s="6">
        <v>11001</v>
      </c>
      <c r="F8718" s="6" t="s">
        <v>18</v>
      </c>
      <c r="G8718" s="6" t="s">
        <v>17474</v>
      </c>
      <c r="H8718" s="6" t="s">
        <v>17475</v>
      </c>
      <c r="I8718" s="7">
        <v>4.5845824999999998</v>
      </c>
      <c r="J8718" s="8">
        <v>-74.116769899999994</v>
      </c>
    </row>
    <row r="8719" spans="1:10" x14ac:dyDescent="0.35">
      <c r="A8719" s="5" t="s">
        <v>10</v>
      </c>
      <c r="B8719" s="6">
        <v>209298</v>
      </c>
      <c r="C8719" s="6" t="s">
        <v>68</v>
      </c>
      <c r="D8719" s="6" t="s">
        <v>69</v>
      </c>
      <c r="E8719" s="6">
        <v>11001</v>
      </c>
      <c r="F8719" s="6" t="s">
        <v>18</v>
      </c>
      <c r="G8719" s="6" t="s">
        <v>17476</v>
      </c>
      <c r="H8719" s="6" t="s">
        <v>17477</v>
      </c>
      <c r="I8719" s="7">
        <v>4.711093</v>
      </c>
      <c r="J8719" s="8">
        <v>-74.131630200000004</v>
      </c>
    </row>
    <row r="8720" spans="1:10" x14ac:dyDescent="0.35">
      <c r="A8720" s="5" t="s">
        <v>10</v>
      </c>
      <c r="B8720" s="6">
        <v>231280</v>
      </c>
      <c r="C8720" s="6" t="s">
        <v>68</v>
      </c>
      <c r="D8720" s="6" t="s">
        <v>69</v>
      </c>
      <c r="E8720" s="6">
        <v>11001</v>
      </c>
      <c r="F8720" s="6" t="s">
        <v>18</v>
      </c>
      <c r="G8720" s="6" t="s">
        <v>17478</v>
      </c>
      <c r="H8720" s="6" t="s">
        <v>17479</v>
      </c>
      <c r="I8720" s="7">
        <v>4.5993690000000003</v>
      </c>
      <c r="J8720" s="8">
        <v>-74.102580000000003</v>
      </c>
    </row>
    <row r="8721" spans="1:10" x14ac:dyDescent="0.35">
      <c r="A8721" s="5" t="s">
        <v>10</v>
      </c>
      <c r="B8721" s="6">
        <v>209613</v>
      </c>
      <c r="C8721" s="6" t="s">
        <v>68</v>
      </c>
      <c r="D8721" s="6" t="s">
        <v>69</v>
      </c>
      <c r="E8721" s="6">
        <v>11001</v>
      </c>
      <c r="F8721" s="6" t="s">
        <v>18</v>
      </c>
      <c r="G8721" s="6" t="s">
        <v>4750</v>
      </c>
      <c r="H8721" s="6" t="s">
        <v>17480</v>
      </c>
      <c r="I8721" s="7">
        <v>4.6524196</v>
      </c>
      <c r="J8721" s="8">
        <v>-74.156957199999994</v>
      </c>
    </row>
    <row r="8722" spans="1:10" x14ac:dyDescent="0.35">
      <c r="A8722" s="5" t="s">
        <v>10</v>
      </c>
      <c r="B8722" s="6">
        <v>185300</v>
      </c>
      <c r="C8722" s="6" t="s">
        <v>68</v>
      </c>
      <c r="D8722" s="6" t="s">
        <v>69</v>
      </c>
      <c r="E8722" s="6">
        <v>11001</v>
      </c>
      <c r="F8722" s="6" t="s">
        <v>18</v>
      </c>
      <c r="G8722" s="6" t="s">
        <v>17481</v>
      </c>
      <c r="H8722" s="6" t="s">
        <v>17482</v>
      </c>
      <c r="I8722" s="7">
        <v>4.64635</v>
      </c>
      <c r="J8722" s="8">
        <v>-74.053729899999993</v>
      </c>
    </row>
    <row r="8723" spans="1:10" x14ac:dyDescent="0.35">
      <c r="A8723" s="5" t="s">
        <v>10</v>
      </c>
      <c r="B8723" s="6">
        <v>232098</v>
      </c>
      <c r="C8723" s="6" t="s">
        <v>24</v>
      </c>
      <c r="D8723" s="6" t="s">
        <v>1028</v>
      </c>
      <c r="E8723" s="6">
        <v>15299</v>
      </c>
      <c r="F8723" s="6" t="s">
        <v>18</v>
      </c>
      <c r="G8723" s="6" t="s">
        <v>17483</v>
      </c>
      <c r="H8723" s="6" t="s">
        <v>17484</v>
      </c>
      <c r="I8723" s="7">
        <v>5.0824788999999999</v>
      </c>
      <c r="J8723" s="8">
        <v>-73.364564400000006</v>
      </c>
    </row>
    <row r="8724" spans="1:10" x14ac:dyDescent="0.35">
      <c r="A8724" s="5" t="s">
        <v>10</v>
      </c>
      <c r="B8724" s="6">
        <v>178195</v>
      </c>
      <c r="C8724" s="6" t="s">
        <v>24</v>
      </c>
      <c r="D8724" s="6" t="s">
        <v>85</v>
      </c>
      <c r="E8724" s="6">
        <v>15759</v>
      </c>
      <c r="F8724" s="6" t="s">
        <v>18</v>
      </c>
      <c r="G8724" s="6" t="s">
        <v>17485</v>
      </c>
      <c r="H8724" s="6" t="s">
        <v>17486</v>
      </c>
      <c r="I8724" s="7">
        <v>5.7254073999999999</v>
      </c>
      <c r="J8724" s="8">
        <v>-72.927716200000006</v>
      </c>
    </row>
    <row r="8725" spans="1:10" x14ac:dyDescent="0.35">
      <c r="A8725" s="5" t="s">
        <v>10</v>
      </c>
      <c r="B8725" s="6">
        <v>161086</v>
      </c>
      <c r="C8725" s="6" t="s">
        <v>190</v>
      </c>
      <c r="D8725" s="6" t="s">
        <v>11740</v>
      </c>
      <c r="E8725" s="6">
        <v>5376</v>
      </c>
      <c r="F8725" s="6" t="s">
        <v>18</v>
      </c>
      <c r="G8725" s="6" t="s">
        <v>17487</v>
      </c>
      <c r="H8725" s="6" t="s">
        <v>17488</v>
      </c>
      <c r="I8725" s="7">
        <v>6.0247714999999999</v>
      </c>
      <c r="J8725" s="8">
        <v>-75.432833700000003</v>
      </c>
    </row>
    <row r="8726" spans="1:10" x14ac:dyDescent="0.35">
      <c r="A8726" s="5" t="s">
        <v>10</v>
      </c>
      <c r="B8726" s="6">
        <v>198573</v>
      </c>
      <c r="C8726" s="6" t="s">
        <v>16</v>
      </c>
      <c r="D8726" s="6" t="s">
        <v>78</v>
      </c>
      <c r="E8726" s="6">
        <v>68001</v>
      </c>
      <c r="F8726" s="6" t="s">
        <v>13</v>
      </c>
      <c r="G8726" s="6" t="s">
        <v>17489</v>
      </c>
      <c r="H8726" s="6" t="s">
        <v>17490</v>
      </c>
      <c r="I8726" s="7">
        <v>7.1501979999999996</v>
      </c>
      <c r="J8726" s="8">
        <v>-73.132700999999997</v>
      </c>
    </row>
    <row r="8727" spans="1:10" x14ac:dyDescent="0.35">
      <c r="A8727" s="5" t="s">
        <v>10</v>
      </c>
      <c r="B8727" s="6">
        <v>206631</v>
      </c>
      <c r="C8727" s="6" t="s">
        <v>68</v>
      </c>
      <c r="D8727" s="6" t="s">
        <v>69</v>
      </c>
      <c r="E8727" s="6">
        <v>11001</v>
      </c>
      <c r="F8727" s="6" t="s">
        <v>13</v>
      </c>
      <c r="G8727" s="6" t="s">
        <v>17491</v>
      </c>
      <c r="H8727" s="6" t="s">
        <v>17492</v>
      </c>
      <c r="I8727" s="7">
        <v>4.7442891999999999</v>
      </c>
      <c r="J8727" s="8">
        <v>-74.115534400000001</v>
      </c>
    </row>
    <row r="8728" spans="1:10" x14ac:dyDescent="0.35">
      <c r="A8728" s="5" t="s">
        <v>10</v>
      </c>
      <c r="B8728" s="6">
        <v>155457</v>
      </c>
      <c r="C8728" s="6" t="s">
        <v>24</v>
      </c>
      <c r="D8728" s="6" t="s">
        <v>476</v>
      </c>
      <c r="E8728" s="6">
        <v>15693</v>
      </c>
      <c r="F8728" s="6" t="s">
        <v>13</v>
      </c>
      <c r="G8728" s="6" t="s">
        <v>17493</v>
      </c>
      <c r="H8728" s="6" t="s">
        <v>17494</v>
      </c>
      <c r="I8728" s="7">
        <v>5.8741303</v>
      </c>
      <c r="J8728" s="8">
        <v>-72.982869699999995</v>
      </c>
    </row>
    <row r="8729" spans="1:10" x14ac:dyDescent="0.35">
      <c r="A8729" s="5" t="s">
        <v>10</v>
      </c>
      <c r="B8729" s="6">
        <v>224325</v>
      </c>
      <c r="C8729" s="6" t="s">
        <v>55</v>
      </c>
      <c r="D8729" s="6" t="s">
        <v>2519</v>
      </c>
      <c r="E8729" s="6">
        <v>73352</v>
      </c>
      <c r="F8729" s="6" t="s">
        <v>13</v>
      </c>
      <c r="G8729" s="6" t="s">
        <v>17495</v>
      </c>
      <c r="H8729" s="6" t="s">
        <v>17496</v>
      </c>
      <c r="I8729" s="7">
        <v>4.4461637999999999</v>
      </c>
      <c r="J8729" s="8">
        <v>-75.242417799999998</v>
      </c>
    </row>
    <row r="8730" spans="1:10" x14ac:dyDescent="0.35">
      <c r="A8730" s="5" t="s">
        <v>10</v>
      </c>
      <c r="B8730" s="6">
        <v>234302</v>
      </c>
      <c r="C8730" s="6" t="s">
        <v>308</v>
      </c>
      <c r="D8730" s="6" t="s">
        <v>309</v>
      </c>
      <c r="E8730" s="6">
        <v>23001</v>
      </c>
      <c r="F8730" s="6" t="s">
        <v>13</v>
      </c>
      <c r="G8730" s="6" t="s">
        <v>17497</v>
      </c>
      <c r="H8730" s="6" t="s">
        <v>17498</v>
      </c>
      <c r="I8730" s="7">
        <v>8.7401470999999997</v>
      </c>
      <c r="J8730" s="8">
        <v>-75.9002385</v>
      </c>
    </row>
    <row r="8731" spans="1:10" x14ac:dyDescent="0.35">
      <c r="A8731" s="5" t="s">
        <v>10</v>
      </c>
      <c r="B8731" s="6">
        <v>230049</v>
      </c>
      <c r="C8731" s="6" t="s">
        <v>117</v>
      </c>
      <c r="D8731" s="6" t="s">
        <v>2738</v>
      </c>
      <c r="E8731" s="6">
        <v>76622</v>
      </c>
      <c r="F8731" s="6" t="s">
        <v>18</v>
      </c>
      <c r="G8731" s="6" t="s">
        <v>17499</v>
      </c>
      <c r="H8731" s="6" t="s">
        <v>17500</v>
      </c>
      <c r="I8731" s="7">
        <v>4.4154736000000003</v>
      </c>
      <c r="J8731" s="8">
        <v>-76.151394199999999</v>
      </c>
    </row>
    <row r="8732" spans="1:10" x14ac:dyDescent="0.35">
      <c r="A8732" s="5" t="s">
        <v>10</v>
      </c>
      <c r="B8732" s="6">
        <v>241147</v>
      </c>
      <c r="C8732" s="6" t="s">
        <v>117</v>
      </c>
      <c r="D8732" s="6" t="s">
        <v>3492</v>
      </c>
      <c r="E8732" s="6">
        <v>76520</v>
      </c>
      <c r="F8732" s="6" t="s">
        <v>18</v>
      </c>
      <c r="G8732" s="6" t="s">
        <v>17501</v>
      </c>
      <c r="H8732" s="6" t="s">
        <v>17502</v>
      </c>
      <c r="I8732" s="7">
        <v>3.5320464</v>
      </c>
      <c r="J8732" s="8">
        <v>-76.311242199999995</v>
      </c>
    </row>
    <row r="8733" spans="1:10" x14ac:dyDescent="0.35">
      <c r="A8733" s="5" t="s">
        <v>10</v>
      </c>
      <c r="B8733" s="6">
        <v>241166</v>
      </c>
      <c r="C8733" s="6" t="s">
        <v>117</v>
      </c>
      <c r="D8733" s="6" t="s">
        <v>1334</v>
      </c>
      <c r="E8733" s="6">
        <v>76001</v>
      </c>
      <c r="F8733" s="6" t="s">
        <v>18</v>
      </c>
      <c r="G8733" s="6" t="s">
        <v>15953</v>
      </c>
      <c r="H8733" s="6" t="s">
        <v>17503</v>
      </c>
      <c r="I8733" s="7">
        <v>3.4504562999999999</v>
      </c>
      <c r="J8733" s="8">
        <v>-76.532185499999997</v>
      </c>
    </row>
    <row r="8734" spans="1:10" x14ac:dyDescent="0.35">
      <c r="A8734" s="5" t="s">
        <v>10</v>
      </c>
      <c r="B8734" s="6">
        <v>210172</v>
      </c>
      <c r="C8734" s="6" t="s">
        <v>68</v>
      </c>
      <c r="D8734" s="6" t="s">
        <v>69</v>
      </c>
      <c r="E8734" s="6">
        <v>11001</v>
      </c>
      <c r="F8734" s="6" t="s">
        <v>18</v>
      </c>
      <c r="G8734" s="6" t="s">
        <v>17504</v>
      </c>
      <c r="H8734" s="6" t="s">
        <v>17505</v>
      </c>
      <c r="I8734" s="7">
        <v>4.6884804000000004</v>
      </c>
      <c r="J8734" s="8">
        <v>-74.103340299999999</v>
      </c>
    </row>
    <row r="8735" spans="1:10" x14ac:dyDescent="0.35">
      <c r="A8735" s="5" t="s">
        <v>10</v>
      </c>
      <c r="B8735" s="6">
        <v>212480</v>
      </c>
      <c r="C8735" s="6" t="s">
        <v>68</v>
      </c>
      <c r="D8735" s="6" t="s">
        <v>69</v>
      </c>
      <c r="E8735" s="6">
        <v>11001</v>
      </c>
      <c r="F8735" s="6" t="s">
        <v>18</v>
      </c>
      <c r="G8735" s="6" t="s">
        <v>17506</v>
      </c>
      <c r="H8735" s="6" t="s">
        <v>17507</v>
      </c>
      <c r="I8735" s="7">
        <v>4.5202903000000001</v>
      </c>
      <c r="J8735" s="8">
        <v>-74.1176222</v>
      </c>
    </row>
    <row r="8736" spans="1:10" x14ac:dyDescent="0.35">
      <c r="A8736" s="5" t="s">
        <v>10</v>
      </c>
      <c r="B8736" s="6">
        <v>229753</v>
      </c>
      <c r="C8736" s="6" t="s">
        <v>68</v>
      </c>
      <c r="D8736" s="6" t="s">
        <v>69</v>
      </c>
      <c r="E8736" s="6">
        <v>11001</v>
      </c>
      <c r="F8736" s="6" t="s">
        <v>18</v>
      </c>
      <c r="G8736" s="6" t="s">
        <v>17508</v>
      </c>
      <c r="H8736" s="6" t="s">
        <v>17509</v>
      </c>
      <c r="I8736" s="7">
        <v>4.7524639999999998</v>
      </c>
      <c r="J8736" s="8">
        <v>-74.086464000000007</v>
      </c>
    </row>
    <row r="8737" spans="1:10" x14ac:dyDescent="0.35">
      <c r="A8737" s="5" t="s">
        <v>10</v>
      </c>
      <c r="B8737" s="6">
        <v>231121</v>
      </c>
      <c r="C8737" s="6" t="s">
        <v>68</v>
      </c>
      <c r="D8737" s="6" t="s">
        <v>69</v>
      </c>
      <c r="E8737" s="6">
        <v>11001</v>
      </c>
      <c r="F8737" s="6" t="s">
        <v>18</v>
      </c>
      <c r="G8737" s="6" t="s">
        <v>17510</v>
      </c>
      <c r="H8737" s="6" t="s">
        <v>17511</v>
      </c>
      <c r="I8737" s="7">
        <v>4.7751400000000004</v>
      </c>
      <c r="J8737" s="8">
        <v>-74.040918000000005</v>
      </c>
    </row>
    <row r="8738" spans="1:10" x14ac:dyDescent="0.35">
      <c r="A8738" s="5" t="s">
        <v>10</v>
      </c>
      <c r="B8738" s="6">
        <v>242383</v>
      </c>
      <c r="C8738" s="6" t="s">
        <v>68</v>
      </c>
      <c r="D8738" s="6" t="s">
        <v>69</v>
      </c>
      <c r="E8738" s="6">
        <v>11001</v>
      </c>
      <c r="F8738" s="6" t="s">
        <v>18</v>
      </c>
      <c r="G8738" s="6" t="s">
        <v>17512</v>
      </c>
      <c r="H8738" s="6" t="s">
        <v>17513</v>
      </c>
      <c r="I8738" s="7">
        <v>4.5199727000000003</v>
      </c>
      <c r="J8738" s="8">
        <v>-74.118203699999995</v>
      </c>
    </row>
    <row r="8739" spans="1:10" x14ac:dyDescent="0.35">
      <c r="A8739" s="5" t="s">
        <v>10</v>
      </c>
      <c r="B8739" s="6">
        <v>202481</v>
      </c>
      <c r="C8739" s="6" t="s">
        <v>68</v>
      </c>
      <c r="D8739" s="6" t="s">
        <v>69</v>
      </c>
      <c r="E8739" s="6">
        <v>11001</v>
      </c>
      <c r="F8739" s="6" t="s">
        <v>18</v>
      </c>
      <c r="G8739" s="6" t="s">
        <v>17514</v>
      </c>
      <c r="H8739" s="6" t="s">
        <v>17515</v>
      </c>
      <c r="I8739" s="7">
        <v>4.6078945999999998</v>
      </c>
      <c r="J8739" s="8">
        <v>-74.175692499999997</v>
      </c>
    </row>
    <row r="8740" spans="1:10" x14ac:dyDescent="0.35">
      <c r="A8740" s="5" t="s">
        <v>10</v>
      </c>
      <c r="B8740" s="6">
        <v>219135</v>
      </c>
      <c r="C8740" s="6" t="s">
        <v>68</v>
      </c>
      <c r="D8740" s="6" t="s">
        <v>69</v>
      </c>
      <c r="E8740" s="6">
        <v>11001</v>
      </c>
      <c r="F8740" s="6" t="s">
        <v>18</v>
      </c>
      <c r="G8740" s="6" t="s">
        <v>17516</v>
      </c>
      <c r="H8740" s="6" t="s">
        <v>17517</v>
      </c>
      <c r="I8740" s="7">
        <v>4.7333645000000004</v>
      </c>
      <c r="J8740" s="8">
        <v>-74.098928200000003</v>
      </c>
    </row>
    <row r="8741" spans="1:10" x14ac:dyDescent="0.35">
      <c r="A8741" s="5" t="s">
        <v>10</v>
      </c>
      <c r="B8741" s="6">
        <v>221729</v>
      </c>
      <c r="C8741" s="6" t="s">
        <v>68</v>
      </c>
      <c r="D8741" s="6" t="s">
        <v>69</v>
      </c>
      <c r="E8741" s="6">
        <v>11001</v>
      </c>
      <c r="F8741" s="6" t="s">
        <v>18</v>
      </c>
      <c r="G8741" s="6" t="s">
        <v>17518</v>
      </c>
      <c r="H8741" s="6" t="s">
        <v>17519</v>
      </c>
      <c r="I8741" s="7">
        <v>4.6362714999999897</v>
      </c>
      <c r="J8741" s="8">
        <v>-74.198042200000003</v>
      </c>
    </row>
    <row r="8742" spans="1:10" x14ac:dyDescent="0.35">
      <c r="A8742" s="5" t="s">
        <v>10</v>
      </c>
      <c r="B8742" s="6">
        <v>235982</v>
      </c>
      <c r="C8742" s="6" t="s">
        <v>68</v>
      </c>
      <c r="D8742" s="6" t="s">
        <v>69</v>
      </c>
      <c r="E8742" s="6">
        <v>11001</v>
      </c>
      <c r="F8742" s="6" t="s">
        <v>18</v>
      </c>
      <c r="G8742" s="6" t="s">
        <v>17520</v>
      </c>
      <c r="H8742" s="6" t="s">
        <v>17521</v>
      </c>
      <c r="I8742" s="7">
        <v>4.6254843999999897</v>
      </c>
      <c r="J8742" s="8">
        <v>-74.165232099999997</v>
      </c>
    </row>
    <row r="8743" spans="1:10" x14ac:dyDescent="0.35">
      <c r="A8743" s="5" t="s">
        <v>10</v>
      </c>
      <c r="B8743" s="6">
        <v>220106</v>
      </c>
      <c r="C8743" s="6" t="s">
        <v>68</v>
      </c>
      <c r="D8743" s="6" t="s">
        <v>69</v>
      </c>
      <c r="E8743" s="6">
        <v>11001</v>
      </c>
      <c r="F8743" s="6" t="s">
        <v>18</v>
      </c>
      <c r="G8743" s="6" t="s">
        <v>17522</v>
      </c>
      <c r="H8743" s="6" t="s">
        <v>17523</v>
      </c>
      <c r="I8743" s="7">
        <v>4.7641536000000002</v>
      </c>
      <c r="J8743" s="8">
        <v>-74.029750699999994</v>
      </c>
    </row>
    <row r="8744" spans="1:10" x14ac:dyDescent="0.35">
      <c r="A8744" s="5" t="s">
        <v>10</v>
      </c>
      <c r="B8744" s="6">
        <v>235920</v>
      </c>
      <c r="C8744" s="6" t="s">
        <v>68</v>
      </c>
      <c r="D8744" s="6" t="s">
        <v>69</v>
      </c>
      <c r="E8744" s="6">
        <v>11001</v>
      </c>
      <c r="F8744" s="6" t="s">
        <v>18</v>
      </c>
      <c r="G8744" s="6" t="s">
        <v>17524</v>
      </c>
      <c r="H8744" s="6" t="s">
        <v>17525</v>
      </c>
      <c r="I8744" s="7">
        <v>4.5423708999999999</v>
      </c>
      <c r="J8744" s="8">
        <v>-74.162844500000006</v>
      </c>
    </row>
    <row r="8745" spans="1:10" x14ac:dyDescent="0.35">
      <c r="A8745" s="5" t="s">
        <v>10</v>
      </c>
      <c r="B8745" s="6">
        <v>217804</v>
      </c>
      <c r="C8745" s="6" t="s">
        <v>551</v>
      </c>
      <c r="D8745" s="6" t="s">
        <v>3868</v>
      </c>
      <c r="E8745" s="6">
        <v>20001</v>
      </c>
      <c r="F8745" s="6" t="s">
        <v>13</v>
      </c>
      <c r="G8745" s="6" t="s">
        <v>17526</v>
      </c>
      <c r="H8745" s="6" t="s">
        <v>17527</v>
      </c>
      <c r="I8745" s="7">
        <v>10.468335</v>
      </c>
      <c r="J8745" s="8">
        <v>-73.2580691</v>
      </c>
    </row>
    <row r="8746" spans="1:10" x14ac:dyDescent="0.35">
      <c r="A8746" s="5" t="s">
        <v>10</v>
      </c>
      <c r="B8746" s="6">
        <v>154797</v>
      </c>
      <c r="C8746" s="6" t="s">
        <v>109</v>
      </c>
      <c r="D8746" s="6" t="s">
        <v>2830</v>
      </c>
      <c r="E8746" s="6">
        <v>13430</v>
      </c>
      <c r="F8746" s="6" t="s">
        <v>18</v>
      </c>
      <c r="G8746" s="6" t="s">
        <v>17528</v>
      </c>
      <c r="H8746" s="6" t="s">
        <v>17529</v>
      </c>
      <c r="I8746" s="7">
        <v>9.2348173999999901</v>
      </c>
      <c r="J8746" s="8">
        <v>-74.747000599999893</v>
      </c>
    </row>
    <row r="8747" spans="1:10" x14ac:dyDescent="0.35">
      <c r="A8747" s="5" t="s">
        <v>10</v>
      </c>
      <c r="B8747" s="6">
        <v>229507</v>
      </c>
      <c r="C8747" s="6" t="s">
        <v>117</v>
      </c>
      <c r="D8747" s="6" t="s">
        <v>7467</v>
      </c>
      <c r="E8747" s="6">
        <v>76126</v>
      </c>
      <c r="F8747" s="6" t="s">
        <v>18</v>
      </c>
      <c r="G8747" s="6" t="s">
        <v>17530</v>
      </c>
      <c r="H8747" s="6" t="s">
        <v>17531</v>
      </c>
      <c r="I8747" s="7">
        <v>3.9192670000000001</v>
      </c>
      <c r="J8747" s="8">
        <v>-76.595055500000001</v>
      </c>
    </row>
    <row r="8748" spans="1:10" x14ac:dyDescent="0.35">
      <c r="A8748" s="5" t="s">
        <v>10</v>
      </c>
      <c r="B8748" s="6">
        <v>241005</v>
      </c>
      <c r="C8748" s="6" t="s">
        <v>117</v>
      </c>
      <c r="D8748" s="6" t="s">
        <v>3492</v>
      </c>
      <c r="E8748" s="6">
        <v>76520</v>
      </c>
      <c r="F8748" s="6" t="s">
        <v>18</v>
      </c>
      <c r="G8748" s="6" t="s">
        <v>17532</v>
      </c>
      <c r="H8748" s="6" t="s">
        <v>17533</v>
      </c>
      <c r="I8748" s="7">
        <v>3.5379718000000002</v>
      </c>
      <c r="J8748" s="8">
        <v>-76.297165699999994</v>
      </c>
    </row>
    <row r="8749" spans="1:10" x14ac:dyDescent="0.35">
      <c r="A8749" s="5" t="s">
        <v>10</v>
      </c>
      <c r="B8749" s="6">
        <v>240562</v>
      </c>
      <c r="C8749" s="6" t="s">
        <v>190</v>
      </c>
      <c r="D8749" s="6" t="s">
        <v>191</v>
      </c>
      <c r="E8749" s="6">
        <v>5001</v>
      </c>
      <c r="F8749" s="6" t="s">
        <v>18</v>
      </c>
      <c r="G8749" s="6" t="s">
        <v>17534</v>
      </c>
      <c r="H8749" s="6" t="s">
        <v>17535</v>
      </c>
      <c r="I8749" s="7">
        <v>6.2117616</v>
      </c>
      <c r="J8749" s="8">
        <v>-75.584665299999998</v>
      </c>
    </row>
    <row r="8750" spans="1:10" x14ac:dyDescent="0.35">
      <c r="A8750" s="5" t="s">
        <v>10</v>
      </c>
      <c r="B8750" s="6">
        <v>197125</v>
      </c>
      <c r="C8750" s="6" t="s">
        <v>190</v>
      </c>
      <c r="D8750" s="6" t="s">
        <v>4063</v>
      </c>
      <c r="E8750" s="6">
        <v>5088</v>
      </c>
      <c r="F8750" s="6" t="s">
        <v>18</v>
      </c>
      <c r="G8750" s="6" t="s">
        <v>17536</v>
      </c>
      <c r="H8750" s="6" t="s">
        <v>17537</v>
      </c>
      <c r="I8750" s="7">
        <v>6.3149866000000001</v>
      </c>
      <c r="J8750" s="8">
        <v>-75.551975999999996</v>
      </c>
    </row>
    <row r="8751" spans="1:10" x14ac:dyDescent="0.35">
      <c r="A8751" s="5" t="s">
        <v>10</v>
      </c>
      <c r="B8751" s="6">
        <v>179448</v>
      </c>
      <c r="C8751" s="6" t="s">
        <v>68</v>
      </c>
      <c r="D8751" s="6" t="s">
        <v>69</v>
      </c>
      <c r="E8751" s="6">
        <v>11001</v>
      </c>
      <c r="F8751" s="6" t="s">
        <v>18</v>
      </c>
      <c r="G8751" s="6" t="s">
        <v>17538</v>
      </c>
      <c r="H8751" s="6" t="s">
        <v>17539</v>
      </c>
      <c r="I8751" s="7">
        <v>4.7290831000000004</v>
      </c>
      <c r="J8751" s="8">
        <v>-74.091754799999904</v>
      </c>
    </row>
    <row r="8752" spans="1:10" x14ac:dyDescent="0.35">
      <c r="A8752" s="5" t="s">
        <v>10</v>
      </c>
      <c r="B8752" s="6">
        <v>225608</v>
      </c>
      <c r="C8752" s="6" t="s">
        <v>68</v>
      </c>
      <c r="D8752" s="6" t="s">
        <v>69</v>
      </c>
      <c r="E8752" s="6">
        <v>11001</v>
      </c>
      <c r="F8752" s="6" t="s">
        <v>18</v>
      </c>
      <c r="G8752" s="6" t="s">
        <v>17540</v>
      </c>
      <c r="H8752" s="6" t="s">
        <v>17541</v>
      </c>
      <c r="I8752" s="7">
        <v>4.7406132999999997</v>
      </c>
      <c r="J8752" s="8">
        <v>-74.115559899999994</v>
      </c>
    </row>
    <row r="8753" spans="1:10" x14ac:dyDescent="0.35">
      <c r="A8753" s="5" t="s">
        <v>10</v>
      </c>
      <c r="B8753" s="6">
        <v>247238</v>
      </c>
      <c r="C8753" s="6" t="s">
        <v>68</v>
      </c>
      <c r="D8753" s="6" t="s">
        <v>69</v>
      </c>
      <c r="E8753" s="6">
        <v>11001</v>
      </c>
      <c r="F8753" s="6" t="s">
        <v>18</v>
      </c>
      <c r="G8753" s="6" t="s">
        <v>17542</v>
      </c>
      <c r="H8753" s="6" t="s">
        <v>17543</v>
      </c>
      <c r="I8753" s="7">
        <v>4.7203714000000003</v>
      </c>
      <c r="J8753" s="8">
        <v>-74.094327699999994</v>
      </c>
    </row>
    <row r="8754" spans="1:10" x14ac:dyDescent="0.35">
      <c r="A8754" s="5" t="s">
        <v>10</v>
      </c>
      <c r="B8754" s="6">
        <v>200622</v>
      </c>
      <c r="C8754" s="6" t="s">
        <v>68</v>
      </c>
      <c r="D8754" s="6" t="s">
        <v>69</v>
      </c>
      <c r="E8754" s="6">
        <v>11001</v>
      </c>
      <c r="F8754" s="6" t="s">
        <v>18</v>
      </c>
      <c r="G8754" s="6" t="s">
        <v>17544</v>
      </c>
      <c r="H8754" s="6" t="s">
        <v>17545</v>
      </c>
      <c r="I8754" s="7">
        <v>4.5365919999999997</v>
      </c>
      <c r="J8754" s="8">
        <v>-74.113175099999907</v>
      </c>
    </row>
    <row r="8755" spans="1:10" x14ac:dyDescent="0.35">
      <c r="A8755" s="5" t="s">
        <v>10</v>
      </c>
      <c r="B8755" s="6">
        <v>215821</v>
      </c>
      <c r="C8755" s="6" t="s">
        <v>68</v>
      </c>
      <c r="D8755" s="6" t="s">
        <v>69</v>
      </c>
      <c r="E8755" s="6">
        <v>11001</v>
      </c>
      <c r="F8755" s="6" t="s">
        <v>18</v>
      </c>
      <c r="G8755" s="6" t="s">
        <v>17546</v>
      </c>
      <c r="H8755" s="6" t="s">
        <v>17547</v>
      </c>
      <c r="I8755" s="7">
        <v>4.6338911999999999</v>
      </c>
      <c r="J8755" s="8">
        <v>-74.179742199999893</v>
      </c>
    </row>
    <row r="8756" spans="1:10" x14ac:dyDescent="0.35">
      <c r="A8756" s="5" t="s">
        <v>10</v>
      </c>
      <c r="B8756" s="6">
        <v>201842</v>
      </c>
      <c r="C8756" s="6" t="s">
        <v>68</v>
      </c>
      <c r="D8756" s="6" t="s">
        <v>69</v>
      </c>
      <c r="E8756" s="6">
        <v>11001</v>
      </c>
      <c r="F8756" s="6" t="s">
        <v>18</v>
      </c>
      <c r="G8756" s="6" t="s">
        <v>17548</v>
      </c>
      <c r="H8756" s="6" t="s">
        <v>17549</v>
      </c>
      <c r="I8756" s="7">
        <v>4.7409062999999998</v>
      </c>
      <c r="J8756" s="8">
        <v>-74.110205699999995</v>
      </c>
    </row>
    <row r="8757" spans="1:10" x14ac:dyDescent="0.35">
      <c r="A8757" s="5" t="s">
        <v>10</v>
      </c>
      <c r="B8757" s="6">
        <v>204993</v>
      </c>
      <c r="C8757" s="6" t="s">
        <v>68</v>
      </c>
      <c r="D8757" s="6" t="s">
        <v>69</v>
      </c>
      <c r="E8757" s="6">
        <v>11001</v>
      </c>
      <c r="F8757" s="6" t="s">
        <v>18</v>
      </c>
      <c r="G8757" s="6" t="s">
        <v>1940</v>
      </c>
      <c r="H8757" s="6" t="s">
        <v>17550</v>
      </c>
      <c r="I8757" s="7">
        <v>4.6047978999999897</v>
      </c>
      <c r="J8757" s="8">
        <v>-74.109278500000002</v>
      </c>
    </row>
    <row r="8758" spans="1:10" x14ac:dyDescent="0.35">
      <c r="A8758" s="5" t="s">
        <v>10</v>
      </c>
      <c r="B8758" s="6">
        <v>242551</v>
      </c>
      <c r="C8758" s="6" t="s">
        <v>68</v>
      </c>
      <c r="D8758" s="6" t="s">
        <v>69</v>
      </c>
      <c r="E8758" s="6">
        <v>11001</v>
      </c>
      <c r="F8758" s="6" t="s">
        <v>18</v>
      </c>
      <c r="G8758" s="6" t="s">
        <v>17551</v>
      </c>
      <c r="H8758" s="6" t="s">
        <v>17552</v>
      </c>
      <c r="I8758" s="7">
        <v>4.7602735999999997</v>
      </c>
      <c r="J8758" s="8">
        <v>-74.023859000000002</v>
      </c>
    </row>
    <row r="8759" spans="1:10" x14ac:dyDescent="0.35">
      <c r="A8759" s="5" t="s">
        <v>10</v>
      </c>
      <c r="B8759" s="6">
        <v>216150</v>
      </c>
      <c r="C8759" s="6" t="s">
        <v>109</v>
      </c>
      <c r="D8759" s="6" t="s">
        <v>17553</v>
      </c>
      <c r="E8759" s="6">
        <v>13006</v>
      </c>
      <c r="F8759" s="6" t="s">
        <v>13</v>
      </c>
      <c r="G8759" s="6" t="s">
        <v>17554</v>
      </c>
      <c r="H8759" s="6" t="s">
        <v>17555</v>
      </c>
      <c r="I8759" s="7">
        <v>8.5696895000000008</v>
      </c>
      <c r="J8759" s="8">
        <v>-74.556606799999997</v>
      </c>
    </row>
    <row r="8760" spans="1:10" x14ac:dyDescent="0.35">
      <c r="A8760" s="5" t="s">
        <v>10</v>
      </c>
      <c r="B8760" s="6">
        <v>225167</v>
      </c>
      <c r="C8760" s="6" t="s">
        <v>28</v>
      </c>
      <c r="D8760" s="6" t="s">
        <v>29</v>
      </c>
      <c r="E8760" s="6">
        <v>54001</v>
      </c>
      <c r="F8760" s="6" t="s">
        <v>13</v>
      </c>
      <c r="G8760" s="6" t="s">
        <v>17556</v>
      </c>
      <c r="H8760" s="6" t="s">
        <v>17557</v>
      </c>
      <c r="I8760" s="7">
        <v>7.8906999000000004</v>
      </c>
      <c r="J8760" s="8">
        <v>-72.495021100000002</v>
      </c>
    </row>
    <row r="8761" spans="1:10" x14ac:dyDescent="0.35">
      <c r="A8761" s="5" t="s">
        <v>10</v>
      </c>
      <c r="B8761" s="6">
        <v>241587</v>
      </c>
      <c r="C8761" s="6" t="s">
        <v>457</v>
      </c>
      <c r="D8761" s="6" t="s">
        <v>3701</v>
      </c>
      <c r="E8761" s="6">
        <v>52083</v>
      </c>
      <c r="F8761" s="6" t="s">
        <v>18</v>
      </c>
      <c r="G8761" s="6" t="s">
        <v>17558</v>
      </c>
      <c r="H8761" s="6" t="s">
        <v>17559</v>
      </c>
      <c r="I8761" s="7">
        <v>1.5955159999999999</v>
      </c>
      <c r="J8761" s="8">
        <v>-77.016446000000002</v>
      </c>
    </row>
    <row r="8762" spans="1:10" x14ac:dyDescent="0.35">
      <c r="A8762" s="5" t="s">
        <v>10</v>
      </c>
      <c r="B8762" s="6">
        <v>241179</v>
      </c>
      <c r="C8762" s="6" t="s">
        <v>117</v>
      </c>
      <c r="D8762" s="6" t="s">
        <v>7467</v>
      </c>
      <c r="E8762" s="6">
        <v>76126</v>
      </c>
      <c r="F8762" s="6" t="s">
        <v>18</v>
      </c>
      <c r="G8762" s="6" t="s">
        <v>17560</v>
      </c>
      <c r="H8762" s="6" t="s">
        <v>17561</v>
      </c>
      <c r="I8762" s="7">
        <v>3.4510925000000001</v>
      </c>
      <c r="J8762" s="8">
        <v>-76.529621000000006</v>
      </c>
    </row>
    <row r="8763" spans="1:10" x14ac:dyDescent="0.35">
      <c r="A8763" s="5" t="s">
        <v>10</v>
      </c>
      <c r="B8763" s="6">
        <v>219191</v>
      </c>
      <c r="C8763" s="6" t="s">
        <v>117</v>
      </c>
      <c r="D8763" s="6" t="s">
        <v>1334</v>
      </c>
      <c r="E8763" s="6">
        <v>76001</v>
      </c>
      <c r="F8763" s="6" t="s">
        <v>18</v>
      </c>
      <c r="G8763" s="6" t="s">
        <v>17562</v>
      </c>
      <c r="H8763" s="6" t="s">
        <v>17563</v>
      </c>
      <c r="I8763" s="7">
        <v>3.4320925999999998</v>
      </c>
      <c r="J8763" s="8">
        <v>-76.502102399999998</v>
      </c>
    </row>
    <row r="8764" spans="1:10" x14ac:dyDescent="0.35">
      <c r="A8764" s="5" t="s">
        <v>10</v>
      </c>
      <c r="B8764" s="6">
        <v>210766</v>
      </c>
      <c r="C8764" s="6" t="s">
        <v>190</v>
      </c>
      <c r="D8764" s="6" t="s">
        <v>191</v>
      </c>
      <c r="E8764" s="6">
        <v>5001</v>
      </c>
      <c r="F8764" s="6" t="s">
        <v>18</v>
      </c>
      <c r="G8764" s="6" t="s">
        <v>17564</v>
      </c>
      <c r="H8764" s="6" t="s">
        <v>17565</v>
      </c>
      <c r="I8764" s="7">
        <v>6.2679480999999999</v>
      </c>
      <c r="J8764" s="8">
        <v>-75.546990699999995</v>
      </c>
    </row>
    <row r="8765" spans="1:10" x14ac:dyDescent="0.35">
      <c r="A8765" s="5" t="s">
        <v>10</v>
      </c>
      <c r="B8765" s="6">
        <v>218862</v>
      </c>
      <c r="C8765" s="6" t="s">
        <v>68</v>
      </c>
      <c r="D8765" s="6" t="s">
        <v>69</v>
      </c>
      <c r="E8765" s="6">
        <v>11001</v>
      </c>
      <c r="F8765" s="6" t="s">
        <v>18</v>
      </c>
      <c r="G8765" s="6" t="s">
        <v>17566</v>
      </c>
      <c r="H8765" s="6" t="s">
        <v>17567</v>
      </c>
      <c r="I8765" s="7">
        <v>4.683065</v>
      </c>
      <c r="J8765" s="8">
        <v>-74.102255599999907</v>
      </c>
    </row>
    <row r="8766" spans="1:10" x14ac:dyDescent="0.35">
      <c r="A8766" s="5" t="s">
        <v>10</v>
      </c>
      <c r="B8766" s="6">
        <v>229952</v>
      </c>
      <c r="C8766" s="6" t="s">
        <v>3788</v>
      </c>
      <c r="D8766" s="6" t="s">
        <v>6771</v>
      </c>
      <c r="E8766" s="6">
        <v>18753</v>
      </c>
      <c r="F8766" s="6" t="s">
        <v>18</v>
      </c>
      <c r="G8766" s="6" t="s">
        <v>17568</v>
      </c>
      <c r="H8766" s="6" t="s">
        <v>17569</v>
      </c>
      <c r="I8766" s="7">
        <v>4.6088506000000002</v>
      </c>
      <c r="J8766" s="8">
        <v>-74.072331199999994</v>
      </c>
    </row>
    <row r="8767" spans="1:10" x14ac:dyDescent="0.35">
      <c r="A8767" s="5" t="s">
        <v>10</v>
      </c>
      <c r="B8767" s="6">
        <v>236472</v>
      </c>
      <c r="C8767" s="6" t="s">
        <v>68</v>
      </c>
      <c r="D8767" s="6" t="s">
        <v>69</v>
      </c>
      <c r="E8767" s="6">
        <v>11001</v>
      </c>
      <c r="F8767" s="6" t="s">
        <v>18</v>
      </c>
      <c r="G8767" s="6" t="s">
        <v>17570</v>
      </c>
      <c r="H8767" s="6" t="s">
        <v>17571</v>
      </c>
      <c r="I8767" s="7">
        <v>4.6064194000000001</v>
      </c>
      <c r="J8767" s="8">
        <v>-74.116392700000006</v>
      </c>
    </row>
    <row r="8768" spans="1:10" x14ac:dyDescent="0.35">
      <c r="A8768" s="5" t="s">
        <v>10</v>
      </c>
      <c r="B8768" s="6">
        <v>220772</v>
      </c>
      <c r="C8768" s="6" t="s">
        <v>68</v>
      </c>
      <c r="D8768" s="6" t="s">
        <v>69</v>
      </c>
      <c r="E8768" s="6">
        <v>11001</v>
      </c>
      <c r="F8768" s="6" t="s">
        <v>18</v>
      </c>
      <c r="G8768" s="6" t="s">
        <v>17572</v>
      </c>
      <c r="H8768" s="6" t="s">
        <v>17573</v>
      </c>
      <c r="I8768" s="7">
        <v>4.5164947999999896</v>
      </c>
      <c r="J8768" s="8">
        <v>-74.1198871</v>
      </c>
    </row>
    <row r="8769" spans="1:10" x14ac:dyDescent="0.35">
      <c r="A8769" s="5" t="s">
        <v>10</v>
      </c>
      <c r="B8769" s="6">
        <v>195835</v>
      </c>
      <c r="C8769" s="6" t="s">
        <v>68</v>
      </c>
      <c r="D8769" s="6" t="s">
        <v>69</v>
      </c>
      <c r="E8769" s="6">
        <v>11001</v>
      </c>
      <c r="F8769" s="6" t="s">
        <v>18</v>
      </c>
      <c r="G8769" s="6" t="s">
        <v>17574</v>
      </c>
      <c r="H8769" s="6" t="s">
        <v>17575</v>
      </c>
      <c r="I8769" s="7">
        <v>4.5922482000000002</v>
      </c>
      <c r="J8769" s="8">
        <v>-74.086499099999997</v>
      </c>
    </row>
    <row r="8770" spans="1:10" x14ac:dyDescent="0.35">
      <c r="A8770" s="5" t="s">
        <v>10</v>
      </c>
      <c r="B8770" s="6">
        <v>238192</v>
      </c>
      <c r="C8770" s="6" t="s">
        <v>68</v>
      </c>
      <c r="D8770" s="6" t="s">
        <v>69</v>
      </c>
      <c r="E8770" s="6">
        <v>11001</v>
      </c>
      <c r="F8770" s="6" t="s">
        <v>18</v>
      </c>
      <c r="G8770" s="6" t="s">
        <v>17576</v>
      </c>
      <c r="H8770" s="6" t="s">
        <v>17577</v>
      </c>
      <c r="I8770" s="7">
        <v>4.6569966999999997</v>
      </c>
      <c r="J8770" s="8">
        <v>-74.156921600000004</v>
      </c>
    </row>
    <row r="8771" spans="1:10" x14ac:dyDescent="0.35">
      <c r="A8771" s="5" t="s">
        <v>10</v>
      </c>
      <c r="B8771" s="6">
        <v>201513</v>
      </c>
      <c r="C8771" s="6" t="s">
        <v>68</v>
      </c>
      <c r="D8771" s="6" t="s">
        <v>69</v>
      </c>
      <c r="E8771" s="6">
        <v>11001</v>
      </c>
      <c r="F8771" s="6" t="s">
        <v>18</v>
      </c>
      <c r="G8771" s="6" t="s">
        <v>17578</v>
      </c>
      <c r="H8771" s="6" t="s">
        <v>17579</v>
      </c>
      <c r="I8771" s="7">
        <v>4.5005734000000004</v>
      </c>
      <c r="J8771" s="8">
        <v>-74.085321800000003</v>
      </c>
    </row>
    <row r="8772" spans="1:10" x14ac:dyDescent="0.35">
      <c r="A8772" s="5" t="s">
        <v>10</v>
      </c>
      <c r="B8772" s="6">
        <v>242589</v>
      </c>
      <c r="C8772" s="6" t="s">
        <v>68</v>
      </c>
      <c r="D8772" s="6" t="s">
        <v>69</v>
      </c>
      <c r="E8772" s="6">
        <v>11001</v>
      </c>
      <c r="F8772" s="6" t="s">
        <v>18</v>
      </c>
      <c r="G8772" s="6" t="s">
        <v>17580</v>
      </c>
      <c r="H8772" s="6" t="s">
        <v>17581</v>
      </c>
      <c r="I8772" s="7">
        <v>4.6203906999999997</v>
      </c>
      <c r="J8772" s="8">
        <v>-74.118980899999997</v>
      </c>
    </row>
    <row r="8773" spans="1:10" x14ac:dyDescent="0.35">
      <c r="A8773" s="5" t="s">
        <v>10</v>
      </c>
      <c r="B8773" s="6">
        <v>240995</v>
      </c>
      <c r="C8773" s="6" t="s">
        <v>117</v>
      </c>
      <c r="D8773" s="6" t="s">
        <v>1334</v>
      </c>
      <c r="E8773" s="6">
        <v>76001</v>
      </c>
      <c r="F8773" s="6" t="s">
        <v>18</v>
      </c>
      <c r="G8773" s="6" t="s">
        <v>17582</v>
      </c>
      <c r="H8773" s="6" t="s">
        <v>17583</v>
      </c>
      <c r="I8773" s="7">
        <v>3.4413889000000002</v>
      </c>
      <c r="J8773" s="8">
        <v>-76.512777799999995</v>
      </c>
    </row>
    <row r="8774" spans="1:10" x14ac:dyDescent="0.35">
      <c r="A8774" s="5" t="s">
        <v>10</v>
      </c>
      <c r="B8774" s="6">
        <v>241586</v>
      </c>
      <c r="C8774" s="6" t="s">
        <v>457</v>
      </c>
      <c r="D8774" s="6" t="s">
        <v>4400</v>
      </c>
      <c r="E8774" s="6">
        <v>52001</v>
      </c>
      <c r="F8774" s="6" t="s">
        <v>18</v>
      </c>
      <c r="G8774" s="6" t="s">
        <v>17584</v>
      </c>
      <c r="H8774" s="6" t="s">
        <v>17585</v>
      </c>
      <c r="I8774" s="7">
        <v>1.1634742</v>
      </c>
      <c r="J8774" s="8">
        <v>-77.298689999999993</v>
      </c>
    </row>
    <row r="8775" spans="1:10" x14ac:dyDescent="0.35">
      <c r="A8775" s="5" t="s">
        <v>10</v>
      </c>
      <c r="B8775" s="6">
        <v>236664</v>
      </c>
      <c r="C8775" s="6" t="s">
        <v>117</v>
      </c>
      <c r="D8775" s="6" t="s">
        <v>1334</v>
      </c>
      <c r="E8775" s="6">
        <v>76001</v>
      </c>
      <c r="F8775" s="6" t="s">
        <v>18</v>
      </c>
      <c r="G8775" s="6" t="s">
        <v>17586</v>
      </c>
      <c r="H8775" s="6" t="s">
        <v>17587</v>
      </c>
      <c r="I8775" s="7">
        <v>3.4588679</v>
      </c>
      <c r="J8775" s="8">
        <v>-76.482258000000002</v>
      </c>
    </row>
    <row r="8776" spans="1:10" x14ac:dyDescent="0.35">
      <c r="A8776" s="5" t="s">
        <v>10</v>
      </c>
      <c r="B8776" s="6">
        <v>247788</v>
      </c>
      <c r="C8776" s="6" t="s">
        <v>117</v>
      </c>
      <c r="D8776" s="6" t="s">
        <v>1334</v>
      </c>
      <c r="E8776" s="6">
        <v>76001</v>
      </c>
      <c r="F8776" s="6" t="s">
        <v>18</v>
      </c>
      <c r="G8776" s="6" t="s">
        <v>17588</v>
      </c>
      <c r="H8776" s="6" t="s">
        <v>17589</v>
      </c>
      <c r="I8776" s="7">
        <v>3.4328077000000001</v>
      </c>
      <c r="J8776" s="8">
        <v>-76.466760199999996</v>
      </c>
    </row>
    <row r="8777" spans="1:10" x14ac:dyDescent="0.35">
      <c r="A8777" s="5" t="s">
        <v>10</v>
      </c>
      <c r="B8777" s="6">
        <v>220640</v>
      </c>
      <c r="C8777" s="6" t="s">
        <v>190</v>
      </c>
      <c r="D8777" s="6" t="s">
        <v>4063</v>
      </c>
      <c r="E8777" s="6">
        <v>5088</v>
      </c>
      <c r="F8777" s="6" t="s">
        <v>18</v>
      </c>
      <c r="G8777" s="6" t="s">
        <v>17590</v>
      </c>
      <c r="H8777" s="6" t="s">
        <v>17591</v>
      </c>
      <c r="I8777" s="7">
        <v>6.3462788000000003</v>
      </c>
      <c r="J8777" s="8">
        <v>-75.531712799999994</v>
      </c>
    </row>
    <row r="8778" spans="1:10" x14ac:dyDescent="0.35">
      <c r="A8778" s="5" t="s">
        <v>10</v>
      </c>
      <c r="B8778" s="6">
        <v>207093</v>
      </c>
      <c r="C8778" s="6" t="s">
        <v>190</v>
      </c>
      <c r="D8778" s="6" t="s">
        <v>17592</v>
      </c>
      <c r="E8778" s="6">
        <v>5040</v>
      </c>
      <c r="F8778" s="6" t="s">
        <v>18</v>
      </c>
      <c r="G8778" s="6" t="s">
        <v>17593</v>
      </c>
      <c r="H8778" s="6" t="s">
        <v>17594</v>
      </c>
      <c r="I8778" s="7">
        <v>7.0735924999999904</v>
      </c>
      <c r="J8778" s="8">
        <v>-75.146966199999994</v>
      </c>
    </row>
    <row r="8779" spans="1:10" x14ac:dyDescent="0.35">
      <c r="A8779" s="5" t="s">
        <v>10</v>
      </c>
      <c r="B8779" s="6">
        <v>218063</v>
      </c>
      <c r="C8779" s="6" t="s">
        <v>68</v>
      </c>
      <c r="D8779" s="6" t="s">
        <v>69</v>
      </c>
      <c r="E8779" s="6">
        <v>11001</v>
      </c>
      <c r="F8779" s="6" t="s">
        <v>18</v>
      </c>
      <c r="G8779" s="6" t="s">
        <v>17595</v>
      </c>
      <c r="H8779" s="6" t="s">
        <v>17596</v>
      </c>
      <c r="I8779" s="7">
        <v>4.5578253000000002</v>
      </c>
      <c r="J8779" s="8">
        <v>-74.119895799999995</v>
      </c>
    </row>
    <row r="8780" spans="1:10" x14ac:dyDescent="0.35">
      <c r="A8780" s="5" t="s">
        <v>10</v>
      </c>
      <c r="B8780" s="6">
        <v>237766</v>
      </c>
      <c r="C8780" s="6" t="s">
        <v>68</v>
      </c>
      <c r="D8780" s="6" t="s">
        <v>69</v>
      </c>
      <c r="E8780" s="6">
        <v>11001</v>
      </c>
      <c r="F8780" s="6" t="s">
        <v>18</v>
      </c>
      <c r="G8780" s="6" t="s">
        <v>17597</v>
      </c>
      <c r="H8780" s="6" t="s">
        <v>17598</v>
      </c>
      <c r="I8780" s="7">
        <v>4.6113834999999996</v>
      </c>
      <c r="J8780" s="8">
        <v>-74.194875199999998</v>
      </c>
    </row>
    <row r="8781" spans="1:10" x14ac:dyDescent="0.35">
      <c r="A8781" s="5" t="s">
        <v>10</v>
      </c>
      <c r="B8781" s="6">
        <v>242399</v>
      </c>
      <c r="C8781" s="6" t="s">
        <v>68</v>
      </c>
      <c r="D8781" s="6" t="s">
        <v>69</v>
      </c>
      <c r="E8781" s="6">
        <v>11001</v>
      </c>
      <c r="F8781" s="6" t="s">
        <v>18</v>
      </c>
      <c r="G8781" s="6" t="s">
        <v>17599</v>
      </c>
      <c r="H8781" s="6" t="s">
        <v>17600</v>
      </c>
      <c r="I8781" s="7">
        <v>4.7004980999999999</v>
      </c>
      <c r="J8781" s="8">
        <v>-74.100698100000002</v>
      </c>
    </row>
    <row r="8782" spans="1:10" x14ac:dyDescent="0.35">
      <c r="A8782" s="5" t="s">
        <v>10</v>
      </c>
      <c r="B8782" s="6">
        <v>216496</v>
      </c>
      <c r="C8782" s="6" t="s">
        <v>68</v>
      </c>
      <c r="D8782" s="6" t="s">
        <v>69</v>
      </c>
      <c r="E8782" s="6">
        <v>11001</v>
      </c>
      <c r="F8782" s="6" t="s">
        <v>18</v>
      </c>
      <c r="G8782" s="6" t="s">
        <v>17601</v>
      </c>
      <c r="H8782" s="6" t="s">
        <v>17602</v>
      </c>
      <c r="I8782" s="7">
        <v>4.6026530000000001</v>
      </c>
      <c r="J8782" s="8">
        <v>-74.164528799999999</v>
      </c>
    </row>
    <row r="8783" spans="1:10" x14ac:dyDescent="0.35">
      <c r="A8783" s="5" t="s">
        <v>10</v>
      </c>
      <c r="B8783" s="6">
        <v>227478</v>
      </c>
      <c r="C8783" s="6" t="s">
        <v>68</v>
      </c>
      <c r="D8783" s="6" t="s">
        <v>69</v>
      </c>
      <c r="E8783" s="6">
        <v>11001</v>
      </c>
      <c r="F8783" s="6" t="s">
        <v>18</v>
      </c>
      <c r="G8783" s="6" t="s">
        <v>12076</v>
      </c>
      <c r="H8783" s="6" t="s">
        <v>17603</v>
      </c>
      <c r="I8783" s="7">
        <v>4.7057207999999999</v>
      </c>
      <c r="J8783" s="8">
        <v>-74.122078599999995</v>
      </c>
    </row>
    <row r="8784" spans="1:10" x14ac:dyDescent="0.35">
      <c r="A8784" s="5" t="s">
        <v>10</v>
      </c>
      <c r="B8784" s="6">
        <v>232377</v>
      </c>
      <c r="C8784" s="6" t="s">
        <v>68</v>
      </c>
      <c r="D8784" s="6" t="s">
        <v>69</v>
      </c>
      <c r="E8784" s="6">
        <v>11001</v>
      </c>
      <c r="F8784" s="6" t="s">
        <v>18</v>
      </c>
      <c r="G8784" s="6" t="s">
        <v>17604</v>
      </c>
      <c r="H8784" s="6" t="s">
        <v>17605</v>
      </c>
      <c r="I8784" s="7">
        <v>4.7446701999999998</v>
      </c>
      <c r="J8784" s="8">
        <v>-74.100484699999996</v>
      </c>
    </row>
    <row r="8785" spans="1:10" x14ac:dyDescent="0.35">
      <c r="A8785" s="5" t="s">
        <v>10</v>
      </c>
      <c r="B8785" s="6">
        <v>243670</v>
      </c>
      <c r="C8785" s="6" t="s">
        <v>68</v>
      </c>
      <c r="D8785" s="6" t="s">
        <v>69</v>
      </c>
      <c r="E8785" s="6">
        <v>11001</v>
      </c>
      <c r="F8785" s="6" t="s">
        <v>18</v>
      </c>
      <c r="G8785" s="6" t="s">
        <v>17606</v>
      </c>
      <c r="H8785" s="6" t="s">
        <v>17607</v>
      </c>
      <c r="I8785" s="7">
        <v>4.6564902000000004</v>
      </c>
      <c r="J8785" s="8">
        <v>-74.0741218</v>
      </c>
    </row>
    <row r="8786" spans="1:10" x14ac:dyDescent="0.35">
      <c r="A8786" s="5" t="s">
        <v>10</v>
      </c>
      <c r="B8786" s="6">
        <v>205027</v>
      </c>
      <c r="C8786" s="6" t="s">
        <v>68</v>
      </c>
      <c r="D8786" s="6" t="s">
        <v>69</v>
      </c>
      <c r="E8786" s="6">
        <v>11001</v>
      </c>
      <c r="F8786" s="6" t="s">
        <v>18</v>
      </c>
      <c r="G8786" s="6" t="s">
        <v>17608</v>
      </c>
      <c r="H8786" s="6" t="s">
        <v>17609</v>
      </c>
      <c r="I8786" s="7">
        <v>4.6648262999999996</v>
      </c>
      <c r="J8786" s="8">
        <v>-74.052732499999905</v>
      </c>
    </row>
    <row r="8787" spans="1:10" x14ac:dyDescent="0.35">
      <c r="A8787" s="5" t="s">
        <v>10</v>
      </c>
      <c r="B8787" s="6">
        <v>225531</v>
      </c>
      <c r="C8787" s="6" t="s">
        <v>68</v>
      </c>
      <c r="D8787" s="6" t="s">
        <v>69</v>
      </c>
      <c r="E8787" s="6">
        <v>11001</v>
      </c>
      <c r="F8787" s="6" t="s">
        <v>18</v>
      </c>
      <c r="G8787" s="6" t="s">
        <v>17610</v>
      </c>
      <c r="H8787" s="6" t="s">
        <v>17611</v>
      </c>
      <c r="I8787" s="7">
        <v>4.5927796000000001</v>
      </c>
      <c r="J8787" s="8">
        <v>-74.139521399999893</v>
      </c>
    </row>
    <row r="8788" spans="1:10" x14ac:dyDescent="0.35">
      <c r="A8788" s="5" t="s">
        <v>10</v>
      </c>
      <c r="B8788" s="6">
        <v>239903</v>
      </c>
      <c r="C8788" s="6" t="s">
        <v>68</v>
      </c>
      <c r="D8788" s="6" t="s">
        <v>69</v>
      </c>
      <c r="E8788" s="6">
        <v>11001</v>
      </c>
      <c r="F8788" s="6" t="s">
        <v>18</v>
      </c>
      <c r="G8788" s="6" t="s">
        <v>17612</v>
      </c>
      <c r="H8788" s="6" t="s">
        <v>17613</v>
      </c>
      <c r="I8788" s="7">
        <v>4.5873508000000003</v>
      </c>
      <c r="J8788" s="8">
        <v>-74.168746799999994</v>
      </c>
    </row>
    <row r="8789" spans="1:10" x14ac:dyDescent="0.35">
      <c r="A8789" s="5" t="s">
        <v>10</v>
      </c>
      <c r="B8789" s="6">
        <v>191201</v>
      </c>
      <c r="C8789" s="6" t="s">
        <v>16</v>
      </c>
      <c r="D8789" s="6" t="s">
        <v>1266</v>
      </c>
      <c r="E8789" s="6">
        <v>68081</v>
      </c>
      <c r="F8789" s="6" t="s">
        <v>13</v>
      </c>
      <c r="G8789" s="6" t="s">
        <v>17614</v>
      </c>
      <c r="H8789" s="6" t="s">
        <v>17615</v>
      </c>
      <c r="I8789" s="7">
        <v>7.0634823000000004</v>
      </c>
      <c r="J8789" s="8">
        <v>-73.846789400000006</v>
      </c>
    </row>
    <row r="8790" spans="1:10" x14ac:dyDescent="0.35">
      <c r="A8790" s="5" t="s">
        <v>10</v>
      </c>
      <c r="B8790" s="6">
        <v>203566</v>
      </c>
      <c r="C8790" s="6" t="s">
        <v>68</v>
      </c>
      <c r="D8790" s="6" t="s">
        <v>69</v>
      </c>
      <c r="E8790" s="6">
        <v>11001</v>
      </c>
      <c r="F8790" s="6" t="s">
        <v>13</v>
      </c>
      <c r="G8790" s="6" t="s">
        <v>17616</v>
      </c>
      <c r="H8790" s="6" t="s">
        <v>17617</v>
      </c>
      <c r="I8790" s="7">
        <v>4.6443716000000004</v>
      </c>
      <c r="J8790" s="8">
        <v>-74.113248499999997</v>
      </c>
    </row>
    <row r="8791" spans="1:10" x14ac:dyDescent="0.35">
      <c r="A8791" s="5" t="s">
        <v>10</v>
      </c>
      <c r="B8791" s="6">
        <v>227506</v>
      </c>
      <c r="C8791" s="6" t="s">
        <v>366</v>
      </c>
      <c r="D8791" s="6" t="s">
        <v>367</v>
      </c>
      <c r="E8791" s="6">
        <v>44430</v>
      </c>
      <c r="F8791" s="6" t="s">
        <v>13</v>
      </c>
      <c r="G8791" s="6" t="s">
        <v>17618</v>
      </c>
      <c r="H8791" s="6" t="s">
        <v>17619</v>
      </c>
      <c r="I8791" s="7">
        <v>11.3731516</v>
      </c>
      <c r="J8791" s="8">
        <v>-72.236434399999993</v>
      </c>
    </row>
    <row r="8792" spans="1:10" x14ac:dyDescent="0.35">
      <c r="A8792" s="5" t="s">
        <v>10</v>
      </c>
      <c r="B8792" s="6">
        <v>232084</v>
      </c>
      <c r="C8792" s="6" t="s">
        <v>457</v>
      </c>
      <c r="D8792" s="6" t="s">
        <v>4400</v>
      </c>
      <c r="E8792" s="6">
        <v>52001</v>
      </c>
      <c r="F8792" s="6" t="s">
        <v>13</v>
      </c>
      <c r="G8792" s="6" t="s">
        <v>17620</v>
      </c>
      <c r="H8792" s="6" t="s">
        <v>17621</v>
      </c>
      <c r="I8792" s="7">
        <v>1.2015773999999999</v>
      </c>
      <c r="J8792" s="8">
        <v>-77.298339299999995</v>
      </c>
    </row>
    <row r="8793" spans="1:10" x14ac:dyDescent="0.35">
      <c r="A8793" s="5" t="s">
        <v>10</v>
      </c>
      <c r="B8793" s="6">
        <v>241153</v>
      </c>
      <c r="C8793" s="6" t="s">
        <v>117</v>
      </c>
      <c r="D8793" s="6" t="s">
        <v>1334</v>
      </c>
      <c r="E8793" s="6">
        <v>76001</v>
      </c>
      <c r="F8793" s="6" t="s">
        <v>18</v>
      </c>
      <c r="G8793" s="6" t="s">
        <v>17622</v>
      </c>
      <c r="H8793" s="6" t="s">
        <v>17623</v>
      </c>
      <c r="I8793" s="7">
        <v>3.4160762999999998</v>
      </c>
      <c r="J8793" s="8">
        <v>-76.5372263</v>
      </c>
    </row>
    <row r="8794" spans="1:10" x14ac:dyDescent="0.35">
      <c r="A8794" s="5" t="s">
        <v>10</v>
      </c>
      <c r="B8794" s="6">
        <v>241624</v>
      </c>
      <c r="C8794" s="6" t="s">
        <v>457</v>
      </c>
      <c r="D8794" s="6" t="s">
        <v>4400</v>
      </c>
      <c r="E8794" s="6">
        <v>52001</v>
      </c>
      <c r="F8794" s="6" t="s">
        <v>18</v>
      </c>
      <c r="G8794" s="6" t="s">
        <v>17624</v>
      </c>
      <c r="H8794" s="6" t="s">
        <v>17625</v>
      </c>
      <c r="I8794" s="7">
        <v>1.2176909</v>
      </c>
      <c r="J8794" s="8">
        <v>-77.289413600000003</v>
      </c>
    </row>
    <row r="8795" spans="1:10" x14ac:dyDescent="0.35">
      <c r="A8795" s="5" t="s">
        <v>10</v>
      </c>
      <c r="B8795" s="6">
        <v>240716</v>
      </c>
      <c r="C8795" s="6" t="s">
        <v>190</v>
      </c>
      <c r="D8795" s="6" t="s">
        <v>191</v>
      </c>
      <c r="E8795" s="6">
        <v>5001</v>
      </c>
      <c r="F8795" s="6" t="s">
        <v>18</v>
      </c>
      <c r="G8795" s="6" t="s">
        <v>17626</v>
      </c>
      <c r="H8795" s="6" t="s">
        <v>17627</v>
      </c>
      <c r="I8795" s="7">
        <v>6.2777237000000001</v>
      </c>
      <c r="J8795" s="8">
        <v>-75.548483700000006</v>
      </c>
    </row>
    <row r="8796" spans="1:10" x14ac:dyDescent="0.35">
      <c r="A8796" s="5" t="s">
        <v>10</v>
      </c>
      <c r="B8796" s="6">
        <v>242103</v>
      </c>
      <c r="C8796" s="6" t="s">
        <v>68</v>
      </c>
      <c r="D8796" s="6" t="s">
        <v>69</v>
      </c>
      <c r="E8796" s="6">
        <v>11001</v>
      </c>
      <c r="F8796" s="6" t="s">
        <v>18</v>
      </c>
      <c r="G8796" s="6" t="s">
        <v>17628</v>
      </c>
      <c r="H8796" s="6" t="s">
        <v>17629</v>
      </c>
      <c r="I8796" s="7">
        <v>4.6161963999999998</v>
      </c>
      <c r="J8796" s="8">
        <v>-74.137666300000006</v>
      </c>
    </row>
    <row r="8797" spans="1:10" x14ac:dyDescent="0.35">
      <c r="A8797" s="5" t="s">
        <v>10</v>
      </c>
      <c r="B8797" s="6">
        <v>242647</v>
      </c>
      <c r="C8797" s="6" t="s">
        <v>68</v>
      </c>
      <c r="D8797" s="6" t="s">
        <v>69</v>
      </c>
      <c r="E8797" s="6">
        <v>11001</v>
      </c>
      <c r="F8797" s="6" t="s">
        <v>18</v>
      </c>
      <c r="G8797" s="6" t="s">
        <v>17630</v>
      </c>
      <c r="H8797" s="6" t="s">
        <v>17631</v>
      </c>
      <c r="I8797" s="7">
        <v>4.6687618999999998</v>
      </c>
      <c r="J8797" s="8">
        <v>-74.116994500000004</v>
      </c>
    </row>
    <row r="8798" spans="1:10" x14ac:dyDescent="0.35">
      <c r="A8798" s="5" t="s">
        <v>10</v>
      </c>
      <c r="B8798" s="6">
        <v>246482</v>
      </c>
      <c r="C8798" s="6" t="s">
        <v>68</v>
      </c>
      <c r="D8798" s="6" t="s">
        <v>69</v>
      </c>
      <c r="E8798" s="6">
        <v>11001</v>
      </c>
      <c r="F8798" s="6" t="s">
        <v>18</v>
      </c>
      <c r="G8798" s="6" t="s">
        <v>17632</v>
      </c>
      <c r="H8798" s="6" t="s">
        <v>17633</v>
      </c>
      <c r="I8798" s="7">
        <v>4.7565568999999996</v>
      </c>
      <c r="J8798" s="8">
        <v>-74.085196300000007</v>
      </c>
    </row>
    <row r="8799" spans="1:10" x14ac:dyDescent="0.35">
      <c r="A8799" s="5" t="s">
        <v>10</v>
      </c>
      <c r="B8799" s="6">
        <v>238983</v>
      </c>
      <c r="C8799" s="6" t="s">
        <v>68</v>
      </c>
      <c r="D8799" s="6" t="s">
        <v>69</v>
      </c>
      <c r="E8799" s="6">
        <v>11001</v>
      </c>
      <c r="F8799" s="6" t="s">
        <v>18</v>
      </c>
      <c r="G8799" s="6" t="s">
        <v>17634</v>
      </c>
      <c r="H8799" s="6" t="s">
        <v>17635</v>
      </c>
      <c r="I8799" s="7">
        <v>4.6821235999999997</v>
      </c>
      <c r="J8799" s="8">
        <v>-74.068467999999996</v>
      </c>
    </row>
    <row r="8800" spans="1:10" x14ac:dyDescent="0.35">
      <c r="A8800" s="5" t="s">
        <v>10</v>
      </c>
      <c r="B8800" s="6">
        <v>237666</v>
      </c>
      <c r="C8800" s="6" t="s">
        <v>68</v>
      </c>
      <c r="D8800" s="6" t="s">
        <v>69</v>
      </c>
      <c r="E8800" s="6">
        <v>11001</v>
      </c>
      <c r="F8800" s="6" t="s">
        <v>18</v>
      </c>
      <c r="G8800" s="6" t="s">
        <v>17636</v>
      </c>
      <c r="H8800" s="6" t="s">
        <v>17637</v>
      </c>
      <c r="I8800" s="7">
        <v>4.5727015</v>
      </c>
      <c r="J8800" s="8">
        <v>-74.099104999999994</v>
      </c>
    </row>
    <row r="8801" spans="1:10" x14ac:dyDescent="0.35">
      <c r="A8801" s="5" t="s">
        <v>10</v>
      </c>
      <c r="B8801" s="6">
        <v>239078</v>
      </c>
      <c r="C8801" s="6" t="s">
        <v>68</v>
      </c>
      <c r="D8801" s="6" t="s">
        <v>69</v>
      </c>
      <c r="E8801" s="6">
        <v>11001</v>
      </c>
      <c r="F8801" s="6" t="s">
        <v>18</v>
      </c>
      <c r="G8801" s="6" t="s">
        <v>17638</v>
      </c>
      <c r="H8801" s="6" t="s">
        <v>17639</v>
      </c>
      <c r="I8801" s="7">
        <v>4.6556122999999996</v>
      </c>
      <c r="J8801" s="8">
        <v>-74.156616600000007</v>
      </c>
    </row>
    <row r="8802" spans="1:10" x14ac:dyDescent="0.35">
      <c r="A8802" s="5" t="s">
        <v>10</v>
      </c>
      <c r="B8802" s="6">
        <v>180547</v>
      </c>
      <c r="C8802" s="6" t="s">
        <v>68</v>
      </c>
      <c r="D8802" s="6" t="s">
        <v>69</v>
      </c>
      <c r="E8802" s="6">
        <v>11001</v>
      </c>
      <c r="F8802" s="6" t="s">
        <v>13</v>
      </c>
      <c r="G8802" s="6" t="s">
        <v>17640</v>
      </c>
      <c r="H8802" s="6" t="s">
        <v>17641</v>
      </c>
      <c r="I8802" s="7">
        <v>4.6239609000000002</v>
      </c>
      <c r="J8802" s="8">
        <v>-74.148189900000006</v>
      </c>
    </row>
    <row r="8803" spans="1:10" x14ac:dyDescent="0.35">
      <c r="A8803" s="5" t="s">
        <v>10</v>
      </c>
      <c r="B8803" s="6">
        <v>141690</v>
      </c>
      <c r="C8803" s="6" t="s">
        <v>11</v>
      </c>
      <c r="D8803" s="6" t="s">
        <v>101</v>
      </c>
      <c r="E8803" s="6">
        <v>25473</v>
      </c>
      <c r="F8803" s="6" t="s">
        <v>13</v>
      </c>
      <c r="G8803" s="6" t="s">
        <v>403</v>
      </c>
      <c r="H8803" s="6" t="s">
        <v>404</v>
      </c>
      <c r="I8803" s="7">
        <v>4.6802367</v>
      </c>
      <c r="J8803" s="8">
        <v>-74.229671300000007</v>
      </c>
    </row>
    <row r="8804" spans="1:10" x14ac:dyDescent="0.35">
      <c r="A8804" s="5" t="s">
        <v>10</v>
      </c>
      <c r="B8804" s="6">
        <v>141686</v>
      </c>
      <c r="C8804" s="6" t="s">
        <v>11</v>
      </c>
      <c r="D8804" s="6" t="s">
        <v>106</v>
      </c>
      <c r="E8804" s="6">
        <v>25843</v>
      </c>
      <c r="F8804" s="6" t="s">
        <v>13</v>
      </c>
      <c r="G8804" s="6" t="s">
        <v>1127</v>
      </c>
      <c r="H8804" s="6" t="s">
        <v>1128</v>
      </c>
      <c r="I8804" s="7">
        <v>5.3078042999999999</v>
      </c>
      <c r="J8804" s="8">
        <v>-73.816911200000007</v>
      </c>
    </row>
    <row r="8805" spans="1:10" x14ac:dyDescent="0.35">
      <c r="A8805" s="5" t="s">
        <v>10</v>
      </c>
      <c r="B8805" s="6">
        <v>212925</v>
      </c>
      <c r="C8805" s="6" t="s">
        <v>16</v>
      </c>
      <c r="D8805" s="6" t="s">
        <v>846</v>
      </c>
      <c r="E8805" s="6">
        <v>68500</v>
      </c>
      <c r="F8805" s="6" t="s">
        <v>18</v>
      </c>
      <c r="G8805" s="6" t="s">
        <v>17642</v>
      </c>
      <c r="H8805" s="6" t="s">
        <v>17643</v>
      </c>
      <c r="I8805" s="7">
        <v>6.267525</v>
      </c>
      <c r="J8805" s="8">
        <v>-73.299982999999997</v>
      </c>
    </row>
    <row r="8806" spans="1:10" x14ac:dyDescent="0.35">
      <c r="A8806" s="5" t="s">
        <v>10</v>
      </c>
      <c r="B8806" s="6">
        <v>224552</v>
      </c>
      <c r="C8806" s="6" t="s">
        <v>68</v>
      </c>
      <c r="D8806" s="6" t="s">
        <v>69</v>
      </c>
      <c r="E8806" s="6">
        <v>11001</v>
      </c>
      <c r="F8806" s="6" t="s">
        <v>2161</v>
      </c>
      <c r="G8806" s="6" t="s">
        <v>13652</v>
      </c>
      <c r="H8806" s="6" t="s">
        <v>17644</v>
      </c>
      <c r="I8806" s="7">
        <v>4.7311886999999997</v>
      </c>
      <c r="J8806" s="8">
        <v>-74.025657499999994</v>
      </c>
    </row>
    <row r="8807" spans="1:10" x14ac:dyDescent="0.35">
      <c r="A8807" s="5" t="s">
        <v>10</v>
      </c>
      <c r="B8807" s="6">
        <v>218988</v>
      </c>
      <c r="C8807" s="6" t="s">
        <v>3788</v>
      </c>
      <c r="D8807" s="6" t="s">
        <v>3974</v>
      </c>
      <c r="E8807" s="6">
        <v>18001</v>
      </c>
      <c r="F8807" s="6" t="s">
        <v>2161</v>
      </c>
      <c r="G8807" s="6" t="s">
        <v>17645</v>
      </c>
      <c r="H8807" s="6" t="s">
        <v>17646</v>
      </c>
      <c r="I8807" s="7">
        <v>1.6153858000000001</v>
      </c>
      <c r="J8807" s="8">
        <v>-75.604236399999905</v>
      </c>
    </row>
    <row r="8808" spans="1:10" x14ac:dyDescent="0.35">
      <c r="A8808" s="5" t="s">
        <v>10</v>
      </c>
      <c r="B8808" s="6">
        <v>228201</v>
      </c>
      <c r="C8808" s="6" t="s">
        <v>68</v>
      </c>
      <c r="D8808" s="6" t="s">
        <v>69</v>
      </c>
      <c r="E8808" s="6">
        <v>11001</v>
      </c>
      <c r="F8808" s="6" t="s">
        <v>2161</v>
      </c>
      <c r="G8808" s="6" t="s">
        <v>17647</v>
      </c>
      <c r="H8808" s="6" t="s">
        <v>17648</v>
      </c>
      <c r="I8808" s="7">
        <v>4.6091211999999997</v>
      </c>
      <c r="J8808" s="8">
        <v>-74.202512900000002</v>
      </c>
    </row>
    <row r="8809" spans="1:10" x14ac:dyDescent="0.35">
      <c r="A8809" s="5" t="s">
        <v>10</v>
      </c>
      <c r="B8809" s="6">
        <v>230730</v>
      </c>
      <c r="C8809" s="6" t="s">
        <v>11</v>
      </c>
      <c r="D8809" s="6" t="s">
        <v>1547</v>
      </c>
      <c r="E8809" s="6">
        <v>25817</v>
      </c>
      <c r="F8809" s="6" t="s">
        <v>2161</v>
      </c>
      <c r="G8809" s="6" t="s">
        <v>17649</v>
      </c>
      <c r="H8809" s="6" t="s">
        <v>17650</v>
      </c>
      <c r="I8809" s="7">
        <v>5.0017383999999998</v>
      </c>
      <c r="J8809" s="8">
        <v>-73.937588300000002</v>
      </c>
    </row>
    <row r="8810" spans="1:10" x14ac:dyDescent="0.35">
      <c r="A8810" s="5" t="s">
        <v>10</v>
      </c>
      <c r="B8810" s="6">
        <v>180539</v>
      </c>
      <c r="C8810" s="6" t="s">
        <v>68</v>
      </c>
      <c r="D8810" s="6" t="s">
        <v>69</v>
      </c>
      <c r="E8810" s="6">
        <v>11001</v>
      </c>
      <c r="F8810" s="6" t="s">
        <v>13</v>
      </c>
      <c r="G8810" s="6" t="s">
        <v>2188</v>
      </c>
      <c r="H8810" s="6" t="s">
        <v>2189</v>
      </c>
      <c r="I8810" s="7">
        <v>4.7369498999999999</v>
      </c>
      <c r="J8810" s="8">
        <v>-74.084834099999995</v>
      </c>
    </row>
    <row r="8811" spans="1:10" x14ac:dyDescent="0.35">
      <c r="A8811" s="5" t="s">
        <v>10</v>
      </c>
      <c r="B8811" s="6">
        <v>190316</v>
      </c>
      <c r="C8811" s="6" t="s">
        <v>11</v>
      </c>
      <c r="D8811" s="6" t="s">
        <v>3054</v>
      </c>
      <c r="E8811" s="6">
        <v>25269</v>
      </c>
      <c r="F8811" s="6" t="s">
        <v>13</v>
      </c>
      <c r="G8811" s="6" t="s">
        <v>3055</v>
      </c>
      <c r="H8811" s="6" t="s">
        <v>3056</v>
      </c>
      <c r="I8811" s="7">
        <v>4.8140045999999996</v>
      </c>
      <c r="J8811" s="8">
        <v>-74.354996499999999</v>
      </c>
    </row>
    <row r="8812" spans="1:10" x14ac:dyDescent="0.35">
      <c r="A8812" s="5" t="s">
        <v>10</v>
      </c>
      <c r="B8812" s="6">
        <v>140656</v>
      </c>
      <c r="C8812" s="6" t="s">
        <v>109</v>
      </c>
      <c r="D8812" s="6" t="s">
        <v>518</v>
      </c>
      <c r="E8812" s="6">
        <v>13780</v>
      </c>
      <c r="F8812" s="6" t="s">
        <v>18</v>
      </c>
      <c r="G8812" s="6" t="s">
        <v>17651</v>
      </c>
      <c r="H8812" s="6" t="s">
        <v>17652</v>
      </c>
      <c r="I8812" s="7">
        <v>9.3034689999999998</v>
      </c>
      <c r="J8812" s="8">
        <v>-74.567971999999997</v>
      </c>
    </row>
    <row r="8813" spans="1:10" x14ac:dyDescent="0.35">
      <c r="A8813" s="5" t="s">
        <v>10</v>
      </c>
      <c r="B8813" s="6">
        <v>182825</v>
      </c>
      <c r="C8813" s="6" t="s">
        <v>55</v>
      </c>
      <c r="D8813" s="6" t="s">
        <v>56</v>
      </c>
      <c r="E8813" s="6">
        <v>73001</v>
      </c>
      <c r="F8813" s="6" t="s">
        <v>18</v>
      </c>
      <c r="G8813" s="6" t="s">
        <v>3186</v>
      </c>
      <c r="H8813" s="6" t="s">
        <v>3187</v>
      </c>
      <c r="I8813" s="7">
        <v>4.4488789000000004</v>
      </c>
      <c r="J8813" s="8">
        <v>-75.243042399999993</v>
      </c>
    </row>
    <row r="8814" spans="1:10" x14ac:dyDescent="0.35">
      <c r="A8814" s="5" t="s">
        <v>10</v>
      </c>
      <c r="B8814" s="6">
        <v>236115</v>
      </c>
      <c r="C8814" s="6" t="s">
        <v>42</v>
      </c>
      <c r="D8814" s="6" t="s">
        <v>599</v>
      </c>
      <c r="E8814" s="6">
        <v>17013</v>
      </c>
      <c r="F8814" s="6" t="s">
        <v>18</v>
      </c>
      <c r="G8814" s="6" t="s">
        <v>17653</v>
      </c>
      <c r="H8814" s="6" t="s">
        <v>17654</v>
      </c>
      <c r="I8814" s="7">
        <v>5.4500221</v>
      </c>
      <c r="J8814" s="8">
        <v>-74.663096899999999</v>
      </c>
    </row>
    <row r="8815" spans="1:10" x14ac:dyDescent="0.35">
      <c r="A8815" s="5" t="s">
        <v>10</v>
      </c>
      <c r="B8815" s="6">
        <v>236324</v>
      </c>
      <c r="C8815" s="6" t="s">
        <v>11</v>
      </c>
      <c r="D8815" s="6" t="s">
        <v>159</v>
      </c>
      <c r="E8815" s="6">
        <v>25175</v>
      </c>
      <c r="F8815" s="6" t="s">
        <v>2161</v>
      </c>
      <c r="G8815" s="6" t="s">
        <v>17655</v>
      </c>
      <c r="H8815" s="6" t="s">
        <v>17656</v>
      </c>
      <c r="I8815" s="7">
        <v>4.6532306999999999</v>
      </c>
      <c r="J8815" s="8">
        <v>-74.057597299999998</v>
      </c>
    </row>
    <row r="8816" spans="1:10" x14ac:dyDescent="0.35">
      <c r="A8816" s="5" t="s">
        <v>10</v>
      </c>
      <c r="B8816" s="6">
        <v>141690</v>
      </c>
      <c r="C8816" s="6" t="s">
        <v>11</v>
      </c>
      <c r="D8816" s="6" t="s">
        <v>101</v>
      </c>
      <c r="E8816" s="6">
        <v>25473</v>
      </c>
      <c r="F8816" s="6" t="s">
        <v>13</v>
      </c>
      <c r="G8816" s="6" t="s">
        <v>403</v>
      </c>
      <c r="H8816" s="6" t="s">
        <v>404</v>
      </c>
      <c r="I8816" s="7">
        <v>4.6802367</v>
      </c>
      <c r="J8816" s="8">
        <v>-74.229671300000007</v>
      </c>
    </row>
    <row r="8817" spans="1:10" x14ac:dyDescent="0.35">
      <c r="A8817" s="5" t="s">
        <v>10</v>
      </c>
      <c r="B8817" s="6">
        <v>237906</v>
      </c>
      <c r="C8817" s="6" t="s">
        <v>366</v>
      </c>
      <c r="D8817" s="6" t="s">
        <v>367</v>
      </c>
      <c r="E8817" s="6">
        <v>44430</v>
      </c>
      <c r="F8817" s="6" t="s">
        <v>18</v>
      </c>
      <c r="G8817" s="6" t="s">
        <v>17657</v>
      </c>
      <c r="H8817" s="6" t="s">
        <v>17658</v>
      </c>
      <c r="I8817" s="7">
        <v>11.379788700000001</v>
      </c>
      <c r="J8817" s="8">
        <v>-72.240045499999994</v>
      </c>
    </row>
    <row r="8818" spans="1:10" x14ac:dyDescent="0.35">
      <c r="A8818" s="5" t="s">
        <v>10</v>
      </c>
      <c r="B8818" s="6">
        <v>179992</v>
      </c>
      <c r="C8818" s="6" t="s">
        <v>294</v>
      </c>
      <c r="D8818" s="6" t="s">
        <v>2887</v>
      </c>
      <c r="E8818" s="6">
        <v>41668</v>
      </c>
      <c r="F8818" s="6" t="s">
        <v>18</v>
      </c>
      <c r="G8818" s="6" t="s">
        <v>3541</v>
      </c>
      <c r="H8818" s="6" t="s">
        <v>3542</v>
      </c>
      <c r="I8818" s="7">
        <v>1.8799121999999999</v>
      </c>
      <c r="J8818" s="8">
        <v>-76.270209199999996</v>
      </c>
    </row>
    <row r="8819" spans="1:10" x14ac:dyDescent="0.35">
      <c r="A8819" s="5" t="s">
        <v>10</v>
      </c>
      <c r="B8819" s="6">
        <v>239648</v>
      </c>
      <c r="C8819" s="6" t="s">
        <v>55</v>
      </c>
      <c r="D8819" s="6" t="s">
        <v>17659</v>
      </c>
      <c r="E8819" s="6">
        <v>73616</v>
      </c>
      <c r="F8819" s="6" t="s">
        <v>18</v>
      </c>
      <c r="G8819" s="6" t="s">
        <v>17660</v>
      </c>
      <c r="H8819" s="6" t="s">
        <v>17661</v>
      </c>
      <c r="I8819" s="7">
        <v>3.5303879999999999</v>
      </c>
      <c r="J8819" s="8">
        <v>-75.644311599999995</v>
      </c>
    </row>
    <row r="8820" spans="1:10" x14ac:dyDescent="0.35">
      <c r="A8820" s="5" t="s">
        <v>10</v>
      </c>
      <c r="B8820" s="6">
        <v>245462</v>
      </c>
      <c r="C8820" s="6" t="s">
        <v>28</v>
      </c>
      <c r="D8820" s="6" t="s">
        <v>29</v>
      </c>
      <c r="E8820" s="6">
        <v>54001</v>
      </c>
      <c r="F8820" s="6" t="s">
        <v>18</v>
      </c>
      <c r="G8820" s="6" t="s">
        <v>17662</v>
      </c>
      <c r="H8820" s="6" t="s">
        <v>17663</v>
      </c>
      <c r="I8820" s="7">
        <v>7.9307714999999996</v>
      </c>
      <c r="J8820" s="8">
        <v>-72.491156799999999</v>
      </c>
    </row>
    <row r="8821" spans="1:10" x14ac:dyDescent="0.35">
      <c r="A8821" s="5" t="s">
        <v>10</v>
      </c>
      <c r="B8821" s="6">
        <v>207562</v>
      </c>
      <c r="C8821" s="6" t="s">
        <v>466</v>
      </c>
      <c r="D8821" s="6" t="s">
        <v>467</v>
      </c>
      <c r="E8821" s="6">
        <v>81736</v>
      </c>
      <c r="F8821" s="6" t="s">
        <v>18</v>
      </c>
      <c r="G8821" s="6" t="s">
        <v>17664</v>
      </c>
      <c r="H8821" s="6" t="s">
        <v>17665</v>
      </c>
      <c r="I8821" s="7">
        <v>6.9489275999999904</v>
      </c>
      <c r="J8821" s="8">
        <v>-71.878059199999996</v>
      </c>
    </row>
    <row r="8822" spans="1:10" x14ac:dyDescent="0.35">
      <c r="A8822" s="5" t="s">
        <v>10</v>
      </c>
      <c r="B8822" s="6">
        <v>218549</v>
      </c>
      <c r="C8822" s="6" t="s">
        <v>4364</v>
      </c>
      <c r="D8822" s="6" t="s">
        <v>10337</v>
      </c>
      <c r="E8822" s="6">
        <v>70823</v>
      </c>
      <c r="F8822" s="6" t="s">
        <v>2161</v>
      </c>
      <c r="G8822" s="6" t="s">
        <v>17666</v>
      </c>
      <c r="H8822" s="6" t="s">
        <v>17667</v>
      </c>
      <c r="I8822" s="7">
        <v>9.4528489999999898</v>
      </c>
      <c r="J8822" s="8">
        <v>-75.439134899999999</v>
      </c>
    </row>
    <row r="8823" spans="1:10" x14ac:dyDescent="0.35">
      <c r="A8823" s="5" t="s">
        <v>10</v>
      </c>
      <c r="B8823" s="6">
        <v>223053</v>
      </c>
      <c r="C8823" s="6" t="s">
        <v>16</v>
      </c>
      <c r="D8823" s="6" t="s">
        <v>1266</v>
      </c>
      <c r="E8823" s="6">
        <v>68081</v>
      </c>
      <c r="F8823" s="6" t="s">
        <v>2161</v>
      </c>
      <c r="G8823" s="6" t="s">
        <v>17668</v>
      </c>
      <c r="H8823" s="6" t="s">
        <v>17669</v>
      </c>
      <c r="I8823" s="7">
        <v>7.0499164999999904</v>
      </c>
      <c r="J8823" s="8">
        <v>-73.841065999999998</v>
      </c>
    </row>
    <row r="8824" spans="1:10" x14ac:dyDescent="0.35">
      <c r="A8824" s="5" t="s">
        <v>10</v>
      </c>
      <c r="B8824" s="6">
        <v>230369</v>
      </c>
      <c r="C8824" s="6" t="s">
        <v>42</v>
      </c>
      <c r="D8824" s="6" t="s">
        <v>43</v>
      </c>
      <c r="E8824" s="6">
        <v>17001</v>
      </c>
      <c r="F8824" s="6" t="s">
        <v>2161</v>
      </c>
      <c r="G8824" s="6" t="s">
        <v>17670</v>
      </c>
      <c r="H8824" s="6" t="s">
        <v>17671</v>
      </c>
      <c r="I8824" s="7">
        <v>5.0852209000000004</v>
      </c>
      <c r="J8824" s="8">
        <v>-75.526973999999996</v>
      </c>
    </row>
    <row r="8825" spans="1:10" x14ac:dyDescent="0.35">
      <c r="A8825" s="5" t="s">
        <v>10</v>
      </c>
      <c r="B8825" s="6">
        <v>155560</v>
      </c>
      <c r="C8825" s="6" t="s">
        <v>68</v>
      </c>
      <c r="D8825" s="6" t="s">
        <v>69</v>
      </c>
      <c r="E8825" s="6">
        <v>11001</v>
      </c>
      <c r="F8825" s="6" t="s">
        <v>18</v>
      </c>
      <c r="G8825" s="6" t="s">
        <v>514</v>
      </c>
      <c r="H8825" s="6" t="s">
        <v>1410</v>
      </c>
      <c r="I8825" s="7">
        <v>4.5878642999999997</v>
      </c>
      <c r="J8825" s="8">
        <v>-74.104170199999999</v>
      </c>
    </row>
    <row r="8826" spans="1:10" x14ac:dyDescent="0.35">
      <c r="A8826" s="5" t="s">
        <v>10</v>
      </c>
      <c r="B8826" s="6">
        <v>199694</v>
      </c>
      <c r="C8826" s="6" t="s">
        <v>68</v>
      </c>
      <c r="D8826" s="6" t="s">
        <v>69</v>
      </c>
      <c r="E8826" s="6">
        <v>11001</v>
      </c>
      <c r="F8826" s="6" t="s">
        <v>13</v>
      </c>
      <c r="G8826" s="6" t="s">
        <v>140</v>
      </c>
      <c r="H8826" s="6" t="s">
        <v>141</v>
      </c>
      <c r="I8826" s="7">
        <v>4.6714412999999997</v>
      </c>
      <c r="J8826" s="8">
        <v>-74.106902399999996</v>
      </c>
    </row>
    <row r="8827" spans="1:10" x14ac:dyDescent="0.35">
      <c r="A8827" s="5" t="s">
        <v>10</v>
      </c>
      <c r="B8827" s="6">
        <v>115290</v>
      </c>
      <c r="C8827" s="6" t="s">
        <v>109</v>
      </c>
      <c r="D8827" s="6" t="s">
        <v>658</v>
      </c>
      <c r="E8827" s="6">
        <v>13836</v>
      </c>
      <c r="F8827" s="6" t="s">
        <v>18</v>
      </c>
      <c r="G8827" s="6" t="s">
        <v>17672</v>
      </c>
      <c r="H8827" s="6" t="s">
        <v>17673</v>
      </c>
      <c r="I8827" s="7">
        <v>10.3308117</v>
      </c>
      <c r="J8827" s="8">
        <v>-75.412280799999905</v>
      </c>
    </row>
    <row r="8828" spans="1:10" x14ac:dyDescent="0.35">
      <c r="A8828" s="5" t="s">
        <v>10</v>
      </c>
      <c r="B8828" s="6">
        <v>180002</v>
      </c>
      <c r="C8828" s="6" t="s">
        <v>294</v>
      </c>
      <c r="D8828" s="6" t="s">
        <v>2489</v>
      </c>
      <c r="E8828" s="6">
        <v>41660</v>
      </c>
      <c r="F8828" s="6" t="s">
        <v>18</v>
      </c>
      <c r="G8828" s="6" t="s">
        <v>2490</v>
      </c>
      <c r="H8828" s="6" t="s">
        <v>2491</v>
      </c>
      <c r="I8828" s="7">
        <v>1.9930969999999999</v>
      </c>
      <c r="J8828" s="8">
        <v>-76.043613999999906</v>
      </c>
    </row>
    <row r="8829" spans="1:10" x14ac:dyDescent="0.35">
      <c r="A8829" s="5" t="s">
        <v>10</v>
      </c>
      <c r="B8829" s="6">
        <v>236348</v>
      </c>
      <c r="C8829" s="6" t="s">
        <v>55</v>
      </c>
      <c r="D8829" s="6" t="s">
        <v>1162</v>
      </c>
      <c r="E8829" s="6">
        <v>73411</v>
      </c>
      <c r="F8829" s="6" t="s">
        <v>18</v>
      </c>
      <c r="G8829" s="6" t="s">
        <v>17674</v>
      </c>
      <c r="H8829" s="6" t="s">
        <v>17675</v>
      </c>
      <c r="I8829" s="7">
        <v>4.9220176000000002</v>
      </c>
      <c r="J8829" s="8">
        <v>-75.061263199999999</v>
      </c>
    </row>
    <row r="8830" spans="1:10" x14ac:dyDescent="0.35">
      <c r="A8830" s="5" t="s">
        <v>10</v>
      </c>
      <c r="B8830" s="6">
        <v>224167</v>
      </c>
      <c r="C8830" s="6" t="s">
        <v>61</v>
      </c>
      <c r="D8830" s="6" t="s">
        <v>62</v>
      </c>
      <c r="E8830" s="6">
        <v>63001</v>
      </c>
      <c r="F8830" s="6" t="s">
        <v>2161</v>
      </c>
      <c r="G8830" s="6" t="s">
        <v>2119</v>
      </c>
      <c r="H8830" s="6" t="s">
        <v>17676</v>
      </c>
      <c r="I8830" s="7">
        <v>4.5530951999999996</v>
      </c>
      <c r="J8830" s="8">
        <v>-75.657756300000003</v>
      </c>
    </row>
    <row r="8831" spans="1:10" x14ac:dyDescent="0.35">
      <c r="A8831" s="5" t="s">
        <v>10</v>
      </c>
      <c r="B8831" s="6">
        <v>224901</v>
      </c>
      <c r="C8831" s="6" t="s">
        <v>11</v>
      </c>
      <c r="D8831" s="6" t="s">
        <v>513</v>
      </c>
      <c r="E8831" s="6">
        <v>25286</v>
      </c>
      <c r="F8831" s="6" t="s">
        <v>2161</v>
      </c>
      <c r="G8831" s="6" t="s">
        <v>17677</v>
      </c>
      <c r="H8831" s="6" t="s">
        <v>17678</v>
      </c>
      <c r="I8831" s="7">
        <v>4.7166588999999997</v>
      </c>
      <c r="J8831" s="8">
        <v>-74.216125599999998</v>
      </c>
    </row>
    <row r="8832" spans="1:10" x14ac:dyDescent="0.35">
      <c r="A8832" s="5" t="s">
        <v>10</v>
      </c>
      <c r="B8832" s="6">
        <v>211638</v>
      </c>
      <c r="C8832" s="6" t="s">
        <v>24</v>
      </c>
      <c r="D8832" s="6" t="s">
        <v>1141</v>
      </c>
      <c r="E8832" s="6">
        <v>15763</v>
      </c>
      <c r="F8832" s="6" t="s">
        <v>2161</v>
      </c>
      <c r="G8832" s="6" t="s">
        <v>17679</v>
      </c>
      <c r="H8832" s="6" t="s">
        <v>17680</v>
      </c>
      <c r="I8832" s="7">
        <v>5.6919116000000001</v>
      </c>
      <c r="J8832" s="8">
        <v>-73.251227499999999</v>
      </c>
    </row>
    <row r="8833" spans="1:10" x14ac:dyDescent="0.35">
      <c r="A8833" s="5" t="s">
        <v>10</v>
      </c>
      <c r="B8833" s="6">
        <v>224895</v>
      </c>
      <c r="C8833" s="6" t="s">
        <v>68</v>
      </c>
      <c r="D8833" s="6" t="s">
        <v>69</v>
      </c>
      <c r="E8833" s="6">
        <v>11001</v>
      </c>
      <c r="F8833" s="6" t="s">
        <v>2161</v>
      </c>
      <c r="G8833" s="6" t="s">
        <v>17681</v>
      </c>
      <c r="H8833" s="6" t="s">
        <v>17682</v>
      </c>
      <c r="I8833" s="7">
        <v>4.5662028000000001</v>
      </c>
      <c r="J8833" s="8">
        <v>-74.102372900000006</v>
      </c>
    </row>
    <row r="8834" spans="1:10" x14ac:dyDescent="0.35">
      <c r="A8834" s="5" t="s">
        <v>10</v>
      </c>
      <c r="B8834" s="6">
        <v>237979</v>
      </c>
      <c r="C8834" s="6" t="s">
        <v>294</v>
      </c>
      <c r="D8834" s="6" t="s">
        <v>4081</v>
      </c>
      <c r="E8834" s="6">
        <v>41306</v>
      </c>
      <c r="F8834" s="6" t="s">
        <v>2161</v>
      </c>
      <c r="G8834" s="6" t="s">
        <v>17683</v>
      </c>
      <c r="H8834" s="6" t="s">
        <v>17684</v>
      </c>
      <c r="I8834" s="7">
        <v>2.442269</v>
      </c>
      <c r="J8834" s="8">
        <v>-76.603812700000006</v>
      </c>
    </row>
    <row r="8835" spans="1:10" x14ac:dyDescent="0.35">
      <c r="A8835" s="5" t="s">
        <v>10</v>
      </c>
      <c r="B8835" s="6">
        <v>154819</v>
      </c>
      <c r="C8835" s="6" t="s">
        <v>308</v>
      </c>
      <c r="D8835" s="6" t="s">
        <v>309</v>
      </c>
      <c r="E8835" s="6">
        <v>23001</v>
      </c>
      <c r="F8835" s="6" t="s">
        <v>13</v>
      </c>
      <c r="G8835" s="6" t="s">
        <v>17685</v>
      </c>
      <c r="H8835" s="6" t="s">
        <v>17686</v>
      </c>
      <c r="I8835" s="7">
        <v>8.8783957000000004</v>
      </c>
      <c r="J8835" s="8">
        <v>-75.792119299999996</v>
      </c>
    </row>
    <row r="8836" spans="1:10" x14ac:dyDescent="0.35">
      <c r="A8836" s="5" t="s">
        <v>10</v>
      </c>
      <c r="B8836" s="6">
        <v>144145</v>
      </c>
      <c r="C8836" s="6" t="s">
        <v>28</v>
      </c>
      <c r="D8836" s="6" t="s">
        <v>29</v>
      </c>
      <c r="E8836" s="6">
        <v>54001</v>
      </c>
      <c r="F8836" s="6" t="s">
        <v>13</v>
      </c>
      <c r="G8836" s="6" t="s">
        <v>50</v>
      </c>
      <c r="H8836" s="6" t="s">
        <v>17687</v>
      </c>
      <c r="I8836" s="7">
        <v>7.9115152000000002</v>
      </c>
      <c r="J8836" s="8">
        <v>-72.518834600000005</v>
      </c>
    </row>
    <row r="8837" spans="1:10" x14ac:dyDescent="0.35">
      <c r="A8837" s="5" t="s">
        <v>10</v>
      </c>
      <c r="B8837" s="6">
        <v>155556</v>
      </c>
      <c r="C8837" s="6" t="s">
        <v>68</v>
      </c>
      <c r="D8837" s="6" t="s">
        <v>69</v>
      </c>
      <c r="E8837" s="6">
        <v>11001</v>
      </c>
      <c r="F8837" s="6" t="s">
        <v>18</v>
      </c>
      <c r="G8837" s="6" t="s">
        <v>514</v>
      </c>
      <c r="H8837" s="6" t="s">
        <v>17688</v>
      </c>
      <c r="I8837" s="7">
        <v>4.6463409000000002</v>
      </c>
      <c r="J8837" s="8">
        <v>-74.149150500000005</v>
      </c>
    </row>
    <row r="8838" spans="1:10" x14ac:dyDescent="0.35">
      <c r="A8838" s="5" t="s">
        <v>10</v>
      </c>
      <c r="B8838" s="6">
        <v>122009</v>
      </c>
      <c r="C8838" s="6" t="s">
        <v>16</v>
      </c>
      <c r="D8838" s="6" t="s">
        <v>790</v>
      </c>
      <c r="E8838" s="6">
        <v>68229</v>
      </c>
      <c r="F8838" s="6" t="s">
        <v>18</v>
      </c>
      <c r="G8838" s="6" t="s">
        <v>17689</v>
      </c>
      <c r="H8838" s="6" t="s">
        <v>17690</v>
      </c>
      <c r="I8838" s="7">
        <v>6.6063320000000001</v>
      </c>
      <c r="J8838" s="8">
        <v>-73.068749299999993</v>
      </c>
    </row>
    <row r="8839" spans="1:10" x14ac:dyDescent="0.35">
      <c r="A8839" s="5" t="s">
        <v>10</v>
      </c>
      <c r="B8839" s="6">
        <v>166400</v>
      </c>
      <c r="C8839" s="6" t="s">
        <v>28</v>
      </c>
      <c r="D8839" s="6" t="s">
        <v>2175</v>
      </c>
      <c r="E8839" s="6">
        <v>54250</v>
      </c>
      <c r="F8839" s="6" t="s">
        <v>18</v>
      </c>
      <c r="G8839" s="6" t="s">
        <v>17691</v>
      </c>
      <c r="H8839" s="6" t="s">
        <v>17692</v>
      </c>
      <c r="I8839" s="7">
        <v>8.5773850999999901</v>
      </c>
      <c r="J8839" s="8">
        <v>-73.1000923</v>
      </c>
    </row>
    <row r="8840" spans="1:10" x14ac:dyDescent="0.35">
      <c r="A8840" s="5" t="s">
        <v>10</v>
      </c>
      <c r="B8840" s="6">
        <v>228191</v>
      </c>
      <c r="C8840" s="6" t="s">
        <v>457</v>
      </c>
      <c r="D8840" s="6" t="s">
        <v>4400</v>
      </c>
      <c r="E8840" s="6">
        <v>52001</v>
      </c>
      <c r="F8840" s="6" t="s">
        <v>2161</v>
      </c>
      <c r="G8840" s="6" t="s">
        <v>17693</v>
      </c>
      <c r="H8840" s="6" t="s">
        <v>17694</v>
      </c>
      <c r="I8840" s="7">
        <v>1.2104813999999999</v>
      </c>
      <c r="J8840" s="8">
        <v>-77.283970499999995</v>
      </c>
    </row>
    <row r="8841" spans="1:10" x14ac:dyDescent="0.35">
      <c r="A8841" s="5" t="s">
        <v>10</v>
      </c>
      <c r="B8841" s="6">
        <v>232729</v>
      </c>
      <c r="C8841" s="6" t="s">
        <v>109</v>
      </c>
      <c r="D8841" s="6" t="s">
        <v>227</v>
      </c>
      <c r="E8841" s="6">
        <v>13001</v>
      </c>
      <c r="F8841" s="6" t="s">
        <v>2161</v>
      </c>
      <c r="G8841" s="6" t="s">
        <v>17695</v>
      </c>
      <c r="H8841" s="6" t="s">
        <v>17696</v>
      </c>
      <c r="I8841" s="7">
        <v>10.4142805</v>
      </c>
      <c r="J8841" s="8">
        <v>-75.550336599999994</v>
      </c>
    </row>
    <row r="8842" spans="1:10" x14ac:dyDescent="0.35">
      <c r="A8842" s="5" t="s">
        <v>10</v>
      </c>
      <c r="B8842" s="6">
        <v>197988</v>
      </c>
      <c r="C8842" s="6" t="s">
        <v>109</v>
      </c>
      <c r="D8842" s="6" t="s">
        <v>227</v>
      </c>
      <c r="E8842" s="6">
        <v>13001</v>
      </c>
      <c r="F8842" s="6" t="s">
        <v>2161</v>
      </c>
      <c r="G8842" s="6" t="s">
        <v>17697</v>
      </c>
      <c r="H8842" s="6" t="s">
        <v>17698</v>
      </c>
      <c r="I8842" s="7">
        <v>10.4131324</v>
      </c>
      <c r="J8842" s="8">
        <v>-75.513385900000003</v>
      </c>
    </row>
    <row r="8843" spans="1:10" x14ac:dyDescent="0.35">
      <c r="A8843" s="5" t="s">
        <v>10</v>
      </c>
      <c r="B8843" s="6">
        <v>171533</v>
      </c>
      <c r="C8843" s="6" t="s">
        <v>11</v>
      </c>
      <c r="D8843" s="6" t="s">
        <v>21</v>
      </c>
      <c r="E8843" s="6">
        <v>25386</v>
      </c>
      <c r="F8843" s="6" t="s">
        <v>18</v>
      </c>
      <c r="G8843" s="6" t="s">
        <v>17699</v>
      </c>
      <c r="H8843" s="6" t="s">
        <v>17700</v>
      </c>
      <c r="I8843" s="7">
        <v>4.6321469999999998</v>
      </c>
      <c r="J8843" s="8">
        <v>-74.463014000000001</v>
      </c>
    </row>
    <row r="8844" spans="1:10" x14ac:dyDescent="0.35">
      <c r="A8844" s="5" t="s">
        <v>10</v>
      </c>
      <c r="B8844" s="6">
        <v>215802</v>
      </c>
      <c r="C8844" s="6" t="s">
        <v>28</v>
      </c>
      <c r="D8844" s="6" t="s">
        <v>29</v>
      </c>
      <c r="E8844" s="6">
        <v>54001</v>
      </c>
      <c r="F8844" s="6" t="s">
        <v>18</v>
      </c>
      <c r="G8844" s="6" t="s">
        <v>17701</v>
      </c>
      <c r="H8844" s="6" t="s">
        <v>17702</v>
      </c>
      <c r="I8844" s="7">
        <v>7.9128428999999896</v>
      </c>
      <c r="J8844" s="8">
        <v>-72.528361199999907</v>
      </c>
    </row>
    <row r="8845" spans="1:10" x14ac:dyDescent="0.35">
      <c r="A8845" s="5" t="s">
        <v>10</v>
      </c>
      <c r="B8845" s="6">
        <v>206455</v>
      </c>
      <c r="C8845" s="6" t="s">
        <v>42</v>
      </c>
      <c r="D8845" s="6" t="s">
        <v>181</v>
      </c>
      <c r="E8845" s="6">
        <v>17616</v>
      </c>
      <c r="F8845" s="6" t="s">
        <v>18</v>
      </c>
      <c r="G8845" s="6" t="s">
        <v>17703</v>
      </c>
      <c r="H8845" s="6" t="s">
        <v>17704</v>
      </c>
      <c r="I8845" s="7">
        <v>2.4358629999999999</v>
      </c>
      <c r="J8845" s="8">
        <v>-76.605166100000005</v>
      </c>
    </row>
    <row r="8846" spans="1:10" x14ac:dyDescent="0.35">
      <c r="A8846" s="5" t="s">
        <v>10</v>
      </c>
      <c r="B8846" s="6">
        <v>184120</v>
      </c>
      <c r="C8846" s="6" t="s">
        <v>68</v>
      </c>
      <c r="D8846" s="6" t="s">
        <v>69</v>
      </c>
      <c r="E8846" s="6">
        <v>11001</v>
      </c>
      <c r="F8846" s="6" t="s">
        <v>18</v>
      </c>
      <c r="G8846" s="6" t="s">
        <v>17705</v>
      </c>
      <c r="H8846" s="6" t="s">
        <v>17706</v>
      </c>
      <c r="I8846" s="7">
        <v>4.6856081999999999</v>
      </c>
      <c r="J8846" s="8">
        <v>-74.052892999999997</v>
      </c>
    </row>
    <row r="8847" spans="1:10" x14ac:dyDescent="0.35">
      <c r="A8847" s="5" t="s">
        <v>10</v>
      </c>
      <c r="B8847" s="6">
        <v>223390</v>
      </c>
      <c r="C8847" s="6" t="s">
        <v>294</v>
      </c>
      <c r="D8847" s="6" t="s">
        <v>4081</v>
      </c>
      <c r="E8847" s="6">
        <v>41306</v>
      </c>
      <c r="F8847" s="6" t="s">
        <v>2161</v>
      </c>
      <c r="G8847" s="6" t="s">
        <v>17707</v>
      </c>
      <c r="H8847" s="6" t="s">
        <v>17708</v>
      </c>
      <c r="I8847" s="7">
        <v>2.3783789</v>
      </c>
      <c r="J8847" s="8">
        <v>-75.484329000000002</v>
      </c>
    </row>
    <row r="8848" spans="1:10" x14ac:dyDescent="0.35">
      <c r="A8848" s="5" t="s">
        <v>10</v>
      </c>
      <c r="B8848" s="6">
        <v>237981</v>
      </c>
      <c r="C8848" s="6" t="s">
        <v>109</v>
      </c>
      <c r="D8848" s="6" t="s">
        <v>227</v>
      </c>
      <c r="E8848" s="6">
        <v>13001</v>
      </c>
      <c r="F8848" s="6" t="s">
        <v>2161</v>
      </c>
      <c r="G8848" s="6" t="s">
        <v>17709</v>
      </c>
      <c r="H8848" s="6" t="s">
        <v>17710</v>
      </c>
      <c r="I8848" s="7">
        <v>10.421829199999999</v>
      </c>
      <c r="J8848" s="8">
        <v>-75.552356399999994</v>
      </c>
    </row>
    <row r="8849" spans="1:10" x14ac:dyDescent="0.35">
      <c r="A8849" s="5" t="s">
        <v>10</v>
      </c>
      <c r="B8849" s="6">
        <v>141688</v>
      </c>
      <c r="C8849" s="6" t="s">
        <v>11</v>
      </c>
      <c r="D8849" s="6" t="s">
        <v>513</v>
      </c>
      <c r="E8849" s="6">
        <v>25286</v>
      </c>
      <c r="F8849" s="6" t="s">
        <v>13</v>
      </c>
      <c r="G8849" s="6" t="s">
        <v>1650</v>
      </c>
      <c r="H8849" s="6" t="s">
        <v>1651</v>
      </c>
      <c r="I8849" s="7">
        <v>4.7162769999999998</v>
      </c>
      <c r="J8849" s="8">
        <v>-74.213265300000003</v>
      </c>
    </row>
    <row r="8850" spans="1:10" x14ac:dyDescent="0.35">
      <c r="A8850" s="5" t="s">
        <v>10</v>
      </c>
      <c r="B8850" s="6">
        <v>141703</v>
      </c>
      <c r="C8850" s="6" t="s">
        <v>11</v>
      </c>
      <c r="D8850" s="6" t="s">
        <v>159</v>
      </c>
      <c r="E8850" s="6">
        <v>25175</v>
      </c>
      <c r="F8850" s="6" t="s">
        <v>13</v>
      </c>
      <c r="G8850" s="6" t="s">
        <v>17711</v>
      </c>
      <c r="H8850" s="6" t="s">
        <v>17712</v>
      </c>
      <c r="I8850" s="7">
        <v>4.8625050999999999</v>
      </c>
      <c r="J8850" s="8">
        <v>-74.059261000000006</v>
      </c>
    </row>
    <row r="8851" spans="1:10" x14ac:dyDescent="0.35">
      <c r="A8851" s="5" t="s">
        <v>10</v>
      </c>
      <c r="B8851" s="6">
        <v>236415</v>
      </c>
      <c r="C8851" s="6" t="s">
        <v>2821</v>
      </c>
      <c r="D8851" s="6" t="s">
        <v>2822</v>
      </c>
      <c r="E8851" s="6">
        <v>47001</v>
      </c>
      <c r="F8851" s="6" t="s">
        <v>18</v>
      </c>
      <c r="G8851" s="6" t="s">
        <v>17713</v>
      </c>
      <c r="H8851" s="6" t="s">
        <v>17714</v>
      </c>
      <c r="I8851" s="7">
        <v>11.244385599999999</v>
      </c>
      <c r="J8851" s="8">
        <v>-74.2072948</v>
      </c>
    </row>
    <row r="8852" spans="1:10" x14ac:dyDescent="0.35">
      <c r="A8852" s="5" t="s">
        <v>10</v>
      </c>
      <c r="B8852" s="6">
        <v>233028</v>
      </c>
      <c r="C8852" s="6" t="s">
        <v>42</v>
      </c>
      <c r="D8852" s="6" t="s">
        <v>1066</v>
      </c>
      <c r="E8852" s="6">
        <v>17653</v>
      </c>
      <c r="F8852" s="6" t="s">
        <v>18</v>
      </c>
      <c r="G8852" s="6" t="s">
        <v>17715</v>
      </c>
      <c r="H8852" s="6" t="s">
        <v>17716</v>
      </c>
      <c r="I8852" s="7">
        <v>5.4023500000000002</v>
      </c>
      <c r="J8852" s="8">
        <v>-75.486469999999997</v>
      </c>
    </row>
    <row r="8853" spans="1:10" x14ac:dyDescent="0.35">
      <c r="A8853" s="5" t="s">
        <v>10</v>
      </c>
      <c r="B8853" s="6">
        <v>221511</v>
      </c>
      <c r="C8853" s="6" t="s">
        <v>366</v>
      </c>
      <c r="D8853" s="6" t="s">
        <v>16679</v>
      </c>
      <c r="E8853" s="6">
        <v>44090</v>
      </c>
      <c r="F8853" s="6" t="s">
        <v>2161</v>
      </c>
      <c r="G8853" s="6" t="s">
        <v>17717</v>
      </c>
      <c r="H8853" s="6" t="s">
        <v>17718</v>
      </c>
      <c r="I8853" s="7">
        <v>11.2724671</v>
      </c>
      <c r="J8853" s="8">
        <v>-73.309494299999997</v>
      </c>
    </row>
    <row r="8854" spans="1:10" x14ac:dyDescent="0.35">
      <c r="A8854" s="5" t="s">
        <v>10</v>
      </c>
      <c r="B8854" s="6">
        <v>221155</v>
      </c>
      <c r="C8854" s="6" t="s">
        <v>42</v>
      </c>
      <c r="D8854" s="6" t="s">
        <v>43</v>
      </c>
      <c r="E8854" s="6">
        <v>17001</v>
      </c>
      <c r="F8854" s="6" t="s">
        <v>2161</v>
      </c>
      <c r="G8854" s="6" t="s">
        <v>2034</v>
      </c>
      <c r="H8854" s="6" t="s">
        <v>17719</v>
      </c>
      <c r="I8854" s="7">
        <v>5.0530615000000001</v>
      </c>
      <c r="J8854" s="8">
        <v>-75.486766799999998</v>
      </c>
    </row>
    <row r="8855" spans="1:10" x14ac:dyDescent="0.35">
      <c r="A8855" s="5" t="s">
        <v>10</v>
      </c>
      <c r="B8855" s="6">
        <v>230718</v>
      </c>
      <c r="C8855" s="6" t="s">
        <v>457</v>
      </c>
      <c r="D8855" s="6" t="s">
        <v>13570</v>
      </c>
      <c r="E8855" s="6">
        <v>52490</v>
      </c>
      <c r="F8855" s="6" t="s">
        <v>2161</v>
      </c>
      <c r="G8855" s="6" t="s">
        <v>17720</v>
      </c>
      <c r="H8855" s="6" t="s">
        <v>17721</v>
      </c>
      <c r="I8855" s="7">
        <v>2.2740961999999998</v>
      </c>
      <c r="J8855" s="8">
        <v>-78.315941100000003</v>
      </c>
    </row>
    <row r="8856" spans="1:10" x14ac:dyDescent="0.35">
      <c r="A8856" s="5" t="s">
        <v>10</v>
      </c>
      <c r="B8856" s="6">
        <v>231924</v>
      </c>
      <c r="C8856" s="6" t="s">
        <v>11</v>
      </c>
      <c r="D8856" s="6" t="s">
        <v>101</v>
      </c>
      <c r="E8856" s="6">
        <v>25473</v>
      </c>
      <c r="F8856" s="6" t="s">
        <v>2161</v>
      </c>
      <c r="G8856" s="6" t="s">
        <v>17722</v>
      </c>
      <c r="H8856" s="6" t="s">
        <v>17723</v>
      </c>
      <c r="I8856" s="7">
        <v>4.5787769999999997</v>
      </c>
      <c r="J8856" s="8">
        <v>-74.213518899999997</v>
      </c>
    </row>
    <row r="8857" spans="1:10" x14ac:dyDescent="0.35">
      <c r="A8857" s="5" t="s">
        <v>10</v>
      </c>
      <c r="B8857" s="6">
        <v>223393</v>
      </c>
      <c r="C8857" s="6" t="s">
        <v>4364</v>
      </c>
      <c r="D8857" s="6" t="s">
        <v>4365</v>
      </c>
      <c r="E8857" s="6">
        <v>70001</v>
      </c>
      <c r="F8857" s="6" t="s">
        <v>2161</v>
      </c>
      <c r="G8857" s="6" t="s">
        <v>17724</v>
      </c>
      <c r="H8857" s="6" t="s">
        <v>17725</v>
      </c>
      <c r="I8857" s="7">
        <v>9.3045773000000001</v>
      </c>
      <c r="J8857" s="8">
        <v>-75.390556699999905</v>
      </c>
    </row>
    <row r="8858" spans="1:10" x14ac:dyDescent="0.35">
      <c r="A8858" s="5" t="s">
        <v>10</v>
      </c>
      <c r="B8858" s="6">
        <v>180548</v>
      </c>
      <c r="C8858" s="6" t="s">
        <v>294</v>
      </c>
      <c r="D8858" s="6" t="s">
        <v>703</v>
      </c>
      <c r="E8858" s="6">
        <v>41001</v>
      </c>
      <c r="F8858" s="6" t="s">
        <v>13</v>
      </c>
      <c r="G8858" s="6" t="s">
        <v>1589</v>
      </c>
      <c r="H8858" s="6" t="s">
        <v>1590</v>
      </c>
      <c r="I8858" s="7">
        <v>2.9520488999999999</v>
      </c>
      <c r="J8858" s="8">
        <v>-75.286836699999995</v>
      </c>
    </row>
    <row r="8859" spans="1:10" x14ac:dyDescent="0.35">
      <c r="A8859" s="5" t="s">
        <v>10</v>
      </c>
      <c r="B8859" s="6">
        <v>246695</v>
      </c>
      <c r="C8859" s="6" t="s">
        <v>55</v>
      </c>
      <c r="D8859" s="6" t="s">
        <v>56</v>
      </c>
      <c r="E8859" s="6">
        <v>73001</v>
      </c>
      <c r="F8859" s="6" t="s">
        <v>18</v>
      </c>
      <c r="G8859" s="6" t="s">
        <v>17726</v>
      </c>
      <c r="H8859" s="6" t="s">
        <v>17727</v>
      </c>
      <c r="I8859" s="7">
        <v>4.4479455999999997</v>
      </c>
      <c r="J8859" s="8">
        <v>-75.201299000000006</v>
      </c>
    </row>
    <row r="8860" spans="1:10" x14ac:dyDescent="0.35">
      <c r="A8860" s="5" t="s">
        <v>10</v>
      </c>
      <c r="B8860" s="6">
        <v>163240</v>
      </c>
      <c r="C8860" s="6" t="s">
        <v>68</v>
      </c>
      <c r="D8860" s="6" t="s">
        <v>69</v>
      </c>
      <c r="E8860" s="6">
        <v>11001</v>
      </c>
      <c r="F8860" s="6" t="s">
        <v>18</v>
      </c>
      <c r="G8860" s="6" t="s">
        <v>17728</v>
      </c>
      <c r="H8860" s="6" t="s">
        <v>17729</v>
      </c>
      <c r="I8860" s="7">
        <v>4.6861797000000003</v>
      </c>
      <c r="J8860" s="8">
        <v>-74.052780900000002</v>
      </c>
    </row>
    <row r="8861" spans="1:10" x14ac:dyDescent="0.35">
      <c r="A8861" s="5" t="s">
        <v>10</v>
      </c>
      <c r="B8861" s="6">
        <v>220748</v>
      </c>
      <c r="C8861" s="6" t="s">
        <v>11</v>
      </c>
      <c r="D8861" s="6" t="s">
        <v>513</v>
      </c>
      <c r="E8861" s="6">
        <v>25286</v>
      </c>
      <c r="F8861" s="6" t="s">
        <v>2161</v>
      </c>
      <c r="G8861" s="6" t="s">
        <v>17730</v>
      </c>
      <c r="H8861" s="6" t="s">
        <v>17731</v>
      </c>
      <c r="I8861" s="7">
        <v>4.7302179000000004</v>
      </c>
      <c r="J8861" s="8">
        <v>-74.221561100000002</v>
      </c>
    </row>
    <row r="8862" spans="1:10" x14ac:dyDescent="0.35">
      <c r="A8862" s="5" t="s">
        <v>10</v>
      </c>
      <c r="B8862" s="6">
        <v>238760</v>
      </c>
      <c r="C8862" s="6" t="s">
        <v>11</v>
      </c>
      <c r="D8862" s="6" t="s">
        <v>5326</v>
      </c>
      <c r="E8862" s="6">
        <v>25200</v>
      </c>
      <c r="F8862" s="6" t="s">
        <v>2161</v>
      </c>
      <c r="G8862" s="6" t="s">
        <v>17732</v>
      </c>
      <c r="H8862" s="6" t="s">
        <v>17733</v>
      </c>
      <c r="I8862" s="7">
        <v>5.0619782999999998</v>
      </c>
      <c r="J8862" s="8">
        <v>-73.977265799999998</v>
      </c>
    </row>
    <row r="8863" spans="1:10" x14ac:dyDescent="0.35">
      <c r="A8863" s="5" t="s">
        <v>10</v>
      </c>
      <c r="B8863" s="6">
        <v>235314</v>
      </c>
      <c r="C8863" s="6" t="s">
        <v>61</v>
      </c>
      <c r="D8863" s="6" t="s">
        <v>62</v>
      </c>
      <c r="E8863" s="6">
        <v>63001</v>
      </c>
      <c r="F8863" s="6" t="s">
        <v>2161</v>
      </c>
      <c r="G8863" s="6" t="s">
        <v>17734</v>
      </c>
      <c r="H8863" s="6" t="s">
        <v>17735</v>
      </c>
      <c r="I8863" s="7">
        <v>4.5344579999999999</v>
      </c>
      <c r="J8863" s="8">
        <v>-75.699620199999998</v>
      </c>
    </row>
    <row r="8864" spans="1:10" x14ac:dyDescent="0.35">
      <c r="A8864" s="5" t="s">
        <v>10</v>
      </c>
      <c r="B8864" s="6">
        <v>246107</v>
      </c>
      <c r="C8864" s="6" t="s">
        <v>55</v>
      </c>
      <c r="D8864" s="6" t="s">
        <v>1705</v>
      </c>
      <c r="E8864" s="6">
        <v>73443</v>
      </c>
      <c r="F8864" s="6" t="s">
        <v>18</v>
      </c>
      <c r="G8864" s="6" t="s">
        <v>17736</v>
      </c>
      <c r="H8864" s="6" t="s">
        <v>17737</v>
      </c>
      <c r="I8864" s="7">
        <v>5.2088117</v>
      </c>
      <c r="J8864" s="8">
        <v>-74.890087699999995</v>
      </c>
    </row>
    <row r="8865" spans="1:10" x14ac:dyDescent="0.35">
      <c r="A8865" s="5" t="s">
        <v>10</v>
      </c>
      <c r="B8865" s="6">
        <v>242788</v>
      </c>
      <c r="C8865" s="6" t="s">
        <v>24</v>
      </c>
      <c r="D8865" s="6" t="s">
        <v>88</v>
      </c>
      <c r="E8865" s="6">
        <v>15001</v>
      </c>
      <c r="F8865" s="6" t="s">
        <v>18</v>
      </c>
      <c r="G8865" s="6" t="s">
        <v>17738</v>
      </c>
      <c r="H8865" s="6" t="s">
        <v>17739</v>
      </c>
      <c r="I8865" s="7">
        <v>5.5201175999999998</v>
      </c>
      <c r="J8865" s="8">
        <v>-73.3671164</v>
      </c>
    </row>
    <row r="8866" spans="1:10" x14ac:dyDescent="0.35">
      <c r="A8866" s="5" t="s">
        <v>10</v>
      </c>
      <c r="B8866" s="6">
        <v>227371</v>
      </c>
      <c r="C8866" s="6" t="s">
        <v>28</v>
      </c>
      <c r="D8866" s="6" t="s">
        <v>17740</v>
      </c>
      <c r="E8866" s="6">
        <v>54128</v>
      </c>
      <c r="F8866" s="6" t="s">
        <v>18</v>
      </c>
      <c r="G8866" s="6" t="s">
        <v>17741</v>
      </c>
      <c r="H8866" s="6" t="s">
        <v>17742</v>
      </c>
      <c r="I8866" s="7">
        <v>8.6999098999999998</v>
      </c>
      <c r="J8866" s="8">
        <v>-73.461460000000002</v>
      </c>
    </row>
    <row r="8867" spans="1:10" x14ac:dyDescent="0.35">
      <c r="A8867" s="5" t="s">
        <v>10</v>
      </c>
      <c r="B8867" s="6">
        <v>234907</v>
      </c>
      <c r="C8867" s="6" t="s">
        <v>11</v>
      </c>
      <c r="D8867" s="6" t="s">
        <v>407</v>
      </c>
      <c r="E8867" s="6">
        <v>25126</v>
      </c>
      <c r="F8867" s="6" t="s">
        <v>2161</v>
      </c>
      <c r="G8867" s="6" t="s">
        <v>17743</v>
      </c>
      <c r="H8867" s="6" t="s">
        <v>17744</v>
      </c>
      <c r="I8867" s="7">
        <v>4.9216259999999998</v>
      </c>
      <c r="J8867" s="8">
        <v>-74.023776999999995</v>
      </c>
    </row>
    <row r="8868" spans="1:10" x14ac:dyDescent="0.35">
      <c r="A8868" s="5" t="s">
        <v>10</v>
      </c>
      <c r="B8868" s="6">
        <v>129034</v>
      </c>
      <c r="C8868" s="6" t="s">
        <v>28</v>
      </c>
      <c r="D8868" s="6" t="s">
        <v>29</v>
      </c>
      <c r="E8868" s="6">
        <v>54001</v>
      </c>
      <c r="F8868" s="6" t="s">
        <v>13</v>
      </c>
      <c r="G8868" s="6" t="s">
        <v>50</v>
      </c>
      <c r="H8868" s="6" t="s">
        <v>17745</v>
      </c>
      <c r="I8868" s="7">
        <v>7.8877085999999998</v>
      </c>
      <c r="J8868" s="8">
        <v>-72.507271000000003</v>
      </c>
    </row>
    <row r="8869" spans="1:10" x14ac:dyDescent="0.35">
      <c r="A8869" s="5" t="s">
        <v>10</v>
      </c>
      <c r="B8869" s="6">
        <v>141695</v>
      </c>
      <c r="C8869" s="6" t="s">
        <v>11</v>
      </c>
      <c r="D8869" s="6" t="s">
        <v>857</v>
      </c>
      <c r="E8869" s="6">
        <v>25758</v>
      </c>
      <c r="F8869" s="6" t="s">
        <v>13</v>
      </c>
      <c r="G8869" s="6" t="s">
        <v>2355</v>
      </c>
      <c r="H8869" s="6" t="s">
        <v>2356</v>
      </c>
      <c r="I8869" s="7">
        <v>4.9075839999999999</v>
      </c>
      <c r="J8869" s="8">
        <v>-73.941054399999999</v>
      </c>
    </row>
    <row r="8870" spans="1:10" x14ac:dyDescent="0.35">
      <c r="A8870" s="5" t="s">
        <v>10</v>
      </c>
      <c r="B8870" s="6">
        <v>219126</v>
      </c>
      <c r="C8870" s="6" t="s">
        <v>24</v>
      </c>
      <c r="D8870" s="6" t="s">
        <v>85</v>
      </c>
      <c r="E8870" s="6">
        <v>15759</v>
      </c>
      <c r="F8870" s="6" t="s">
        <v>18</v>
      </c>
      <c r="G8870" s="6" t="s">
        <v>17746</v>
      </c>
      <c r="H8870" s="6" t="s">
        <v>17747</v>
      </c>
      <c r="I8870" s="7">
        <v>5.7166905999999997</v>
      </c>
      <c r="J8870" s="8">
        <v>-72.9292868</v>
      </c>
    </row>
    <row r="8871" spans="1:10" x14ac:dyDescent="0.35">
      <c r="A8871" s="5" t="s">
        <v>10</v>
      </c>
      <c r="B8871" s="6">
        <v>220286</v>
      </c>
      <c r="C8871" s="6" t="s">
        <v>11</v>
      </c>
      <c r="D8871" s="6" t="s">
        <v>101</v>
      </c>
      <c r="E8871" s="6">
        <v>25473</v>
      </c>
      <c r="F8871" s="6" t="s">
        <v>2161</v>
      </c>
      <c r="G8871" s="6" t="s">
        <v>17748</v>
      </c>
      <c r="H8871" s="6" t="s">
        <v>17749</v>
      </c>
      <c r="I8871" s="7">
        <v>4.6922350000000002</v>
      </c>
      <c r="J8871" s="8">
        <v>-74.200281799999999</v>
      </c>
    </row>
    <row r="8872" spans="1:10" x14ac:dyDescent="0.35">
      <c r="A8872" s="5" t="s">
        <v>10</v>
      </c>
      <c r="B8872" s="6">
        <v>189751</v>
      </c>
      <c r="C8872" s="6" t="s">
        <v>11</v>
      </c>
      <c r="D8872" s="6" t="s">
        <v>6667</v>
      </c>
      <c r="E8872" s="6">
        <v>25295</v>
      </c>
      <c r="F8872" s="6" t="s">
        <v>13</v>
      </c>
      <c r="G8872" s="6" t="s">
        <v>17750</v>
      </c>
      <c r="H8872" s="6" t="s">
        <v>17751</v>
      </c>
      <c r="I8872" s="7">
        <v>4.9897112999999997</v>
      </c>
      <c r="J8872" s="8">
        <v>-73.875335899999996</v>
      </c>
    </row>
    <row r="8873" spans="1:10" x14ac:dyDescent="0.35">
      <c r="A8873" s="5" t="s">
        <v>10</v>
      </c>
      <c r="B8873" s="6">
        <v>247315</v>
      </c>
      <c r="C8873" s="6" t="s">
        <v>68</v>
      </c>
      <c r="D8873" s="6" t="s">
        <v>69</v>
      </c>
      <c r="E8873" s="6">
        <v>11001</v>
      </c>
      <c r="F8873" s="6" t="s">
        <v>13</v>
      </c>
      <c r="G8873" s="6" t="s">
        <v>17752</v>
      </c>
      <c r="H8873" s="6" t="s">
        <v>17753</v>
      </c>
      <c r="I8873" s="7">
        <v>4.6478278</v>
      </c>
      <c r="J8873" s="8">
        <v>-74.0597341</v>
      </c>
    </row>
    <row r="8874" spans="1:10" x14ac:dyDescent="0.35">
      <c r="A8874" s="5" t="s">
        <v>10</v>
      </c>
      <c r="B8874" s="6">
        <v>141696</v>
      </c>
      <c r="C8874" s="6" t="s">
        <v>11</v>
      </c>
      <c r="D8874" s="6" t="s">
        <v>251</v>
      </c>
      <c r="E8874" s="6">
        <v>25214</v>
      </c>
      <c r="F8874" s="6" t="s">
        <v>13</v>
      </c>
      <c r="G8874" s="6" t="s">
        <v>17754</v>
      </c>
      <c r="H8874" s="6" t="s">
        <v>17755</v>
      </c>
      <c r="I8874" s="7">
        <v>4.8094359000000004</v>
      </c>
      <c r="J8874" s="8">
        <v>-74.101397700000007</v>
      </c>
    </row>
    <row r="8875" spans="1:10" x14ac:dyDescent="0.35">
      <c r="A8875" s="5" t="s">
        <v>10</v>
      </c>
      <c r="B8875" s="6">
        <v>234703</v>
      </c>
      <c r="C8875" s="6" t="s">
        <v>551</v>
      </c>
      <c r="D8875" s="6" t="s">
        <v>977</v>
      </c>
      <c r="E8875" s="6">
        <v>20011</v>
      </c>
      <c r="F8875" s="6" t="s">
        <v>18</v>
      </c>
      <c r="G8875" s="6" t="s">
        <v>17756</v>
      </c>
      <c r="H8875" s="6" t="s">
        <v>17757</v>
      </c>
      <c r="I8875" s="7">
        <v>8.3091173000000005</v>
      </c>
      <c r="J8875" s="8">
        <v>-73.598191099999994</v>
      </c>
    </row>
    <row r="8876" spans="1:10" x14ac:dyDescent="0.35">
      <c r="A8876" s="5" t="s">
        <v>10</v>
      </c>
      <c r="B8876" s="6">
        <v>211655</v>
      </c>
      <c r="C8876" s="6" t="s">
        <v>2821</v>
      </c>
      <c r="D8876" s="6" t="s">
        <v>2822</v>
      </c>
      <c r="E8876" s="6">
        <v>47001</v>
      </c>
      <c r="F8876" s="6" t="s">
        <v>2161</v>
      </c>
      <c r="G8876" s="6" t="s">
        <v>17758</v>
      </c>
      <c r="H8876" s="6" t="s">
        <v>17759</v>
      </c>
      <c r="I8876" s="7">
        <v>11.2455838</v>
      </c>
      <c r="J8876" s="8">
        <v>-74.202135100000007</v>
      </c>
    </row>
    <row r="8877" spans="1:10" x14ac:dyDescent="0.35">
      <c r="A8877" s="5" t="s">
        <v>10</v>
      </c>
      <c r="B8877" s="6">
        <v>238769</v>
      </c>
      <c r="C8877" s="6" t="s">
        <v>16</v>
      </c>
      <c r="D8877" s="6" t="s">
        <v>78</v>
      </c>
      <c r="E8877" s="6">
        <v>68001</v>
      </c>
      <c r="F8877" s="6" t="s">
        <v>2161</v>
      </c>
      <c r="G8877" s="6" t="s">
        <v>17760</v>
      </c>
      <c r="H8877" s="6" t="s">
        <v>17761</v>
      </c>
      <c r="I8877" s="7">
        <v>7.0784279000000003</v>
      </c>
      <c r="J8877" s="8">
        <v>-73.1733026</v>
      </c>
    </row>
    <row r="8878" spans="1:10" x14ac:dyDescent="0.35">
      <c r="A8878" s="5" t="s">
        <v>10</v>
      </c>
      <c r="B8878" s="6">
        <v>238780</v>
      </c>
      <c r="C8878" s="6" t="s">
        <v>11</v>
      </c>
      <c r="D8878" s="6" t="s">
        <v>1547</v>
      </c>
      <c r="E8878" s="6">
        <v>25817</v>
      </c>
      <c r="F8878" s="6" t="s">
        <v>2161</v>
      </c>
      <c r="G8878" s="6" t="s">
        <v>17762</v>
      </c>
      <c r="H8878" s="6" t="s">
        <v>17763</v>
      </c>
      <c r="I8878" s="7">
        <v>4.9615451999999998</v>
      </c>
      <c r="J8878" s="8">
        <v>-73.917424400000002</v>
      </c>
    </row>
    <row r="8879" spans="1:10" x14ac:dyDescent="0.35">
      <c r="A8879" s="5" t="s">
        <v>10</v>
      </c>
      <c r="B8879" s="6">
        <v>229215</v>
      </c>
      <c r="C8879" s="6" t="s">
        <v>11</v>
      </c>
      <c r="D8879" s="6" t="s">
        <v>101</v>
      </c>
      <c r="E8879" s="6">
        <v>25473</v>
      </c>
      <c r="F8879" s="6" t="s">
        <v>18</v>
      </c>
      <c r="G8879" s="6" t="s">
        <v>1781</v>
      </c>
      <c r="H8879" s="6" t="s">
        <v>1782</v>
      </c>
      <c r="I8879" s="7">
        <v>4.7133984</v>
      </c>
      <c r="J8879" s="8">
        <v>-74.205317399999998</v>
      </c>
    </row>
    <row r="8880" spans="1:10" x14ac:dyDescent="0.35">
      <c r="A8880" s="5" t="s">
        <v>10</v>
      </c>
      <c r="B8880" s="6">
        <v>203314</v>
      </c>
      <c r="C8880" s="6" t="s">
        <v>55</v>
      </c>
      <c r="D8880" s="6" t="s">
        <v>1705</v>
      </c>
      <c r="E8880" s="6">
        <v>73443</v>
      </c>
      <c r="F8880" s="6" t="s">
        <v>18</v>
      </c>
      <c r="G8880" s="6" t="s">
        <v>17764</v>
      </c>
      <c r="H8880" s="6" t="s">
        <v>17765</v>
      </c>
      <c r="I8880" s="7">
        <v>5.1974222999999897</v>
      </c>
      <c r="J8880" s="8">
        <v>-74.890805799999995</v>
      </c>
    </row>
    <row r="8881" spans="1:10" x14ac:dyDescent="0.35">
      <c r="A8881" s="5" t="s">
        <v>10</v>
      </c>
      <c r="B8881" s="6">
        <v>102941</v>
      </c>
      <c r="C8881" s="6" t="s">
        <v>11</v>
      </c>
      <c r="D8881" s="6" t="s">
        <v>21</v>
      </c>
      <c r="E8881" s="6">
        <v>25386</v>
      </c>
      <c r="F8881" s="6" t="s">
        <v>18</v>
      </c>
      <c r="G8881" s="6" t="s">
        <v>17766</v>
      </c>
      <c r="H8881" s="6" t="s">
        <v>17767</v>
      </c>
      <c r="I8881" s="7">
        <v>4.6504238999999998</v>
      </c>
      <c r="J8881" s="8">
        <v>-74.413278099999999</v>
      </c>
    </row>
    <row r="8882" spans="1:10" x14ac:dyDescent="0.35">
      <c r="A8882" s="5" t="s">
        <v>10</v>
      </c>
      <c r="B8882" s="6">
        <v>231062</v>
      </c>
      <c r="C8882" s="6" t="s">
        <v>28</v>
      </c>
      <c r="D8882" s="6" t="s">
        <v>29</v>
      </c>
      <c r="E8882" s="6">
        <v>54001</v>
      </c>
      <c r="F8882" s="6" t="s">
        <v>18</v>
      </c>
      <c r="G8882" s="6" t="s">
        <v>17768</v>
      </c>
      <c r="H8882" s="6" t="s">
        <v>17769</v>
      </c>
      <c r="I8882" s="7">
        <v>7.8819460000000001</v>
      </c>
      <c r="J8882" s="8">
        <v>-72.501908999999998</v>
      </c>
    </row>
    <row r="8883" spans="1:10" x14ac:dyDescent="0.35">
      <c r="A8883" s="5" t="s">
        <v>10</v>
      </c>
      <c r="B8883" s="6">
        <v>243880</v>
      </c>
      <c r="C8883" s="6" t="s">
        <v>466</v>
      </c>
      <c r="D8883" s="6" t="s">
        <v>17770</v>
      </c>
      <c r="E8883" s="6">
        <v>81220</v>
      </c>
      <c r="F8883" s="6" t="s">
        <v>18</v>
      </c>
      <c r="G8883" s="6" t="s">
        <v>17771</v>
      </c>
      <c r="H8883" s="6" t="s">
        <v>17772</v>
      </c>
      <c r="I8883" s="7">
        <v>6.3043500000000003</v>
      </c>
      <c r="J8883" s="8">
        <v>-70.202658999999997</v>
      </c>
    </row>
    <row r="8884" spans="1:10" x14ac:dyDescent="0.35">
      <c r="A8884" s="5" t="s">
        <v>10</v>
      </c>
      <c r="B8884" s="6">
        <v>207931</v>
      </c>
      <c r="C8884" s="6" t="s">
        <v>42</v>
      </c>
      <c r="D8884" s="6" t="s">
        <v>396</v>
      </c>
      <c r="E8884" s="6">
        <v>17380</v>
      </c>
      <c r="F8884" s="6" t="s">
        <v>18</v>
      </c>
      <c r="G8884" s="6" t="s">
        <v>17773</v>
      </c>
      <c r="H8884" s="6" t="s">
        <v>17774</v>
      </c>
      <c r="I8884" s="7">
        <v>5.4401989999999998</v>
      </c>
      <c r="J8884" s="8">
        <v>-74.686589299999994</v>
      </c>
    </row>
    <row r="8885" spans="1:10" x14ac:dyDescent="0.35">
      <c r="A8885" s="5" t="s">
        <v>10</v>
      </c>
      <c r="B8885" s="6">
        <v>231489</v>
      </c>
      <c r="C8885" s="6" t="s">
        <v>24</v>
      </c>
      <c r="D8885" s="6" t="s">
        <v>137</v>
      </c>
      <c r="E8885" s="6">
        <v>15238</v>
      </c>
      <c r="F8885" s="6" t="s">
        <v>2161</v>
      </c>
      <c r="G8885" s="6" t="s">
        <v>17775</v>
      </c>
      <c r="H8885" s="6" t="s">
        <v>17776</v>
      </c>
      <c r="I8885" s="7">
        <v>5.8325714</v>
      </c>
      <c r="J8885" s="8">
        <v>-73.038918499999994</v>
      </c>
    </row>
    <row r="8886" spans="1:10" x14ac:dyDescent="0.35">
      <c r="A8886" s="5" t="s">
        <v>10</v>
      </c>
      <c r="B8886" s="6">
        <v>237178</v>
      </c>
      <c r="C8886" s="6" t="s">
        <v>68</v>
      </c>
      <c r="D8886" s="6" t="s">
        <v>69</v>
      </c>
      <c r="E8886" s="6">
        <v>11001</v>
      </c>
      <c r="F8886" s="6" t="s">
        <v>2161</v>
      </c>
      <c r="G8886" s="6" t="s">
        <v>10104</v>
      </c>
      <c r="H8886" s="6" t="s">
        <v>17777</v>
      </c>
      <c r="I8886" s="7">
        <v>4.6393247999999998</v>
      </c>
      <c r="J8886" s="8">
        <v>-74.060655499999996</v>
      </c>
    </row>
    <row r="8887" spans="1:10" x14ac:dyDescent="0.35">
      <c r="A8887" s="5" t="s">
        <v>10</v>
      </c>
      <c r="B8887" s="6">
        <v>225341</v>
      </c>
      <c r="C8887" s="6" t="s">
        <v>117</v>
      </c>
      <c r="D8887" s="6" t="s">
        <v>1334</v>
      </c>
      <c r="E8887" s="6">
        <v>76001</v>
      </c>
      <c r="F8887" s="6" t="s">
        <v>13</v>
      </c>
      <c r="G8887" s="6" t="s">
        <v>17778</v>
      </c>
      <c r="H8887" s="6" t="s">
        <v>17779</v>
      </c>
      <c r="I8887" s="7">
        <v>3.3732926999999999</v>
      </c>
      <c r="J8887" s="8">
        <v>-76.539074499999998</v>
      </c>
    </row>
    <row r="8888" spans="1:10" x14ac:dyDescent="0.35">
      <c r="A8888" s="5" t="s">
        <v>10</v>
      </c>
      <c r="B8888" s="6">
        <v>245749</v>
      </c>
      <c r="C8888" s="6" t="s">
        <v>11</v>
      </c>
      <c r="D8888" s="6" t="s">
        <v>21</v>
      </c>
      <c r="E8888" s="6">
        <v>25386</v>
      </c>
      <c r="F8888" s="6" t="s">
        <v>18</v>
      </c>
      <c r="G8888" s="6" t="s">
        <v>17780</v>
      </c>
      <c r="H8888" s="6" t="s">
        <v>17781</v>
      </c>
      <c r="I8888" s="7">
        <v>4.6300810999999999</v>
      </c>
      <c r="J8888" s="8">
        <v>-74.462015199999996</v>
      </c>
    </row>
    <row r="8889" spans="1:10" x14ac:dyDescent="0.35">
      <c r="A8889" s="5" t="s">
        <v>10</v>
      </c>
      <c r="B8889" s="6">
        <v>244092</v>
      </c>
      <c r="C8889" s="6" t="s">
        <v>55</v>
      </c>
      <c r="D8889" s="6" t="s">
        <v>1705</v>
      </c>
      <c r="E8889" s="6">
        <v>73443</v>
      </c>
      <c r="F8889" s="6" t="s">
        <v>18</v>
      </c>
      <c r="G8889" s="6" t="s">
        <v>17782</v>
      </c>
      <c r="H8889" s="6" t="s">
        <v>17783</v>
      </c>
      <c r="I8889" s="7">
        <v>5.1962643999999996</v>
      </c>
      <c r="J8889" s="8">
        <v>-74.898683399999996</v>
      </c>
    </row>
    <row r="8890" spans="1:10" x14ac:dyDescent="0.35">
      <c r="A8890" s="5" t="s">
        <v>10</v>
      </c>
      <c r="B8890" s="6">
        <v>233706</v>
      </c>
      <c r="C8890" s="6" t="s">
        <v>24</v>
      </c>
      <c r="D8890" s="6" t="s">
        <v>557</v>
      </c>
      <c r="E8890" s="6">
        <v>15757</v>
      </c>
      <c r="F8890" s="6" t="s">
        <v>18</v>
      </c>
      <c r="G8890" s="6" t="s">
        <v>17784</v>
      </c>
      <c r="H8890" s="6" t="s">
        <v>17785</v>
      </c>
      <c r="I8890" s="7">
        <v>5.9971300000000003</v>
      </c>
      <c r="J8890" s="8">
        <v>-72.692670000000007</v>
      </c>
    </row>
    <row r="8891" spans="1:10" x14ac:dyDescent="0.35">
      <c r="A8891" s="5" t="s">
        <v>10</v>
      </c>
      <c r="B8891" s="6">
        <v>178969</v>
      </c>
      <c r="C8891" s="6" t="s">
        <v>38</v>
      </c>
      <c r="D8891" s="6" t="s">
        <v>39</v>
      </c>
      <c r="E8891" s="6">
        <v>19001</v>
      </c>
      <c r="F8891" s="6" t="s">
        <v>13</v>
      </c>
      <c r="G8891" s="6" t="s">
        <v>17786</v>
      </c>
      <c r="H8891" s="6" t="s">
        <v>17787</v>
      </c>
      <c r="I8891" s="7">
        <v>2.4290645</v>
      </c>
      <c r="J8891" s="8">
        <v>-76.611133100000004</v>
      </c>
    </row>
    <row r="8892" spans="1:10" x14ac:dyDescent="0.35">
      <c r="A8892" s="5" t="s">
        <v>10</v>
      </c>
      <c r="B8892" s="6">
        <v>147868</v>
      </c>
      <c r="C8892" s="6" t="s">
        <v>11</v>
      </c>
      <c r="D8892" s="6" t="s">
        <v>3054</v>
      </c>
      <c r="E8892" s="6">
        <v>25269</v>
      </c>
      <c r="F8892" s="6" t="s">
        <v>13</v>
      </c>
      <c r="G8892" s="6" t="s">
        <v>17788</v>
      </c>
      <c r="H8892" s="6" t="s">
        <v>17789</v>
      </c>
      <c r="I8892" s="7">
        <v>4.8097642</v>
      </c>
      <c r="J8892" s="8">
        <v>-74.356405499999994</v>
      </c>
    </row>
    <row r="8893" spans="1:10" x14ac:dyDescent="0.35">
      <c r="A8893" s="5" t="s">
        <v>10</v>
      </c>
      <c r="B8893" s="6">
        <v>181992</v>
      </c>
      <c r="C8893" s="6" t="s">
        <v>2130</v>
      </c>
      <c r="D8893" s="6" t="s">
        <v>2131</v>
      </c>
      <c r="E8893" s="6">
        <v>85001</v>
      </c>
      <c r="F8893" s="6" t="s">
        <v>18</v>
      </c>
      <c r="G8893" s="6" t="s">
        <v>17790</v>
      </c>
      <c r="H8893" s="6" t="s">
        <v>17791</v>
      </c>
      <c r="I8893" s="7">
        <v>5.3467643999999996</v>
      </c>
      <c r="J8893" s="8">
        <v>-72.393802699999995</v>
      </c>
    </row>
    <row r="8894" spans="1:10" x14ac:dyDescent="0.35">
      <c r="A8894" s="5" t="s">
        <v>10</v>
      </c>
      <c r="B8894" s="6">
        <v>185953</v>
      </c>
      <c r="C8894" s="6" t="s">
        <v>55</v>
      </c>
      <c r="D8894" s="6" t="s">
        <v>56</v>
      </c>
      <c r="E8894" s="6">
        <v>73001</v>
      </c>
      <c r="F8894" s="6" t="s">
        <v>18</v>
      </c>
      <c r="G8894" s="6" t="s">
        <v>3025</v>
      </c>
      <c r="H8894" s="6" t="s">
        <v>3026</v>
      </c>
      <c r="I8894" s="7">
        <v>4.4399742</v>
      </c>
      <c r="J8894" s="8">
        <v>-75.234897000000004</v>
      </c>
    </row>
    <row r="8895" spans="1:10" x14ac:dyDescent="0.35">
      <c r="A8895" s="5" t="s">
        <v>10</v>
      </c>
      <c r="B8895" s="6">
        <v>233035</v>
      </c>
      <c r="C8895" s="6" t="s">
        <v>28</v>
      </c>
      <c r="D8895" s="6" t="s">
        <v>1386</v>
      </c>
      <c r="E8895" s="6">
        <v>54660</v>
      </c>
      <c r="F8895" s="6" t="s">
        <v>18</v>
      </c>
      <c r="G8895" s="6" t="s">
        <v>17792</v>
      </c>
      <c r="H8895" s="6" t="s">
        <v>17793</v>
      </c>
      <c r="I8895" s="7">
        <v>7.7733885000000003</v>
      </c>
      <c r="J8895" s="8">
        <v>-72.809457699999996</v>
      </c>
    </row>
    <row r="8896" spans="1:10" x14ac:dyDescent="0.35">
      <c r="A8896" s="5" t="s">
        <v>10</v>
      </c>
      <c r="B8896" s="6">
        <v>243881</v>
      </c>
      <c r="C8896" s="6" t="s">
        <v>28</v>
      </c>
      <c r="D8896" s="6" t="s">
        <v>717</v>
      </c>
      <c r="E8896" s="6">
        <v>54051</v>
      </c>
      <c r="F8896" s="6" t="s">
        <v>18</v>
      </c>
      <c r="G8896" s="6" t="s">
        <v>17794</v>
      </c>
      <c r="H8896" s="6" t="s">
        <v>17795</v>
      </c>
      <c r="I8896" s="7">
        <v>7.6429033000000004</v>
      </c>
      <c r="J8896" s="8">
        <v>-72.800263999999999</v>
      </c>
    </row>
    <row r="8897" spans="1:10" x14ac:dyDescent="0.35">
      <c r="A8897" s="5" t="s">
        <v>10</v>
      </c>
      <c r="B8897" s="6">
        <v>232714</v>
      </c>
      <c r="C8897" s="6" t="s">
        <v>457</v>
      </c>
      <c r="D8897" s="6" t="s">
        <v>17796</v>
      </c>
      <c r="E8897" s="6">
        <v>52788</v>
      </c>
      <c r="F8897" s="6" t="s">
        <v>2161</v>
      </c>
      <c r="G8897" s="6" t="s">
        <v>17797</v>
      </c>
      <c r="H8897" s="6" t="s">
        <v>17798</v>
      </c>
      <c r="I8897" s="7">
        <v>1.0933655</v>
      </c>
      <c r="J8897" s="8">
        <v>-77.397658199999995</v>
      </c>
    </row>
    <row r="8898" spans="1:10" x14ac:dyDescent="0.35">
      <c r="A8898" s="5" t="s">
        <v>10</v>
      </c>
      <c r="B8898" s="6">
        <v>187495</v>
      </c>
      <c r="C8898" s="6" t="s">
        <v>68</v>
      </c>
      <c r="D8898" s="6" t="s">
        <v>69</v>
      </c>
      <c r="E8898" s="6">
        <v>11001</v>
      </c>
      <c r="F8898" s="6" t="s">
        <v>13</v>
      </c>
      <c r="G8898" s="6" t="s">
        <v>17799</v>
      </c>
      <c r="H8898" s="6" t="s">
        <v>17800</v>
      </c>
      <c r="I8898" s="7">
        <v>4.4956782000000004</v>
      </c>
      <c r="J8898" s="8">
        <v>-74.107364799999999</v>
      </c>
    </row>
    <row r="8899" spans="1:10" x14ac:dyDescent="0.35">
      <c r="A8899" s="5" t="s">
        <v>10</v>
      </c>
      <c r="B8899" s="6">
        <v>199684</v>
      </c>
      <c r="C8899" s="6" t="s">
        <v>68</v>
      </c>
      <c r="D8899" s="6" t="s">
        <v>69</v>
      </c>
      <c r="E8899" s="6">
        <v>11001</v>
      </c>
      <c r="F8899" s="6" t="s">
        <v>13</v>
      </c>
      <c r="G8899" s="6" t="s">
        <v>2049</v>
      </c>
      <c r="H8899" s="6" t="s">
        <v>2050</v>
      </c>
      <c r="I8899" s="7">
        <v>4.6418299000000003</v>
      </c>
      <c r="J8899" s="8">
        <v>-74.154884999999993</v>
      </c>
    </row>
    <row r="8900" spans="1:10" x14ac:dyDescent="0.35">
      <c r="A8900" s="5" t="s">
        <v>10</v>
      </c>
      <c r="B8900" s="6">
        <v>206287</v>
      </c>
      <c r="C8900" s="6" t="s">
        <v>55</v>
      </c>
      <c r="D8900" s="6" t="s">
        <v>56</v>
      </c>
      <c r="E8900" s="6">
        <v>73001</v>
      </c>
      <c r="F8900" s="6" t="s">
        <v>18</v>
      </c>
      <c r="G8900" s="6" t="s">
        <v>3446</v>
      </c>
      <c r="H8900" s="6" t="s">
        <v>17801</v>
      </c>
      <c r="I8900" s="7">
        <v>4.4423988999999997</v>
      </c>
      <c r="J8900" s="8">
        <v>-75.230429899999905</v>
      </c>
    </row>
    <row r="8901" spans="1:10" x14ac:dyDescent="0.35">
      <c r="A8901" s="5" t="s">
        <v>10</v>
      </c>
      <c r="B8901" s="6">
        <v>211210</v>
      </c>
      <c r="C8901" s="6" t="s">
        <v>28</v>
      </c>
      <c r="D8901" s="6" t="s">
        <v>29</v>
      </c>
      <c r="E8901" s="6">
        <v>54001</v>
      </c>
      <c r="F8901" s="6" t="s">
        <v>18</v>
      </c>
      <c r="G8901" s="6" t="s">
        <v>17802</v>
      </c>
      <c r="H8901" s="6" t="s">
        <v>17803</v>
      </c>
      <c r="I8901" s="7">
        <v>7.8969391</v>
      </c>
      <c r="J8901" s="8">
        <v>-72.505971099999996</v>
      </c>
    </row>
    <row r="8902" spans="1:10" x14ac:dyDescent="0.35">
      <c r="A8902" s="5" t="s">
        <v>10</v>
      </c>
      <c r="B8902" s="6">
        <v>232338</v>
      </c>
      <c r="C8902" s="6" t="s">
        <v>55</v>
      </c>
      <c r="D8902" s="6" t="s">
        <v>56</v>
      </c>
      <c r="E8902" s="6">
        <v>73001</v>
      </c>
      <c r="F8902" s="6" t="s">
        <v>18</v>
      </c>
      <c r="G8902" s="6" t="s">
        <v>17804</v>
      </c>
      <c r="H8902" s="6" t="s">
        <v>17805</v>
      </c>
      <c r="I8902" s="7">
        <v>4.4235930999999997</v>
      </c>
      <c r="J8902" s="8">
        <v>-75.254019999999997</v>
      </c>
    </row>
    <row r="8903" spans="1:10" x14ac:dyDescent="0.35">
      <c r="A8903" s="5" t="s">
        <v>10</v>
      </c>
      <c r="B8903" s="6">
        <v>225331</v>
      </c>
      <c r="C8903" s="6" t="s">
        <v>28</v>
      </c>
      <c r="D8903" s="6" t="s">
        <v>29</v>
      </c>
      <c r="E8903" s="6">
        <v>54001</v>
      </c>
      <c r="F8903" s="6" t="s">
        <v>13</v>
      </c>
      <c r="G8903" s="6" t="s">
        <v>17806</v>
      </c>
      <c r="H8903" s="6" t="s">
        <v>17807</v>
      </c>
      <c r="I8903" s="7">
        <v>7.8943607</v>
      </c>
      <c r="J8903" s="8">
        <v>-72.4820967</v>
      </c>
    </row>
    <row r="8904" spans="1:10" x14ac:dyDescent="0.35">
      <c r="A8904" s="5" t="s">
        <v>10</v>
      </c>
      <c r="B8904" s="6">
        <v>141704</v>
      </c>
      <c r="C8904" s="6" t="s">
        <v>11</v>
      </c>
      <c r="D8904" s="6" t="s">
        <v>4030</v>
      </c>
      <c r="E8904" s="6">
        <v>25183</v>
      </c>
      <c r="F8904" s="6" t="s">
        <v>13</v>
      </c>
      <c r="G8904" s="6" t="s">
        <v>17808</v>
      </c>
      <c r="H8904" s="6" t="s">
        <v>17809</v>
      </c>
      <c r="I8904" s="7">
        <v>5.1455035000000002</v>
      </c>
      <c r="J8904" s="8">
        <v>-73.6851901</v>
      </c>
    </row>
    <row r="8905" spans="1:10" x14ac:dyDescent="0.35">
      <c r="A8905" s="5" t="s">
        <v>10</v>
      </c>
      <c r="B8905" s="6">
        <v>216946</v>
      </c>
      <c r="C8905" s="6" t="s">
        <v>55</v>
      </c>
      <c r="D8905" s="6" t="s">
        <v>56</v>
      </c>
      <c r="E8905" s="6">
        <v>73001</v>
      </c>
      <c r="F8905" s="6" t="s">
        <v>18</v>
      </c>
      <c r="G8905" s="6" t="s">
        <v>17810</v>
      </c>
      <c r="H8905" s="6" t="s">
        <v>17811</v>
      </c>
      <c r="I8905" s="7">
        <v>4.4365905000000003</v>
      </c>
      <c r="J8905" s="8">
        <v>-75.220271400000001</v>
      </c>
    </row>
    <row r="8906" spans="1:10" x14ac:dyDescent="0.35">
      <c r="A8906" s="5" t="s">
        <v>10</v>
      </c>
      <c r="B8906" s="6">
        <v>228233</v>
      </c>
      <c r="C8906" s="6" t="s">
        <v>28</v>
      </c>
      <c r="D8906" s="6" t="s">
        <v>322</v>
      </c>
      <c r="E8906" s="6">
        <v>54405</v>
      </c>
      <c r="F8906" s="6" t="s">
        <v>18</v>
      </c>
      <c r="G8906" s="6" t="s">
        <v>17812</v>
      </c>
      <c r="H8906" s="6" t="s">
        <v>17813</v>
      </c>
      <c r="I8906" s="7">
        <v>7.8331989999999996</v>
      </c>
      <c r="J8906" s="8">
        <v>-72.504391999999996</v>
      </c>
    </row>
    <row r="8907" spans="1:10" x14ac:dyDescent="0.35">
      <c r="A8907" s="5" t="s">
        <v>10</v>
      </c>
      <c r="B8907" s="6">
        <v>238014</v>
      </c>
      <c r="C8907" s="6" t="s">
        <v>61</v>
      </c>
      <c r="D8907" s="6" t="s">
        <v>62</v>
      </c>
      <c r="E8907" s="6">
        <v>63001</v>
      </c>
      <c r="F8907" s="6" t="s">
        <v>18</v>
      </c>
      <c r="G8907" s="6" t="s">
        <v>17814</v>
      </c>
      <c r="H8907" s="6" t="s">
        <v>17815</v>
      </c>
      <c r="I8907" s="7">
        <v>4.5218144999999996</v>
      </c>
      <c r="J8907" s="8">
        <v>-75.689385700000003</v>
      </c>
    </row>
    <row r="8908" spans="1:10" x14ac:dyDescent="0.35">
      <c r="A8908" s="5" t="s">
        <v>10</v>
      </c>
      <c r="B8908" s="6">
        <v>209530</v>
      </c>
      <c r="C8908" s="6" t="s">
        <v>61</v>
      </c>
      <c r="D8908" s="6" t="s">
        <v>7726</v>
      </c>
      <c r="E8908" s="6">
        <v>63272</v>
      </c>
      <c r="F8908" s="6" t="s">
        <v>2161</v>
      </c>
      <c r="G8908" s="6" t="s">
        <v>17816</v>
      </c>
      <c r="H8908" s="6" t="s">
        <v>17817</v>
      </c>
      <c r="I8908" s="7">
        <v>4.6759899999999996</v>
      </c>
      <c r="J8908" s="8">
        <v>-75.657929899999999</v>
      </c>
    </row>
    <row r="8909" spans="1:10" x14ac:dyDescent="0.35">
      <c r="A8909" s="5" t="s">
        <v>10</v>
      </c>
      <c r="B8909" s="6">
        <v>180539</v>
      </c>
      <c r="C8909" s="6" t="s">
        <v>68</v>
      </c>
      <c r="D8909" s="6" t="s">
        <v>69</v>
      </c>
      <c r="E8909" s="6">
        <v>11001</v>
      </c>
      <c r="F8909" s="6" t="s">
        <v>13</v>
      </c>
      <c r="G8909" s="6" t="s">
        <v>2188</v>
      </c>
      <c r="H8909" s="6" t="s">
        <v>2189</v>
      </c>
      <c r="I8909" s="7">
        <v>4.7369498999999999</v>
      </c>
      <c r="J8909" s="8">
        <v>-74.084834099999995</v>
      </c>
    </row>
    <row r="8910" spans="1:10" x14ac:dyDescent="0.35">
      <c r="A8910" s="5" t="s">
        <v>10</v>
      </c>
      <c r="B8910" s="6">
        <v>223801</v>
      </c>
      <c r="C8910" s="6" t="s">
        <v>2821</v>
      </c>
      <c r="D8910" s="6" t="s">
        <v>2822</v>
      </c>
      <c r="E8910" s="6">
        <v>47001</v>
      </c>
      <c r="F8910" s="6" t="s">
        <v>13</v>
      </c>
      <c r="G8910" s="6" t="s">
        <v>17818</v>
      </c>
      <c r="H8910" s="6" t="s">
        <v>17819</v>
      </c>
      <c r="I8910" s="7">
        <v>11.235315</v>
      </c>
      <c r="J8910" s="8">
        <v>-74.201288700000006</v>
      </c>
    </row>
    <row r="8911" spans="1:10" x14ac:dyDescent="0.35">
      <c r="A8911" s="5" t="s">
        <v>10</v>
      </c>
      <c r="B8911" s="6">
        <v>236393</v>
      </c>
      <c r="C8911" s="6" t="s">
        <v>28</v>
      </c>
      <c r="D8911" s="6" t="s">
        <v>91</v>
      </c>
      <c r="E8911" s="6">
        <v>54874</v>
      </c>
      <c r="F8911" s="6" t="s">
        <v>18</v>
      </c>
      <c r="G8911" s="6" t="s">
        <v>17820</v>
      </c>
      <c r="H8911" s="6" t="s">
        <v>17821</v>
      </c>
      <c r="I8911" s="7">
        <v>7.8418451999999998</v>
      </c>
      <c r="J8911" s="8">
        <v>-72.476906299999996</v>
      </c>
    </row>
    <row r="8912" spans="1:10" x14ac:dyDescent="0.35">
      <c r="A8912" s="5" t="s">
        <v>10</v>
      </c>
      <c r="B8912" s="6">
        <v>184120</v>
      </c>
      <c r="C8912" s="6" t="s">
        <v>68</v>
      </c>
      <c r="D8912" s="6" t="s">
        <v>69</v>
      </c>
      <c r="E8912" s="6">
        <v>11001</v>
      </c>
      <c r="F8912" s="6" t="s">
        <v>18</v>
      </c>
      <c r="G8912" s="6" t="s">
        <v>17705</v>
      </c>
      <c r="H8912" s="6" t="s">
        <v>17706</v>
      </c>
      <c r="I8912" s="7">
        <v>4.6856081999999999</v>
      </c>
      <c r="J8912" s="8">
        <v>-74.052892999999997</v>
      </c>
    </row>
    <row r="8913" spans="1:10" x14ac:dyDescent="0.35">
      <c r="A8913" s="5" t="s">
        <v>10</v>
      </c>
      <c r="B8913" s="6">
        <v>230367</v>
      </c>
      <c r="C8913" s="6" t="s">
        <v>68</v>
      </c>
      <c r="D8913" s="6" t="s">
        <v>69</v>
      </c>
      <c r="E8913" s="6">
        <v>11001</v>
      </c>
      <c r="F8913" s="6" t="s">
        <v>2161</v>
      </c>
      <c r="G8913" s="6" t="s">
        <v>17822</v>
      </c>
      <c r="H8913" s="6" t="s">
        <v>17823</v>
      </c>
      <c r="I8913" s="7">
        <v>4.7424236000000004</v>
      </c>
      <c r="J8913" s="8">
        <v>-74.103299899999996</v>
      </c>
    </row>
    <row r="8914" spans="1:10" x14ac:dyDescent="0.35">
      <c r="A8914" s="5" t="s">
        <v>10</v>
      </c>
      <c r="B8914" s="6">
        <v>147868</v>
      </c>
      <c r="C8914" s="6" t="s">
        <v>11</v>
      </c>
      <c r="D8914" s="6" t="s">
        <v>3054</v>
      </c>
      <c r="E8914" s="6">
        <v>25269</v>
      </c>
      <c r="F8914" s="6" t="s">
        <v>13</v>
      </c>
      <c r="G8914" s="6" t="s">
        <v>17788</v>
      </c>
      <c r="H8914" s="6" t="s">
        <v>17789</v>
      </c>
      <c r="I8914" s="7">
        <v>4.8097642</v>
      </c>
      <c r="J8914" s="8">
        <v>-74.356405499999994</v>
      </c>
    </row>
    <row r="8915" spans="1:10" x14ac:dyDescent="0.35">
      <c r="A8915" s="5" t="s">
        <v>10</v>
      </c>
      <c r="B8915" s="6">
        <v>244849</v>
      </c>
      <c r="C8915" s="6" t="s">
        <v>28</v>
      </c>
      <c r="D8915" s="6" t="s">
        <v>2306</v>
      </c>
      <c r="E8915" s="6">
        <v>54174</v>
      </c>
      <c r="F8915" s="6" t="s">
        <v>18</v>
      </c>
      <c r="G8915" s="6" t="s">
        <v>113</v>
      </c>
      <c r="H8915" s="6" t="s">
        <v>17824</v>
      </c>
      <c r="I8915" s="7">
        <v>7.1371130000000003</v>
      </c>
      <c r="J8915" s="8">
        <v>-72.665495000000007</v>
      </c>
    </row>
    <row r="8916" spans="1:10" x14ac:dyDescent="0.35">
      <c r="A8916" s="5" t="s">
        <v>10</v>
      </c>
      <c r="B8916" s="6">
        <v>124183</v>
      </c>
      <c r="C8916" s="6" t="s">
        <v>6569</v>
      </c>
      <c r="D8916" s="6" t="s">
        <v>6570</v>
      </c>
      <c r="E8916" s="6">
        <v>91405</v>
      </c>
      <c r="F8916" s="6" t="s">
        <v>18</v>
      </c>
      <c r="G8916" s="6" t="s">
        <v>3392</v>
      </c>
      <c r="H8916" s="6" t="s">
        <v>17825</v>
      </c>
      <c r="I8916" s="7">
        <v>-1.4433830000000001</v>
      </c>
      <c r="J8916" s="8">
        <v>-72.788944999999998</v>
      </c>
    </row>
    <row r="8917" spans="1:10" x14ac:dyDescent="0.35">
      <c r="A8917" s="5" t="s">
        <v>10</v>
      </c>
      <c r="B8917" s="6">
        <v>163142</v>
      </c>
      <c r="C8917" s="6" t="s">
        <v>68</v>
      </c>
      <c r="D8917" s="6" t="s">
        <v>69</v>
      </c>
      <c r="E8917" s="6">
        <v>11001</v>
      </c>
      <c r="F8917" s="6" t="s">
        <v>18</v>
      </c>
      <c r="G8917" s="6" t="s">
        <v>17728</v>
      </c>
      <c r="H8917" s="6" t="s">
        <v>17729</v>
      </c>
      <c r="I8917" s="7">
        <v>4.6858886999999996</v>
      </c>
      <c r="J8917" s="8">
        <v>-74.052908599999995</v>
      </c>
    </row>
    <row r="8918" spans="1:10" x14ac:dyDescent="0.35">
      <c r="A8918" s="5" t="s">
        <v>10</v>
      </c>
      <c r="B8918" s="6">
        <v>239518</v>
      </c>
      <c r="C8918" s="6" t="s">
        <v>3788</v>
      </c>
      <c r="D8918" s="6" t="s">
        <v>6771</v>
      </c>
      <c r="E8918" s="6">
        <v>18753</v>
      </c>
      <c r="F8918" s="6" t="s">
        <v>2161</v>
      </c>
      <c r="G8918" s="6" t="s">
        <v>17826</v>
      </c>
      <c r="H8918" s="6" t="s">
        <v>17827</v>
      </c>
      <c r="I8918" s="7">
        <v>2.1238328000000002</v>
      </c>
      <c r="J8918" s="8">
        <v>-74.758837</v>
      </c>
    </row>
    <row r="8919" spans="1:10" x14ac:dyDescent="0.35">
      <c r="A8919" s="5" t="s">
        <v>10</v>
      </c>
      <c r="B8919" s="6">
        <v>208953</v>
      </c>
      <c r="C8919" s="6" t="s">
        <v>11</v>
      </c>
      <c r="D8919" s="6" t="s">
        <v>6667</v>
      </c>
      <c r="E8919" s="6">
        <v>25295</v>
      </c>
      <c r="F8919" s="6" t="s">
        <v>2161</v>
      </c>
      <c r="G8919" s="6" t="s">
        <v>17828</v>
      </c>
      <c r="H8919" s="6" t="s">
        <v>17829</v>
      </c>
      <c r="I8919" s="7">
        <v>4.9803889999999997</v>
      </c>
      <c r="J8919" s="8">
        <v>-73.884664000000001</v>
      </c>
    </row>
    <row r="8920" spans="1:10" x14ac:dyDescent="0.35">
      <c r="A8920" s="5" t="s">
        <v>10</v>
      </c>
      <c r="B8920" s="6">
        <v>209546</v>
      </c>
      <c r="C8920" s="6" t="s">
        <v>4364</v>
      </c>
      <c r="D8920" s="6" t="s">
        <v>17830</v>
      </c>
      <c r="E8920" s="6">
        <v>70678</v>
      </c>
      <c r="F8920" s="6" t="s">
        <v>2161</v>
      </c>
      <c r="G8920" s="6" t="s">
        <v>17831</v>
      </c>
      <c r="H8920" s="6" t="s">
        <v>17832</v>
      </c>
      <c r="I8920" s="7">
        <v>9.0056198999999992</v>
      </c>
      <c r="J8920" s="8">
        <v>-74.919725700000001</v>
      </c>
    </row>
    <row r="8921" spans="1:10" x14ac:dyDescent="0.35">
      <c r="A8921" s="5" t="s">
        <v>10</v>
      </c>
      <c r="B8921" s="6">
        <v>221152</v>
      </c>
      <c r="C8921" s="6" t="s">
        <v>24</v>
      </c>
      <c r="D8921" s="6" t="s">
        <v>85</v>
      </c>
      <c r="E8921" s="6">
        <v>15759</v>
      </c>
      <c r="F8921" s="6" t="s">
        <v>2161</v>
      </c>
      <c r="G8921" s="6" t="s">
        <v>3606</v>
      </c>
      <c r="H8921" s="6" t="s">
        <v>17833</v>
      </c>
      <c r="I8921" s="7">
        <v>5.7116020000000001</v>
      </c>
      <c r="J8921" s="8">
        <v>-72.930303600000002</v>
      </c>
    </row>
    <row r="8922" spans="1:10" x14ac:dyDescent="0.35">
      <c r="A8922" s="5" t="s">
        <v>10</v>
      </c>
      <c r="B8922" s="6">
        <v>199684</v>
      </c>
      <c r="C8922" s="6" t="s">
        <v>68</v>
      </c>
      <c r="D8922" s="6" t="s">
        <v>69</v>
      </c>
      <c r="E8922" s="6">
        <v>11001</v>
      </c>
      <c r="F8922" s="6" t="s">
        <v>13</v>
      </c>
      <c r="G8922" s="6" t="s">
        <v>2049</v>
      </c>
      <c r="H8922" s="6" t="s">
        <v>2050</v>
      </c>
      <c r="I8922" s="7">
        <v>4.6418299000000003</v>
      </c>
      <c r="J8922" s="8">
        <v>-74.154884999999993</v>
      </c>
    </row>
    <row r="8923" spans="1:10" x14ac:dyDescent="0.35">
      <c r="A8923" s="5" t="s">
        <v>10</v>
      </c>
      <c r="B8923" s="6">
        <v>154867</v>
      </c>
      <c r="C8923" s="6" t="s">
        <v>16</v>
      </c>
      <c r="D8923" s="6" t="s">
        <v>194</v>
      </c>
      <c r="E8923" s="6">
        <v>68209</v>
      </c>
      <c r="F8923" s="6" t="s">
        <v>18</v>
      </c>
      <c r="G8923" s="6" t="s">
        <v>195</v>
      </c>
      <c r="H8923" s="6" t="s">
        <v>196</v>
      </c>
      <c r="I8923" s="7">
        <v>10.4229301</v>
      </c>
      <c r="J8923" s="8">
        <v>-75.550232399999999</v>
      </c>
    </row>
    <row r="8924" spans="1:10" x14ac:dyDescent="0.35">
      <c r="A8924" s="5" t="s">
        <v>10</v>
      </c>
      <c r="B8924" s="6">
        <v>191851</v>
      </c>
      <c r="C8924" s="6" t="s">
        <v>16</v>
      </c>
      <c r="D8924" s="6" t="s">
        <v>17</v>
      </c>
      <c r="E8924" s="6">
        <v>68679</v>
      </c>
      <c r="F8924" s="6" t="s">
        <v>18</v>
      </c>
      <c r="G8924" s="6" t="s">
        <v>17834</v>
      </c>
      <c r="H8924" s="6" t="s">
        <v>17835</v>
      </c>
      <c r="I8924" s="7">
        <v>6.5555423999999896</v>
      </c>
      <c r="J8924" s="8">
        <v>-73.133811699999995</v>
      </c>
    </row>
    <row r="8925" spans="1:10" x14ac:dyDescent="0.35">
      <c r="A8925" s="5" t="s">
        <v>10</v>
      </c>
      <c r="B8925" s="6">
        <v>230110</v>
      </c>
      <c r="C8925" s="6" t="s">
        <v>109</v>
      </c>
      <c r="D8925" s="6" t="s">
        <v>1445</v>
      </c>
      <c r="E8925" s="6">
        <v>13688</v>
      </c>
      <c r="F8925" s="6" t="s">
        <v>18</v>
      </c>
      <c r="G8925" s="6" t="s">
        <v>17836</v>
      </c>
      <c r="H8925" s="6" t="s">
        <v>17837</v>
      </c>
      <c r="I8925" s="7">
        <v>7.9630637999999996</v>
      </c>
      <c r="J8925" s="8">
        <v>-74.050974800000006</v>
      </c>
    </row>
    <row r="8926" spans="1:10" x14ac:dyDescent="0.35">
      <c r="A8926" s="5" t="s">
        <v>10</v>
      </c>
      <c r="B8926" s="6">
        <v>191696</v>
      </c>
      <c r="C8926" s="6" t="s">
        <v>24</v>
      </c>
      <c r="D8926" s="6" t="s">
        <v>2225</v>
      </c>
      <c r="E8926" s="6">
        <v>15248</v>
      </c>
      <c r="F8926" s="6" t="s">
        <v>18</v>
      </c>
      <c r="G8926" s="6" t="s">
        <v>17838</v>
      </c>
      <c r="H8926" s="6" t="s">
        <v>17839</v>
      </c>
      <c r="I8926" s="7">
        <v>6.4863999999999997</v>
      </c>
      <c r="J8926" s="8">
        <v>-72.432859999999906</v>
      </c>
    </row>
    <row r="8927" spans="1:10" x14ac:dyDescent="0.35">
      <c r="A8927" s="5" t="s">
        <v>10</v>
      </c>
      <c r="B8927" s="6">
        <v>245974</v>
      </c>
      <c r="C8927" s="6" t="s">
        <v>24</v>
      </c>
      <c r="D8927" s="6" t="s">
        <v>2246</v>
      </c>
      <c r="E8927" s="6">
        <v>15676</v>
      </c>
      <c r="F8927" s="6" t="s">
        <v>18</v>
      </c>
      <c r="G8927" s="6" t="s">
        <v>17840</v>
      </c>
      <c r="H8927" s="6" t="s">
        <v>17841</v>
      </c>
      <c r="I8927" s="7">
        <v>5.5182662999999996</v>
      </c>
      <c r="J8927" s="8">
        <v>-73.721531900000002</v>
      </c>
    </row>
    <row r="8928" spans="1:10" x14ac:dyDescent="0.35">
      <c r="A8928" s="5" t="s">
        <v>10</v>
      </c>
      <c r="B8928" s="6">
        <v>224171</v>
      </c>
      <c r="C8928" s="6" t="s">
        <v>68</v>
      </c>
      <c r="D8928" s="6" t="s">
        <v>69</v>
      </c>
      <c r="E8928" s="6">
        <v>11001</v>
      </c>
      <c r="F8928" s="6" t="s">
        <v>2161</v>
      </c>
      <c r="G8928" s="6" t="s">
        <v>17842</v>
      </c>
      <c r="H8928" s="6" t="s">
        <v>17843</v>
      </c>
      <c r="I8928" s="7">
        <v>4.6366223999999896</v>
      </c>
      <c r="J8928" s="8">
        <v>-74.164442199999996</v>
      </c>
    </row>
    <row r="8929" spans="1:10" x14ac:dyDescent="0.35">
      <c r="A8929" s="5" t="s">
        <v>10</v>
      </c>
      <c r="B8929" s="6">
        <v>208958</v>
      </c>
      <c r="C8929" s="6" t="s">
        <v>11</v>
      </c>
      <c r="D8929" s="6" t="s">
        <v>159</v>
      </c>
      <c r="E8929" s="6">
        <v>25175</v>
      </c>
      <c r="F8929" s="6" t="s">
        <v>2161</v>
      </c>
      <c r="G8929" s="6" t="s">
        <v>17844</v>
      </c>
      <c r="H8929" s="6" t="s">
        <v>17845</v>
      </c>
      <c r="I8929" s="7">
        <v>4.8530414000000004</v>
      </c>
      <c r="J8929" s="8">
        <v>-74.056803000000002</v>
      </c>
    </row>
    <row r="8930" spans="1:10" x14ac:dyDescent="0.35">
      <c r="A8930" s="5" t="s">
        <v>10</v>
      </c>
      <c r="B8930" s="6">
        <v>220728</v>
      </c>
      <c r="C8930" s="6" t="s">
        <v>302</v>
      </c>
      <c r="D8930" s="6" t="s">
        <v>7633</v>
      </c>
      <c r="E8930" s="6">
        <v>8634</v>
      </c>
      <c r="F8930" s="6" t="s">
        <v>2161</v>
      </c>
      <c r="G8930" s="6" t="s">
        <v>17846</v>
      </c>
      <c r="H8930" s="6" t="s">
        <v>17847</v>
      </c>
      <c r="I8930" s="7">
        <v>10.789771</v>
      </c>
      <c r="J8930" s="8">
        <v>-74.755201</v>
      </c>
    </row>
    <row r="8931" spans="1:10" x14ac:dyDescent="0.35">
      <c r="A8931" s="5" t="s">
        <v>10</v>
      </c>
      <c r="B8931" s="6">
        <v>199694</v>
      </c>
      <c r="C8931" s="6" t="s">
        <v>68</v>
      </c>
      <c r="D8931" s="6" t="s">
        <v>69</v>
      </c>
      <c r="E8931" s="6">
        <v>11001</v>
      </c>
      <c r="F8931" s="6" t="s">
        <v>13</v>
      </c>
      <c r="G8931" s="6" t="s">
        <v>140</v>
      </c>
      <c r="H8931" s="6" t="s">
        <v>141</v>
      </c>
      <c r="I8931" s="7">
        <v>4.6714412999999997</v>
      </c>
      <c r="J8931" s="8">
        <v>-74.106902399999996</v>
      </c>
    </row>
    <row r="8932" spans="1:10" x14ac:dyDescent="0.35">
      <c r="A8932" s="5" t="s">
        <v>10</v>
      </c>
      <c r="B8932" s="6">
        <v>165574</v>
      </c>
      <c r="C8932" s="6" t="s">
        <v>366</v>
      </c>
      <c r="D8932" s="6" t="s">
        <v>367</v>
      </c>
      <c r="E8932" s="6">
        <v>44430</v>
      </c>
      <c r="F8932" s="6" t="s">
        <v>18</v>
      </c>
      <c r="G8932" s="6" t="s">
        <v>17848</v>
      </c>
      <c r="H8932" s="6" t="s">
        <v>17849</v>
      </c>
      <c r="I8932" s="7">
        <v>11.375983</v>
      </c>
      <c r="J8932" s="8">
        <v>-72.244911799999997</v>
      </c>
    </row>
    <row r="8933" spans="1:10" x14ac:dyDescent="0.35">
      <c r="A8933" s="5" t="s">
        <v>10</v>
      </c>
      <c r="B8933" s="6">
        <v>244739</v>
      </c>
      <c r="C8933" s="6" t="s">
        <v>466</v>
      </c>
      <c r="D8933" s="6" t="s">
        <v>1262</v>
      </c>
      <c r="E8933" s="6">
        <v>81001</v>
      </c>
      <c r="F8933" s="6" t="s">
        <v>18</v>
      </c>
      <c r="G8933" s="6" t="s">
        <v>17850</v>
      </c>
      <c r="H8933" s="6" t="s">
        <v>17851</v>
      </c>
      <c r="I8933" s="7">
        <v>6.5473059999999998</v>
      </c>
      <c r="J8933" s="8">
        <v>-71.002231100000003</v>
      </c>
    </row>
    <row r="8934" spans="1:10" x14ac:dyDescent="0.35">
      <c r="A8934" s="5" t="s">
        <v>10</v>
      </c>
      <c r="B8934" s="6">
        <v>163240</v>
      </c>
      <c r="C8934" s="6" t="s">
        <v>68</v>
      </c>
      <c r="D8934" s="6" t="s">
        <v>69</v>
      </c>
      <c r="E8934" s="6">
        <v>11001</v>
      </c>
      <c r="F8934" s="6" t="s">
        <v>18</v>
      </c>
      <c r="G8934" s="6" t="s">
        <v>17728</v>
      </c>
      <c r="H8934" s="6" t="s">
        <v>17729</v>
      </c>
      <c r="I8934" s="7">
        <v>4.6861797000000003</v>
      </c>
      <c r="J8934" s="8">
        <v>-74.052780900000002</v>
      </c>
    </row>
    <row r="8935" spans="1:10" x14ac:dyDescent="0.35">
      <c r="A8935" s="5" t="s">
        <v>10</v>
      </c>
      <c r="B8935" s="6">
        <v>215465</v>
      </c>
      <c r="C8935" s="6" t="s">
        <v>294</v>
      </c>
      <c r="D8935" s="6" t="s">
        <v>10300</v>
      </c>
      <c r="E8935" s="6">
        <v>41357</v>
      </c>
      <c r="F8935" s="6" t="s">
        <v>2161</v>
      </c>
      <c r="G8935" s="6" t="s">
        <v>17852</v>
      </c>
      <c r="H8935" s="6" t="s">
        <v>17853</v>
      </c>
      <c r="I8935" s="7">
        <v>2.9182096</v>
      </c>
      <c r="J8935" s="8">
        <v>-75.284127400000003</v>
      </c>
    </row>
    <row r="8936" spans="1:10" x14ac:dyDescent="0.35">
      <c r="A8936" s="5" t="s">
        <v>10</v>
      </c>
      <c r="B8936" s="6">
        <v>228206</v>
      </c>
      <c r="C8936" s="6" t="s">
        <v>294</v>
      </c>
      <c r="D8936" s="6" t="s">
        <v>447</v>
      </c>
      <c r="E8936" s="6">
        <v>41551</v>
      </c>
      <c r="F8936" s="6" t="s">
        <v>2161</v>
      </c>
      <c r="G8936" s="6" t="s">
        <v>17854</v>
      </c>
      <c r="H8936" s="6" t="s">
        <v>17855</v>
      </c>
      <c r="I8936" s="7">
        <v>1.8488823999999999</v>
      </c>
      <c r="J8936" s="8">
        <v>-76.047601799999995</v>
      </c>
    </row>
    <row r="8937" spans="1:10" x14ac:dyDescent="0.35">
      <c r="A8937" s="5" t="s">
        <v>10</v>
      </c>
      <c r="B8937" s="6">
        <v>220733</v>
      </c>
      <c r="C8937" s="6" t="s">
        <v>55</v>
      </c>
      <c r="D8937" s="6" t="s">
        <v>56</v>
      </c>
      <c r="E8937" s="6">
        <v>73001</v>
      </c>
      <c r="F8937" s="6" t="s">
        <v>2161</v>
      </c>
      <c r="G8937" s="6" t="s">
        <v>17856</v>
      </c>
      <c r="H8937" s="6" t="s">
        <v>17857</v>
      </c>
      <c r="I8937" s="7">
        <v>4.4370612999999999</v>
      </c>
      <c r="J8937" s="8">
        <v>-75.191299299999997</v>
      </c>
    </row>
    <row r="8938" spans="1:10" x14ac:dyDescent="0.35">
      <c r="A8938" s="5" t="s">
        <v>10</v>
      </c>
      <c r="B8938" s="6">
        <v>234911</v>
      </c>
      <c r="C8938" s="6" t="s">
        <v>11</v>
      </c>
      <c r="D8938" s="6" t="s">
        <v>221</v>
      </c>
      <c r="E8938" s="6">
        <v>25430</v>
      </c>
      <c r="F8938" s="6" t="s">
        <v>2161</v>
      </c>
      <c r="G8938" s="6" t="s">
        <v>17858</v>
      </c>
      <c r="H8938" s="6" t="s">
        <v>17859</v>
      </c>
      <c r="I8938" s="7">
        <v>9.2475824000000006</v>
      </c>
      <c r="J8938" s="8">
        <v>-74.754669500000006</v>
      </c>
    </row>
    <row r="8939" spans="1:10" x14ac:dyDescent="0.35">
      <c r="A8939" s="5" t="s">
        <v>10</v>
      </c>
      <c r="B8939" s="6">
        <v>237987</v>
      </c>
      <c r="C8939" s="6" t="s">
        <v>68</v>
      </c>
      <c r="D8939" s="6" t="s">
        <v>69</v>
      </c>
      <c r="E8939" s="6">
        <v>11001</v>
      </c>
      <c r="F8939" s="6" t="s">
        <v>2161</v>
      </c>
      <c r="G8939" s="6" t="s">
        <v>11693</v>
      </c>
      <c r="H8939" s="6" t="s">
        <v>17860</v>
      </c>
      <c r="I8939" s="7">
        <v>4.6088529999999999</v>
      </c>
      <c r="J8939" s="8">
        <v>-74.078138999999993</v>
      </c>
    </row>
    <row r="8940" spans="1:10" x14ac:dyDescent="0.35">
      <c r="A8940" s="5" t="s">
        <v>10</v>
      </c>
      <c r="B8940" s="6">
        <v>239451</v>
      </c>
      <c r="C8940" s="6" t="s">
        <v>24</v>
      </c>
      <c r="D8940" s="6" t="s">
        <v>985</v>
      </c>
      <c r="E8940" s="6">
        <v>15224</v>
      </c>
      <c r="F8940" s="6" t="s">
        <v>18</v>
      </c>
      <c r="G8940" s="6" t="s">
        <v>17861</v>
      </c>
      <c r="H8940" s="6" t="s">
        <v>17862</v>
      </c>
      <c r="I8940" s="7">
        <v>5.5445883</v>
      </c>
      <c r="J8940" s="8">
        <v>-73.454770199999999</v>
      </c>
    </row>
    <row r="8941" spans="1:10" x14ac:dyDescent="0.35">
      <c r="A8941" s="5" t="s">
        <v>10</v>
      </c>
      <c r="B8941" s="6">
        <v>225310</v>
      </c>
      <c r="C8941" s="6" t="s">
        <v>294</v>
      </c>
      <c r="D8941" s="6" t="s">
        <v>543</v>
      </c>
      <c r="E8941" s="6">
        <v>41396</v>
      </c>
      <c r="F8941" s="6" t="s">
        <v>2161</v>
      </c>
      <c r="G8941" s="6" t="s">
        <v>17863</v>
      </c>
      <c r="H8941" s="6" t="s">
        <v>17864</v>
      </c>
      <c r="I8941" s="7">
        <v>2.3841592999999999</v>
      </c>
      <c r="J8941" s="8">
        <v>-75.900645999999995</v>
      </c>
    </row>
    <row r="8942" spans="1:10" x14ac:dyDescent="0.35">
      <c r="A8942" s="5" t="s">
        <v>10</v>
      </c>
      <c r="B8942" s="6">
        <v>215469</v>
      </c>
      <c r="C8942" s="6" t="s">
        <v>278</v>
      </c>
      <c r="D8942" s="6" t="s">
        <v>2421</v>
      </c>
      <c r="E8942" s="6">
        <v>50573</v>
      </c>
      <c r="F8942" s="6" t="s">
        <v>2161</v>
      </c>
      <c r="G8942" s="6" t="s">
        <v>17865</v>
      </c>
      <c r="H8942" s="6" t="s">
        <v>17866</v>
      </c>
      <c r="I8942" s="7">
        <v>4.0913539999999999</v>
      </c>
      <c r="J8942" s="8">
        <v>-72.955917999999997</v>
      </c>
    </row>
    <row r="8943" spans="1:10" x14ac:dyDescent="0.35">
      <c r="A8943" s="5" t="s">
        <v>10</v>
      </c>
      <c r="B8943" s="6">
        <v>41253</v>
      </c>
      <c r="C8943" s="6" t="s">
        <v>308</v>
      </c>
      <c r="D8943" s="6" t="s">
        <v>309</v>
      </c>
      <c r="E8943" s="6">
        <v>23001</v>
      </c>
      <c r="F8943" s="6" t="s">
        <v>13</v>
      </c>
      <c r="G8943" s="6" t="s">
        <v>17867</v>
      </c>
      <c r="H8943" s="6" t="s">
        <v>17868</v>
      </c>
      <c r="I8943" s="7">
        <v>8.7394934000000006</v>
      </c>
      <c r="J8943" s="8">
        <v>-75.871277500000005</v>
      </c>
    </row>
    <row r="8944" spans="1:10" x14ac:dyDescent="0.35">
      <c r="A8944" s="5" t="s">
        <v>10</v>
      </c>
      <c r="B8944" s="6">
        <v>147089</v>
      </c>
      <c r="C8944" s="6" t="s">
        <v>11</v>
      </c>
      <c r="D8944" s="6" t="s">
        <v>3379</v>
      </c>
      <c r="E8944" s="6">
        <v>25407</v>
      </c>
      <c r="F8944" s="6" t="s">
        <v>13</v>
      </c>
      <c r="G8944" s="6" t="s">
        <v>17869</v>
      </c>
      <c r="H8944" s="6" t="s">
        <v>17870</v>
      </c>
      <c r="I8944" s="7">
        <v>5.3062820999999998</v>
      </c>
      <c r="J8944" s="8">
        <v>-73.712502000000001</v>
      </c>
    </row>
    <row r="8945" spans="1:10" x14ac:dyDescent="0.35">
      <c r="A8945" s="5" t="s">
        <v>10</v>
      </c>
      <c r="B8945" s="6">
        <v>180536</v>
      </c>
      <c r="C8945" s="6" t="s">
        <v>68</v>
      </c>
      <c r="D8945" s="6" t="s">
        <v>69</v>
      </c>
      <c r="E8945" s="6">
        <v>11001</v>
      </c>
      <c r="F8945" s="6" t="s">
        <v>13</v>
      </c>
      <c r="G8945" s="6" t="s">
        <v>129</v>
      </c>
      <c r="H8945" s="6" t="s">
        <v>130</v>
      </c>
      <c r="I8945" s="7">
        <v>4.6966169999999998</v>
      </c>
      <c r="J8945" s="8">
        <v>-74.106278000000003</v>
      </c>
    </row>
    <row r="8946" spans="1:10" x14ac:dyDescent="0.35">
      <c r="A8946" s="5" t="s">
        <v>10</v>
      </c>
      <c r="B8946" s="6">
        <v>222686</v>
      </c>
      <c r="C8946" s="6" t="s">
        <v>68</v>
      </c>
      <c r="D8946" s="6" t="s">
        <v>69</v>
      </c>
      <c r="E8946" s="6">
        <v>11001</v>
      </c>
      <c r="F8946" s="6" t="s">
        <v>13</v>
      </c>
      <c r="G8946" s="6" t="s">
        <v>17871</v>
      </c>
      <c r="H8946" s="6" t="s">
        <v>17872</v>
      </c>
      <c r="I8946" s="7">
        <v>4.6357056999999999</v>
      </c>
      <c r="J8946" s="8">
        <v>-74.170505700000007</v>
      </c>
    </row>
    <row r="8947" spans="1:10" x14ac:dyDescent="0.35">
      <c r="A8947" s="5" t="s">
        <v>10</v>
      </c>
      <c r="B8947" s="6">
        <v>209016</v>
      </c>
      <c r="C8947" s="6" t="s">
        <v>28</v>
      </c>
      <c r="D8947" s="6" t="s">
        <v>49</v>
      </c>
      <c r="E8947" s="6">
        <v>54498</v>
      </c>
      <c r="F8947" s="6" t="s">
        <v>13</v>
      </c>
      <c r="G8947" s="6" t="s">
        <v>17873</v>
      </c>
      <c r="H8947" s="6" t="s">
        <v>17874</v>
      </c>
      <c r="I8947" s="7">
        <v>8.2591414000000007</v>
      </c>
      <c r="J8947" s="8">
        <v>-73.358423799999997</v>
      </c>
    </row>
    <row r="8948" spans="1:10" x14ac:dyDescent="0.35">
      <c r="A8948" s="5" t="s">
        <v>10</v>
      </c>
      <c r="B8948" s="6">
        <v>198431</v>
      </c>
      <c r="C8948" s="6" t="s">
        <v>11</v>
      </c>
      <c r="D8948" s="6" t="s">
        <v>3054</v>
      </c>
      <c r="E8948" s="6">
        <v>25269</v>
      </c>
      <c r="F8948" s="6" t="s">
        <v>13</v>
      </c>
      <c r="G8948" s="6" t="s">
        <v>160</v>
      </c>
      <c r="H8948" s="6" t="s">
        <v>17875</v>
      </c>
      <c r="I8948" s="7">
        <v>4.8106526000000001</v>
      </c>
      <c r="J8948" s="8">
        <v>-74.3545388</v>
      </c>
    </row>
    <row r="8949" spans="1:10" x14ac:dyDescent="0.35">
      <c r="A8949" s="5" t="s">
        <v>10</v>
      </c>
      <c r="B8949" s="6">
        <v>239509</v>
      </c>
      <c r="C8949" s="6" t="s">
        <v>11</v>
      </c>
      <c r="D8949" s="6" t="s">
        <v>334</v>
      </c>
      <c r="E8949" s="6">
        <v>25754</v>
      </c>
      <c r="F8949" s="6" t="s">
        <v>2161</v>
      </c>
      <c r="G8949" s="6" t="s">
        <v>17876</v>
      </c>
      <c r="H8949" s="6" t="s">
        <v>17877</v>
      </c>
      <c r="I8949" s="7">
        <v>4.5893193999999999</v>
      </c>
      <c r="J8949" s="8">
        <v>-74.192681699999994</v>
      </c>
    </row>
    <row r="8950" spans="1:10" x14ac:dyDescent="0.35">
      <c r="A8950" s="5" t="s">
        <v>10</v>
      </c>
      <c r="B8950" s="6">
        <v>213364</v>
      </c>
      <c r="C8950" s="6" t="s">
        <v>24</v>
      </c>
      <c r="D8950" s="6" t="s">
        <v>557</v>
      </c>
      <c r="E8950" s="6">
        <v>15757</v>
      </c>
      <c r="F8950" s="6" t="s">
        <v>2161</v>
      </c>
      <c r="G8950" s="6" t="s">
        <v>17878</v>
      </c>
      <c r="H8950" s="6" t="s">
        <v>17879</v>
      </c>
      <c r="I8950" s="7">
        <v>5.9971299999999896</v>
      </c>
      <c r="J8950" s="8">
        <v>-72.692665000000005</v>
      </c>
    </row>
    <row r="8951" spans="1:10" x14ac:dyDescent="0.35">
      <c r="A8951" s="5" t="s">
        <v>10</v>
      </c>
      <c r="B8951" s="6">
        <v>230727</v>
      </c>
      <c r="C8951" s="6" t="s">
        <v>366</v>
      </c>
      <c r="D8951" s="6" t="s">
        <v>8371</v>
      </c>
      <c r="E8951" s="6">
        <v>44650</v>
      </c>
      <c r="F8951" s="6" t="s">
        <v>2161</v>
      </c>
      <c r="G8951" s="6" t="s">
        <v>17880</v>
      </c>
      <c r="H8951" s="6" t="s">
        <v>17881</v>
      </c>
      <c r="I8951" s="7">
        <v>10.7732676</v>
      </c>
      <c r="J8951" s="8">
        <v>-73.001542099999995</v>
      </c>
    </row>
    <row r="8952" spans="1:10" x14ac:dyDescent="0.35">
      <c r="A8952" s="5" t="s">
        <v>10</v>
      </c>
      <c r="B8952" s="6">
        <v>239175</v>
      </c>
      <c r="C8952" s="6" t="s">
        <v>55</v>
      </c>
      <c r="D8952" s="6" t="s">
        <v>17659</v>
      </c>
      <c r="E8952" s="6">
        <v>73616</v>
      </c>
      <c r="F8952" s="6" t="s">
        <v>18</v>
      </c>
      <c r="G8952" s="6" t="s">
        <v>17882</v>
      </c>
      <c r="H8952" s="6" t="s">
        <v>17883</v>
      </c>
      <c r="I8952" s="7">
        <v>3.5305979000000001</v>
      </c>
      <c r="J8952" s="8">
        <v>-75.644962399999997</v>
      </c>
    </row>
    <row r="8953" spans="1:10" x14ac:dyDescent="0.35">
      <c r="A8953" s="5" t="s">
        <v>10</v>
      </c>
      <c r="B8953" s="6">
        <v>234896</v>
      </c>
      <c r="C8953" s="6" t="s">
        <v>3819</v>
      </c>
      <c r="D8953" s="6" t="s">
        <v>14622</v>
      </c>
      <c r="E8953" s="6">
        <v>86865</v>
      </c>
      <c r="F8953" s="6" t="s">
        <v>2161</v>
      </c>
      <c r="G8953" s="6" t="s">
        <v>17884</v>
      </c>
      <c r="H8953" s="6" t="s">
        <v>17885</v>
      </c>
      <c r="I8953" s="7">
        <v>0.42338500000000001</v>
      </c>
      <c r="J8953" s="8">
        <v>-76.904996999999995</v>
      </c>
    </row>
    <row r="8954" spans="1:10" x14ac:dyDescent="0.35">
      <c r="A8954" s="5" t="s">
        <v>10</v>
      </c>
      <c r="B8954" s="6">
        <v>220770</v>
      </c>
      <c r="C8954" s="6" t="s">
        <v>68</v>
      </c>
      <c r="D8954" s="6" t="s">
        <v>69</v>
      </c>
      <c r="E8954" s="6">
        <v>11001</v>
      </c>
      <c r="F8954" s="6" t="s">
        <v>2161</v>
      </c>
      <c r="G8954" s="6" t="s">
        <v>17886</v>
      </c>
      <c r="H8954" s="6" t="s">
        <v>17887</v>
      </c>
      <c r="I8954" s="7">
        <v>4.62662</v>
      </c>
      <c r="J8954" s="8">
        <v>-74.067549700000001</v>
      </c>
    </row>
    <row r="8955" spans="1:10" x14ac:dyDescent="0.35">
      <c r="A8955" s="5" t="s">
        <v>10</v>
      </c>
      <c r="B8955" s="6">
        <v>231182</v>
      </c>
      <c r="C8955" s="6" t="s">
        <v>457</v>
      </c>
      <c r="D8955" s="6" t="s">
        <v>4400</v>
      </c>
      <c r="E8955" s="6">
        <v>52001</v>
      </c>
      <c r="F8955" s="6" t="s">
        <v>2161</v>
      </c>
      <c r="G8955" s="6" t="s">
        <v>17888</v>
      </c>
      <c r="H8955" s="6" t="s">
        <v>17889</v>
      </c>
      <c r="I8955" s="7">
        <v>1.2888567</v>
      </c>
      <c r="J8955" s="8">
        <v>-77.358610999999996</v>
      </c>
    </row>
    <row r="8956" spans="1:10" x14ac:dyDescent="0.35">
      <c r="A8956" s="5" t="s">
        <v>10</v>
      </c>
      <c r="B8956" s="6">
        <v>141690</v>
      </c>
      <c r="C8956" s="6" t="s">
        <v>11</v>
      </c>
      <c r="D8956" s="6" t="s">
        <v>101</v>
      </c>
      <c r="E8956" s="6">
        <v>25473</v>
      </c>
      <c r="F8956" s="6" t="s">
        <v>13</v>
      </c>
      <c r="G8956" s="6" t="s">
        <v>403</v>
      </c>
      <c r="H8956" s="6" t="s">
        <v>404</v>
      </c>
      <c r="I8956" s="7">
        <v>4.6802367</v>
      </c>
      <c r="J8956" s="8">
        <v>-74.229671300000007</v>
      </c>
    </row>
    <row r="8957" spans="1:10" x14ac:dyDescent="0.35">
      <c r="A8957" s="5" t="s">
        <v>10</v>
      </c>
      <c r="B8957" s="6">
        <v>172842</v>
      </c>
      <c r="C8957" s="6" t="s">
        <v>117</v>
      </c>
      <c r="D8957" s="6" t="s">
        <v>1334</v>
      </c>
      <c r="E8957" s="6">
        <v>76001</v>
      </c>
      <c r="F8957" s="6" t="s">
        <v>13</v>
      </c>
      <c r="G8957" s="6" t="s">
        <v>17890</v>
      </c>
      <c r="H8957" s="6" t="s">
        <v>17891</v>
      </c>
      <c r="I8957" s="7">
        <v>3.4140470999999999</v>
      </c>
      <c r="J8957" s="8">
        <v>-76.547251000000003</v>
      </c>
    </row>
    <row r="8958" spans="1:10" x14ac:dyDescent="0.35">
      <c r="A8958" s="5" t="s">
        <v>10</v>
      </c>
      <c r="B8958" s="6">
        <v>217370</v>
      </c>
      <c r="C8958" s="6" t="s">
        <v>28</v>
      </c>
      <c r="D8958" s="6" t="s">
        <v>153</v>
      </c>
      <c r="E8958" s="6">
        <v>54518</v>
      </c>
      <c r="F8958" s="6" t="s">
        <v>13</v>
      </c>
      <c r="G8958" s="6" t="s">
        <v>17892</v>
      </c>
      <c r="H8958" s="6" t="s">
        <v>17893</v>
      </c>
      <c r="I8958" s="7">
        <v>7.3751569999999997</v>
      </c>
      <c r="J8958" s="8">
        <v>-72.650463999999999</v>
      </c>
    </row>
    <row r="8959" spans="1:10" x14ac:dyDescent="0.35">
      <c r="A8959" s="5" t="s">
        <v>10</v>
      </c>
      <c r="B8959" s="6">
        <v>175062</v>
      </c>
      <c r="C8959" s="6" t="s">
        <v>11</v>
      </c>
      <c r="D8959" s="6" t="s">
        <v>221</v>
      </c>
      <c r="E8959" s="6">
        <v>25430</v>
      </c>
      <c r="F8959" s="6" t="s">
        <v>13</v>
      </c>
      <c r="G8959" s="6" t="s">
        <v>3098</v>
      </c>
      <c r="H8959" s="6" t="s">
        <v>3099</v>
      </c>
      <c r="I8959" s="7">
        <v>4.7336258999999998</v>
      </c>
      <c r="J8959" s="8">
        <v>-74.264042000000003</v>
      </c>
    </row>
    <row r="8960" spans="1:10" x14ac:dyDescent="0.35">
      <c r="A8960" s="5" t="s">
        <v>10</v>
      </c>
      <c r="B8960" s="6">
        <v>223763</v>
      </c>
      <c r="C8960" s="6" t="s">
        <v>302</v>
      </c>
      <c r="D8960" s="6" t="s">
        <v>359</v>
      </c>
      <c r="E8960" s="6">
        <v>8001</v>
      </c>
      <c r="F8960" s="6" t="s">
        <v>13</v>
      </c>
      <c r="G8960" s="6" t="s">
        <v>17894</v>
      </c>
      <c r="H8960" s="6" t="s">
        <v>17895</v>
      </c>
      <c r="I8960" s="7">
        <v>10.962179000000001</v>
      </c>
      <c r="J8960" s="8">
        <v>-74.796401399999993</v>
      </c>
    </row>
    <row r="8961" spans="1:10" x14ac:dyDescent="0.35">
      <c r="A8961" s="5" t="s">
        <v>10</v>
      </c>
      <c r="B8961" s="6">
        <v>237212</v>
      </c>
      <c r="C8961" s="6" t="s">
        <v>16</v>
      </c>
      <c r="D8961" s="6" t="s">
        <v>17896</v>
      </c>
      <c r="E8961" s="6">
        <v>68296</v>
      </c>
      <c r="F8961" s="6" t="s">
        <v>18</v>
      </c>
      <c r="G8961" s="6" t="s">
        <v>17897</v>
      </c>
      <c r="H8961" s="6" t="s">
        <v>17898</v>
      </c>
      <c r="I8961" s="7">
        <v>6.7068925999999998</v>
      </c>
      <c r="J8961" s="8">
        <v>-73.280448000000007</v>
      </c>
    </row>
    <row r="8962" spans="1:10" x14ac:dyDescent="0.35">
      <c r="A8962" s="5" t="s">
        <v>10</v>
      </c>
      <c r="B8962" s="6">
        <v>116253</v>
      </c>
      <c r="C8962" s="6" t="s">
        <v>11</v>
      </c>
      <c r="D8962" s="6" t="s">
        <v>106</v>
      </c>
      <c r="E8962" s="6">
        <v>25843</v>
      </c>
      <c r="F8962" s="6" t="s">
        <v>18</v>
      </c>
      <c r="G8962" s="6" t="s">
        <v>876</v>
      </c>
      <c r="H8962" s="6" t="s">
        <v>877</v>
      </c>
      <c r="I8962" s="7">
        <v>5.3101091999999896</v>
      </c>
      <c r="J8962" s="8">
        <v>-73.8120464</v>
      </c>
    </row>
    <row r="8963" spans="1:10" x14ac:dyDescent="0.35">
      <c r="A8963" s="5" t="s">
        <v>10</v>
      </c>
      <c r="B8963" s="6">
        <v>246341</v>
      </c>
      <c r="C8963" s="6" t="s">
        <v>55</v>
      </c>
      <c r="D8963" s="6" t="s">
        <v>17899</v>
      </c>
      <c r="E8963" s="6">
        <v>73555</v>
      </c>
      <c r="F8963" s="6" t="s">
        <v>18</v>
      </c>
      <c r="G8963" s="6" t="s">
        <v>17900</v>
      </c>
      <c r="H8963" s="6" t="s">
        <v>17901</v>
      </c>
      <c r="I8963" s="7">
        <v>3.197241</v>
      </c>
      <c r="J8963" s="8">
        <v>-75.643816999999999</v>
      </c>
    </row>
    <row r="8964" spans="1:10" x14ac:dyDescent="0.35">
      <c r="A8964" s="5" t="s">
        <v>10</v>
      </c>
      <c r="B8964" s="6">
        <v>243922</v>
      </c>
      <c r="C8964" s="6" t="s">
        <v>28</v>
      </c>
      <c r="D8964" s="6" t="s">
        <v>17902</v>
      </c>
      <c r="E8964" s="6">
        <v>54871</v>
      </c>
      <c r="F8964" s="6" t="s">
        <v>18</v>
      </c>
      <c r="G8964" s="6" t="s">
        <v>17903</v>
      </c>
      <c r="H8964" s="6" t="s">
        <v>17904</v>
      </c>
      <c r="I8964" s="7">
        <v>7.9148246000000002</v>
      </c>
      <c r="J8964" s="8">
        <v>-72.973016299999998</v>
      </c>
    </row>
    <row r="8965" spans="1:10" x14ac:dyDescent="0.35">
      <c r="A8965" s="5" t="s">
        <v>10</v>
      </c>
      <c r="B8965" s="6">
        <v>223047</v>
      </c>
      <c r="C8965" s="6" t="s">
        <v>24</v>
      </c>
      <c r="D8965" s="6" t="s">
        <v>85</v>
      </c>
      <c r="E8965" s="6">
        <v>15759</v>
      </c>
      <c r="F8965" s="6" t="s">
        <v>2161</v>
      </c>
      <c r="G8965" s="6" t="s">
        <v>17905</v>
      </c>
      <c r="H8965" s="6" t="s">
        <v>17906</v>
      </c>
      <c r="I8965" s="7">
        <v>5.7160848</v>
      </c>
      <c r="J8965" s="8">
        <v>-72.931128899999905</v>
      </c>
    </row>
    <row r="8966" spans="1:10" x14ac:dyDescent="0.35">
      <c r="A8966" s="5" t="s">
        <v>10</v>
      </c>
      <c r="B8966" s="6">
        <v>172861</v>
      </c>
      <c r="C8966" s="6" t="s">
        <v>11</v>
      </c>
      <c r="D8966" s="6" t="s">
        <v>21</v>
      </c>
      <c r="E8966" s="6">
        <v>25386</v>
      </c>
      <c r="F8966" s="6" t="s">
        <v>13</v>
      </c>
      <c r="G8966" s="6" t="s">
        <v>17907</v>
      </c>
      <c r="H8966" s="6" t="s">
        <v>17908</v>
      </c>
      <c r="I8966" s="7">
        <v>4.6307353000000004</v>
      </c>
      <c r="J8966" s="8">
        <v>-74.462838899999994</v>
      </c>
    </row>
    <row r="8967" spans="1:10" x14ac:dyDescent="0.35">
      <c r="A8967" s="5" t="s">
        <v>10</v>
      </c>
      <c r="B8967" s="6">
        <v>143493</v>
      </c>
      <c r="C8967" s="6" t="s">
        <v>278</v>
      </c>
      <c r="D8967" s="6" t="s">
        <v>2336</v>
      </c>
      <c r="E8967" s="6">
        <v>50226</v>
      </c>
      <c r="F8967" s="6" t="s">
        <v>13</v>
      </c>
      <c r="G8967" s="6" t="s">
        <v>17909</v>
      </c>
      <c r="H8967" s="6" t="s">
        <v>17910</v>
      </c>
      <c r="I8967" s="7">
        <v>4.2699220999999996</v>
      </c>
      <c r="J8967" s="8">
        <v>-73.487132399999993</v>
      </c>
    </row>
    <row r="8968" spans="1:10" x14ac:dyDescent="0.35">
      <c r="A8968" s="5" t="s">
        <v>10</v>
      </c>
      <c r="B8968" s="6">
        <v>141686</v>
      </c>
      <c r="C8968" s="6" t="s">
        <v>11</v>
      </c>
      <c r="D8968" s="6" t="s">
        <v>106</v>
      </c>
      <c r="E8968" s="6">
        <v>25843</v>
      </c>
      <c r="F8968" s="6" t="s">
        <v>13</v>
      </c>
      <c r="G8968" s="6" t="s">
        <v>1127</v>
      </c>
      <c r="H8968" s="6" t="s">
        <v>1128</v>
      </c>
      <c r="I8968" s="7">
        <v>5.3078042999999999</v>
      </c>
      <c r="J8968" s="8">
        <v>-73.816911200000007</v>
      </c>
    </row>
    <row r="8969" spans="1:10" x14ac:dyDescent="0.35">
      <c r="A8969" s="5" t="s">
        <v>10</v>
      </c>
      <c r="B8969" s="6">
        <v>214013</v>
      </c>
      <c r="C8969" s="6" t="s">
        <v>55</v>
      </c>
      <c r="D8969" s="6" t="s">
        <v>422</v>
      </c>
      <c r="E8969" s="6">
        <v>73504</v>
      </c>
      <c r="F8969" s="6" t="s">
        <v>18</v>
      </c>
      <c r="G8969" s="6" t="s">
        <v>113</v>
      </c>
      <c r="H8969" s="6" t="s">
        <v>17911</v>
      </c>
      <c r="I8969" s="7">
        <v>3.9350396000000001</v>
      </c>
      <c r="J8969" s="8">
        <v>-75.2224255</v>
      </c>
    </row>
    <row r="8970" spans="1:10" x14ac:dyDescent="0.35">
      <c r="A8970" s="5" t="s">
        <v>10</v>
      </c>
      <c r="B8970" s="6">
        <v>246795</v>
      </c>
      <c r="C8970" s="6" t="s">
        <v>55</v>
      </c>
      <c r="D8970" s="6" t="s">
        <v>56</v>
      </c>
      <c r="E8970" s="6">
        <v>73001</v>
      </c>
      <c r="F8970" s="6" t="s">
        <v>18</v>
      </c>
      <c r="G8970" s="6" t="s">
        <v>17912</v>
      </c>
      <c r="H8970" s="6" t="s">
        <v>17913</v>
      </c>
      <c r="I8970" s="7">
        <v>4.4520637000000001</v>
      </c>
      <c r="J8970" s="8">
        <v>-75.140501900000004</v>
      </c>
    </row>
    <row r="8971" spans="1:10" x14ac:dyDescent="0.35">
      <c r="A8971" s="5" t="s">
        <v>10</v>
      </c>
      <c r="B8971" s="6">
        <v>130558</v>
      </c>
      <c r="C8971" s="6" t="s">
        <v>38</v>
      </c>
      <c r="D8971" s="6" t="s">
        <v>39</v>
      </c>
      <c r="E8971" s="6">
        <v>19001</v>
      </c>
      <c r="F8971" s="6" t="s">
        <v>18</v>
      </c>
      <c r="G8971" s="6" t="s">
        <v>17914</v>
      </c>
      <c r="H8971" s="6" t="s">
        <v>17915</v>
      </c>
      <c r="I8971" s="7">
        <v>2.4838566000000002</v>
      </c>
      <c r="J8971" s="8">
        <v>-76.568341199999907</v>
      </c>
    </row>
    <row r="8972" spans="1:10" x14ac:dyDescent="0.35">
      <c r="A8972" s="5" t="s">
        <v>10</v>
      </c>
      <c r="B8972" s="6">
        <v>163142</v>
      </c>
      <c r="C8972" s="6" t="s">
        <v>68</v>
      </c>
      <c r="D8972" s="6" t="s">
        <v>69</v>
      </c>
      <c r="E8972" s="6">
        <v>11001</v>
      </c>
      <c r="F8972" s="6" t="s">
        <v>18</v>
      </c>
      <c r="G8972" s="6" t="s">
        <v>17728</v>
      </c>
      <c r="H8972" s="6" t="s">
        <v>17729</v>
      </c>
      <c r="I8972" s="7">
        <v>4.6858886999999996</v>
      </c>
      <c r="J8972" s="8">
        <v>-74.052908599999995</v>
      </c>
    </row>
    <row r="8973" spans="1:10" x14ac:dyDescent="0.35">
      <c r="A8973" s="5" t="s">
        <v>10</v>
      </c>
      <c r="B8973" s="6">
        <v>209019</v>
      </c>
      <c r="C8973" s="6" t="s">
        <v>11</v>
      </c>
      <c r="D8973" s="6" t="s">
        <v>2313</v>
      </c>
      <c r="E8973" s="6">
        <v>25785</v>
      </c>
      <c r="F8973" s="6" t="s">
        <v>2161</v>
      </c>
      <c r="G8973" s="6" t="s">
        <v>17916</v>
      </c>
      <c r="H8973" s="6" t="s">
        <v>17917</v>
      </c>
      <c r="I8973" s="7">
        <v>4.9169619999999998</v>
      </c>
      <c r="J8973" s="8">
        <v>-74.096357999999995</v>
      </c>
    </row>
    <row r="8974" spans="1:10" x14ac:dyDescent="0.35">
      <c r="A8974" s="5" t="s">
        <v>10</v>
      </c>
      <c r="B8974" s="6">
        <v>208968</v>
      </c>
      <c r="C8974" s="6" t="s">
        <v>11</v>
      </c>
      <c r="D8974" s="6" t="s">
        <v>1547</v>
      </c>
      <c r="E8974" s="6">
        <v>25817</v>
      </c>
      <c r="F8974" s="6" t="s">
        <v>2161</v>
      </c>
      <c r="G8974" s="6" t="s">
        <v>17918</v>
      </c>
      <c r="H8974" s="6" t="s">
        <v>17919</v>
      </c>
      <c r="I8974" s="7">
        <v>4.9641422999999998</v>
      </c>
      <c r="J8974" s="8">
        <v>-73.934517900000003</v>
      </c>
    </row>
    <row r="8975" spans="1:10" x14ac:dyDescent="0.35">
      <c r="A8975" s="5" t="s">
        <v>10</v>
      </c>
      <c r="B8975" s="6">
        <v>228985</v>
      </c>
      <c r="C8975" s="6" t="s">
        <v>16</v>
      </c>
      <c r="D8975" s="6" t="s">
        <v>17</v>
      </c>
      <c r="E8975" s="6">
        <v>68679</v>
      </c>
      <c r="F8975" s="6" t="s">
        <v>18</v>
      </c>
      <c r="G8975" s="6" t="s">
        <v>17920</v>
      </c>
      <c r="H8975" s="6" t="s">
        <v>17921</v>
      </c>
      <c r="I8975" s="7">
        <v>6.5567776999999996</v>
      </c>
      <c r="J8975" s="8">
        <v>-73.148070300000001</v>
      </c>
    </row>
    <row r="8976" spans="1:10" x14ac:dyDescent="0.35">
      <c r="A8976" s="5" t="s">
        <v>10</v>
      </c>
      <c r="B8976" s="6">
        <v>230614</v>
      </c>
      <c r="C8976" s="6" t="s">
        <v>16</v>
      </c>
      <c r="D8976" s="6" t="s">
        <v>224</v>
      </c>
      <c r="E8976" s="6">
        <v>68755</v>
      </c>
      <c r="F8976" s="6" t="s">
        <v>18</v>
      </c>
      <c r="G8976" s="6" t="s">
        <v>17922</v>
      </c>
      <c r="H8976" s="6" t="s">
        <v>17923</v>
      </c>
      <c r="I8976" s="7">
        <v>6.4644696000000001</v>
      </c>
      <c r="J8976" s="8">
        <v>-73.262289100000004</v>
      </c>
    </row>
    <row r="8977" spans="1:10" x14ac:dyDescent="0.35">
      <c r="A8977" s="5" t="s">
        <v>10</v>
      </c>
      <c r="B8977" s="6">
        <v>198098</v>
      </c>
      <c r="C8977" s="6" t="s">
        <v>24</v>
      </c>
      <c r="D8977" s="6" t="s">
        <v>578</v>
      </c>
      <c r="E8977" s="6">
        <v>15047</v>
      </c>
      <c r="F8977" s="6" t="s">
        <v>18</v>
      </c>
      <c r="G8977" s="6" t="s">
        <v>17924</v>
      </c>
      <c r="H8977" s="6" t="s">
        <v>17925</v>
      </c>
      <c r="I8977" s="7">
        <v>5.5181208000000002</v>
      </c>
      <c r="J8977" s="8">
        <v>-72.883341199999904</v>
      </c>
    </row>
    <row r="8978" spans="1:10" x14ac:dyDescent="0.35">
      <c r="A8978" s="5" t="s">
        <v>10</v>
      </c>
      <c r="B8978" s="6">
        <v>178965</v>
      </c>
      <c r="C8978" s="6" t="s">
        <v>24</v>
      </c>
      <c r="D8978" s="6" t="s">
        <v>88</v>
      </c>
      <c r="E8978" s="6">
        <v>15001</v>
      </c>
      <c r="F8978" s="6" t="s">
        <v>18</v>
      </c>
      <c r="G8978" s="6" t="s">
        <v>17926</v>
      </c>
      <c r="H8978" s="6" t="s">
        <v>17927</v>
      </c>
      <c r="I8978" s="7">
        <v>5.5747796999999997</v>
      </c>
      <c r="J8978" s="8">
        <v>-73.331582400000002</v>
      </c>
    </row>
    <row r="8979" spans="1:10" x14ac:dyDescent="0.35">
      <c r="A8979" s="5" t="s">
        <v>10</v>
      </c>
      <c r="B8979" s="6">
        <v>169272</v>
      </c>
      <c r="C8979" s="6" t="s">
        <v>28</v>
      </c>
      <c r="D8979" s="6" t="s">
        <v>91</v>
      </c>
      <c r="E8979" s="6">
        <v>54874</v>
      </c>
      <c r="F8979" s="6" t="s">
        <v>18</v>
      </c>
      <c r="G8979" s="6" t="s">
        <v>2332</v>
      </c>
      <c r="H8979" s="6" t="s">
        <v>2333</v>
      </c>
      <c r="I8979" s="7">
        <v>7.8437878999999997</v>
      </c>
      <c r="J8979" s="8">
        <v>-72.469689700000004</v>
      </c>
    </row>
    <row r="8980" spans="1:10" x14ac:dyDescent="0.35">
      <c r="A8980" s="5" t="s">
        <v>10</v>
      </c>
      <c r="B8980" s="6">
        <v>184120</v>
      </c>
      <c r="C8980" s="6" t="s">
        <v>68</v>
      </c>
      <c r="D8980" s="6" t="s">
        <v>69</v>
      </c>
      <c r="E8980" s="6">
        <v>11001</v>
      </c>
      <c r="F8980" s="6" t="s">
        <v>18</v>
      </c>
      <c r="G8980" s="6" t="s">
        <v>17705</v>
      </c>
      <c r="H8980" s="6" t="s">
        <v>17706</v>
      </c>
      <c r="I8980" s="7">
        <v>4.6856081999999999</v>
      </c>
      <c r="J8980" s="8">
        <v>-74.052892999999997</v>
      </c>
    </row>
    <row r="8981" spans="1:10" x14ac:dyDescent="0.35">
      <c r="A8981" s="5" t="s">
        <v>10</v>
      </c>
      <c r="B8981" s="6">
        <v>220281</v>
      </c>
      <c r="C8981" s="6" t="s">
        <v>308</v>
      </c>
      <c r="D8981" s="6" t="s">
        <v>309</v>
      </c>
      <c r="E8981" s="6">
        <v>23001</v>
      </c>
      <c r="F8981" s="6" t="s">
        <v>2161</v>
      </c>
      <c r="G8981" s="6" t="s">
        <v>17928</v>
      </c>
      <c r="H8981" s="6" t="s">
        <v>17929</v>
      </c>
      <c r="I8981" s="7">
        <v>8.7414895999999995</v>
      </c>
      <c r="J8981" s="8">
        <v>-75.862636600000002</v>
      </c>
    </row>
    <row r="8982" spans="1:10" x14ac:dyDescent="0.35">
      <c r="A8982" s="5" t="s">
        <v>10</v>
      </c>
      <c r="B8982" s="6">
        <v>223050</v>
      </c>
      <c r="C8982" s="6" t="s">
        <v>551</v>
      </c>
      <c r="D8982" s="6" t="s">
        <v>3868</v>
      </c>
      <c r="E8982" s="6">
        <v>20001</v>
      </c>
      <c r="F8982" s="6" t="s">
        <v>2161</v>
      </c>
      <c r="G8982" s="6" t="s">
        <v>17930</v>
      </c>
      <c r="H8982" s="6" t="s">
        <v>17931</v>
      </c>
      <c r="I8982" s="7">
        <v>10.438666599999999</v>
      </c>
      <c r="J8982" s="8">
        <v>-73.245835</v>
      </c>
    </row>
    <row r="8983" spans="1:10" x14ac:dyDescent="0.35">
      <c r="A8983" s="5" t="s">
        <v>10</v>
      </c>
      <c r="B8983" s="6">
        <v>223395</v>
      </c>
      <c r="C8983" s="6" t="s">
        <v>308</v>
      </c>
      <c r="D8983" s="6" t="s">
        <v>15320</v>
      </c>
      <c r="E8983" s="6">
        <v>23168</v>
      </c>
      <c r="F8983" s="6" t="s">
        <v>2161</v>
      </c>
      <c r="G8983" s="6" t="s">
        <v>17932</v>
      </c>
      <c r="H8983" s="6" t="s">
        <v>17933</v>
      </c>
      <c r="I8983" s="7">
        <v>8.0492930000000005</v>
      </c>
      <c r="J8983" s="8">
        <v>-75.57405</v>
      </c>
    </row>
    <row r="8984" spans="1:10" x14ac:dyDescent="0.35">
      <c r="A8984" s="5" t="s">
        <v>10</v>
      </c>
      <c r="B8984" s="6">
        <v>225332</v>
      </c>
      <c r="C8984" s="6" t="s">
        <v>16</v>
      </c>
      <c r="D8984" s="6" t="s">
        <v>78</v>
      </c>
      <c r="E8984" s="6">
        <v>68001</v>
      </c>
      <c r="F8984" s="6" t="s">
        <v>13</v>
      </c>
      <c r="G8984" s="6" t="s">
        <v>17934</v>
      </c>
      <c r="H8984" s="6" t="s">
        <v>17935</v>
      </c>
      <c r="I8984" s="7">
        <v>7.1055959</v>
      </c>
      <c r="J8984" s="8">
        <v>-73.114091099999996</v>
      </c>
    </row>
    <row r="8985" spans="1:10" x14ac:dyDescent="0.35">
      <c r="A8985" s="5" t="s">
        <v>10</v>
      </c>
      <c r="B8985" s="6">
        <v>222727</v>
      </c>
      <c r="C8985" s="6" t="s">
        <v>68</v>
      </c>
      <c r="D8985" s="6" t="s">
        <v>69</v>
      </c>
      <c r="E8985" s="6">
        <v>11001</v>
      </c>
      <c r="F8985" s="6" t="s">
        <v>13</v>
      </c>
      <c r="G8985" s="6" t="s">
        <v>17936</v>
      </c>
      <c r="H8985" s="6" t="s">
        <v>17937</v>
      </c>
      <c r="I8985" s="7">
        <v>4.6709208000000002</v>
      </c>
      <c r="J8985" s="8">
        <v>-74.153631500000003</v>
      </c>
    </row>
    <row r="8986" spans="1:10" x14ac:dyDescent="0.35">
      <c r="A8986" s="5" t="s">
        <v>10</v>
      </c>
      <c r="B8986" s="6">
        <v>237208</v>
      </c>
      <c r="C8986" s="6" t="s">
        <v>16</v>
      </c>
      <c r="D8986" s="6" t="s">
        <v>1257</v>
      </c>
      <c r="E8986" s="6">
        <v>68770</v>
      </c>
      <c r="F8986" s="6" t="s">
        <v>18</v>
      </c>
      <c r="G8986" s="6" t="s">
        <v>17938</v>
      </c>
      <c r="H8986" s="6" t="s">
        <v>17939</v>
      </c>
      <c r="I8986" s="7">
        <v>6.0993532999999998</v>
      </c>
      <c r="J8986" s="8">
        <v>-73.443174999999997</v>
      </c>
    </row>
    <row r="8987" spans="1:10" x14ac:dyDescent="0.35">
      <c r="A8987" s="5" t="s">
        <v>10</v>
      </c>
      <c r="B8987" s="6">
        <v>243958</v>
      </c>
      <c r="C8987" s="6" t="s">
        <v>55</v>
      </c>
      <c r="D8987" s="6" t="s">
        <v>56</v>
      </c>
      <c r="E8987" s="6">
        <v>73001</v>
      </c>
      <c r="F8987" s="6" t="s">
        <v>18</v>
      </c>
      <c r="G8987" s="6" t="s">
        <v>17940</v>
      </c>
      <c r="H8987" s="6" t="s">
        <v>17941</v>
      </c>
      <c r="I8987" s="7">
        <v>4.4382542000000003</v>
      </c>
      <c r="J8987" s="8">
        <v>-75.174337499999993</v>
      </c>
    </row>
    <row r="8988" spans="1:10" x14ac:dyDescent="0.35">
      <c r="A8988" s="5" t="s">
        <v>10</v>
      </c>
      <c r="B8988" s="6">
        <v>236549</v>
      </c>
      <c r="C8988" s="6" t="s">
        <v>38</v>
      </c>
      <c r="D8988" s="6" t="s">
        <v>39</v>
      </c>
      <c r="E8988" s="6">
        <v>19001</v>
      </c>
      <c r="F8988" s="6" t="s">
        <v>18</v>
      </c>
      <c r="G8988" s="6" t="s">
        <v>17942</v>
      </c>
      <c r="H8988" s="6" t="s">
        <v>17943</v>
      </c>
      <c r="I8988" s="7">
        <v>2.4422084000000002</v>
      </c>
      <c r="J8988" s="8">
        <v>-76.601708200000004</v>
      </c>
    </row>
    <row r="8989" spans="1:10" x14ac:dyDescent="0.35">
      <c r="A8989" s="5" t="s">
        <v>10</v>
      </c>
      <c r="B8989" s="6">
        <v>151926</v>
      </c>
      <c r="C8989" s="6" t="s">
        <v>42</v>
      </c>
      <c r="D8989" s="6" t="s">
        <v>46</v>
      </c>
      <c r="E8989" s="6">
        <v>17174</v>
      </c>
      <c r="F8989" s="6" t="s">
        <v>18</v>
      </c>
      <c r="G8989" s="6" t="s">
        <v>3339</v>
      </c>
      <c r="H8989" s="6" t="s">
        <v>3340</v>
      </c>
      <c r="I8989" s="7">
        <v>4.9901087999999998</v>
      </c>
      <c r="J8989" s="8">
        <v>-75.611943299999993</v>
      </c>
    </row>
    <row r="8990" spans="1:10" x14ac:dyDescent="0.35">
      <c r="A8990" s="5" t="s">
        <v>10</v>
      </c>
      <c r="B8990" s="6">
        <v>184120</v>
      </c>
      <c r="C8990" s="6" t="s">
        <v>68</v>
      </c>
      <c r="D8990" s="6" t="s">
        <v>69</v>
      </c>
      <c r="E8990" s="6">
        <v>11001</v>
      </c>
      <c r="F8990" s="6" t="s">
        <v>18</v>
      </c>
      <c r="G8990" s="6" t="s">
        <v>17705</v>
      </c>
      <c r="H8990" s="6" t="s">
        <v>17706</v>
      </c>
      <c r="I8990" s="7">
        <v>4.6856081999999999</v>
      </c>
      <c r="J8990" s="8">
        <v>-74.052892999999997</v>
      </c>
    </row>
    <row r="8991" spans="1:10" x14ac:dyDescent="0.35">
      <c r="A8991" s="5" t="s">
        <v>10</v>
      </c>
      <c r="B8991" s="6">
        <v>228187</v>
      </c>
      <c r="C8991" s="6" t="s">
        <v>68</v>
      </c>
      <c r="D8991" s="6" t="s">
        <v>69</v>
      </c>
      <c r="E8991" s="6">
        <v>11001</v>
      </c>
      <c r="F8991" s="6" t="s">
        <v>2161</v>
      </c>
      <c r="G8991" s="6" t="s">
        <v>17944</v>
      </c>
      <c r="H8991" s="6" t="s">
        <v>17945</v>
      </c>
      <c r="I8991" s="7">
        <v>4.5705206999999897</v>
      </c>
      <c r="J8991" s="8">
        <v>-74.0942984</v>
      </c>
    </row>
    <row r="8992" spans="1:10" x14ac:dyDescent="0.35">
      <c r="A8992" s="5" t="s">
        <v>10</v>
      </c>
      <c r="B8992" s="6">
        <v>221524</v>
      </c>
      <c r="C8992" s="6" t="s">
        <v>366</v>
      </c>
      <c r="D8992" s="6" t="s">
        <v>8371</v>
      </c>
      <c r="E8992" s="6">
        <v>44650</v>
      </c>
      <c r="F8992" s="6" t="s">
        <v>2161</v>
      </c>
      <c r="G8992" s="6" t="s">
        <v>17946</v>
      </c>
      <c r="H8992" s="6" t="s">
        <v>17947</v>
      </c>
      <c r="I8992" s="7">
        <v>10.764798300000001</v>
      </c>
      <c r="J8992" s="8">
        <v>-73.001997199999906</v>
      </c>
    </row>
    <row r="8993" spans="1:10" x14ac:dyDescent="0.35">
      <c r="A8993" s="5" t="s">
        <v>10</v>
      </c>
      <c r="B8993" s="6">
        <v>234900</v>
      </c>
      <c r="C8993" s="6" t="s">
        <v>294</v>
      </c>
      <c r="D8993" s="6" t="s">
        <v>295</v>
      </c>
      <c r="E8993" s="6">
        <v>41359</v>
      </c>
      <c r="F8993" s="6" t="s">
        <v>2161</v>
      </c>
      <c r="G8993" s="6" t="s">
        <v>17948</v>
      </c>
      <c r="H8993" s="6" t="s">
        <v>17949</v>
      </c>
      <c r="I8993" s="7">
        <v>1.9304068999999999</v>
      </c>
      <c r="J8993" s="8">
        <v>-76.215374400000002</v>
      </c>
    </row>
    <row r="8994" spans="1:10" x14ac:dyDescent="0.35">
      <c r="A8994" s="5" t="s">
        <v>10</v>
      </c>
      <c r="B8994" s="6">
        <v>223787</v>
      </c>
      <c r="C8994" s="6" t="s">
        <v>302</v>
      </c>
      <c r="D8994" s="6" t="s">
        <v>359</v>
      </c>
      <c r="E8994" s="6">
        <v>8001</v>
      </c>
      <c r="F8994" s="6" t="s">
        <v>2161</v>
      </c>
      <c r="G8994" s="6" t="s">
        <v>17950</v>
      </c>
      <c r="H8994" s="6" t="s">
        <v>17951</v>
      </c>
      <c r="I8994" s="7">
        <v>10.976581400000001</v>
      </c>
      <c r="J8994" s="8">
        <v>-74.7928201</v>
      </c>
    </row>
    <row r="8995" spans="1:10" x14ac:dyDescent="0.35">
      <c r="A8995" s="5" t="s">
        <v>10</v>
      </c>
      <c r="B8995" s="6">
        <v>198310</v>
      </c>
      <c r="C8995" s="6" t="s">
        <v>11</v>
      </c>
      <c r="D8995" s="6" t="s">
        <v>334</v>
      </c>
      <c r="E8995" s="6">
        <v>25754</v>
      </c>
      <c r="F8995" s="6" t="s">
        <v>13</v>
      </c>
      <c r="G8995" s="6" t="s">
        <v>160</v>
      </c>
      <c r="H8995" s="6" t="s">
        <v>2238</v>
      </c>
      <c r="I8995" s="7">
        <v>4.5811564000000002</v>
      </c>
      <c r="J8995" s="8">
        <v>-74.212740100000005</v>
      </c>
    </row>
    <row r="8996" spans="1:10" x14ac:dyDescent="0.35">
      <c r="A8996" s="5" t="s">
        <v>10</v>
      </c>
      <c r="B8996" s="6">
        <v>132463</v>
      </c>
      <c r="C8996" s="6" t="s">
        <v>55</v>
      </c>
      <c r="D8996" s="6" t="s">
        <v>2348</v>
      </c>
      <c r="E8996" s="6">
        <v>73873</v>
      </c>
      <c r="F8996" s="6" t="s">
        <v>18</v>
      </c>
      <c r="G8996" s="6" t="s">
        <v>3243</v>
      </c>
      <c r="H8996" s="6" t="s">
        <v>3244</v>
      </c>
      <c r="I8996" s="7">
        <v>2.4404775999999999</v>
      </c>
      <c r="J8996" s="8">
        <v>-76.603540299999906</v>
      </c>
    </row>
    <row r="8997" spans="1:10" x14ac:dyDescent="0.35">
      <c r="A8997" s="5" t="s">
        <v>10</v>
      </c>
      <c r="B8997" s="6">
        <v>214817</v>
      </c>
      <c r="C8997" s="6" t="s">
        <v>28</v>
      </c>
      <c r="D8997" s="6" t="s">
        <v>91</v>
      </c>
      <c r="E8997" s="6">
        <v>54874</v>
      </c>
      <c r="F8997" s="6" t="s">
        <v>18</v>
      </c>
      <c r="G8997" s="6" t="s">
        <v>17952</v>
      </c>
      <c r="H8997" s="6" t="s">
        <v>17953</v>
      </c>
      <c r="I8997" s="7">
        <v>7.8223202999999897</v>
      </c>
      <c r="J8997" s="8">
        <v>-72.473766999999995</v>
      </c>
    </row>
    <row r="8998" spans="1:10" x14ac:dyDescent="0.35">
      <c r="A8998" s="5" t="s">
        <v>10</v>
      </c>
      <c r="B8998" s="6">
        <v>207437</v>
      </c>
      <c r="C8998" s="6" t="s">
        <v>38</v>
      </c>
      <c r="D8998" s="6" t="s">
        <v>39</v>
      </c>
      <c r="E8998" s="6">
        <v>19001</v>
      </c>
      <c r="F8998" s="6" t="s">
        <v>18</v>
      </c>
      <c r="G8998" s="6" t="s">
        <v>17954</v>
      </c>
      <c r="H8998" s="6" t="s">
        <v>17955</v>
      </c>
      <c r="I8998" s="7">
        <v>2.4457479000000002</v>
      </c>
      <c r="J8998" s="8">
        <v>-76.606603499999906</v>
      </c>
    </row>
    <row r="8999" spans="1:10" x14ac:dyDescent="0.35">
      <c r="A8999" s="5" t="s">
        <v>10</v>
      </c>
      <c r="B8999" s="6">
        <v>239709</v>
      </c>
      <c r="C8999" s="6" t="s">
        <v>55</v>
      </c>
      <c r="D8999" s="6" t="s">
        <v>1162</v>
      </c>
      <c r="E8999" s="6">
        <v>73411</v>
      </c>
      <c r="F8999" s="6" t="s">
        <v>18</v>
      </c>
      <c r="G8999" s="6" t="s">
        <v>17956</v>
      </c>
      <c r="H8999" s="6" t="s">
        <v>17957</v>
      </c>
      <c r="I8999" s="7">
        <v>4.9179054999999998</v>
      </c>
      <c r="J8999" s="8">
        <v>-75.059656399999994</v>
      </c>
    </row>
    <row r="9000" spans="1:10" x14ac:dyDescent="0.35">
      <c r="A9000" s="5" t="s">
        <v>10</v>
      </c>
      <c r="B9000" s="6">
        <v>229251</v>
      </c>
      <c r="C9000" s="6" t="s">
        <v>11</v>
      </c>
      <c r="D9000" s="6" t="s">
        <v>513</v>
      </c>
      <c r="E9000" s="6">
        <v>25286</v>
      </c>
      <c r="F9000" s="6" t="s">
        <v>2161</v>
      </c>
      <c r="G9000" s="6" t="s">
        <v>17958</v>
      </c>
      <c r="H9000" s="6" t="s">
        <v>17959</v>
      </c>
      <c r="I9000" s="7">
        <v>4.7063559000000001</v>
      </c>
      <c r="J9000" s="8">
        <v>-74.208618799999996</v>
      </c>
    </row>
    <row r="9001" spans="1:10" x14ac:dyDescent="0.35">
      <c r="A9001" s="5" t="s">
        <v>10</v>
      </c>
      <c r="B9001" s="6">
        <v>221157</v>
      </c>
      <c r="C9001" s="6" t="s">
        <v>24</v>
      </c>
      <c r="D9001" s="6" t="s">
        <v>317</v>
      </c>
      <c r="E9001" s="6">
        <v>15176</v>
      </c>
      <c r="F9001" s="6" t="s">
        <v>2161</v>
      </c>
      <c r="G9001" s="6" t="s">
        <v>17960</v>
      </c>
      <c r="H9001" s="6" t="s">
        <v>17961</v>
      </c>
      <c r="I9001" s="7">
        <v>5.6047628999999999</v>
      </c>
      <c r="J9001" s="8">
        <v>-73.826317699999905</v>
      </c>
    </row>
    <row r="9002" spans="1:10" x14ac:dyDescent="0.35">
      <c r="A9002" s="5" t="s">
        <v>10</v>
      </c>
      <c r="B9002" s="6">
        <v>221522</v>
      </c>
      <c r="C9002" s="6" t="s">
        <v>190</v>
      </c>
      <c r="D9002" s="6" t="s">
        <v>12165</v>
      </c>
      <c r="E9002" s="6">
        <v>5172</v>
      </c>
      <c r="F9002" s="6" t="s">
        <v>2161</v>
      </c>
      <c r="G9002" s="6" t="s">
        <v>17962</v>
      </c>
      <c r="H9002" s="6" t="s">
        <v>17963</v>
      </c>
      <c r="I9002" s="7">
        <v>7.6645455</v>
      </c>
      <c r="J9002" s="8">
        <v>-76.677484499999906</v>
      </c>
    </row>
    <row r="9003" spans="1:10" x14ac:dyDescent="0.35">
      <c r="A9003" s="5" t="s">
        <v>10</v>
      </c>
      <c r="B9003" s="6">
        <v>226668</v>
      </c>
      <c r="C9003" s="6" t="s">
        <v>294</v>
      </c>
      <c r="D9003" s="6" t="s">
        <v>4634</v>
      </c>
      <c r="E9003" s="6">
        <v>41020</v>
      </c>
      <c r="F9003" s="6" t="s">
        <v>2161</v>
      </c>
      <c r="G9003" s="6" t="s">
        <v>17964</v>
      </c>
      <c r="H9003" s="6" t="s">
        <v>9658</v>
      </c>
      <c r="I9003" s="7">
        <v>2.9233568000000001</v>
      </c>
      <c r="J9003" s="8">
        <v>-75.287593200000003</v>
      </c>
    </row>
    <row r="9004" spans="1:10" x14ac:dyDescent="0.35">
      <c r="A9004" s="5" t="s">
        <v>10</v>
      </c>
      <c r="B9004" s="6">
        <v>237989</v>
      </c>
      <c r="C9004" s="6" t="s">
        <v>68</v>
      </c>
      <c r="D9004" s="6" t="s">
        <v>69</v>
      </c>
      <c r="E9004" s="6">
        <v>11001</v>
      </c>
      <c r="F9004" s="6" t="s">
        <v>2161</v>
      </c>
      <c r="G9004" s="6" t="s">
        <v>13656</v>
      </c>
      <c r="H9004" s="6" t="s">
        <v>17965</v>
      </c>
      <c r="I9004" s="7">
        <v>4.6221401999999996</v>
      </c>
      <c r="J9004" s="8">
        <v>-74.113446100000004</v>
      </c>
    </row>
    <row r="9005" spans="1:10" x14ac:dyDescent="0.35">
      <c r="A9005" s="5" t="s">
        <v>10</v>
      </c>
      <c r="B9005" s="6">
        <v>141695</v>
      </c>
      <c r="C9005" s="6" t="s">
        <v>11</v>
      </c>
      <c r="D9005" s="6" t="s">
        <v>857</v>
      </c>
      <c r="E9005" s="6">
        <v>25758</v>
      </c>
      <c r="F9005" s="6" t="s">
        <v>13</v>
      </c>
      <c r="G9005" s="6" t="s">
        <v>2355</v>
      </c>
      <c r="H9005" s="6" t="s">
        <v>2356</v>
      </c>
      <c r="I9005" s="7">
        <v>4.9075839999999999</v>
      </c>
      <c r="J9005" s="8">
        <v>-73.941054399999999</v>
      </c>
    </row>
    <row r="9006" spans="1:10" x14ac:dyDescent="0.35">
      <c r="A9006" s="5" t="s">
        <v>10</v>
      </c>
      <c r="B9006" s="6">
        <v>141689</v>
      </c>
      <c r="C9006" s="6" t="s">
        <v>11</v>
      </c>
      <c r="D9006" s="6" t="s">
        <v>407</v>
      </c>
      <c r="E9006" s="6">
        <v>25126</v>
      </c>
      <c r="F9006" s="6" t="s">
        <v>13</v>
      </c>
      <c r="G9006" s="6" t="s">
        <v>408</v>
      </c>
      <c r="H9006" s="6" t="s">
        <v>409</v>
      </c>
      <c r="I9006" s="7">
        <v>4.9167299</v>
      </c>
      <c r="J9006" s="8">
        <v>-74.025903999999997</v>
      </c>
    </row>
    <row r="9007" spans="1:10" x14ac:dyDescent="0.35">
      <c r="A9007" s="5" t="s">
        <v>10</v>
      </c>
      <c r="B9007" s="6">
        <v>190313</v>
      </c>
      <c r="C9007" s="6" t="s">
        <v>68</v>
      </c>
      <c r="D9007" s="6" t="s">
        <v>69</v>
      </c>
      <c r="E9007" s="6">
        <v>11001</v>
      </c>
      <c r="F9007" s="6" t="s">
        <v>13</v>
      </c>
      <c r="G9007" s="6" t="s">
        <v>2140</v>
      </c>
      <c r="H9007" s="6" t="s">
        <v>2141</v>
      </c>
      <c r="I9007" s="7">
        <v>4.5879953000000002</v>
      </c>
      <c r="J9007" s="8">
        <v>-74.166222000000005</v>
      </c>
    </row>
    <row r="9008" spans="1:10" x14ac:dyDescent="0.35">
      <c r="A9008" s="5" t="s">
        <v>10</v>
      </c>
      <c r="B9008" s="6">
        <v>247311</v>
      </c>
      <c r="C9008" s="6" t="s">
        <v>68</v>
      </c>
      <c r="D9008" s="6" t="s">
        <v>69</v>
      </c>
      <c r="E9008" s="6">
        <v>11001</v>
      </c>
      <c r="F9008" s="6" t="s">
        <v>13</v>
      </c>
      <c r="G9008" s="6" t="s">
        <v>17752</v>
      </c>
      <c r="H9008" s="6" t="s">
        <v>17966</v>
      </c>
      <c r="I9008" s="7">
        <v>4.6441017999999996</v>
      </c>
      <c r="J9008" s="8">
        <v>-74.065760600000004</v>
      </c>
    </row>
    <row r="9009" spans="1:10" x14ac:dyDescent="0.35">
      <c r="A9009" s="5" t="s">
        <v>10</v>
      </c>
      <c r="B9009" s="6">
        <v>141718</v>
      </c>
      <c r="C9009" s="6" t="s">
        <v>11</v>
      </c>
      <c r="D9009" s="6" t="s">
        <v>4944</v>
      </c>
      <c r="E9009" s="6">
        <v>25878</v>
      </c>
      <c r="F9009" s="6" t="s">
        <v>13</v>
      </c>
      <c r="G9009" s="6" t="s">
        <v>17967</v>
      </c>
      <c r="H9009" s="6" t="s">
        <v>17968</v>
      </c>
      <c r="I9009" s="7">
        <v>4.5170998999999998</v>
      </c>
      <c r="J9009" s="8">
        <v>-74.591110599999993</v>
      </c>
    </row>
    <row r="9010" spans="1:10" x14ac:dyDescent="0.35">
      <c r="A9010" s="5" t="s">
        <v>10</v>
      </c>
      <c r="B9010" s="6">
        <v>141831</v>
      </c>
      <c r="C9010" s="6" t="s">
        <v>16</v>
      </c>
      <c r="D9010" s="6" t="s">
        <v>790</v>
      </c>
      <c r="E9010" s="6">
        <v>68229</v>
      </c>
      <c r="F9010" s="6" t="s">
        <v>18</v>
      </c>
      <c r="G9010" s="6" t="s">
        <v>17969</v>
      </c>
      <c r="H9010" s="6" t="s">
        <v>17970</v>
      </c>
      <c r="I9010" s="7">
        <v>6.6063320000000001</v>
      </c>
      <c r="J9010" s="8">
        <v>-73.068749299999993</v>
      </c>
    </row>
    <row r="9011" spans="1:10" x14ac:dyDescent="0.35">
      <c r="A9011" s="5" t="s">
        <v>10</v>
      </c>
      <c r="B9011" s="6">
        <v>206838</v>
      </c>
      <c r="C9011" s="6" t="s">
        <v>55</v>
      </c>
      <c r="D9011" s="6" t="s">
        <v>56</v>
      </c>
      <c r="E9011" s="6">
        <v>73001</v>
      </c>
      <c r="F9011" s="6" t="s">
        <v>18</v>
      </c>
      <c r="G9011" s="6" t="s">
        <v>17971</v>
      </c>
      <c r="H9011" s="6" t="s">
        <v>17972</v>
      </c>
      <c r="I9011" s="7">
        <v>4.4420723999999998</v>
      </c>
      <c r="J9011" s="8">
        <v>-75.193956</v>
      </c>
    </row>
    <row r="9012" spans="1:10" x14ac:dyDescent="0.35">
      <c r="A9012" s="5" t="s">
        <v>10</v>
      </c>
      <c r="B9012" s="6">
        <v>226043</v>
      </c>
      <c r="C9012" s="6" t="s">
        <v>11</v>
      </c>
      <c r="D9012" s="6" t="s">
        <v>5326</v>
      </c>
      <c r="E9012" s="6">
        <v>25200</v>
      </c>
      <c r="F9012" s="6" t="s">
        <v>2161</v>
      </c>
      <c r="G9012" s="6" t="s">
        <v>17973</v>
      </c>
      <c r="H9012" s="6" t="s">
        <v>17974</v>
      </c>
      <c r="I9012" s="7">
        <v>4.5758812000000004</v>
      </c>
      <c r="J9012" s="8">
        <v>-74.223559199999997</v>
      </c>
    </row>
    <row r="9013" spans="1:10" x14ac:dyDescent="0.35">
      <c r="A9013" s="5" t="s">
        <v>10</v>
      </c>
      <c r="B9013" s="6">
        <v>221160</v>
      </c>
      <c r="C9013" s="6" t="s">
        <v>55</v>
      </c>
      <c r="D9013" s="6" t="s">
        <v>1151</v>
      </c>
      <c r="E9013" s="6">
        <v>73349</v>
      </c>
      <c r="F9013" s="6" t="s">
        <v>2161</v>
      </c>
      <c r="G9013" s="6" t="s">
        <v>17975</v>
      </c>
      <c r="H9013" s="6" t="s">
        <v>17976</v>
      </c>
      <c r="I9013" s="7">
        <v>5.2135061</v>
      </c>
      <c r="J9013" s="8">
        <v>-74.760883100000001</v>
      </c>
    </row>
    <row r="9014" spans="1:10" x14ac:dyDescent="0.35">
      <c r="A9014" s="5" t="s">
        <v>10</v>
      </c>
      <c r="B9014" s="6">
        <v>223031</v>
      </c>
      <c r="C9014" s="6" t="s">
        <v>68</v>
      </c>
      <c r="D9014" s="6" t="s">
        <v>69</v>
      </c>
      <c r="E9014" s="6">
        <v>11001</v>
      </c>
      <c r="F9014" s="6" t="s">
        <v>2161</v>
      </c>
      <c r="G9014" s="6" t="s">
        <v>17977</v>
      </c>
      <c r="H9014" s="6" t="s">
        <v>17978</v>
      </c>
      <c r="I9014" s="7">
        <v>4.7016429000000004</v>
      </c>
      <c r="J9014" s="8">
        <v>-74.124502999999905</v>
      </c>
    </row>
    <row r="9015" spans="1:10" x14ac:dyDescent="0.35">
      <c r="A9015" s="5" t="s">
        <v>10</v>
      </c>
      <c r="B9015" s="6">
        <v>212949</v>
      </c>
      <c r="C9015" s="6" t="s">
        <v>11</v>
      </c>
      <c r="D9015" s="6" t="s">
        <v>5605</v>
      </c>
      <c r="E9015" s="6">
        <v>25772</v>
      </c>
      <c r="F9015" s="6" t="s">
        <v>2161</v>
      </c>
      <c r="G9015" s="6" t="s">
        <v>17979</v>
      </c>
      <c r="H9015" s="6" t="s">
        <v>17980</v>
      </c>
      <c r="I9015" s="7">
        <v>5.1039289999999999</v>
      </c>
      <c r="J9015" s="8">
        <v>-73.798631999999998</v>
      </c>
    </row>
    <row r="9016" spans="1:10" x14ac:dyDescent="0.35">
      <c r="A9016" s="5" t="s">
        <v>10</v>
      </c>
      <c r="B9016" s="6">
        <v>213361</v>
      </c>
      <c r="C9016" s="6" t="s">
        <v>68</v>
      </c>
      <c r="D9016" s="6" t="s">
        <v>69</v>
      </c>
      <c r="E9016" s="6">
        <v>11001</v>
      </c>
      <c r="F9016" s="6" t="s">
        <v>2161</v>
      </c>
      <c r="G9016" s="6" t="s">
        <v>17981</v>
      </c>
      <c r="H9016" s="6" t="s">
        <v>17982</v>
      </c>
      <c r="I9016" s="7">
        <v>4.5897261999999897</v>
      </c>
      <c r="J9016" s="8">
        <v>-74.108779900000002</v>
      </c>
    </row>
    <row r="9017" spans="1:10" x14ac:dyDescent="0.35">
      <c r="A9017" s="5" t="s">
        <v>10</v>
      </c>
      <c r="B9017" s="6">
        <v>247301</v>
      </c>
      <c r="C9017" s="6" t="s">
        <v>68</v>
      </c>
      <c r="D9017" s="6" t="s">
        <v>69</v>
      </c>
      <c r="E9017" s="6">
        <v>11001</v>
      </c>
      <c r="F9017" s="6" t="s">
        <v>13</v>
      </c>
      <c r="G9017" s="6" t="s">
        <v>17752</v>
      </c>
      <c r="H9017" s="6" t="s">
        <v>17983</v>
      </c>
      <c r="I9017" s="7">
        <v>4.6687104000000001</v>
      </c>
      <c r="J9017" s="8">
        <v>-74.0597183</v>
      </c>
    </row>
    <row r="9018" spans="1:10" x14ac:dyDescent="0.35">
      <c r="A9018" s="5" t="s">
        <v>10</v>
      </c>
      <c r="B9018" s="6">
        <v>198525</v>
      </c>
      <c r="C9018" s="6" t="s">
        <v>11</v>
      </c>
      <c r="D9018" s="6" t="s">
        <v>407</v>
      </c>
      <c r="E9018" s="6">
        <v>25126</v>
      </c>
      <c r="F9018" s="6" t="s">
        <v>13</v>
      </c>
      <c r="G9018" s="6" t="s">
        <v>160</v>
      </c>
      <c r="H9018" s="6" t="s">
        <v>17984</v>
      </c>
      <c r="I9018" s="7">
        <v>4.9069954999999998</v>
      </c>
      <c r="J9018" s="8">
        <v>-74.023196100000007</v>
      </c>
    </row>
    <row r="9019" spans="1:10" x14ac:dyDescent="0.35">
      <c r="A9019" s="5" t="s">
        <v>10</v>
      </c>
      <c r="B9019" s="6">
        <v>221154</v>
      </c>
      <c r="C9019" s="6" t="s">
        <v>190</v>
      </c>
      <c r="D9019" s="6" t="s">
        <v>6555</v>
      </c>
      <c r="E9019" s="6">
        <v>5308</v>
      </c>
      <c r="F9019" s="6" t="s">
        <v>2161</v>
      </c>
      <c r="G9019" s="6" t="s">
        <v>17985</v>
      </c>
      <c r="H9019" s="6" t="s">
        <v>17986</v>
      </c>
      <c r="I9019" s="7">
        <v>6.3787960999999997</v>
      </c>
      <c r="J9019" s="8">
        <v>-75.443009199999906</v>
      </c>
    </row>
    <row r="9020" spans="1:10" x14ac:dyDescent="0.35">
      <c r="A9020" s="5" t="s">
        <v>10</v>
      </c>
      <c r="B9020" s="6">
        <v>231171</v>
      </c>
      <c r="C9020" s="6" t="s">
        <v>2821</v>
      </c>
      <c r="D9020" s="6" t="s">
        <v>7712</v>
      </c>
      <c r="E9020" s="6">
        <v>47189</v>
      </c>
      <c r="F9020" s="6" t="s">
        <v>2161</v>
      </c>
      <c r="G9020" s="6" t="s">
        <v>17987</v>
      </c>
      <c r="H9020" s="6" t="s">
        <v>17988</v>
      </c>
      <c r="I9020" s="7">
        <v>11.002038000000001</v>
      </c>
      <c r="J9020" s="8">
        <v>-74.248149900000001</v>
      </c>
    </row>
    <row r="9021" spans="1:10" x14ac:dyDescent="0.35">
      <c r="A9021" s="5" t="s">
        <v>10</v>
      </c>
      <c r="B9021" s="6">
        <v>206315</v>
      </c>
      <c r="C9021" s="6" t="s">
        <v>68</v>
      </c>
      <c r="D9021" s="6" t="s">
        <v>69</v>
      </c>
      <c r="E9021" s="6">
        <v>11001</v>
      </c>
      <c r="F9021" s="6" t="s">
        <v>13</v>
      </c>
      <c r="G9021" s="6" t="s">
        <v>2690</v>
      </c>
      <c r="H9021" s="6" t="s">
        <v>2691</v>
      </c>
      <c r="I9021" s="7">
        <v>4.6948641999999996</v>
      </c>
      <c r="J9021" s="8">
        <v>-74.085528100000005</v>
      </c>
    </row>
    <row r="9022" spans="1:10" x14ac:dyDescent="0.35">
      <c r="A9022" s="5" t="s">
        <v>10</v>
      </c>
      <c r="B9022" s="6">
        <v>141703</v>
      </c>
      <c r="C9022" s="6" t="s">
        <v>11</v>
      </c>
      <c r="D9022" s="6" t="s">
        <v>159</v>
      </c>
      <c r="E9022" s="6">
        <v>25175</v>
      </c>
      <c r="F9022" s="6" t="s">
        <v>13</v>
      </c>
      <c r="G9022" s="6" t="s">
        <v>17711</v>
      </c>
      <c r="H9022" s="6" t="s">
        <v>17712</v>
      </c>
      <c r="I9022" s="7">
        <v>4.8625050999999999</v>
      </c>
      <c r="J9022" s="8">
        <v>-74.059261000000006</v>
      </c>
    </row>
    <row r="9023" spans="1:10" x14ac:dyDescent="0.35">
      <c r="A9023" s="5" t="s">
        <v>10</v>
      </c>
      <c r="B9023" s="6">
        <v>167674</v>
      </c>
      <c r="C9023" s="6" t="s">
        <v>11</v>
      </c>
      <c r="D9023" s="6" t="s">
        <v>1339</v>
      </c>
      <c r="E9023" s="6">
        <v>25120</v>
      </c>
      <c r="F9023" s="6" t="s">
        <v>18</v>
      </c>
      <c r="G9023" s="6" t="s">
        <v>17989</v>
      </c>
      <c r="H9023" s="6" t="s">
        <v>17990</v>
      </c>
      <c r="I9023" s="7">
        <v>3.9842363999999999</v>
      </c>
      <c r="J9023" s="8">
        <v>-74.484223200000002</v>
      </c>
    </row>
    <row r="9024" spans="1:10" x14ac:dyDescent="0.35">
      <c r="A9024" s="5" t="s">
        <v>10</v>
      </c>
      <c r="B9024" s="6">
        <v>238972</v>
      </c>
      <c r="C9024" s="6" t="s">
        <v>24</v>
      </c>
      <c r="D9024" s="6" t="s">
        <v>137</v>
      </c>
      <c r="E9024" s="6">
        <v>15238</v>
      </c>
      <c r="F9024" s="6" t="s">
        <v>18</v>
      </c>
      <c r="G9024" s="6" t="s">
        <v>17991</v>
      </c>
      <c r="H9024" s="6" t="s">
        <v>17992</v>
      </c>
      <c r="I9024" s="7">
        <v>5.8377840000000001</v>
      </c>
      <c r="J9024" s="8">
        <v>-73.032516900000005</v>
      </c>
    </row>
    <row r="9025" spans="1:10" x14ac:dyDescent="0.35">
      <c r="A9025" s="5" t="s">
        <v>10</v>
      </c>
      <c r="B9025" s="6">
        <v>185365</v>
      </c>
      <c r="C9025" s="6" t="s">
        <v>42</v>
      </c>
      <c r="D9025" s="6" t="s">
        <v>1617</v>
      </c>
      <c r="E9025" s="6">
        <v>17524</v>
      </c>
      <c r="F9025" s="6" t="s">
        <v>18</v>
      </c>
      <c r="G9025" s="6" t="s">
        <v>2583</v>
      </c>
      <c r="H9025" s="6" t="s">
        <v>2584</v>
      </c>
      <c r="I9025" s="7">
        <v>5.1116565999999999</v>
      </c>
      <c r="J9025" s="8">
        <v>-75.702443599999995</v>
      </c>
    </row>
    <row r="9026" spans="1:10" x14ac:dyDescent="0.35">
      <c r="A9026" s="5" t="s">
        <v>10</v>
      </c>
      <c r="B9026" s="6">
        <v>197170</v>
      </c>
      <c r="C9026" s="6" t="s">
        <v>278</v>
      </c>
      <c r="D9026" s="6" t="s">
        <v>4146</v>
      </c>
      <c r="E9026" s="6">
        <v>50606</v>
      </c>
      <c r="F9026" s="6" t="s">
        <v>18</v>
      </c>
      <c r="G9026" s="6" t="s">
        <v>186</v>
      </c>
      <c r="H9026" s="6" t="s">
        <v>17993</v>
      </c>
      <c r="I9026" s="7">
        <v>4.2630270000000001</v>
      </c>
      <c r="J9026" s="8">
        <v>-73.562567000000001</v>
      </c>
    </row>
    <row r="9027" spans="1:10" x14ac:dyDescent="0.35">
      <c r="A9027" s="5" t="s">
        <v>10</v>
      </c>
      <c r="B9027" s="6">
        <v>208965</v>
      </c>
      <c r="C9027" s="6" t="s">
        <v>11</v>
      </c>
      <c r="D9027" s="6" t="s">
        <v>1547</v>
      </c>
      <c r="E9027" s="6">
        <v>25817</v>
      </c>
      <c r="F9027" s="6" t="s">
        <v>2161</v>
      </c>
      <c r="G9027" s="6" t="s">
        <v>17994</v>
      </c>
      <c r="H9027" s="6" t="s">
        <v>17995</v>
      </c>
      <c r="I9027" s="7">
        <v>4.9608400000000001</v>
      </c>
      <c r="J9027" s="8">
        <v>-73.890270000000001</v>
      </c>
    </row>
    <row r="9028" spans="1:10" x14ac:dyDescent="0.35">
      <c r="A9028" s="5" t="s">
        <v>10</v>
      </c>
      <c r="B9028" s="6">
        <v>224556</v>
      </c>
      <c r="C9028" s="6" t="s">
        <v>366</v>
      </c>
      <c r="D9028" s="6" t="s">
        <v>7786</v>
      </c>
      <c r="E9028" s="6">
        <v>44378</v>
      </c>
      <c r="F9028" s="6" t="s">
        <v>2161</v>
      </c>
      <c r="G9028" s="6" t="s">
        <v>17996</v>
      </c>
      <c r="H9028" s="6" t="s">
        <v>17997</v>
      </c>
      <c r="I9028" s="7">
        <v>11.0671096</v>
      </c>
      <c r="J9028" s="8">
        <v>-72.765265599999907</v>
      </c>
    </row>
    <row r="9029" spans="1:10" x14ac:dyDescent="0.35">
      <c r="A9029" s="5" t="s">
        <v>10</v>
      </c>
      <c r="B9029" s="6">
        <v>233661</v>
      </c>
      <c r="C9029" s="6" t="s">
        <v>3788</v>
      </c>
      <c r="D9029" s="6" t="s">
        <v>3974</v>
      </c>
      <c r="E9029" s="6">
        <v>18001</v>
      </c>
      <c r="F9029" s="6" t="s">
        <v>2161</v>
      </c>
      <c r="G9029" s="6" t="s">
        <v>17998</v>
      </c>
      <c r="H9029" s="6" t="s">
        <v>17999</v>
      </c>
      <c r="I9029" s="7">
        <v>9.2329600000000003</v>
      </c>
      <c r="J9029" s="8">
        <v>-74.749070000000003</v>
      </c>
    </row>
    <row r="9030" spans="1:10" x14ac:dyDescent="0.35">
      <c r="A9030" s="5" t="s">
        <v>10</v>
      </c>
      <c r="B9030" s="6">
        <v>211357</v>
      </c>
      <c r="C9030" s="6" t="s">
        <v>551</v>
      </c>
      <c r="D9030" s="6" t="s">
        <v>3868</v>
      </c>
      <c r="E9030" s="6">
        <v>20001</v>
      </c>
      <c r="F9030" s="6" t="s">
        <v>2161</v>
      </c>
      <c r="G9030" s="6" t="s">
        <v>18000</v>
      </c>
      <c r="H9030" s="6" t="s">
        <v>18001</v>
      </c>
      <c r="I9030" s="7">
        <v>10.4519834</v>
      </c>
      <c r="J9030" s="8">
        <v>-73.270611799999998</v>
      </c>
    </row>
    <row r="9031" spans="1:10" x14ac:dyDescent="0.35">
      <c r="A9031" s="5" t="s">
        <v>10</v>
      </c>
      <c r="B9031" s="6">
        <v>215437</v>
      </c>
      <c r="C9031" s="6" t="s">
        <v>68</v>
      </c>
      <c r="D9031" s="6" t="s">
        <v>69</v>
      </c>
      <c r="E9031" s="6">
        <v>11001</v>
      </c>
      <c r="F9031" s="6" t="s">
        <v>2161</v>
      </c>
      <c r="G9031" s="6" t="s">
        <v>18002</v>
      </c>
      <c r="H9031" s="6" t="s">
        <v>18003</v>
      </c>
      <c r="I9031" s="7">
        <v>4.6259984999999997</v>
      </c>
      <c r="J9031" s="8">
        <v>-74.1653649</v>
      </c>
    </row>
    <row r="9032" spans="1:10" x14ac:dyDescent="0.35">
      <c r="A9032" s="5" t="s">
        <v>10</v>
      </c>
      <c r="B9032" s="6">
        <v>224555</v>
      </c>
      <c r="C9032" s="6" t="s">
        <v>278</v>
      </c>
      <c r="D9032" s="6" t="s">
        <v>3651</v>
      </c>
      <c r="E9032" s="6">
        <v>50313</v>
      </c>
      <c r="F9032" s="6" t="s">
        <v>2161</v>
      </c>
      <c r="G9032" s="6" t="s">
        <v>3876</v>
      </c>
      <c r="H9032" s="6" t="s">
        <v>18004</v>
      </c>
      <c r="I9032" s="7">
        <v>3.5436442000000001</v>
      </c>
      <c r="J9032" s="8">
        <v>-73.702810700000001</v>
      </c>
    </row>
    <row r="9033" spans="1:10" x14ac:dyDescent="0.35">
      <c r="A9033" s="5" t="s">
        <v>10</v>
      </c>
      <c r="B9033" s="6">
        <v>141688</v>
      </c>
      <c r="C9033" s="6" t="s">
        <v>11</v>
      </c>
      <c r="D9033" s="6" t="s">
        <v>513</v>
      </c>
      <c r="E9033" s="6">
        <v>25286</v>
      </c>
      <c r="F9033" s="6" t="s">
        <v>13</v>
      </c>
      <c r="G9033" s="6" t="s">
        <v>1650</v>
      </c>
      <c r="H9033" s="6" t="s">
        <v>1651</v>
      </c>
      <c r="I9033" s="7">
        <v>4.7162769999999998</v>
      </c>
      <c r="J9033" s="8">
        <v>-74.213265300000003</v>
      </c>
    </row>
    <row r="9034" spans="1:10" x14ac:dyDescent="0.35">
      <c r="A9034" s="5" t="s">
        <v>10</v>
      </c>
      <c r="B9034" s="6">
        <v>225365</v>
      </c>
      <c r="C9034" s="6" t="s">
        <v>117</v>
      </c>
      <c r="D9034" s="6" t="s">
        <v>1291</v>
      </c>
      <c r="E9034" s="6">
        <v>76834</v>
      </c>
      <c r="F9034" s="6" t="s">
        <v>13</v>
      </c>
      <c r="G9034" s="6" t="s">
        <v>18005</v>
      </c>
      <c r="H9034" s="6" t="s">
        <v>18006</v>
      </c>
      <c r="I9034" s="7">
        <v>4.0810696000000002</v>
      </c>
      <c r="J9034" s="8">
        <v>-76.1977993</v>
      </c>
    </row>
    <row r="9035" spans="1:10" x14ac:dyDescent="0.35">
      <c r="A9035" s="5" t="s">
        <v>10</v>
      </c>
      <c r="B9035" s="6">
        <v>247307</v>
      </c>
      <c r="C9035" s="6" t="s">
        <v>68</v>
      </c>
      <c r="D9035" s="6" t="s">
        <v>69</v>
      </c>
      <c r="E9035" s="6">
        <v>11001</v>
      </c>
      <c r="F9035" s="6" t="s">
        <v>13</v>
      </c>
      <c r="G9035" s="6" t="s">
        <v>17752</v>
      </c>
      <c r="H9035" s="6" t="s">
        <v>18007</v>
      </c>
      <c r="I9035" s="7">
        <v>4.6742084999999998</v>
      </c>
      <c r="J9035" s="8">
        <v>-74.065553800000004</v>
      </c>
    </row>
    <row r="9036" spans="1:10" x14ac:dyDescent="0.35">
      <c r="A9036" s="5" t="s">
        <v>10</v>
      </c>
      <c r="B9036" s="6">
        <v>141703</v>
      </c>
      <c r="C9036" s="6" t="s">
        <v>11</v>
      </c>
      <c r="D9036" s="6" t="s">
        <v>159</v>
      </c>
      <c r="E9036" s="6">
        <v>25175</v>
      </c>
      <c r="F9036" s="6" t="s">
        <v>13</v>
      </c>
      <c r="G9036" s="6" t="s">
        <v>17711</v>
      </c>
      <c r="H9036" s="6" t="s">
        <v>17712</v>
      </c>
      <c r="I9036" s="7">
        <v>4.8625050999999999</v>
      </c>
      <c r="J9036" s="8">
        <v>-74.059261000000006</v>
      </c>
    </row>
    <row r="9037" spans="1:10" x14ac:dyDescent="0.35">
      <c r="A9037" s="5" t="s">
        <v>10</v>
      </c>
      <c r="B9037" s="6">
        <v>227461</v>
      </c>
      <c r="C9037" s="6" t="s">
        <v>42</v>
      </c>
      <c r="D9037" s="6" t="s">
        <v>396</v>
      </c>
      <c r="E9037" s="6">
        <v>17380</v>
      </c>
      <c r="F9037" s="6" t="s">
        <v>18</v>
      </c>
      <c r="G9037" s="6" t="s">
        <v>18008</v>
      </c>
      <c r="H9037" s="6" t="s">
        <v>18009</v>
      </c>
      <c r="I9037" s="7">
        <v>5.4752931</v>
      </c>
      <c r="J9037" s="8">
        <v>-74.677357599999993</v>
      </c>
    </row>
    <row r="9038" spans="1:10" x14ac:dyDescent="0.35">
      <c r="A9038" s="5" t="s">
        <v>10</v>
      </c>
      <c r="B9038" s="6">
        <v>246111</v>
      </c>
      <c r="C9038" s="6" t="s">
        <v>42</v>
      </c>
      <c r="D9038" s="6" t="s">
        <v>239</v>
      </c>
      <c r="E9038" s="6">
        <v>17877</v>
      </c>
      <c r="F9038" s="6" t="s">
        <v>18</v>
      </c>
      <c r="G9038" s="6" t="s">
        <v>18010</v>
      </c>
      <c r="H9038" s="6" t="s">
        <v>18011</v>
      </c>
      <c r="I9038" s="7">
        <v>5.0605954999999998</v>
      </c>
      <c r="J9038" s="8">
        <v>-75.873484599999998</v>
      </c>
    </row>
    <row r="9039" spans="1:10" x14ac:dyDescent="0.35">
      <c r="A9039" s="5" t="s">
        <v>10</v>
      </c>
      <c r="B9039" s="6">
        <v>228513</v>
      </c>
      <c r="C9039" s="6" t="s">
        <v>68</v>
      </c>
      <c r="D9039" s="6" t="s">
        <v>69</v>
      </c>
      <c r="E9039" s="6">
        <v>11001</v>
      </c>
      <c r="F9039" s="6" t="s">
        <v>2161</v>
      </c>
      <c r="G9039" s="6" t="s">
        <v>18012</v>
      </c>
      <c r="H9039" s="6" t="s">
        <v>18013</v>
      </c>
      <c r="I9039" s="7">
        <v>4.7420216000000002</v>
      </c>
      <c r="J9039" s="8">
        <v>-74.123410999999905</v>
      </c>
    </row>
    <row r="9040" spans="1:10" x14ac:dyDescent="0.35">
      <c r="A9040" s="5" t="s">
        <v>10</v>
      </c>
      <c r="B9040" s="6">
        <v>180544</v>
      </c>
      <c r="C9040" s="6" t="s">
        <v>11</v>
      </c>
      <c r="D9040" s="6" t="s">
        <v>334</v>
      </c>
      <c r="E9040" s="6">
        <v>25754</v>
      </c>
      <c r="F9040" s="6" t="s">
        <v>13</v>
      </c>
      <c r="G9040" s="6" t="s">
        <v>1952</v>
      </c>
      <c r="H9040" s="6" t="s">
        <v>1953</v>
      </c>
      <c r="I9040" s="7">
        <v>4.5881616000000003</v>
      </c>
      <c r="J9040" s="8">
        <v>-74.203519099999994</v>
      </c>
    </row>
    <row r="9041" spans="1:10" x14ac:dyDescent="0.35">
      <c r="A9041" s="5" t="s">
        <v>10</v>
      </c>
      <c r="B9041" s="6">
        <v>180545</v>
      </c>
      <c r="C9041" s="6" t="s">
        <v>11</v>
      </c>
      <c r="D9041" s="6" t="s">
        <v>12</v>
      </c>
      <c r="E9041" s="6">
        <v>25899</v>
      </c>
      <c r="F9041" s="6" t="s">
        <v>13</v>
      </c>
      <c r="G9041" s="6" t="s">
        <v>14</v>
      </c>
      <c r="H9041" s="6" t="s">
        <v>15</v>
      </c>
      <c r="I9041" s="7">
        <v>5.0247472999999996</v>
      </c>
      <c r="J9041" s="8">
        <v>-74.002766100000002</v>
      </c>
    </row>
    <row r="9042" spans="1:10" x14ac:dyDescent="0.35">
      <c r="A9042" s="5" t="s">
        <v>10</v>
      </c>
      <c r="B9042" s="6">
        <v>189745</v>
      </c>
      <c r="C9042" s="6" t="s">
        <v>24</v>
      </c>
      <c r="D9042" s="6" t="s">
        <v>3448</v>
      </c>
      <c r="E9042" s="6">
        <v>15599</v>
      </c>
      <c r="F9042" s="6" t="s">
        <v>13</v>
      </c>
      <c r="G9042" s="6" t="s">
        <v>18014</v>
      </c>
      <c r="H9042" s="6" t="s">
        <v>18015</v>
      </c>
      <c r="I9042" s="7">
        <v>5.4011424999999997</v>
      </c>
      <c r="J9042" s="8">
        <v>-73.335773000000003</v>
      </c>
    </row>
    <row r="9043" spans="1:10" x14ac:dyDescent="0.35">
      <c r="A9043" s="5" t="s">
        <v>10</v>
      </c>
      <c r="B9043" s="6">
        <v>147868</v>
      </c>
      <c r="C9043" s="6" t="s">
        <v>11</v>
      </c>
      <c r="D9043" s="6" t="s">
        <v>3054</v>
      </c>
      <c r="E9043" s="6">
        <v>25269</v>
      </c>
      <c r="F9043" s="6" t="s">
        <v>13</v>
      </c>
      <c r="G9043" s="6" t="s">
        <v>17788</v>
      </c>
      <c r="H9043" s="6" t="s">
        <v>17789</v>
      </c>
      <c r="I9043" s="7">
        <v>4.8097642</v>
      </c>
      <c r="J9043" s="8">
        <v>-74.356405499999994</v>
      </c>
    </row>
    <row r="9044" spans="1:10" x14ac:dyDescent="0.35">
      <c r="A9044" s="5" t="s">
        <v>10</v>
      </c>
      <c r="B9044" s="6">
        <v>243846</v>
      </c>
      <c r="C9044" s="6" t="s">
        <v>28</v>
      </c>
      <c r="D9044" s="6" t="s">
        <v>29</v>
      </c>
      <c r="E9044" s="6">
        <v>54001</v>
      </c>
      <c r="F9044" s="6" t="s">
        <v>18</v>
      </c>
      <c r="G9044" s="6" t="s">
        <v>18016</v>
      </c>
      <c r="H9044" s="6" t="s">
        <v>18017</v>
      </c>
      <c r="I9044" s="7">
        <v>7.9243221000000004</v>
      </c>
      <c r="J9044" s="8">
        <v>-72.501086200000003</v>
      </c>
    </row>
    <row r="9045" spans="1:10" x14ac:dyDescent="0.35">
      <c r="A9045" s="5" t="s">
        <v>10</v>
      </c>
      <c r="B9045" s="6">
        <v>215440</v>
      </c>
      <c r="C9045" s="6" t="s">
        <v>42</v>
      </c>
      <c r="D9045" s="6" t="s">
        <v>43</v>
      </c>
      <c r="E9045" s="6">
        <v>17001</v>
      </c>
      <c r="F9045" s="6" t="s">
        <v>2161</v>
      </c>
      <c r="G9045" s="6" t="s">
        <v>18018</v>
      </c>
      <c r="H9045" s="6" t="s">
        <v>18019</v>
      </c>
      <c r="I9045" s="7">
        <v>5.0777570999999897</v>
      </c>
      <c r="J9045" s="8">
        <v>-75.490017299999906</v>
      </c>
    </row>
    <row r="9046" spans="1:10" x14ac:dyDescent="0.35">
      <c r="A9046" s="5" t="s">
        <v>10</v>
      </c>
      <c r="B9046" s="6">
        <v>223044</v>
      </c>
      <c r="C9046" s="6" t="s">
        <v>11</v>
      </c>
      <c r="D9046" s="6" t="s">
        <v>3852</v>
      </c>
      <c r="E9046" s="6">
        <v>25486</v>
      </c>
      <c r="F9046" s="6" t="s">
        <v>2161</v>
      </c>
      <c r="G9046" s="6" t="s">
        <v>18020</v>
      </c>
      <c r="H9046" s="6" t="s">
        <v>18021</v>
      </c>
      <c r="I9046" s="7">
        <v>5.0669689999999896</v>
      </c>
      <c r="J9046" s="8">
        <v>-73.880696</v>
      </c>
    </row>
    <row r="9047" spans="1:10" x14ac:dyDescent="0.35">
      <c r="A9047" s="5" t="s">
        <v>10</v>
      </c>
      <c r="B9047" s="6">
        <v>229975</v>
      </c>
      <c r="C9047" s="6" t="s">
        <v>302</v>
      </c>
      <c r="D9047" s="6" t="s">
        <v>359</v>
      </c>
      <c r="E9047" s="6">
        <v>8001</v>
      </c>
      <c r="F9047" s="6" t="s">
        <v>2161</v>
      </c>
      <c r="G9047" s="6" t="s">
        <v>18022</v>
      </c>
      <c r="H9047" s="6" t="s">
        <v>18023</v>
      </c>
      <c r="I9047" s="7">
        <v>10.972922199999999</v>
      </c>
      <c r="J9047" s="8">
        <v>-74.781057599999997</v>
      </c>
    </row>
    <row r="9048" spans="1:10" x14ac:dyDescent="0.35">
      <c r="A9048" s="5" t="s">
        <v>10</v>
      </c>
      <c r="B9048" s="6">
        <v>187083</v>
      </c>
      <c r="C9048" s="6" t="s">
        <v>68</v>
      </c>
      <c r="D9048" s="6" t="s">
        <v>69</v>
      </c>
      <c r="E9048" s="6">
        <v>11001</v>
      </c>
      <c r="F9048" s="6" t="s">
        <v>13</v>
      </c>
      <c r="G9048" s="6" t="s">
        <v>160</v>
      </c>
      <c r="H9048" s="6" t="s">
        <v>18024</v>
      </c>
      <c r="I9048" s="7">
        <v>4.6236037000000003</v>
      </c>
      <c r="J9048" s="8">
        <v>-74.148215399999998</v>
      </c>
    </row>
    <row r="9049" spans="1:10" x14ac:dyDescent="0.35">
      <c r="A9049" s="5" t="s">
        <v>10</v>
      </c>
      <c r="B9049" s="6">
        <v>172854</v>
      </c>
      <c r="C9049" s="6" t="s">
        <v>68</v>
      </c>
      <c r="D9049" s="6" t="s">
        <v>69</v>
      </c>
      <c r="E9049" s="6">
        <v>11001</v>
      </c>
      <c r="F9049" s="6" t="s">
        <v>13</v>
      </c>
      <c r="G9049" s="6" t="s">
        <v>2811</v>
      </c>
      <c r="H9049" s="6" t="s">
        <v>2812</v>
      </c>
      <c r="I9049" s="7">
        <v>4.6655100000000003</v>
      </c>
      <c r="J9049" s="8">
        <v>-74.120609000000002</v>
      </c>
    </row>
    <row r="9050" spans="1:10" x14ac:dyDescent="0.35">
      <c r="A9050" s="5" t="s">
        <v>10</v>
      </c>
      <c r="B9050" s="6">
        <v>247305</v>
      </c>
      <c r="C9050" s="6" t="s">
        <v>68</v>
      </c>
      <c r="D9050" s="6" t="s">
        <v>69</v>
      </c>
      <c r="E9050" s="6">
        <v>11001</v>
      </c>
      <c r="F9050" s="6" t="s">
        <v>13</v>
      </c>
      <c r="G9050" s="6" t="s">
        <v>17752</v>
      </c>
      <c r="H9050" s="6" t="s">
        <v>18025</v>
      </c>
      <c r="I9050" s="7">
        <v>4.6678180999999999</v>
      </c>
      <c r="J9050" s="8">
        <v>-74.056355100000005</v>
      </c>
    </row>
    <row r="9051" spans="1:10" x14ac:dyDescent="0.35">
      <c r="A9051" s="5" t="s">
        <v>10</v>
      </c>
      <c r="B9051" s="6">
        <v>183968</v>
      </c>
      <c r="C9051" s="6" t="s">
        <v>11</v>
      </c>
      <c r="D9051" s="6" t="s">
        <v>159</v>
      </c>
      <c r="E9051" s="6">
        <v>25175</v>
      </c>
      <c r="F9051" s="6" t="s">
        <v>13</v>
      </c>
      <c r="G9051" s="6" t="s">
        <v>160</v>
      </c>
      <c r="H9051" s="6" t="s">
        <v>161</v>
      </c>
      <c r="I9051" s="7">
        <v>4.8611145000000002</v>
      </c>
      <c r="J9051" s="8">
        <v>-74.062570699999995</v>
      </c>
    </row>
    <row r="9052" spans="1:10" x14ac:dyDescent="0.35">
      <c r="A9052" s="5" t="s">
        <v>10</v>
      </c>
      <c r="B9052" s="6">
        <v>186280</v>
      </c>
      <c r="C9052" s="6" t="s">
        <v>55</v>
      </c>
      <c r="D9052" s="6" t="s">
        <v>56</v>
      </c>
      <c r="E9052" s="6">
        <v>73001</v>
      </c>
      <c r="F9052" s="6" t="s">
        <v>18</v>
      </c>
      <c r="G9052" s="6" t="s">
        <v>18026</v>
      </c>
      <c r="H9052" s="6" t="s">
        <v>18027</v>
      </c>
      <c r="I9052" s="7">
        <v>4.5406009999999997</v>
      </c>
      <c r="J9052" s="8">
        <v>-75.076563999999905</v>
      </c>
    </row>
    <row r="9053" spans="1:10" x14ac:dyDescent="0.35">
      <c r="A9053" s="5" t="s">
        <v>10</v>
      </c>
      <c r="B9053" s="6">
        <v>199677</v>
      </c>
      <c r="C9053" s="6" t="s">
        <v>68</v>
      </c>
      <c r="D9053" s="6" t="s">
        <v>69</v>
      </c>
      <c r="E9053" s="6">
        <v>11001</v>
      </c>
      <c r="F9053" s="6" t="s">
        <v>18</v>
      </c>
      <c r="G9053" s="6" t="s">
        <v>1885</v>
      </c>
      <c r="H9053" s="6" t="s">
        <v>17729</v>
      </c>
      <c r="I9053" s="7">
        <v>4.6861797000000003</v>
      </c>
      <c r="J9053" s="8">
        <v>-74.052780900000002</v>
      </c>
    </row>
    <row r="9054" spans="1:10" x14ac:dyDescent="0.35">
      <c r="A9054" s="5" t="s">
        <v>10</v>
      </c>
      <c r="B9054" s="6">
        <v>220760</v>
      </c>
      <c r="C9054" s="6" t="s">
        <v>11</v>
      </c>
      <c r="D9054" s="6" t="s">
        <v>901</v>
      </c>
      <c r="E9054" s="6">
        <v>25307</v>
      </c>
      <c r="F9054" s="6" t="s">
        <v>2161</v>
      </c>
      <c r="G9054" s="6" t="s">
        <v>4182</v>
      </c>
      <c r="H9054" s="6" t="s">
        <v>18028</v>
      </c>
      <c r="I9054" s="7">
        <v>4.6929980000000002</v>
      </c>
      <c r="J9054" s="8">
        <v>-74.149615499999996</v>
      </c>
    </row>
    <row r="9055" spans="1:10" x14ac:dyDescent="0.35">
      <c r="A9055" s="5" t="s">
        <v>10</v>
      </c>
      <c r="B9055" s="6">
        <v>211347</v>
      </c>
      <c r="C9055" s="6" t="s">
        <v>11</v>
      </c>
      <c r="D9055" s="6" t="s">
        <v>12</v>
      </c>
      <c r="E9055" s="6">
        <v>25899</v>
      </c>
      <c r="F9055" s="6" t="s">
        <v>2161</v>
      </c>
      <c r="G9055" s="6" t="s">
        <v>18029</v>
      </c>
      <c r="H9055" s="6" t="s">
        <v>18030</v>
      </c>
      <c r="I9055" s="7">
        <v>5.0279102999999896</v>
      </c>
      <c r="J9055" s="8">
        <v>-73.998882799999905</v>
      </c>
    </row>
    <row r="9056" spans="1:10" x14ac:dyDescent="0.35">
      <c r="A9056" s="5" t="s">
        <v>10</v>
      </c>
      <c r="B9056" s="6">
        <v>153629</v>
      </c>
      <c r="C9056" s="6" t="s">
        <v>28</v>
      </c>
      <c r="D9056" s="6" t="s">
        <v>29</v>
      </c>
      <c r="E9056" s="6">
        <v>54001</v>
      </c>
      <c r="F9056" s="6" t="s">
        <v>13</v>
      </c>
      <c r="G9056" s="6" t="s">
        <v>50</v>
      </c>
      <c r="H9056" s="6" t="s">
        <v>18031</v>
      </c>
      <c r="I9056" s="7">
        <v>7.9055321000000003</v>
      </c>
      <c r="J9056" s="8">
        <v>-72.473059199999994</v>
      </c>
    </row>
    <row r="9057" spans="1:10" x14ac:dyDescent="0.35">
      <c r="A9057" s="5" t="s">
        <v>10</v>
      </c>
      <c r="B9057" s="6">
        <v>172841</v>
      </c>
      <c r="C9057" s="6" t="s">
        <v>117</v>
      </c>
      <c r="D9057" s="6" t="s">
        <v>1334</v>
      </c>
      <c r="E9057" s="6">
        <v>76001</v>
      </c>
      <c r="F9057" s="6" t="s">
        <v>13</v>
      </c>
      <c r="G9057" s="6" t="s">
        <v>18032</v>
      </c>
      <c r="H9057" s="6" t="s">
        <v>18033</v>
      </c>
      <c r="I9057" s="7">
        <v>3.4654414999999998</v>
      </c>
      <c r="J9057" s="8">
        <v>-76.499852500000003</v>
      </c>
    </row>
    <row r="9058" spans="1:10" x14ac:dyDescent="0.35">
      <c r="A9058" s="5" t="s">
        <v>10</v>
      </c>
      <c r="B9058" s="6">
        <v>180541</v>
      </c>
      <c r="C9058" s="6" t="s">
        <v>11</v>
      </c>
      <c r="D9058" s="6" t="s">
        <v>251</v>
      </c>
      <c r="E9058" s="6">
        <v>25214</v>
      </c>
      <c r="F9058" s="6" t="s">
        <v>13</v>
      </c>
      <c r="G9058" s="6" t="s">
        <v>252</v>
      </c>
      <c r="H9058" s="6" t="s">
        <v>253</v>
      </c>
      <c r="I9058" s="7">
        <v>4.8113048999999997</v>
      </c>
      <c r="J9058" s="8">
        <v>-74.100371699999997</v>
      </c>
    </row>
    <row r="9059" spans="1:10" x14ac:dyDescent="0.35">
      <c r="A9059" s="5" t="s">
        <v>10</v>
      </c>
      <c r="B9059" s="6">
        <v>213089</v>
      </c>
      <c r="C9059" s="6" t="s">
        <v>109</v>
      </c>
      <c r="D9059" s="6" t="s">
        <v>18034</v>
      </c>
      <c r="E9059" s="6">
        <v>13188</v>
      </c>
      <c r="F9059" s="6" t="s">
        <v>18</v>
      </c>
      <c r="G9059" s="6" t="s">
        <v>18035</v>
      </c>
      <c r="H9059" s="6" t="s">
        <v>18036</v>
      </c>
      <c r="I9059" s="7">
        <v>9.2769051000000005</v>
      </c>
      <c r="J9059" s="8">
        <v>-74.641753699999995</v>
      </c>
    </row>
    <row r="9060" spans="1:10" x14ac:dyDescent="0.35">
      <c r="A9060" s="5" t="s">
        <v>10</v>
      </c>
      <c r="B9060" s="6">
        <v>231162</v>
      </c>
      <c r="C9060" s="6" t="s">
        <v>28</v>
      </c>
      <c r="D9060" s="6" t="s">
        <v>29</v>
      </c>
      <c r="E9060" s="6">
        <v>54001</v>
      </c>
      <c r="F9060" s="6" t="s">
        <v>18</v>
      </c>
      <c r="G9060" s="6" t="s">
        <v>18037</v>
      </c>
      <c r="H9060" s="6" t="s">
        <v>18038</v>
      </c>
      <c r="I9060" s="7">
        <v>7.8831042</v>
      </c>
      <c r="J9060" s="8">
        <v>-72.466167799999994</v>
      </c>
    </row>
    <row r="9061" spans="1:10" x14ac:dyDescent="0.35">
      <c r="A9061" s="5" t="s">
        <v>10</v>
      </c>
      <c r="B9061" s="6">
        <v>236339</v>
      </c>
      <c r="C9061" s="6" t="s">
        <v>28</v>
      </c>
      <c r="D9061" s="6" t="s">
        <v>29</v>
      </c>
      <c r="E9061" s="6">
        <v>54001</v>
      </c>
      <c r="F9061" s="6" t="s">
        <v>18</v>
      </c>
      <c r="G9061" s="6" t="s">
        <v>18039</v>
      </c>
      <c r="H9061" s="6" t="s">
        <v>18040</v>
      </c>
      <c r="I9061" s="7">
        <v>7.8796027999999998</v>
      </c>
      <c r="J9061" s="8">
        <v>-72.506614299999995</v>
      </c>
    </row>
    <row r="9062" spans="1:10" x14ac:dyDescent="0.35">
      <c r="A9062" s="5" t="s">
        <v>10</v>
      </c>
      <c r="B9062" s="6">
        <v>233021</v>
      </c>
      <c r="C9062" s="6" t="s">
        <v>42</v>
      </c>
      <c r="D9062" s="6" t="s">
        <v>18041</v>
      </c>
      <c r="E9062" s="6">
        <v>17446</v>
      </c>
      <c r="F9062" s="6" t="s">
        <v>18</v>
      </c>
      <c r="G9062" s="6" t="s">
        <v>18042</v>
      </c>
      <c r="H9062" s="6" t="s">
        <v>18043</v>
      </c>
      <c r="I9062" s="7">
        <v>5.2845899999999997</v>
      </c>
      <c r="J9062" s="8">
        <v>-75.260649999999998</v>
      </c>
    </row>
    <row r="9063" spans="1:10" x14ac:dyDescent="0.35">
      <c r="A9063" s="5" t="s">
        <v>10</v>
      </c>
      <c r="B9063" s="6">
        <v>215449</v>
      </c>
      <c r="C9063" s="6" t="s">
        <v>11</v>
      </c>
      <c r="D9063" s="6" t="s">
        <v>6667</v>
      </c>
      <c r="E9063" s="6">
        <v>25295</v>
      </c>
      <c r="F9063" s="6" t="s">
        <v>2161</v>
      </c>
      <c r="G9063" s="6" t="s">
        <v>18044</v>
      </c>
      <c r="H9063" s="6" t="s">
        <v>18045</v>
      </c>
      <c r="I9063" s="7">
        <v>4.9802982999999896</v>
      </c>
      <c r="J9063" s="8">
        <v>-73.882959700000001</v>
      </c>
    </row>
    <row r="9064" spans="1:10" x14ac:dyDescent="0.35">
      <c r="A9064" s="5" t="s">
        <v>10</v>
      </c>
      <c r="B9064" s="6">
        <v>233665</v>
      </c>
      <c r="C9064" s="6" t="s">
        <v>3788</v>
      </c>
      <c r="D9064" s="6" t="s">
        <v>3789</v>
      </c>
      <c r="E9064" s="6">
        <v>18592</v>
      </c>
      <c r="F9064" s="6" t="s">
        <v>2161</v>
      </c>
      <c r="G9064" s="6" t="s">
        <v>18046</v>
      </c>
      <c r="H9064" s="6" t="s">
        <v>18047</v>
      </c>
      <c r="I9064" s="7">
        <v>8.0951599999999999</v>
      </c>
      <c r="J9064" s="8">
        <v>-76.728459999999998</v>
      </c>
    </row>
    <row r="9065" spans="1:10" x14ac:dyDescent="0.35">
      <c r="A9065" s="5" t="s">
        <v>10</v>
      </c>
      <c r="B9065" s="6">
        <v>236325</v>
      </c>
      <c r="C9065" s="6" t="s">
        <v>16</v>
      </c>
      <c r="D9065" s="6" t="s">
        <v>2825</v>
      </c>
      <c r="E9065" s="6">
        <v>68276</v>
      </c>
      <c r="F9065" s="6" t="s">
        <v>2161</v>
      </c>
      <c r="G9065" s="6" t="s">
        <v>18048</v>
      </c>
      <c r="H9065" s="6" t="s">
        <v>18049</v>
      </c>
      <c r="I9065" s="7">
        <v>7.0882981000000003</v>
      </c>
      <c r="J9065" s="8">
        <v>-73.0759446</v>
      </c>
    </row>
    <row r="9066" spans="1:10" x14ac:dyDescent="0.35">
      <c r="A9066" s="5" t="s">
        <v>10</v>
      </c>
      <c r="B9066" s="6">
        <v>209519</v>
      </c>
      <c r="C9066" s="6" t="s">
        <v>2821</v>
      </c>
      <c r="D9066" s="6" t="s">
        <v>9495</v>
      </c>
      <c r="E9066" s="6">
        <v>47245</v>
      </c>
      <c r="F9066" s="6" t="s">
        <v>2161</v>
      </c>
      <c r="G9066" s="6" t="s">
        <v>18050</v>
      </c>
      <c r="H9066" s="6" t="s">
        <v>18051</v>
      </c>
      <c r="I9066" s="7">
        <v>4.6548153000000001</v>
      </c>
      <c r="J9066" s="8">
        <v>-74.055268400000003</v>
      </c>
    </row>
    <row r="9067" spans="1:10" x14ac:dyDescent="0.35">
      <c r="A9067" s="5" t="s">
        <v>10</v>
      </c>
      <c r="B9067" s="6">
        <v>141688</v>
      </c>
      <c r="C9067" s="6" t="s">
        <v>11</v>
      </c>
      <c r="D9067" s="6" t="s">
        <v>513</v>
      </c>
      <c r="E9067" s="6">
        <v>25286</v>
      </c>
      <c r="F9067" s="6" t="s">
        <v>13</v>
      </c>
      <c r="G9067" s="6" t="s">
        <v>1650</v>
      </c>
      <c r="H9067" s="6" t="s">
        <v>1651</v>
      </c>
      <c r="I9067" s="7">
        <v>4.7162769999999998</v>
      </c>
      <c r="J9067" s="8">
        <v>-74.213265300000003</v>
      </c>
    </row>
    <row r="9068" spans="1:10" x14ac:dyDescent="0.35">
      <c r="A9068" s="5" t="s">
        <v>10</v>
      </c>
      <c r="B9068" s="6">
        <v>141705</v>
      </c>
      <c r="C9068" s="6" t="s">
        <v>11</v>
      </c>
      <c r="D9068" s="6" t="s">
        <v>3724</v>
      </c>
      <c r="E9068" s="6">
        <v>25513</v>
      </c>
      <c r="F9068" s="6" t="s">
        <v>13</v>
      </c>
      <c r="G9068" s="6" t="s">
        <v>18052</v>
      </c>
      <c r="H9068" s="6" t="s">
        <v>18053</v>
      </c>
      <c r="I9068" s="7">
        <v>5.1310754000000003</v>
      </c>
      <c r="J9068" s="8">
        <v>-74.158351699999997</v>
      </c>
    </row>
    <row r="9069" spans="1:10" x14ac:dyDescent="0.35">
      <c r="A9069" s="5" t="s">
        <v>10</v>
      </c>
      <c r="B9069" s="6">
        <v>113790</v>
      </c>
      <c r="C9069" s="6" t="s">
        <v>366</v>
      </c>
      <c r="D9069" s="6" t="s">
        <v>370</v>
      </c>
      <c r="E9069" s="6">
        <v>44874</v>
      </c>
      <c r="F9069" s="6" t="s">
        <v>18</v>
      </c>
      <c r="G9069" s="6" t="s">
        <v>18054</v>
      </c>
      <c r="H9069" s="6" t="s">
        <v>18055</v>
      </c>
      <c r="I9069" s="7">
        <v>10.603721</v>
      </c>
      <c r="J9069" s="8">
        <v>-72.981935999999905</v>
      </c>
    </row>
    <row r="9070" spans="1:10" x14ac:dyDescent="0.35">
      <c r="A9070" s="5" t="s">
        <v>10</v>
      </c>
      <c r="B9070" s="6">
        <v>169636</v>
      </c>
      <c r="C9070" s="6" t="s">
        <v>11</v>
      </c>
      <c r="D9070" s="6" t="s">
        <v>221</v>
      </c>
      <c r="E9070" s="6">
        <v>25430</v>
      </c>
      <c r="F9070" s="6" t="s">
        <v>18</v>
      </c>
      <c r="G9070" s="6" t="s">
        <v>3107</v>
      </c>
      <c r="H9070" s="6" t="s">
        <v>3108</v>
      </c>
      <c r="I9070" s="7">
        <v>4.734477</v>
      </c>
      <c r="J9070" s="8">
        <v>-74.275572499999996</v>
      </c>
    </row>
    <row r="9071" spans="1:10" x14ac:dyDescent="0.35">
      <c r="A9071" s="5" t="s">
        <v>10</v>
      </c>
      <c r="B9071" s="6">
        <v>222398</v>
      </c>
      <c r="C9071" s="6" t="s">
        <v>55</v>
      </c>
      <c r="D9071" s="6" t="s">
        <v>18056</v>
      </c>
      <c r="E9071" s="6">
        <v>73770</v>
      </c>
      <c r="F9071" s="6" t="s">
        <v>18</v>
      </c>
      <c r="G9071" s="6" t="s">
        <v>18057</v>
      </c>
      <c r="H9071" s="6" t="s">
        <v>18058</v>
      </c>
      <c r="I9071" s="7">
        <v>4.0492461999999998</v>
      </c>
      <c r="J9071" s="8">
        <v>-74.831662299999905</v>
      </c>
    </row>
    <row r="9072" spans="1:10" x14ac:dyDescent="0.35">
      <c r="A9072" s="5" t="s">
        <v>10</v>
      </c>
      <c r="B9072" s="6">
        <v>233405</v>
      </c>
      <c r="C9072" s="6" t="s">
        <v>24</v>
      </c>
      <c r="D9072" s="6" t="s">
        <v>530</v>
      </c>
      <c r="E9072" s="6">
        <v>15516</v>
      </c>
      <c r="F9072" s="6" t="s">
        <v>18</v>
      </c>
      <c r="G9072" s="6" t="s">
        <v>18059</v>
      </c>
      <c r="H9072" s="6" t="s">
        <v>18060</v>
      </c>
      <c r="I9072" s="7">
        <v>5.7801299999999998</v>
      </c>
      <c r="J9072" s="8">
        <v>-73.118210000000005</v>
      </c>
    </row>
    <row r="9073" spans="1:10" x14ac:dyDescent="0.35">
      <c r="A9073" s="5" t="s">
        <v>10</v>
      </c>
      <c r="B9073" s="6">
        <v>124183</v>
      </c>
      <c r="C9073" s="6" t="s">
        <v>6569</v>
      </c>
      <c r="D9073" s="6" t="s">
        <v>6570</v>
      </c>
      <c r="E9073" s="6">
        <v>91405</v>
      </c>
      <c r="F9073" s="6" t="s">
        <v>18</v>
      </c>
      <c r="G9073" s="6" t="s">
        <v>3392</v>
      </c>
      <c r="H9073" s="6" t="s">
        <v>17825</v>
      </c>
      <c r="I9073" s="7">
        <v>-1.4433830000000001</v>
      </c>
      <c r="J9073" s="8">
        <v>-72.788944999999998</v>
      </c>
    </row>
    <row r="9074" spans="1:10" x14ac:dyDescent="0.35">
      <c r="A9074" s="5" t="s">
        <v>10</v>
      </c>
      <c r="B9074" s="6">
        <v>233957</v>
      </c>
      <c r="C9074" s="6" t="s">
        <v>42</v>
      </c>
      <c r="D9074" s="6" t="s">
        <v>43</v>
      </c>
      <c r="E9074" s="6">
        <v>17001</v>
      </c>
      <c r="F9074" s="6" t="s">
        <v>18</v>
      </c>
      <c r="G9074" s="6" t="s">
        <v>18061</v>
      </c>
      <c r="H9074" s="6" t="s">
        <v>18062</v>
      </c>
      <c r="I9074" s="7">
        <v>5.0525133999999996</v>
      </c>
      <c r="J9074" s="8">
        <v>-75.487569800000003</v>
      </c>
    </row>
    <row r="9075" spans="1:10" x14ac:dyDescent="0.35">
      <c r="A9075" s="5" t="s">
        <v>10</v>
      </c>
      <c r="B9075" s="6">
        <v>240323</v>
      </c>
      <c r="C9075" s="6" t="s">
        <v>68</v>
      </c>
      <c r="D9075" s="6" t="s">
        <v>69</v>
      </c>
      <c r="E9075" s="6">
        <v>11001</v>
      </c>
      <c r="F9075" s="6" t="s">
        <v>2161</v>
      </c>
      <c r="G9075" s="6" t="s">
        <v>18063</v>
      </c>
      <c r="H9075" s="6" t="s">
        <v>18064</v>
      </c>
      <c r="I9075" s="7">
        <v>4.7578054999999999</v>
      </c>
      <c r="J9075" s="8">
        <v>-74.107401899999999</v>
      </c>
    </row>
    <row r="9076" spans="1:10" x14ac:dyDescent="0.35">
      <c r="A9076" s="5" t="s">
        <v>10</v>
      </c>
      <c r="B9076" s="6">
        <v>208935</v>
      </c>
      <c r="C9076" s="6" t="s">
        <v>457</v>
      </c>
      <c r="D9076" s="6" t="s">
        <v>4400</v>
      </c>
      <c r="E9076" s="6">
        <v>52001</v>
      </c>
      <c r="F9076" s="6" t="s">
        <v>2161</v>
      </c>
      <c r="G9076" s="6" t="s">
        <v>18065</v>
      </c>
      <c r="H9076" s="6" t="s">
        <v>18066</v>
      </c>
      <c r="I9076" s="7">
        <v>1.1963250000000001</v>
      </c>
      <c r="J9076" s="8">
        <v>-77.260484300000002</v>
      </c>
    </row>
    <row r="9077" spans="1:10" x14ac:dyDescent="0.35">
      <c r="A9077" s="5" t="s">
        <v>10</v>
      </c>
      <c r="B9077" s="6">
        <v>211641</v>
      </c>
      <c r="C9077" s="6" t="s">
        <v>457</v>
      </c>
      <c r="D9077" s="6" t="s">
        <v>4400</v>
      </c>
      <c r="E9077" s="6">
        <v>52001</v>
      </c>
      <c r="F9077" s="6" t="s">
        <v>2161</v>
      </c>
      <c r="G9077" s="6" t="s">
        <v>18067</v>
      </c>
      <c r="H9077" s="6" t="s">
        <v>18068</v>
      </c>
      <c r="I9077" s="7">
        <v>1.2159587000000001</v>
      </c>
      <c r="J9077" s="8">
        <v>-77.273092199999994</v>
      </c>
    </row>
    <row r="9078" spans="1:10" x14ac:dyDescent="0.35">
      <c r="A9078" s="5" t="s">
        <v>10</v>
      </c>
      <c r="B9078" s="6">
        <v>217657</v>
      </c>
      <c r="C9078" s="6" t="s">
        <v>68</v>
      </c>
      <c r="D9078" s="6" t="s">
        <v>69</v>
      </c>
      <c r="E9078" s="6">
        <v>11001</v>
      </c>
      <c r="F9078" s="6" t="s">
        <v>2161</v>
      </c>
      <c r="G9078" s="6" t="s">
        <v>18069</v>
      </c>
      <c r="H9078" s="6" t="s">
        <v>18070</v>
      </c>
      <c r="I9078" s="7">
        <v>4.5480961000000004</v>
      </c>
      <c r="J9078" s="8">
        <v>-74.1599796</v>
      </c>
    </row>
    <row r="9079" spans="1:10" x14ac:dyDescent="0.35">
      <c r="A9079" s="5" t="s">
        <v>10</v>
      </c>
      <c r="B9079" s="6">
        <v>225324</v>
      </c>
      <c r="C9079" s="6" t="s">
        <v>11</v>
      </c>
      <c r="D9079" s="6" t="s">
        <v>12</v>
      </c>
      <c r="E9079" s="6">
        <v>25899</v>
      </c>
      <c r="F9079" s="6" t="s">
        <v>2161</v>
      </c>
      <c r="G9079" s="6" t="s">
        <v>18071</v>
      </c>
      <c r="H9079" s="6" t="s">
        <v>18072</v>
      </c>
      <c r="I9079" s="7">
        <v>5.020181</v>
      </c>
      <c r="J9079" s="8">
        <v>-73.972098199999905</v>
      </c>
    </row>
    <row r="9080" spans="1:10" x14ac:dyDescent="0.35">
      <c r="A9080" s="5" t="s">
        <v>10</v>
      </c>
      <c r="B9080" s="6">
        <v>236280</v>
      </c>
      <c r="C9080" s="6" t="s">
        <v>94</v>
      </c>
      <c r="D9080" s="6" t="s">
        <v>98</v>
      </c>
      <c r="E9080" s="6">
        <v>66001</v>
      </c>
      <c r="F9080" s="6" t="s">
        <v>13</v>
      </c>
      <c r="G9080" s="6" t="s">
        <v>18073</v>
      </c>
      <c r="H9080" s="6" t="s">
        <v>18074</v>
      </c>
      <c r="I9080" s="7">
        <v>4.8151783000000004</v>
      </c>
      <c r="J9080" s="8">
        <v>-75.692542700000004</v>
      </c>
    </row>
    <row r="9081" spans="1:10" x14ac:dyDescent="0.35">
      <c r="A9081" s="5" t="s">
        <v>10</v>
      </c>
      <c r="B9081" s="6">
        <v>171642</v>
      </c>
      <c r="C9081" s="6" t="s">
        <v>28</v>
      </c>
      <c r="D9081" s="6" t="s">
        <v>29</v>
      </c>
      <c r="E9081" s="6">
        <v>54001</v>
      </c>
      <c r="F9081" s="6" t="s">
        <v>13</v>
      </c>
      <c r="G9081" s="6" t="s">
        <v>50</v>
      </c>
      <c r="H9081" s="6" t="s">
        <v>18075</v>
      </c>
      <c r="I9081" s="7">
        <v>7.9602439</v>
      </c>
      <c r="J9081" s="8">
        <v>-72.474937100000005</v>
      </c>
    </row>
    <row r="9082" spans="1:10" x14ac:dyDescent="0.35">
      <c r="A9082" s="5" t="s">
        <v>10</v>
      </c>
      <c r="B9082" s="6">
        <v>225673</v>
      </c>
      <c r="C9082" s="6" t="s">
        <v>68</v>
      </c>
      <c r="D9082" s="6" t="s">
        <v>69</v>
      </c>
      <c r="E9082" s="6">
        <v>11001</v>
      </c>
      <c r="F9082" s="6" t="s">
        <v>13</v>
      </c>
      <c r="G9082" s="6" t="s">
        <v>18076</v>
      </c>
      <c r="H9082" s="6" t="s">
        <v>18077</v>
      </c>
      <c r="I9082" s="7">
        <v>4.6001367000000002</v>
      </c>
      <c r="J9082" s="8">
        <v>-74.0764487</v>
      </c>
    </row>
    <row r="9083" spans="1:10" x14ac:dyDescent="0.35">
      <c r="A9083" s="5" t="s">
        <v>10</v>
      </c>
      <c r="B9083" s="6">
        <v>201038</v>
      </c>
      <c r="C9083" s="6" t="s">
        <v>11</v>
      </c>
      <c r="D9083" s="6" t="s">
        <v>106</v>
      </c>
      <c r="E9083" s="6">
        <v>25843</v>
      </c>
      <c r="F9083" s="6" t="s">
        <v>18</v>
      </c>
      <c r="G9083" s="6" t="s">
        <v>18078</v>
      </c>
      <c r="H9083" s="6" t="s">
        <v>18079</v>
      </c>
      <c r="I9083" s="7">
        <v>5.3120240000000001</v>
      </c>
      <c r="J9083" s="8">
        <v>-73.818221999999906</v>
      </c>
    </row>
    <row r="9084" spans="1:10" x14ac:dyDescent="0.35">
      <c r="A9084" s="5" t="s">
        <v>10</v>
      </c>
      <c r="B9084" s="6">
        <v>244857</v>
      </c>
      <c r="C9084" s="6" t="s">
        <v>109</v>
      </c>
      <c r="D9084" s="6" t="s">
        <v>3238</v>
      </c>
      <c r="E9084" s="6">
        <v>13140</v>
      </c>
      <c r="F9084" s="6" t="s">
        <v>18</v>
      </c>
      <c r="G9084" s="6" t="s">
        <v>18080</v>
      </c>
      <c r="H9084" s="6" t="s">
        <v>18081</v>
      </c>
      <c r="I9084" s="7">
        <v>10.2550978</v>
      </c>
      <c r="J9084" s="8">
        <v>-74.914996299999999</v>
      </c>
    </row>
    <row r="9085" spans="1:10" x14ac:dyDescent="0.35">
      <c r="A9085" s="5" t="s">
        <v>10</v>
      </c>
      <c r="B9085" s="6">
        <v>215905</v>
      </c>
      <c r="C9085" s="6" t="s">
        <v>55</v>
      </c>
      <c r="D9085" s="6" t="s">
        <v>18082</v>
      </c>
      <c r="E9085" s="6">
        <v>73152</v>
      </c>
      <c r="F9085" s="6" t="s">
        <v>18</v>
      </c>
      <c r="G9085" s="6" t="s">
        <v>18083</v>
      </c>
      <c r="H9085" s="6" t="s">
        <v>18084</v>
      </c>
      <c r="I9085" s="7">
        <v>5.0762406000000002</v>
      </c>
      <c r="J9085" s="8">
        <v>-75.121846300000001</v>
      </c>
    </row>
    <row r="9086" spans="1:10" x14ac:dyDescent="0.35">
      <c r="A9086" s="5" t="s">
        <v>10</v>
      </c>
      <c r="B9086" s="6">
        <v>242833</v>
      </c>
      <c r="C9086" s="6" t="s">
        <v>24</v>
      </c>
      <c r="D9086" s="6" t="s">
        <v>137</v>
      </c>
      <c r="E9086" s="6">
        <v>15238</v>
      </c>
      <c r="F9086" s="6" t="s">
        <v>18</v>
      </c>
      <c r="G9086" s="6" t="s">
        <v>18085</v>
      </c>
      <c r="H9086" s="6" t="s">
        <v>18086</v>
      </c>
      <c r="I9086" s="7">
        <v>5.8083843000000002</v>
      </c>
      <c r="J9086" s="8">
        <v>-73.022852700000001</v>
      </c>
    </row>
    <row r="9087" spans="1:10" x14ac:dyDescent="0.35">
      <c r="A9087" s="5" t="s">
        <v>10</v>
      </c>
      <c r="B9087" s="6">
        <v>228752</v>
      </c>
      <c r="C9087" s="6" t="s">
        <v>28</v>
      </c>
      <c r="D9087" s="6" t="s">
        <v>352</v>
      </c>
      <c r="E9087" s="6">
        <v>54261</v>
      </c>
      <c r="F9087" s="6" t="s">
        <v>18</v>
      </c>
      <c r="G9087" s="6" t="s">
        <v>18087</v>
      </c>
      <c r="H9087" s="6" t="s">
        <v>18088</v>
      </c>
      <c r="I9087" s="7">
        <v>7.9309139999999996</v>
      </c>
      <c r="J9087" s="8">
        <v>-72.600758600000006</v>
      </c>
    </row>
    <row r="9088" spans="1:10" x14ac:dyDescent="0.35">
      <c r="A9088" s="5" t="s">
        <v>10</v>
      </c>
      <c r="B9088" s="6">
        <v>227492</v>
      </c>
      <c r="C9088" s="6" t="s">
        <v>28</v>
      </c>
      <c r="D9088" s="6" t="s">
        <v>29</v>
      </c>
      <c r="E9088" s="6">
        <v>54001</v>
      </c>
      <c r="F9088" s="6" t="s">
        <v>18</v>
      </c>
      <c r="G9088" s="6" t="s">
        <v>18089</v>
      </c>
      <c r="H9088" s="6" t="s">
        <v>18090</v>
      </c>
      <c r="I9088" s="7">
        <v>7.8929956999999904</v>
      </c>
      <c r="J9088" s="8">
        <v>-72.521596199999905</v>
      </c>
    </row>
    <row r="9089" spans="1:10" x14ac:dyDescent="0.35">
      <c r="A9089" s="5" t="s">
        <v>10</v>
      </c>
      <c r="B9089" s="6">
        <v>170645</v>
      </c>
      <c r="C9089" s="6" t="s">
        <v>42</v>
      </c>
      <c r="D9089" s="6" t="s">
        <v>327</v>
      </c>
      <c r="E9089" s="6">
        <v>17042</v>
      </c>
      <c r="F9089" s="6" t="s">
        <v>18</v>
      </c>
      <c r="G9089" s="6" t="s">
        <v>18091</v>
      </c>
      <c r="H9089" s="6" t="s">
        <v>18092</v>
      </c>
      <c r="I9089" s="7">
        <v>5.2382109999999997</v>
      </c>
      <c r="J9089" s="8">
        <v>-75.779367199999996</v>
      </c>
    </row>
    <row r="9090" spans="1:10" x14ac:dyDescent="0.35">
      <c r="A9090" s="5" t="s">
        <v>10</v>
      </c>
      <c r="B9090" s="6">
        <v>228214</v>
      </c>
      <c r="C9090" s="6" t="s">
        <v>16</v>
      </c>
      <c r="D9090" s="6" t="s">
        <v>78</v>
      </c>
      <c r="E9090" s="6">
        <v>68001</v>
      </c>
      <c r="F9090" s="6" t="s">
        <v>2161</v>
      </c>
      <c r="G9090" s="6" t="s">
        <v>18093</v>
      </c>
      <c r="H9090" s="6" t="s">
        <v>18094</v>
      </c>
      <c r="I9090" s="7">
        <v>7.0956150999999998</v>
      </c>
      <c r="J9090" s="8">
        <v>-73.094261000000003</v>
      </c>
    </row>
    <row r="9091" spans="1:10" x14ac:dyDescent="0.35">
      <c r="A9091" s="5" t="s">
        <v>10</v>
      </c>
      <c r="B9091" s="6">
        <v>238779</v>
      </c>
      <c r="C9091" s="6" t="s">
        <v>11</v>
      </c>
      <c r="D9091" s="6" t="s">
        <v>1547</v>
      </c>
      <c r="E9091" s="6">
        <v>25817</v>
      </c>
      <c r="F9091" s="6" t="s">
        <v>2161</v>
      </c>
      <c r="G9091" s="6" t="s">
        <v>18095</v>
      </c>
      <c r="H9091" s="6" t="s">
        <v>18096</v>
      </c>
      <c r="I9091" s="7">
        <v>4.9640782000000003</v>
      </c>
      <c r="J9091" s="8">
        <v>-73.906607399999999</v>
      </c>
    </row>
    <row r="9092" spans="1:10" x14ac:dyDescent="0.35">
      <c r="A9092" s="5" t="s">
        <v>10</v>
      </c>
      <c r="B9092" s="6">
        <v>143493</v>
      </c>
      <c r="C9092" s="6" t="s">
        <v>278</v>
      </c>
      <c r="D9092" s="6" t="s">
        <v>2336</v>
      </c>
      <c r="E9092" s="6">
        <v>50226</v>
      </c>
      <c r="F9092" s="6" t="s">
        <v>13</v>
      </c>
      <c r="G9092" s="6" t="s">
        <v>17909</v>
      </c>
      <c r="H9092" s="6" t="s">
        <v>17910</v>
      </c>
      <c r="I9092" s="7">
        <v>4.2699220999999996</v>
      </c>
      <c r="J9092" s="8">
        <v>-73.487132399999993</v>
      </c>
    </row>
    <row r="9093" spans="1:10" x14ac:dyDescent="0.35">
      <c r="A9093" s="5" t="s">
        <v>10</v>
      </c>
      <c r="B9093" s="6">
        <v>135885</v>
      </c>
      <c r="C9093" s="6" t="s">
        <v>28</v>
      </c>
      <c r="D9093" s="6" t="s">
        <v>29</v>
      </c>
      <c r="E9093" s="6">
        <v>54001</v>
      </c>
      <c r="F9093" s="6" t="s">
        <v>13</v>
      </c>
      <c r="G9093" s="6" t="s">
        <v>50</v>
      </c>
      <c r="H9093" s="6" t="s">
        <v>18097</v>
      </c>
      <c r="I9093" s="7">
        <v>7.9602439</v>
      </c>
      <c r="J9093" s="8">
        <v>-72.474937100000005</v>
      </c>
    </row>
    <row r="9094" spans="1:10" x14ac:dyDescent="0.35">
      <c r="A9094" s="5" t="s">
        <v>10</v>
      </c>
      <c r="B9094" s="6">
        <v>190317</v>
      </c>
      <c r="C9094" s="6" t="s">
        <v>11</v>
      </c>
      <c r="D9094" s="6" t="s">
        <v>1206</v>
      </c>
      <c r="E9094" s="6">
        <v>25875</v>
      </c>
      <c r="F9094" s="6" t="s">
        <v>13</v>
      </c>
      <c r="G9094" s="6" t="s">
        <v>1207</v>
      </c>
      <c r="H9094" s="6" t="s">
        <v>1208</v>
      </c>
      <c r="I9094" s="7">
        <v>5.0100749000000002</v>
      </c>
      <c r="J9094" s="8">
        <v>-74.470858199999995</v>
      </c>
    </row>
    <row r="9095" spans="1:10" x14ac:dyDescent="0.35">
      <c r="A9095" s="5" t="s">
        <v>10</v>
      </c>
      <c r="B9095" s="6">
        <v>226685</v>
      </c>
      <c r="C9095" s="6" t="s">
        <v>24</v>
      </c>
      <c r="D9095" s="6" t="s">
        <v>578</v>
      </c>
      <c r="E9095" s="6">
        <v>15047</v>
      </c>
      <c r="F9095" s="6" t="s">
        <v>18</v>
      </c>
      <c r="G9095" s="6" t="s">
        <v>18098</v>
      </c>
      <c r="H9095" s="6" t="s">
        <v>18099</v>
      </c>
      <c r="I9095" s="7">
        <v>5.5218297999999999</v>
      </c>
      <c r="J9095" s="8">
        <v>-72.882941799999998</v>
      </c>
    </row>
    <row r="9096" spans="1:10" x14ac:dyDescent="0.35">
      <c r="A9096" s="5" t="s">
        <v>10</v>
      </c>
      <c r="B9096" s="6">
        <v>243916</v>
      </c>
      <c r="C9096" s="6" t="s">
        <v>28</v>
      </c>
      <c r="D9096" s="6" t="s">
        <v>91</v>
      </c>
      <c r="E9096" s="6">
        <v>54874</v>
      </c>
      <c r="F9096" s="6" t="s">
        <v>18</v>
      </c>
      <c r="G9096" s="6" t="s">
        <v>18100</v>
      </c>
      <c r="H9096" s="6" t="s">
        <v>18101</v>
      </c>
      <c r="I9096" s="7">
        <v>7.8284677</v>
      </c>
      <c r="J9096" s="8">
        <v>-72.471774499999995</v>
      </c>
    </row>
    <row r="9097" spans="1:10" x14ac:dyDescent="0.35">
      <c r="A9097" s="5" t="s">
        <v>10</v>
      </c>
      <c r="B9097" s="6">
        <v>220732</v>
      </c>
      <c r="C9097" s="6" t="s">
        <v>68</v>
      </c>
      <c r="D9097" s="6" t="s">
        <v>69</v>
      </c>
      <c r="E9097" s="6">
        <v>11001</v>
      </c>
      <c r="F9097" s="6" t="s">
        <v>2161</v>
      </c>
      <c r="G9097" s="6" t="s">
        <v>18102</v>
      </c>
      <c r="H9097" s="6" t="s">
        <v>18103</v>
      </c>
      <c r="I9097" s="7">
        <v>4.5922220999999999</v>
      </c>
      <c r="J9097" s="8">
        <v>-74.074238600000001</v>
      </c>
    </row>
    <row r="9098" spans="1:10" x14ac:dyDescent="0.35">
      <c r="A9098" s="5" t="s">
        <v>10</v>
      </c>
      <c r="B9098" s="6">
        <v>226049</v>
      </c>
      <c r="C9098" s="6" t="s">
        <v>190</v>
      </c>
      <c r="D9098" s="6" t="s">
        <v>191</v>
      </c>
      <c r="E9098" s="6">
        <v>5001</v>
      </c>
      <c r="F9098" s="6" t="s">
        <v>2161</v>
      </c>
      <c r="G9098" s="6" t="s">
        <v>18104</v>
      </c>
      <c r="H9098" s="6" t="s">
        <v>18105</v>
      </c>
      <c r="I9098" s="7">
        <v>6.2609792000000004</v>
      </c>
      <c r="J9098" s="8">
        <v>-75.570412099999999</v>
      </c>
    </row>
    <row r="9099" spans="1:10" x14ac:dyDescent="0.35">
      <c r="A9099" s="5" t="s">
        <v>10</v>
      </c>
      <c r="B9099" s="6">
        <v>226060</v>
      </c>
      <c r="C9099" s="6" t="s">
        <v>68</v>
      </c>
      <c r="D9099" s="6" t="s">
        <v>69</v>
      </c>
      <c r="E9099" s="6">
        <v>11001</v>
      </c>
      <c r="F9099" s="6" t="s">
        <v>2161</v>
      </c>
      <c r="G9099" s="6" t="s">
        <v>18106</v>
      </c>
      <c r="H9099" s="6" t="s">
        <v>18107</v>
      </c>
      <c r="I9099" s="7">
        <v>4.5801838999999998</v>
      </c>
      <c r="J9099" s="8">
        <v>-74.084190000000007</v>
      </c>
    </row>
    <row r="9100" spans="1:10" x14ac:dyDescent="0.35">
      <c r="A9100" s="5" t="s">
        <v>10</v>
      </c>
      <c r="B9100" s="6">
        <v>237183</v>
      </c>
      <c r="C9100" s="6" t="s">
        <v>68</v>
      </c>
      <c r="D9100" s="6" t="s">
        <v>69</v>
      </c>
      <c r="E9100" s="6">
        <v>11001</v>
      </c>
      <c r="F9100" s="6" t="s">
        <v>2161</v>
      </c>
      <c r="G9100" s="6" t="s">
        <v>18108</v>
      </c>
      <c r="H9100" s="6" t="s">
        <v>18109</v>
      </c>
      <c r="I9100" s="7">
        <v>4.7156975000000001</v>
      </c>
      <c r="J9100" s="8">
        <v>-74.128805200000002</v>
      </c>
    </row>
    <row r="9101" spans="1:10" x14ac:dyDescent="0.35">
      <c r="A9101" s="5" t="s">
        <v>10</v>
      </c>
      <c r="B9101" s="6">
        <v>175064</v>
      </c>
      <c r="C9101" s="6" t="s">
        <v>11</v>
      </c>
      <c r="D9101" s="6" t="s">
        <v>334</v>
      </c>
      <c r="E9101" s="6">
        <v>25754</v>
      </c>
      <c r="F9101" s="6" t="s">
        <v>13</v>
      </c>
      <c r="G9101" s="6" t="s">
        <v>2950</v>
      </c>
      <c r="H9101" s="6" t="s">
        <v>2951</v>
      </c>
      <c r="I9101" s="7">
        <v>4.5818155999999997</v>
      </c>
      <c r="J9101" s="8">
        <v>-74.218905100000001</v>
      </c>
    </row>
    <row r="9102" spans="1:10" x14ac:dyDescent="0.35">
      <c r="A9102" s="5" t="s">
        <v>10</v>
      </c>
      <c r="B9102" s="6">
        <v>203968</v>
      </c>
      <c r="C9102" s="6" t="s">
        <v>11</v>
      </c>
      <c r="D9102" s="6" t="s">
        <v>334</v>
      </c>
      <c r="E9102" s="6">
        <v>25754</v>
      </c>
      <c r="F9102" s="6" t="s">
        <v>13</v>
      </c>
      <c r="G9102" s="6" t="s">
        <v>18110</v>
      </c>
      <c r="H9102" s="6" t="s">
        <v>18111</v>
      </c>
      <c r="I9102" s="7">
        <v>4.5697657999999999</v>
      </c>
      <c r="J9102" s="8">
        <v>-74.187105099999997</v>
      </c>
    </row>
    <row r="9103" spans="1:10" x14ac:dyDescent="0.35">
      <c r="A9103" s="5" t="s">
        <v>10</v>
      </c>
      <c r="B9103" s="6">
        <v>247053</v>
      </c>
      <c r="C9103" s="6" t="s">
        <v>68</v>
      </c>
      <c r="D9103" s="6" t="s">
        <v>69</v>
      </c>
      <c r="E9103" s="6">
        <v>11001</v>
      </c>
      <c r="F9103" s="6" t="s">
        <v>13</v>
      </c>
      <c r="G9103" s="6" t="s">
        <v>17752</v>
      </c>
      <c r="H9103" s="6" t="s">
        <v>18112</v>
      </c>
      <c r="I9103" s="7">
        <v>4.6733636000000001</v>
      </c>
      <c r="J9103" s="8">
        <v>-74.0516887</v>
      </c>
    </row>
    <row r="9104" spans="1:10" x14ac:dyDescent="0.35">
      <c r="A9104" s="5" t="s">
        <v>10</v>
      </c>
      <c r="B9104" s="6">
        <v>175062</v>
      </c>
      <c r="C9104" s="6" t="s">
        <v>11</v>
      </c>
      <c r="D9104" s="6" t="s">
        <v>221</v>
      </c>
      <c r="E9104" s="6">
        <v>25430</v>
      </c>
      <c r="F9104" s="6" t="s">
        <v>13</v>
      </c>
      <c r="G9104" s="6" t="s">
        <v>3098</v>
      </c>
      <c r="H9104" s="6" t="s">
        <v>3099</v>
      </c>
      <c r="I9104" s="7">
        <v>4.7336258999999998</v>
      </c>
      <c r="J9104" s="8">
        <v>-74.264042000000003</v>
      </c>
    </row>
    <row r="9105" spans="1:10" x14ac:dyDescent="0.35">
      <c r="A9105" s="5" t="s">
        <v>10</v>
      </c>
      <c r="B9105" s="6">
        <v>189674</v>
      </c>
      <c r="C9105" s="6" t="s">
        <v>24</v>
      </c>
      <c r="D9105" s="6" t="s">
        <v>137</v>
      </c>
      <c r="E9105" s="6">
        <v>15238</v>
      </c>
      <c r="F9105" s="6" t="s">
        <v>13</v>
      </c>
      <c r="G9105" s="6" t="s">
        <v>2106</v>
      </c>
      <c r="H9105" s="6" t="s">
        <v>2107</v>
      </c>
      <c r="I9105" s="7">
        <v>5.8271258000000001</v>
      </c>
      <c r="J9105" s="8">
        <v>-73.035925700000007</v>
      </c>
    </row>
    <row r="9106" spans="1:10" x14ac:dyDescent="0.35">
      <c r="A9106" s="5" t="s">
        <v>10</v>
      </c>
      <c r="B9106" s="6">
        <v>191770</v>
      </c>
      <c r="C9106" s="6" t="s">
        <v>68</v>
      </c>
      <c r="D9106" s="6" t="s">
        <v>69</v>
      </c>
      <c r="E9106" s="6">
        <v>11001</v>
      </c>
      <c r="F9106" s="6" t="s">
        <v>13</v>
      </c>
      <c r="G9106" s="6" t="s">
        <v>2357</v>
      </c>
      <c r="H9106" s="6" t="s">
        <v>2358</v>
      </c>
      <c r="I9106" s="7">
        <v>4.7470920000000003</v>
      </c>
      <c r="J9106" s="8">
        <v>-74.1159119</v>
      </c>
    </row>
    <row r="9107" spans="1:10" x14ac:dyDescent="0.35">
      <c r="A9107" s="5" t="s">
        <v>10</v>
      </c>
      <c r="B9107" s="6">
        <v>225052</v>
      </c>
      <c r="C9107" s="6" t="s">
        <v>190</v>
      </c>
      <c r="D9107" s="6" t="s">
        <v>6084</v>
      </c>
      <c r="E9107" s="6">
        <v>5154</v>
      </c>
      <c r="F9107" s="6" t="s">
        <v>13</v>
      </c>
      <c r="G9107" s="6" t="s">
        <v>18113</v>
      </c>
      <c r="H9107" s="6" t="s">
        <v>18114</v>
      </c>
      <c r="I9107" s="7">
        <v>7.9809884000000002</v>
      </c>
      <c r="J9107" s="8">
        <v>-75.198462899999996</v>
      </c>
    </row>
    <row r="9108" spans="1:10" x14ac:dyDescent="0.35">
      <c r="A9108" s="5" t="s">
        <v>10</v>
      </c>
      <c r="B9108" s="6">
        <v>246737</v>
      </c>
      <c r="C9108" s="6" t="s">
        <v>55</v>
      </c>
      <c r="D9108" s="6" t="s">
        <v>56</v>
      </c>
      <c r="E9108" s="6">
        <v>73001</v>
      </c>
      <c r="F9108" s="6" t="s">
        <v>18</v>
      </c>
      <c r="G9108" s="6" t="s">
        <v>18115</v>
      </c>
      <c r="H9108" s="6" t="s">
        <v>18116</v>
      </c>
      <c r="I9108" s="7">
        <v>4.4387492000000002</v>
      </c>
      <c r="J9108" s="8">
        <v>-75.216098599999995</v>
      </c>
    </row>
    <row r="9109" spans="1:10" x14ac:dyDescent="0.35">
      <c r="A9109" s="5" t="s">
        <v>10</v>
      </c>
      <c r="B9109" s="6">
        <v>183627</v>
      </c>
      <c r="C9109" s="6" t="s">
        <v>28</v>
      </c>
      <c r="D9109" s="6" t="s">
        <v>29</v>
      </c>
      <c r="E9109" s="6">
        <v>54001</v>
      </c>
      <c r="F9109" s="6" t="s">
        <v>18</v>
      </c>
      <c r="G9109" s="6" t="s">
        <v>18117</v>
      </c>
      <c r="H9109" s="6" t="s">
        <v>18118</v>
      </c>
      <c r="I9109" s="7">
        <v>7.8965395999999997</v>
      </c>
      <c r="J9109" s="8">
        <v>-72.497188699999995</v>
      </c>
    </row>
    <row r="9110" spans="1:10" x14ac:dyDescent="0.35">
      <c r="A9110" s="5" t="s">
        <v>10</v>
      </c>
      <c r="B9110" s="6">
        <v>243976</v>
      </c>
      <c r="C9110" s="6" t="s">
        <v>28</v>
      </c>
      <c r="D9110" s="6" t="s">
        <v>29</v>
      </c>
      <c r="E9110" s="6">
        <v>54001</v>
      </c>
      <c r="F9110" s="6" t="s">
        <v>18</v>
      </c>
      <c r="G9110" s="6" t="s">
        <v>18119</v>
      </c>
      <c r="H9110" s="6" t="s">
        <v>18120</v>
      </c>
      <c r="I9110" s="7">
        <v>7.9149760999999996</v>
      </c>
      <c r="J9110" s="8">
        <v>-72.526029800000003</v>
      </c>
    </row>
    <row r="9111" spans="1:10" x14ac:dyDescent="0.35">
      <c r="A9111" s="5" t="s">
        <v>10</v>
      </c>
      <c r="B9111" s="6">
        <v>232327</v>
      </c>
      <c r="C9111" s="6" t="s">
        <v>55</v>
      </c>
      <c r="D9111" s="6" t="s">
        <v>56</v>
      </c>
      <c r="E9111" s="6">
        <v>73001</v>
      </c>
      <c r="F9111" s="6" t="s">
        <v>18</v>
      </c>
      <c r="G9111" s="6" t="s">
        <v>18121</v>
      </c>
      <c r="H9111" s="6" t="s">
        <v>18122</v>
      </c>
      <c r="I9111" s="7">
        <v>4.4479974000000002</v>
      </c>
      <c r="J9111" s="8">
        <v>-75.163149599999997</v>
      </c>
    </row>
    <row r="9112" spans="1:10" x14ac:dyDescent="0.35">
      <c r="A9112" s="5" t="s">
        <v>10</v>
      </c>
      <c r="B9112" s="6">
        <v>224891</v>
      </c>
      <c r="C9112" s="6" t="s">
        <v>68</v>
      </c>
      <c r="D9112" s="6" t="s">
        <v>69</v>
      </c>
      <c r="E9112" s="6">
        <v>11001</v>
      </c>
      <c r="F9112" s="6" t="s">
        <v>2161</v>
      </c>
      <c r="G9112" s="6" t="s">
        <v>18123</v>
      </c>
      <c r="H9112" s="6" t="s">
        <v>18124</v>
      </c>
      <c r="I9112" s="7">
        <v>4.6402593999999997</v>
      </c>
      <c r="J9112" s="8">
        <v>-74.195602600000001</v>
      </c>
    </row>
    <row r="9113" spans="1:10" x14ac:dyDescent="0.35">
      <c r="A9113" s="5" t="s">
        <v>10</v>
      </c>
      <c r="B9113" s="6">
        <v>238772</v>
      </c>
      <c r="C9113" s="6" t="s">
        <v>11</v>
      </c>
      <c r="D9113" s="6" t="s">
        <v>3833</v>
      </c>
      <c r="E9113" s="6">
        <v>25322</v>
      </c>
      <c r="F9113" s="6" t="s">
        <v>2161</v>
      </c>
      <c r="G9113" s="6" t="s">
        <v>18125</v>
      </c>
      <c r="H9113" s="6" t="s">
        <v>18126</v>
      </c>
      <c r="I9113" s="7">
        <v>4.8664744000000004</v>
      </c>
      <c r="J9113" s="8">
        <v>-73.876986700000003</v>
      </c>
    </row>
    <row r="9114" spans="1:10" x14ac:dyDescent="0.35">
      <c r="A9114" s="5" t="s">
        <v>10</v>
      </c>
      <c r="B9114" s="6">
        <v>212127</v>
      </c>
      <c r="C9114" s="6" t="s">
        <v>11</v>
      </c>
      <c r="D9114" s="6" t="s">
        <v>159</v>
      </c>
      <c r="E9114" s="6">
        <v>25175</v>
      </c>
      <c r="F9114" s="6" t="s">
        <v>2161</v>
      </c>
      <c r="G9114" s="6" t="s">
        <v>18127</v>
      </c>
      <c r="H9114" s="6" t="s">
        <v>18128</v>
      </c>
      <c r="I9114" s="7">
        <v>4.8606876999999997</v>
      </c>
      <c r="J9114" s="8">
        <v>-74.061872999999906</v>
      </c>
    </row>
    <row r="9115" spans="1:10" x14ac:dyDescent="0.35">
      <c r="A9115" s="5" t="s">
        <v>10</v>
      </c>
      <c r="B9115" s="6">
        <v>230726</v>
      </c>
      <c r="C9115" s="6" t="s">
        <v>6569</v>
      </c>
      <c r="D9115" s="6" t="s">
        <v>1433</v>
      </c>
      <c r="E9115" s="6">
        <v>91669</v>
      </c>
      <c r="F9115" s="6" t="s">
        <v>2161</v>
      </c>
      <c r="G9115" s="6" t="s">
        <v>18129</v>
      </c>
      <c r="H9115" s="6" t="s">
        <v>18130</v>
      </c>
      <c r="I9115" s="7">
        <v>-0.62187360000000003</v>
      </c>
      <c r="J9115" s="8">
        <v>-72.382555699999998</v>
      </c>
    </row>
    <row r="9116" spans="1:10" x14ac:dyDescent="0.35">
      <c r="A9116" s="5" t="s">
        <v>10</v>
      </c>
      <c r="B9116" s="6">
        <v>172852</v>
      </c>
      <c r="C9116" s="6" t="s">
        <v>68</v>
      </c>
      <c r="D9116" s="6" t="s">
        <v>69</v>
      </c>
      <c r="E9116" s="6">
        <v>11001</v>
      </c>
      <c r="F9116" s="6" t="s">
        <v>13</v>
      </c>
      <c r="G9116" s="6" t="s">
        <v>632</v>
      </c>
      <c r="H9116" s="6" t="s">
        <v>633</v>
      </c>
      <c r="I9116" s="7">
        <v>4.6018252999999998</v>
      </c>
      <c r="J9116" s="8">
        <v>-74.075602500000002</v>
      </c>
    </row>
    <row r="9117" spans="1:10" x14ac:dyDescent="0.35">
      <c r="A9117" s="5" t="s">
        <v>10</v>
      </c>
      <c r="B9117" s="6">
        <v>247299</v>
      </c>
      <c r="C9117" s="6" t="s">
        <v>68</v>
      </c>
      <c r="D9117" s="6" t="s">
        <v>69</v>
      </c>
      <c r="E9117" s="6">
        <v>11001</v>
      </c>
      <c r="F9117" s="6" t="s">
        <v>13</v>
      </c>
      <c r="G9117" s="6" t="s">
        <v>17752</v>
      </c>
      <c r="H9117" s="6" t="s">
        <v>18131</v>
      </c>
      <c r="I9117" s="7">
        <v>4.6650222000000001</v>
      </c>
      <c r="J9117" s="8">
        <v>-74.053423800000004</v>
      </c>
    </row>
    <row r="9118" spans="1:10" x14ac:dyDescent="0.35">
      <c r="A9118" s="5" t="s">
        <v>10</v>
      </c>
      <c r="B9118" s="6">
        <v>175060</v>
      </c>
      <c r="C9118" s="6" t="s">
        <v>11</v>
      </c>
      <c r="D9118" s="6" t="s">
        <v>513</v>
      </c>
      <c r="E9118" s="6">
        <v>25286</v>
      </c>
      <c r="F9118" s="6" t="s">
        <v>13</v>
      </c>
      <c r="G9118" s="6" t="s">
        <v>2651</v>
      </c>
      <c r="H9118" s="6" t="s">
        <v>2652</v>
      </c>
      <c r="I9118" s="7">
        <v>4.6297921000000004</v>
      </c>
      <c r="J9118" s="8">
        <v>-74.066844799999998</v>
      </c>
    </row>
    <row r="9119" spans="1:10" x14ac:dyDescent="0.35">
      <c r="A9119" s="5" t="s">
        <v>10</v>
      </c>
      <c r="B9119" s="6">
        <v>207151</v>
      </c>
      <c r="C9119" s="6" t="s">
        <v>28</v>
      </c>
      <c r="D9119" s="6" t="s">
        <v>352</v>
      </c>
      <c r="E9119" s="6">
        <v>54261</v>
      </c>
      <c r="F9119" s="6" t="s">
        <v>13</v>
      </c>
      <c r="G9119" s="6" t="s">
        <v>18132</v>
      </c>
      <c r="H9119" s="6" t="s">
        <v>18133</v>
      </c>
      <c r="I9119" s="7">
        <v>7.9372889999999998</v>
      </c>
      <c r="J9119" s="8">
        <v>-72.604826000000003</v>
      </c>
    </row>
    <row r="9120" spans="1:10" x14ac:dyDescent="0.35">
      <c r="A9120" s="5" t="s">
        <v>10</v>
      </c>
      <c r="B9120" s="6">
        <v>224274</v>
      </c>
      <c r="C9120" s="6" t="s">
        <v>28</v>
      </c>
      <c r="D9120" s="6" t="s">
        <v>322</v>
      </c>
      <c r="E9120" s="6">
        <v>54405</v>
      </c>
      <c r="F9120" s="6" t="s">
        <v>18</v>
      </c>
      <c r="G9120" s="6" t="s">
        <v>323</v>
      </c>
      <c r="H9120" s="6" t="s">
        <v>324</v>
      </c>
      <c r="I9120" s="7">
        <v>7.8140700000000001</v>
      </c>
      <c r="J9120" s="8">
        <v>-72.512309999999999</v>
      </c>
    </row>
    <row r="9121" spans="1:10" x14ac:dyDescent="0.35">
      <c r="A9121" s="5" t="s">
        <v>10</v>
      </c>
      <c r="B9121" s="6">
        <v>212736</v>
      </c>
      <c r="C9121" s="6" t="s">
        <v>28</v>
      </c>
      <c r="D9121" s="6" t="s">
        <v>322</v>
      </c>
      <c r="E9121" s="6">
        <v>54405</v>
      </c>
      <c r="F9121" s="6" t="s">
        <v>18</v>
      </c>
      <c r="G9121" s="6" t="s">
        <v>18134</v>
      </c>
      <c r="H9121" s="6" t="s">
        <v>18135</v>
      </c>
      <c r="I9121" s="7">
        <v>7.8933556999999999</v>
      </c>
      <c r="J9121" s="8">
        <v>-72.504077799999905</v>
      </c>
    </row>
    <row r="9122" spans="1:10" x14ac:dyDescent="0.35">
      <c r="A9122" s="5" t="s">
        <v>10</v>
      </c>
      <c r="B9122" s="6">
        <v>228184</v>
      </c>
      <c r="C9122" s="6" t="s">
        <v>11</v>
      </c>
      <c r="D9122" s="6" t="s">
        <v>159</v>
      </c>
      <c r="E9122" s="6">
        <v>25175</v>
      </c>
      <c r="F9122" s="6" t="s">
        <v>2161</v>
      </c>
      <c r="G9122" s="6" t="s">
        <v>18136</v>
      </c>
      <c r="H9122" s="6" t="s">
        <v>18137</v>
      </c>
      <c r="I9122" s="7">
        <v>4.8509991000000001</v>
      </c>
      <c r="J9122" s="8">
        <v>-74.053719099999995</v>
      </c>
    </row>
    <row r="9123" spans="1:10" x14ac:dyDescent="0.35">
      <c r="A9123" s="5" t="s">
        <v>10</v>
      </c>
      <c r="B9123" s="6">
        <v>219483</v>
      </c>
      <c r="C9123" s="6" t="s">
        <v>28</v>
      </c>
      <c r="D9123" s="6" t="s">
        <v>29</v>
      </c>
      <c r="E9123" s="6">
        <v>54001</v>
      </c>
      <c r="F9123" s="6" t="s">
        <v>13</v>
      </c>
      <c r="G9123" s="6" t="s">
        <v>18138</v>
      </c>
      <c r="H9123" s="6" t="s">
        <v>18139</v>
      </c>
      <c r="I9123" s="7">
        <v>7.8842789</v>
      </c>
      <c r="J9123" s="8">
        <v>-72.504384400000006</v>
      </c>
    </row>
    <row r="9124" spans="1:10" x14ac:dyDescent="0.35">
      <c r="A9124" s="5" t="s">
        <v>10</v>
      </c>
      <c r="B9124" s="6">
        <v>225339</v>
      </c>
      <c r="C9124" s="6" t="s">
        <v>457</v>
      </c>
      <c r="D9124" s="6" t="s">
        <v>4400</v>
      </c>
      <c r="E9124" s="6">
        <v>52001</v>
      </c>
      <c r="F9124" s="6" t="s">
        <v>13</v>
      </c>
      <c r="G9124" s="6" t="s">
        <v>18140</v>
      </c>
      <c r="H9124" s="6" t="s">
        <v>18141</v>
      </c>
      <c r="I9124" s="7">
        <v>1.2187946000000001</v>
      </c>
      <c r="J9124" s="8">
        <v>-77.279545999999996</v>
      </c>
    </row>
    <row r="9125" spans="1:10" x14ac:dyDescent="0.35">
      <c r="A9125" s="5" t="s">
        <v>10</v>
      </c>
      <c r="B9125" s="6">
        <v>223798</v>
      </c>
      <c r="C9125" s="6" t="s">
        <v>109</v>
      </c>
      <c r="D9125" s="6" t="s">
        <v>227</v>
      </c>
      <c r="E9125" s="6">
        <v>13001</v>
      </c>
      <c r="F9125" s="6" t="s">
        <v>13</v>
      </c>
      <c r="G9125" s="6" t="s">
        <v>18142</v>
      </c>
      <c r="H9125" s="6" t="s">
        <v>18143</v>
      </c>
      <c r="I9125" s="7">
        <v>10.3958969</v>
      </c>
      <c r="J9125" s="8">
        <v>-75.491150000000005</v>
      </c>
    </row>
    <row r="9126" spans="1:10" x14ac:dyDescent="0.35">
      <c r="A9126" s="5" t="s">
        <v>10</v>
      </c>
      <c r="B9126" s="6">
        <v>197952</v>
      </c>
      <c r="C9126" s="6" t="s">
        <v>16</v>
      </c>
      <c r="D9126" s="6" t="s">
        <v>370</v>
      </c>
      <c r="E9126" s="6">
        <v>68872</v>
      </c>
      <c r="F9126" s="6" t="s">
        <v>18</v>
      </c>
      <c r="G9126" s="6" t="s">
        <v>370</v>
      </c>
      <c r="H9126" s="6" t="s">
        <v>18144</v>
      </c>
      <c r="I9126" s="7">
        <v>6.6708824</v>
      </c>
      <c r="J9126" s="8">
        <v>-73.1748355</v>
      </c>
    </row>
    <row r="9127" spans="1:10" x14ac:dyDescent="0.35">
      <c r="A9127" s="5" t="s">
        <v>10</v>
      </c>
      <c r="B9127" s="6">
        <v>246255</v>
      </c>
      <c r="C9127" s="6" t="s">
        <v>11</v>
      </c>
      <c r="D9127" s="6" t="s">
        <v>101</v>
      </c>
      <c r="E9127" s="6">
        <v>25473</v>
      </c>
      <c r="F9127" s="6" t="s">
        <v>18</v>
      </c>
      <c r="G9127" s="6" t="s">
        <v>18145</v>
      </c>
      <c r="H9127" s="6" t="s">
        <v>18146</v>
      </c>
      <c r="I9127" s="7">
        <v>4.7039910000000003</v>
      </c>
      <c r="J9127" s="8">
        <v>-74.240194200000005</v>
      </c>
    </row>
    <row r="9128" spans="1:10" x14ac:dyDescent="0.35">
      <c r="A9128" s="5" t="s">
        <v>10</v>
      </c>
      <c r="B9128" s="6">
        <v>213439</v>
      </c>
      <c r="C9128" s="6" t="s">
        <v>466</v>
      </c>
      <c r="D9128" s="6" t="s">
        <v>1262</v>
      </c>
      <c r="E9128" s="6">
        <v>81001</v>
      </c>
      <c r="F9128" s="6" t="s">
        <v>18</v>
      </c>
      <c r="G9128" s="6" t="s">
        <v>18147</v>
      </c>
      <c r="H9128" s="6" t="s">
        <v>18148</v>
      </c>
      <c r="I9128" s="7">
        <v>7.0920445000000001</v>
      </c>
      <c r="J9128" s="8">
        <v>-70.757012199999906</v>
      </c>
    </row>
    <row r="9129" spans="1:10" x14ac:dyDescent="0.35">
      <c r="A9129" s="5" t="s">
        <v>10</v>
      </c>
      <c r="B9129" s="6">
        <v>221165</v>
      </c>
      <c r="C9129" s="6" t="s">
        <v>3788</v>
      </c>
      <c r="D9129" s="6" t="s">
        <v>3974</v>
      </c>
      <c r="E9129" s="6">
        <v>18001</v>
      </c>
      <c r="F9129" s="6" t="s">
        <v>2161</v>
      </c>
      <c r="G9129" s="6" t="s">
        <v>18149</v>
      </c>
      <c r="H9129" s="6" t="s">
        <v>18150</v>
      </c>
      <c r="I9129" s="7">
        <v>1.633874</v>
      </c>
      <c r="J9129" s="8">
        <v>-75.605194999999995</v>
      </c>
    </row>
    <row r="9130" spans="1:10" x14ac:dyDescent="0.35">
      <c r="A9130" s="5" t="s">
        <v>10</v>
      </c>
      <c r="B9130" s="6">
        <v>230724</v>
      </c>
      <c r="C9130" s="6" t="s">
        <v>16</v>
      </c>
      <c r="D9130" s="6" t="s">
        <v>78</v>
      </c>
      <c r="E9130" s="6">
        <v>68001</v>
      </c>
      <c r="F9130" s="6" t="s">
        <v>2161</v>
      </c>
      <c r="G9130" s="6" t="s">
        <v>18151</v>
      </c>
      <c r="H9130" s="6" t="s">
        <v>18152</v>
      </c>
      <c r="I9130" s="7">
        <v>7.1121363999999998</v>
      </c>
      <c r="J9130" s="8">
        <v>-73.131460799999999</v>
      </c>
    </row>
    <row r="9131" spans="1:10" x14ac:dyDescent="0.35">
      <c r="A9131" s="5" t="s">
        <v>10</v>
      </c>
      <c r="B9131" s="6">
        <v>230721</v>
      </c>
      <c r="C9131" s="6" t="s">
        <v>109</v>
      </c>
      <c r="D9131" s="6" t="s">
        <v>227</v>
      </c>
      <c r="E9131" s="6">
        <v>13001</v>
      </c>
      <c r="F9131" s="6" t="s">
        <v>2161</v>
      </c>
      <c r="G9131" s="6" t="s">
        <v>18153</v>
      </c>
      <c r="H9131" s="6" t="s">
        <v>18154</v>
      </c>
      <c r="I9131" s="7">
        <v>10.3839615</v>
      </c>
      <c r="J9131" s="8">
        <v>-75.456267299999993</v>
      </c>
    </row>
    <row r="9132" spans="1:10" x14ac:dyDescent="0.35">
      <c r="A9132" s="5" t="s">
        <v>10</v>
      </c>
      <c r="B9132" s="6">
        <v>231927</v>
      </c>
      <c r="C9132" s="6" t="s">
        <v>68</v>
      </c>
      <c r="D9132" s="6" t="s">
        <v>69</v>
      </c>
      <c r="E9132" s="6">
        <v>11001</v>
      </c>
      <c r="F9132" s="6" t="s">
        <v>2161</v>
      </c>
      <c r="G9132" s="6" t="s">
        <v>18155</v>
      </c>
      <c r="H9132" s="6" t="s">
        <v>18156</v>
      </c>
      <c r="I9132" s="7">
        <v>4.6028193999999996</v>
      </c>
      <c r="J9132" s="8">
        <v>-74.107769700000006</v>
      </c>
    </row>
    <row r="9133" spans="1:10" x14ac:dyDescent="0.35">
      <c r="A9133" s="5" t="s">
        <v>10</v>
      </c>
      <c r="B9133" s="6">
        <v>228190</v>
      </c>
      <c r="C9133" s="6" t="s">
        <v>68</v>
      </c>
      <c r="D9133" s="6" t="s">
        <v>69</v>
      </c>
      <c r="E9133" s="6">
        <v>11001</v>
      </c>
      <c r="F9133" s="6" t="s">
        <v>2161</v>
      </c>
      <c r="G9133" s="6" t="s">
        <v>18157</v>
      </c>
      <c r="H9133" s="6" t="s">
        <v>18158</v>
      </c>
      <c r="I9133" s="7">
        <v>4.7115216999999996</v>
      </c>
      <c r="J9133" s="8">
        <v>-74.143858199999997</v>
      </c>
    </row>
    <row r="9134" spans="1:10" x14ac:dyDescent="0.35">
      <c r="A9134" s="5" t="s">
        <v>10</v>
      </c>
      <c r="B9134" s="6">
        <v>232717</v>
      </c>
      <c r="C9134" s="6" t="s">
        <v>457</v>
      </c>
      <c r="D9134" s="6" t="s">
        <v>18159</v>
      </c>
      <c r="E9134" s="6">
        <v>52354</v>
      </c>
      <c r="F9134" s="6" t="s">
        <v>2161</v>
      </c>
      <c r="G9134" s="6" t="s">
        <v>18160</v>
      </c>
      <c r="H9134" s="6" t="s">
        <v>18161</v>
      </c>
      <c r="I9134" s="7">
        <v>1.0553033000000001</v>
      </c>
      <c r="J9134" s="8">
        <v>-77.496089699999999</v>
      </c>
    </row>
    <row r="9135" spans="1:10" x14ac:dyDescent="0.35">
      <c r="A9135" s="5" t="s">
        <v>10</v>
      </c>
      <c r="B9135" s="6">
        <v>246075</v>
      </c>
      <c r="C9135" s="6" t="s">
        <v>55</v>
      </c>
      <c r="D9135" s="6" t="s">
        <v>56</v>
      </c>
      <c r="E9135" s="6">
        <v>73001</v>
      </c>
      <c r="F9135" s="6" t="s">
        <v>13</v>
      </c>
      <c r="G9135" s="6" t="s">
        <v>18110</v>
      </c>
      <c r="H9135" s="6" t="s">
        <v>18162</v>
      </c>
      <c r="I9135" s="7">
        <v>4.4274044999999997</v>
      </c>
      <c r="J9135" s="8">
        <v>-75.248054199999999</v>
      </c>
    </row>
    <row r="9136" spans="1:10" x14ac:dyDescent="0.35">
      <c r="A9136" s="5" t="s">
        <v>10</v>
      </c>
      <c r="B9136" s="6">
        <v>169661</v>
      </c>
      <c r="C9136" s="6" t="s">
        <v>68</v>
      </c>
      <c r="D9136" s="6" t="s">
        <v>69</v>
      </c>
      <c r="E9136" s="6">
        <v>11001</v>
      </c>
      <c r="F9136" s="6" t="s">
        <v>13</v>
      </c>
      <c r="G9136" s="6" t="s">
        <v>1087</v>
      </c>
      <c r="H9136" s="6" t="s">
        <v>18163</v>
      </c>
      <c r="I9136" s="7">
        <v>4.6626272000000002</v>
      </c>
      <c r="J9136" s="8">
        <v>-74.065611500000003</v>
      </c>
    </row>
    <row r="9137" spans="1:10" x14ac:dyDescent="0.35">
      <c r="A9137" s="5" t="s">
        <v>10</v>
      </c>
      <c r="B9137" s="6">
        <v>188166</v>
      </c>
      <c r="C9137" s="6" t="s">
        <v>11</v>
      </c>
      <c r="D9137" s="6" t="s">
        <v>901</v>
      </c>
      <c r="E9137" s="6">
        <v>25307</v>
      </c>
      <c r="F9137" s="6" t="s">
        <v>13</v>
      </c>
      <c r="G9137" s="6" t="s">
        <v>160</v>
      </c>
      <c r="H9137" s="6" t="s">
        <v>902</v>
      </c>
      <c r="I9137" s="7">
        <v>4.2965492000000003</v>
      </c>
      <c r="J9137" s="8">
        <v>-74.8055971</v>
      </c>
    </row>
    <row r="9138" spans="1:10" x14ac:dyDescent="0.35">
      <c r="A9138" s="5" t="s">
        <v>10</v>
      </c>
      <c r="B9138" s="6">
        <v>213398</v>
      </c>
      <c r="C9138" s="6" t="s">
        <v>278</v>
      </c>
      <c r="D9138" s="6" t="s">
        <v>1331</v>
      </c>
      <c r="E9138" s="6">
        <v>50006</v>
      </c>
      <c r="F9138" s="6" t="s">
        <v>18</v>
      </c>
      <c r="G9138" s="6" t="s">
        <v>18164</v>
      </c>
      <c r="H9138" s="6" t="s">
        <v>18165</v>
      </c>
      <c r="I9138" s="7">
        <v>3.9868964999999998</v>
      </c>
      <c r="J9138" s="8">
        <v>-73.760288599999996</v>
      </c>
    </row>
    <row r="9139" spans="1:10" x14ac:dyDescent="0.35">
      <c r="A9139" s="5" t="s">
        <v>10</v>
      </c>
      <c r="B9139" s="6">
        <v>229980</v>
      </c>
      <c r="C9139" s="6" t="s">
        <v>68</v>
      </c>
      <c r="D9139" s="6" t="s">
        <v>69</v>
      </c>
      <c r="E9139" s="6">
        <v>11001</v>
      </c>
      <c r="F9139" s="6" t="s">
        <v>2161</v>
      </c>
      <c r="G9139" s="6" t="s">
        <v>18166</v>
      </c>
      <c r="H9139" s="6" t="s">
        <v>18167</v>
      </c>
      <c r="I9139" s="7">
        <v>4.6150159999999998</v>
      </c>
      <c r="J9139" s="8">
        <v>-74.1088776</v>
      </c>
    </row>
    <row r="9140" spans="1:10" x14ac:dyDescent="0.35">
      <c r="A9140" s="5" t="s">
        <v>10</v>
      </c>
      <c r="B9140" s="6">
        <v>228185</v>
      </c>
      <c r="C9140" s="6" t="s">
        <v>11</v>
      </c>
      <c r="D9140" s="6" t="s">
        <v>12</v>
      </c>
      <c r="E9140" s="6">
        <v>25899</v>
      </c>
      <c r="F9140" s="6" t="s">
        <v>2161</v>
      </c>
      <c r="G9140" s="6" t="s">
        <v>18168</v>
      </c>
      <c r="H9140" s="6" t="s">
        <v>18169</v>
      </c>
      <c r="I9140" s="7">
        <v>5.0141998999999897</v>
      </c>
      <c r="J9140" s="8">
        <v>-73.994825199999994</v>
      </c>
    </row>
    <row r="9141" spans="1:10" x14ac:dyDescent="0.35">
      <c r="A9141" s="5" t="s">
        <v>10</v>
      </c>
      <c r="B9141" s="6">
        <v>238762</v>
      </c>
      <c r="C9141" s="6" t="s">
        <v>457</v>
      </c>
      <c r="D9141" s="6" t="s">
        <v>18170</v>
      </c>
      <c r="E9141" s="6">
        <v>52435</v>
      </c>
      <c r="F9141" s="6" t="s">
        <v>2161</v>
      </c>
      <c r="G9141" s="6" t="s">
        <v>7415</v>
      </c>
      <c r="H9141" s="6" t="s">
        <v>18171</v>
      </c>
      <c r="I9141" s="7">
        <v>1.1408720000000001</v>
      </c>
      <c r="J9141" s="8">
        <v>-77.8645669</v>
      </c>
    </row>
    <row r="9142" spans="1:10" x14ac:dyDescent="0.35">
      <c r="A9142" s="5" t="s">
        <v>10</v>
      </c>
      <c r="B9142" s="6">
        <v>190316</v>
      </c>
      <c r="C9142" s="6" t="s">
        <v>11</v>
      </c>
      <c r="D9142" s="6" t="s">
        <v>3054</v>
      </c>
      <c r="E9142" s="6">
        <v>25269</v>
      </c>
      <c r="F9142" s="6" t="s">
        <v>13</v>
      </c>
      <c r="G9142" s="6" t="s">
        <v>3055</v>
      </c>
      <c r="H9142" s="6" t="s">
        <v>3056</v>
      </c>
      <c r="I9142" s="7">
        <v>4.8140045999999996</v>
      </c>
      <c r="J9142" s="8">
        <v>-74.354996499999999</v>
      </c>
    </row>
    <row r="9143" spans="1:10" x14ac:dyDescent="0.35">
      <c r="A9143" s="5" t="s">
        <v>10</v>
      </c>
      <c r="B9143" s="6">
        <v>172830</v>
      </c>
      <c r="C9143" s="6" t="s">
        <v>190</v>
      </c>
      <c r="D9143" s="6" t="s">
        <v>191</v>
      </c>
      <c r="E9143" s="6">
        <v>5001</v>
      </c>
      <c r="F9143" s="6" t="s">
        <v>13</v>
      </c>
      <c r="G9143" s="6" t="s">
        <v>18172</v>
      </c>
      <c r="H9143" s="6" t="s">
        <v>18173</v>
      </c>
      <c r="I9143" s="7">
        <v>6.1711670999999999</v>
      </c>
      <c r="J9143" s="8">
        <v>-75.608419900000001</v>
      </c>
    </row>
    <row r="9144" spans="1:10" x14ac:dyDescent="0.35">
      <c r="A9144" s="5" t="s">
        <v>10</v>
      </c>
      <c r="B9144" s="6">
        <v>184815</v>
      </c>
      <c r="C9144" s="6" t="s">
        <v>308</v>
      </c>
      <c r="D9144" s="6" t="s">
        <v>309</v>
      </c>
      <c r="E9144" s="6">
        <v>23001</v>
      </c>
      <c r="F9144" s="6" t="s">
        <v>13</v>
      </c>
      <c r="G9144" s="6" t="s">
        <v>160</v>
      </c>
      <c r="H9144" s="6" t="s">
        <v>310</v>
      </c>
      <c r="I9144" s="7">
        <v>8.7453120000000002</v>
      </c>
      <c r="J9144" s="8">
        <v>-75.893833599999994</v>
      </c>
    </row>
    <row r="9145" spans="1:10" x14ac:dyDescent="0.35">
      <c r="A9145" s="5" t="s">
        <v>10</v>
      </c>
      <c r="B9145" s="6">
        <v>243886</v>
      </c>
      <c r="C9145" s="6" t="s">
        <v>466</v>
      </c>
      <c r="D9145" s="6" t="s">
        <v>1576</v>
      </c>
      <c r="E9145" s="6">
        <v>81065</v>
      </c>
      <c r="F9145" s="6" t="s">
        <v>18</v>
      </c>
      <c r="G9145" s="6" t="s">
        <v>18174</v>
      </c>
      <c r="H9145" s="6" t="s">
        <v>18175</v>
      </c>
      <c r="I9145" s="7">
        <v>7.0735951999999997</v>
      </c>
      <c r="J9145" s="8">
        <v>-70.752168100000006</v>
      </c>
    </row>
    <row r="9146" spans="1:10" x14ac:dyDescent="0.35">
      <c r="A9146" s="5" t="s">
        <v>10</v>
      </c>
      <c r="B9146" s="6">
        <v>233656</v>
      </c>
      <c r="C9146" s="6" t="s">
        <v>68</v>
      </c>
      <c r="D9146" s="6" t="s">
        <v>69</v>
      </c>
      <c r="E9146" s="6">
        <v>11001</v>
      </c>
      <c r="F9146" s="6" t="s">
        <v>2161</v>
      </c>
      <c r="G9146" s="6" t="s">
        <v>18176</v>
      </c>
      <c r="H9146" s="6" t="s">
        <v>18177</v>
      </c>
      <c r="I9146" s="7">
        <v>4.7321600000000004</v>
      </c>
      <c r="J9146" s="8">
        <v>-74.028199999999998</v>
      </c>
    </row>
    <row r="9147" spans="1:10" x14ac:dyDescent="0.35">
      <c r="A9147" s="5" t="s">
        <v>10</v>
      </c>
      <c r="B9147" s="6">
        <v>74010</v>
      </c>
      <c r="C9147" s="6" t="s">
        <v>308</v>
      </c>
      <c r="D9147" s="6" t="s">
        <v>309</v>
      </c>
      <c r="E9147" s="6">
        <v>23001</v>
      </c>
      <c r="F9147" s="6" t="s">
        <v>13</v>
      </c>
      <c r="G9147" s="6" t="s">
        <v>18178</v>
      </c>
      <c r="H9147" s="6" t="s">
        <v>18179</v>
      </c>
      <c r="I9147" s="7">
        <v>8.7574018999999996</v>
      </c>
      <c r="J9147" s="8">
        <v>-75.887255699999997</v>
      </c>
    </row>
    <row r="9148" spans="1:10" x14ac:dyDescent="0.35">
      <c r="A9148" s="5" t="s">
        <v>10</v>
      </c>
      <c r="B9148" s="6">
        <v>141701</v>
      </c>
      <c r="C9148" s="6" t="s">
        <v>11</v>
      </c>
      <c r="D9148" s="6" t="s">
        <v>1206</v>
      </c>
      <c r="E9148" s="6">
        <v>25875</v>
      </c>
      <c r="F9148" s="6" t="s">
        <v>13</v>
      </c>
      <c r="G9148" s="6" t="s">
        <v>18180</v>
      </c>
      <c r="H9148" s="6" t="s">
        <v>18181</v>
      </c>
      <c r="I9148" s="7">
        <v>5.0113294000000002</v>
      </c>
      <c r="J9148" s="8">
        <v>-74.470791000000006</v>
      </c>
    </row>
    <row r="9149" spans="1:10" x14ac:dyDescent="0.35">
      <c r="A9149" s="5" t="s">
        <v>10</v>
      </c>
      <c r="B9149" s="6">
        <v>192415</v>
      </c>
      <c r="C9149" s="6" t="s">
        <v>11</v>
      </c>
      <c r="D9149" s="6" t="s">
        <v>221</v>
      </c>
      <c r="E9149" s="6">
        <v>25430</v>
      </c>
      <c r="F9149" s="6" t="s">
        <v>13</v>
      </c>
      <c r="G9149" s="6" t="s">
        <v>160</v>
      </c>
      <c r="H9149" s="6" t="s">
        <v>18182</v>
      </c>
      <c r="I9149" s="7">
        <v>4.7319462999999997</v>
      </c>
      <c r="J9149" s="8">
        <v>-74.261712599999996</v>
      </c>
    </row>
    <row r="9150" spans="1:10" x14ac:dyDescent="0.35">
      <c r="A9150" s="5" t="s">
        <v>10</v>
      </c>
      <c r="B9150" s="6">
        <v>208933</v>
      </c>
      <c r="C9150" s="6" t="s">
        <v>2821</v>
      </c>
      <c r="D9150" s="6" t="s">
        <v>2822</v>
      </c>
      <c r="E9150" s="6">
        <v>47001</v>
      </c>
      <c r="F9150" s="6" t="s">
        <v>2161</v>
      </c>
      <c r="G9150" s="6" t="s">
        <v>18183</v>
      </c>
      <c r="H9150" s="6" t="s">
        <v>18184</v>
      </c>
      <c r="I9150" s="7">
        <v>11.196386</v>
      </c>
      <c r="J9150" s="8">
        <v>-74.218361000000002</v>
      </c>
    </row>
    <row r="9151" spans="1:10" x14ac:dyDescent="0.35">
      <c r="A9151" s="5" t="s">
        <v>10</v>
      </c>
      <c r="B9151" s="6">
        <v>239502</v>
      </c>
      <c r="C9151" s="6" t="s">
        <v>11</v>
      </c>
      <c r="D9151" s="6" t="s">
        <v>407</v>
      </c>
      <c r="E9151" s="6">
        <v>25126</v>
      </c>
      <c r="F9151" s="6" t="s">
        <v>2161</v>
      </c>
      <c r="G9151" s="6" t="s">
        <v>18185</v>
      </c>
      <c r="H9151" s="6" t="s">
        <v>18186</v>
      </c>
      <c r="I9151" s="7">
        <v>4.9148063999999998</v>
      </c>
      <c r="J9151" s="8">
        <v>-74.026099099999996</v>
      </c>
    </row>
    <row r="9152" spans="1:10" x14ac:dyDescent="0.35">
      <c r="A9152" s="5" t="s">
        <v>10</v>
      </c>
      <c r="B9152" s="6">
        <v>175064</v>
      </c>
      <c r="C9152" s="6" t="s">
        <v>11</v>
      </c>
      <c r="D9152" s="6" t="s">
        <v>334</v>
      </c>
      <c r="E9152" s="6">
        <v>25754</v>
      </c>
      <c r="F9152" s="6" t="s">
        <v>13</v>
      </c>
      <c r="G9152" s="6" t="s">
        <v>2950</v>
      </c>
      <c r="H9152" s="6" t="s">
        <v>2951</v>
      </c>
      <c r="I9152" s="7">
        <v>4.5818155999999997</v>
      </c>
      <c r="J9152" s="8">
        <v>-74.218905100000001</v>
      </c>
    </row>
    <row r="9153" spans="1:10" x14ac:dyDescent="0.35">
      <c r="A9153" s="5" t="s">
        <v>10</v>
      </c>
      <c r="B9153" s="6">
        <v>190474</v>
      </c>
      <c r="C9153" s="6" t="s">
        <v>11</v>
      </c>
      <c r="D9153" s="6" t="s">
        <v>101</v>
      </c>
      <c r="E9153" s="6">
        <v>25473</v>
      </c>
      <c r="F9153" s="6" t="s">
        <v>13</v>
      </c>
      <c r="G9153" s="6" t="s">
        <v>160</v>
      </c>
      <c r="H9153" s="6" t="s">
        <v>2094</v>
      </c>
      <c r="I9153" s="7">
        <v>4.7069362000000003</v>
      </c>
      <c r="J9153" s="8">
        <v>-74.215644900000001</v>
      </c>
    </row>
    <row r="9154" spans="1:10" x14ac:dyDescent="0.35">
      <c r="A9154" s="5" t="s">
        <v>10</v>
      </c>
      <c r="B9154" s="6">
        <v>191770</v>
      </c>
      <c r="C9154" s="6" t="s">
        <v>68</v>
      </c>
      <c r="D9154" s="6" t="s">
        <v>69</v>
      </c>
      <c r="E9154" s="6">
        <v>11001</v>
      </c>
      <c r="F9154" s="6" t="s">
        <v>13</v>
      </c>
      <c r="G9154" s="6" t="s">
        <v>2357</v>
      </c>
      <c r="H9154" s="6" t="s">
        <v>2358</v>
      </c>
      <c r="I9154" s="7">
        <v>4.7470920000000003</v>
      </c>
      <c r="J9154" s="8">
        <v>-74.1159119</v>
      </c>
    </row>
    <row r="9155" spans="1:10" x14ac:dyDescent="0.35">
      <c r="A9155" s="5" t="s">
        <v>10</v>
      </c>
      <c r="B9155" s="6">
        <v>152632</v>
      </c>
      <c r="C9155" s="6" t="s">
        <v>42</v>
      </c>
      <c r="D9155" s="6" t="s">
        <v>46</v>
      </c>
      <c r="E9155" s="6">
        <v>17174</v>
      </c>
      <c r="F9155" s="6" t="s">
        <v>18</v>
      </c>
      <c r="G9155" s="6" t="s">
        <v>2311</v>
      </c>
      <c r="H9155" s="6" t="s">
        <v>2312</v>
      </c>
      <c r="I9155" s="7">
        <v>4.9829020000000002</v>
      </c>
      <c r="J9155" s="8">
        <v>-75.699179999999998</v>
      </c>
    </row>
    <row r="9156" spans="1:10" x14ac:dyDescent="0.35">
      <c r="A9156" s="5" t="s">
        <v>10</v>
      </c>
      <c r="B9156" s="6">
        <v>231174</v>
      </c>
      <c r="C9156" s="6" t="s">
        <v>16</v>
      </c>
      <c r="D9156" s="6" t="s">
        <v>2202</v>
      </c>
      <c r="E9156" s="6">
        <v>68615</v>
      </c>
      <c r="F9156" s="6" t="s">
        <v>2161</v>
      </c>
      <c r="G9156" s="6" t="s">
        <v>18187</v>
      </c>
      <c r="H9156" s="6" t="s">
        <v>18188</v>
      </c>
      <c r="I9156" s="7">
        <v>7.2659620999999897</v>
      </c>
      <c r="J9156" s="8">
        <v>-73.149438699999905</v>
      </c>
    </row>
    <row r="9157" spans="1:10" x14ac:dyDescent="0.35">
      <c r="A9157" s="5" t="s">
        <v>10</v>
      </c>
      <c r="B9157" s="6">
        <v>208943</v>
      </c>
      <c r="C9157" s="6" t="s">
        <v>38</v>
      </c>
      <c r="D9157" s="6" t="s">
        <v>18189</v>
      </c>
      <c r="E9157" s="6">
        <v>19450</v>
      </c>
      <c r="F9157" s="6" t="s">
        <v>2161</v>
      </c>
      <c r="G9157" s="6" t="s">
        <v>18190</v>
      </c>
      <c r="H9157" s="6" t="s">
        <v>18191</v>
      </c>
      <c r="I9157" s="7">
        <v>2.4399478999999999</v>
      </c>
      <c r="J9157" s="8">
        <v>-76.603445399999998</v>
      </c>
    </row>
    <row r="9158" spans="1:10" x14ac:dyDescent="0.35">
      <c r="A9158" s="5" t="s">
        <v>10</v>
      </c>
      <c r="B9158" s="6">
        <v>141690</v>
      </c>
      <c r="C9158" s="6" t="s">
        <v>11</v>
      </c>
      <c r="D9158" s="6" t="s">
        <v>101</v>
      </c>
      <c r="E9158" s="6">
        <v>25473</v>
      </c>
      <c r="F9158" s="6" t="s">
        <v>13</v>
      </c>
      <c r="G9158" s="6" t="s">
        <v>403</v>
      </c>
      <c r="H9158" s="6" t="s">
        <v>404</v>
      </c>
      <c r="I9158" s="7">
        <v>4.6802367</v>
      </c>
      <c r="J9158" s="8">
        <v>-74.229671300000007</v>
      </c>
    </row>
    <row r="9159" spans="1:10" x14ac:dyDescent="0.35">
      <c r="A9159" s="5" t="s">
        <v>10</v>
      </c>
      <c r="B9159" s="6">
        <v>188166</v>
      </c>
      <c r="C9159" s="6" t="s">
        <v>11</v>
      </c>
      <c r="D9159" s="6" t="s">
        <v>901</v>
      </c>
      <c r="E9159" s="6">
        <v>25307</v>
      </c>
      <c r="F9159" s="6" t="s">
        <v>13</v>
      </c>
      <c r="G9159" s="6" t="s">
        <v>160</v>
      </c>
      <c r="H9159" s="6" t="s">
        <v>902</v>
      </c>
      <c r="I9159" s="7">
        <v>4.2965492000000003</v>
      </c>
      <c r="J9159" s="8">
        <v>-74.8055971</v>
      </c>
    </row>
    <row r="9160" spans="1:10" x14ac:dyDescent="0.35">
      <c r="A9160" s="5" t="s">
        <v>10</v>
      </c>
      <c r="B9160" s="6">
        <v>171245</v>
      </c>
      <c r="C9160" s="6" t="s">
        <v>16</v>
      </c>
      <c r="D9160" s="6" t="s">
        <v>846</v>
      </c>
      <c r="E9160" s="6">
        <v>68500</v>
      </c>
      <c r="F9160" s="6" t="s">
        <v>18</v>
      </c>
      <c r="G9160" s="6" t="s">
        <v>18192</v>
      </c>
      <c r="H9160" s="6" t="s">
        <v>18193</v>
      </c>
      <c r="I9160" s="7">
        <v>7.1309512000000002</v>
      </c>
      <c r="J9160" s="8">
        <v>-73.133748699999998</v>
      </c>
    </row>
    <row r="9161" spans="1:10" x14ac:dyDescent="0.35">
      <c r="A9161" s="5" t="s">
        <v>10</v>
      </c>
      <c r="B9161" s="6">
        <v>167674</v>
      </c>
      <c r="C9161" s="6" t="s">
        <v>11</v>
      </c>
      <c r="D9161" s="6" t="s">
        <v>1339</v>
      </c>
      <c r="E9161" s="6">
        <v>25120</v>
      </c>
      <c r="F9161" s="6" t="s">
        <v>18</v>
      </c>
      <c r="G9161" s="6" t="s">
        <v>17989</v>
      </c>
      <c r="H9161" s="6" t="s">
        <v>17990</v>
      </c>
      <c r="I9161" s="7">
        <v>3.9842363999999999</v>
      </c>
      <c r="J9161" s="8">
        <v>-74.484223200000002</v>
      </c>
    </row>
    <row r="9162" spans="1:10" x14ac:dyDescent="0.35">
      <c r="A9162" s="5" t="s">
        <v>10</v>
      </c>
      <c r="B9162" s="6">
        <v>220591</v>
      </c>
      <c r="C9162" s="6" t="s">
        <v>24</v>
      </c>
      <c r="D9162" s="6" t="s">
        <v>18194</v>
      </c>
      <c r="E9162" s="6">
        <v>15425</v>
      </c>
      <c r="F9162" s="6" t="s">
        <v>18</v>
      </c>
      <c r="G9162" s="6" t="s">
        <v>18195</v>
      </c>
      <c r="H9162" s="6" t="s">
        <v>18196</v>
      </c>
      <c r="I9162" s="7">
        <v>4.9723166000000001</v>
      </c>
      <c r="J9162" s="8">
        <v>-73.319712099999904</v>
      </c>
    </row>
    <row r="9163" spans="1:10" x14ac:dyDescent="0.35">
      <c r="A9163" s="5" t="s">
        <v>10</v>
      </c>
      <c r="B9163" s="6">
        <v>239739</v>
      </c>
      <c r="C9163" s="6" t="s">
        <v>24</v>
      </c>
      <c r="D9163" s="6" t="s">
        <v>18197</v>
      </c>
      <c r="E9163" s="6">
        <v>15839</v>
      </c>
      <c r="F9163" s="6" t="s">
        <v>18</v>
      </c>
      <c r="G9163" s="6" t="s">
        <v>18198</v>
      </c>
      <c r="H9163" s="6" t="s">
        <v>18199</v>
      </c>
      <c r="I9163" s="7">
        <v>6.0321017000000001</v>
      </c>
      <c r="J9163" s="8">
        <v>-72.856410499999996</v>
      </c>
    </row>
    <row r="9164" spans="1:10" x14ac:dyDescent="0.35">
      <c r="A9164" s="5" t="s">
        <v>10</v>
      </c>
      <c r="B9164" s="6">
        <v>234685</v>
      </c>
      <c r="C9164" s="6" t="s">
        <v>42</v>
      </c>
      <c r="D9164" s="6" t="s">
        <v>18041</v>
      </c>
      <c r="E9164" s="6">
        <v>17446</v>
      </c>
      <c r="F9164" s="6" t="s">
        <v>18</v>
      </c>
      <c r="G9164" s="6" t="s">
        <v>18200</v>
      </c>
      <c r="H9164" s="6" t="s">
        <v>18201</v>
      </c>
      <c r="I9164" s="7">
        <v>5.2842583000000003</v>
      </c>
      <c r="J9164" s="8">
        <v>-75.261398600000007</v>
      </c>
    </row>
    <row r="9165" spans="1:10" x14ac:dyDescent="0.35">
      <c r="A9165" s="5" t="s">
        <v>10</v>
      </c>
      <c r="B9165" s="6">
        <v>225311</v>
      </c>
      <c r="C9165" s="6" t="s">
        <v>68</v>
      </c>
      <c r="D9165" s="6" t="s">
        <v>69</v>
      </c>
      <c r="E9165" s="6">
        <v>11001</v>
      </c>
      <c r="F9165" s="6" t="s">
        <v>2161</v>
      </c>
      <c r="G9165" s="6" t="s">
        <v>16764</v>
      </c>
      <c r="H9165" s="6" t="s">
        <v>18202</v>
      </c>
      <c r="I9165" s="7">
        <v>4.6112362999999998</v>
      </c>
      <c r="J9165" s="8">
        <v>-74.2031882</v>
      </c>
    </row>
    <row r="9166" spans="1:10" x14ac:dyDescent="0.35">
      <c r="A9166" s="5" t="s">
        <v>10</v>
      </c>
      <c r="B9166" s="6">
        <v>236329</v>
      </c>
      <c r="C9166" s="6" t="s">
        <v>551</v>
      </c>
      <c r="D9166" s="6" t="s">
        <v>3892</v>
      </c>
      <c r="E9166" s="6">
        <v>20550</v>
      </c>
      <c r="F9166" s="6" t="s">
        <v>2161</v>
      </c>
      <c r="G9166" s="6" t="s">
        <v>18203</v>
      </c>
      <c r="H9166" s="6" t="s">
        <v>18204</v>
      </c>
      <c r="I9166" s="7">
        <v>8.6880310000000005</v>
      </c>
      <c r="J9166" s="8">
        <v>-73.666376999999997</v>
      </c>
    </row>
    <row r="9167" spans="1:10" x14ac:dyDescent="0.35">
      <c r="A9167" s="5" t="s">
        <v>10</v>
      </c>
      <c r="B9167" s="6">
        <v>220280</v>
      </c>
      <c r="C9167" s="6" t="s">
        <v>551</v>
      </c>
      <c r="D9167" s="6" t="s">
        <v>1550</v>
      </c>
      <c r="E9167" s="6">
        <v>20710</v>
      </c>
      <c r="F9167" s="6" t="s">
        <v>2161</v>
      </c>
      <c r="G9167" s="6" t="s">
        <v>18205</v>
      </c>
      <c r="H9167" s="6" t="s">
        <v>18206</v>
      </c>
      <c r="I9167" s="7">
        <v>7.7636684000000002</v>
      </c>
      <c r="J9167" s="8">
        <v>-73.393211699999995</v>
      </c>
    </row>
    <row r="9168" spans="1:10" x14ac:dyDescent="0.35">
      <c r="A9168" s="5" t="s">
        <v>10</v>
      </c>
      <c r="B9168" s="6">
        <v>228202</v>
      </c>
      <c r="C9168" s="6" t="s">
        <v>24</v>
      </c>
      <c r="D9168" s="6" t="s">
        <v>530</v>
      </c>
      <c r="E9168" s="6">
        <v>15516</v>
      </c>
      <c r="F9168" s="6" t="s">
        <v>2161</v>
      </c>
      <c r="G9168" s="6" t="s">
        <v>3245</v>
      </c>
      <c r="H9168" s="6" t="s">
        <v>18207</v>
      </c>
      <c r="I9168" s="7">
        <v>3.4282168999999998</v>
      </c>
      <c r="J9168" s="8">
        <v>-76.519918799999999</v>
      </c>
    </row>
    <row r="9169" spans="1:10" x14ac:dyDescent="0.35">
      <c r="A9169" s="5" t="s">
        <v>10</v>
      </c>
      <c r="B9169" s="6">
        <v>241842</v>
      </c>
      <c r="C9169" s="6" t="s">
        <v>109</v>
      </c>
      <c r="D9169" s="6" t="s">
        <v>227</v>
      </c>
      <c r="E9169" s="6">
        <v>13001</v>
      </c>
      <c r="F9169" s="6" t="s">
        <v>18</v>
      </c>
      <c r="G9169" s="6" t="s">
        <v>18208</v>
      </c>
      <c r="H9169" s="6" t="s">
        <v>18209</v>
      </c>
      <c r="I9169" s="7">
        <v>10.4051715</v>
      </c>
      <c r="J9169" s="8">
        <v>-75.461418499999994</v>
      </c>
    </row>
    <row r="9170" spans="1:10" x14ac:dyDescent="0.35">
      <c r="A9170" s="5" t="s">
        <v>10</v>
      </c>
      <c r="B9170" s="6">
        <v>215642</v>
      </c>
      <c r="C9170" s="6" t="s">
        <v>55</v>
      </c>
      <c r="D9170" s="6" t="s">
        <v>937</v>
      </c>
      <c r="E9170" s="6">
        <v>73585</v>
      </c>
      <c r="F9170" s="6" t="s">
        <v>18</v>
      </c>
      <c r="G9170" s="6" t="s">
        <v>18210</v>
      </c>
      <c r="H9170" s="6" t="s">
        <v>18211</v>
      </c>
      <c r="I9170" s="7">
        <v>3.8632165999999999</v>
      </c>
      <c r="J9170" s="8">
        <v>-74.932707299999905</v>
      </c>
    </row>
    <row r="9171" spans="1:10" x14ac:dyDescent="0.35">
      <c r="A9171" s="5" t="s">
        <v>10</v>
      </c>
      <c r="B9171" s="6">
        <v>239625</v>
      </c>
      <c r="C9171" s="6" t="s">
        <v>55</v>
      </c>
      <c r="D9171" s="6" t="s">
        <v>56</v>
      </c>
      <c r="E9171" s="6">
        <v>73001</v>
      </c>
      <c r="F9171" s="6" t="s">
        <v>18</v>
      </c>
      <c r="G9171" s="6" t="s">
        <v>18212</v>
      </c>
      <c r="H9171" s="6" t="s">
        <v>18213</v>
      </c>
      <c r="I9171" s="7">
        <v>4.4386206000000001</v>
      </c>
      <c r="J9171" s="8">
        <v>-75.168831699999998</v>
      </c>
    </row>
    <row r="9172" spans="1:10" x14ac:dyDescent="0.35">
      <c r="A9172" s="5" t="s">
        <v>10</v>
      </c>
      <c r="B9172" s="6">
        <v>199434</v>
      </c>
      <c r="C9172" s="6" t="s">
        <v>68</v>
      </c>
      <c r="D9172" s="6" t="s">
        <v>69</v>
      </c>
      <c r="E9172" s="6">
        <v>11001</v>
      </c>
      <c r="F9172" s="6" t="s">
        <v>70</v>
      </c>
      <c r="G9172" s="6" t="s">
        <v>18214</v>
      </c>
      <c r="H9172" s="6" t="s">
        <v>18215</v>
      </c>
      <c r="I9172" s="7">
        <v>4.6817016999999996</v>
      </c>
      <c r="J9172" s="8">
        <v>-74.051289999999995</v>
      </c>
    </row>
    <row r="9173" spans="1:10" x14ac:dyDescent="0.35">
      <c r="A9173" s="5" t="s">
        <v>10</v>
      </c>
      <c r="B9173" s="6">
        <v>208962</v>
      </c>
      <c r="C9173" s="6" t="s">
        <v>11</v>
      </c>
      <c r="D9173" s="6" t="s">
        <v>6667</v>
      </c>
      <c r="E9173" s="6">
        <v>25295</v>
      </c>
      <c r="F9173" s="6" t="s">
        <v>2161</v>
      </c>
      <c r="G9173" s="6" t="s">
        <v>18216</v>
      </c>
      <c r="H9173" s="6" t="s">
        <v>18217</v>
      </c>
      <c r="I9173" s="7">
        <v>4.9911275000000002</v>
      </c>
      <c r="J9173" s="8">
        <v>-73.875206499999905</v>
      </c>
    </row>
    <row r="9174" spans="1:10" x14ac:dyDescent="0.35">
      <c r="A9174" s="5" t="s">
        <v>10</v>
      </c>
      <c r="B9174" s="6">
        <v>229979</v>
      </c>
      <c r="C9174" s="6" t="s">
        <v>16</v>
      </c>
      <c r="D9174" s="6" t="s">
        <v>78</v>
      </c>
      <c r="E9174" s="6">
        <v>68001</v>
      </c>
      <c r="F9174" s="6" t="s">
        <v>2161</v>
      </c>
      <c r="G9174" s="6" t="s">
        <v>18218</v>
      </c>
      <c r="H9174" s="6" t="s">
        <v>18219</v>
      </c>
      <c r="I9174" s="7">
        <v>7.1509403000000002</v>
      </c>
      <c r="J9174" s="8">
        <v>-73.134211500000006</v>
      </c>
    </row>
    <row r="9175" spans="1:10" x14ac:dyDescent="0.35">
      <c r="A9175" s="5" t="s">
        <v>10</v>
      </c>
      <c r="B9175" s="6">
        <v>223030</v>
      </c>
      <c r="C9175" s="6" t="s">
        <v>11</v>
      </c>
      <c r="D9175" s="6" t="s">
        <v>4218</v>
      </c>
      <c r="E9175" s="6">
        <v>25518</v>
      </c>
      <c r="F9175" s="6" t="s">
        <v>2161</v>
      </c>
      <c r="G9175" s="6" t="s">
        <v>4219</v>
      </c>
      <c r="H9175" s="6" t="s">
        <v>18220</v>
      </c>
      <c r="I9175" s="7">
        <v>5.3706250000000004</v>
      </c>
      <c r="J9175" s="8">
        <v>-74.152795999999995</v>
      </c>
    </row>
    <row r="9176" spans="1:10" x14ac:dyDescent="0.35">
      <c r="A9176" s="5" t="s">
        <v>10</v>
      </c>
      <c r="B9176" s="6">
        <v>208966</v>
      </c>
      <c r="C9176" s="6" t="s">
        <v>11</v>
      </c>
      <c r="D9176" s="6" t="s">
        <v>3519</v>
      </c>
      <c r="E9176" s="6">
        <v>25736</v>
      </c>
      <c r="F9176" s="6" t="s">
        <v>2161</v>
      </c>
      <c r="G9176" s="6" t="s">
        <v>18221</v>
      </c>
      <c r="H9176" s="6" t="s">
        <v>18222</v>
      </c>
      <c r="I9176" s="7">
        <v>5.0445905</v>
      </c>
      <c r="J9176" s="8">
        <v>-73.796796599999993</v>
      </c>
    </row>
    <row r="9177" spans="1:10" x14ac:dyDescent="0.35">
      <c r="A9177" s="5" t="s">
        <v>10</v>
      </c>
      <c r="B9177" s="6">
        <v>232710</v>
      </c>
      <c r="C9177" s="6" t="s">
        <v>302</v>
      </c>
      <c r="D9177" s="6" t="s">
        <v>359</v>
      </c>
      <c r="E9177" s="6">
        <v>8001</v>
      </c>
      <c r="F9177" s="6" t="s">
        <v>2161</v>
      </c>
      <c r="G9177" s="6" t="s">
        <v>18223</v>
      </c>
      <c r="H9177" s="6" t="s">
        <v>18224</v>
      </c>
      <c r="I9177" s="7">
        <v>10.9963259</v>
      </c>
      <c r="J9177" s="8">
        <v>-74.809767199999996</v>
      </c>
    </row>
    <row r="9178" spans="1:10" x14ac:dyDescent="0.35">
      <c r="A9178" s="5" t="s">
        <v>10</v>
      </c>
      <c r="B9178" s="6">
        <v>237885</v>
      </c>
      <c r="C9178" s="6" t="s">
        <v>24</v>
      </c>
      <c r="D9178" s="6" t="s">
        <v>530</v>
      </c>
      <c r="E9178" s="6">
        <v>15516</v>
      </c>
      <c r="F9178" s="6" t="s">
        <v>18</v>
      </c>
      <c r="G9178" s="6" t="s">
        <v>18225</v>
      </c>
      <c r="H9178" s="6" t="s">
        <v>18226</v>
      </c>
      <c r="I9178" s="7">
        <v>5.7795243000000003</v>
      </c>
      <c r="J9178" s="8">
        <v>-73.117350500000001</v>
      </c>
    </row>
    <row r="9179" spans="1:10" x14ac:dyDescent="0.35">
      <c r="A9179" s="5" t="s">
        <v>10</v>
      </c>
      <c r="B9179" s="6">
        <v>218538</v>
      </c>
      <c r="C9179" s="6" t="s">
        <v>11</v>
      </c>
      <c r="D9179" s="6" t="s">
        <v>1547</v>
      </c>
      <c r="E9179" s="6">
        <v>25817</v>
      </c>
      <c r="F9179" s="6" t="s">
        <v>2161</v>
      </c>
      <c r="G9179" s="6" t="s">
        <v>18227</v>
      </c>
      <c r="H9179" s="6" t="s">
        <v>18228</v>
      </c>
      <c r="I9179" s="7">
        <v>4.9659372999999896</v>
      </c>
      <c r="J9179" s="8">
        <v>-73.913059899999993</v>
      </c>
    </row>
    <row r="9180" spans="1:10" x14ac:dyDescent="0.35">
      <c r="A9180" s="5" t="s">
        <v>10</v>
      </c>
      <c r="B9180" s="6">
        <v>226048</v>
      </c>
      <c r="C9180" s="6" t="s">
        <v>2821</v>
      </c>
      <c r="D9180" s="6" t="s">
        <v>18229</v>
      </c>
      <c r="E9180" s="6">
        <v>47161</v>
      </c>
      <c r="F9180" s="6" t="s">
        <v>2161</v>
      </c>
      <c r="G9180" s="6" t="s">
        <v>18230</v>
      </c>
      <c r="H9180" s="6" t="s">
        <v>18231</v>
      </c>
      <c r="I9180" s="7">
        <v>10.3247372</v>
      </c>
      <c r="J9180" s="8">
        <v>-74.869528099999997</v>
      </c>
    </row>
    <row r="9181" spans="1:10" x14ac:dyDescent="0.35">
      <c r="A9181" s="5" t="s">
        <v>10</v>
      </c>
      <c r="B9181" s="6">
        <v>209052</v>
      </c>
      <c r="C9181" s="6" t="s">
        <v>68</v>
      </c>
      <c r="D9181" s="6" t="s">
        <v>69</v>
      </c>
      <c r="E9181" s="6">
        <v>11001</v>
      </c>
      <c r="F9181" s="6" t="s">
        <v>2161</v>
      </c>
      <c r="G9181" s="6" t="s">
        <v>18232</v>
      </c>
      <c r="H9181" s="6" t="s">
        <v>18233</v>
      </c>
      <c r="I9181" s="7">
        <v>4.6747557999999998</v>
      </c>
      <c r="J9181" s="8">
        <v>-74.104496299999994</v>
      </c>
    </row>
    <row r="9182" spans="1:10" x14ac:dyDescent="0.35">
      <c r="A9182" s="5" t="s">
        <v>10</v>
      </c>
      <c r="B9182" s="6">
        <v>208950</v>
      </c>
      <c r="C9182" s="6" t="s">
        <v>2130</v>
      </c>
      <c r="D9182" s="6" t="s">
        <v>2131</v>
      </c>
      <c r="E9182" s="6">
        <v>85001</v>
      </c>
      <c r="F9182" s="6" t="s">
        <v>2161</v>
      </c>
      <c r="G9182" s="6" t="s">
        <v>18234</v>
      </c>
      <c r="H9182" s="6" t="s">
        <v>18235</v>
      </c>
      <c r="I9182" s="7">
        <v>5.3279907999999896</v>
      </c>
      <c r="J9182" s="8">
        <v>-72.406211200000001</v>
      </c>
    </row>
    <row r="9183" spans="1:10" x14ac:dyDescent="0.35">
      <c r="A9183" s="5" t="s">
        <v>10</v>
      </c>
      <c r="B9183" s="6">
        <v>223056</v>
      </c>
      <c r="C9183" s="6" t="s">
        <v>68</v>
      </c>
      <c r="D9183" s="6" t="s">
        <v>69</v>
      </c>
      <c r="E9183" s="6">
        <v>11001</v>
      </c>
      <c r="F9183" s="6" t="s">
        <v>2161</v>
      </c>
      <c r="G9183" s="6" t="s">
        <v>18236</v>
      </c>
      <c r="H9183" s="6" t="s">
        <v>18237</v>
      </c>
      <c r="I9183" s="7">
        <v>4.7403616</v>
      </c>
      <c r="J9183" s="8">
        <v>-74.115870000000001</v>
      </c>
    </row>
    <row r="9184" spans="1:10" x14ac:dyDescent="0.35">
      <c r="A9184" s="5" t="s">
        <v>10</v>
      </c>
      <c r="B9184" s="6">
        <v>225304</v>
      </c>
      <c r="C9184" s="6" t="s">
        <v>16</v>
      </c>
      <c r="D9184" s="6" t="s">
        <v>1266</v>
      </c>
      <c r="E9184" s="6">
        <v>68081</v>
      </c>
      <c r="F9184" s="6" t="s">
        <v>13</v>
      </c>
      <c r="G9184" s="6" t="s">
        <v>18238</v>
      </c>
      <c r="H9184" s="6" t="s">
        <v>18239</v>
      </c>
      <c r="I9184" s="7">
        <v>7.0577662999999999</v>
      </c>
      <c r="J9184" s="8">
        <v>-73.861585899999994</v>
      </c>
    </row>
    <row r="9185" spans="1:10" x14ac:dyDescent="0.35">
      <c r="A9185" s="5" t="s">
        <v>10</v>
      </c>
      <c r="B9185" s="6">
        <v>247316</v>
      </c>
      <c r="C9185" s="6" t="s">
        <v>68</v>
      </c>
      <c r="D9185" s="6" t="s">
        <v>69</v>
      </c>
      <c r="E9185" s="6">
        <v>11001</v>
      </c>
      <c r="F9185" s="6" t="s">
        <v>13</v>
      </c>
      <c r="G9185" s="6" t="s">
        <v>17752</v>
      </c>
      <c r="H9185" s="6" t="s">
        <v>18240</v>
      </c>
      <c r="I9185" s="7">
        <v>4.6592393000000003</v>
      </c>
      <c r="J9185" s="8">
        <v>-74.061808099999993</v>
      </c>
    </row>
    <row r="9186" spans="1:10" x14ac:dyDescent="0.35">
      <c r="A9186" s="5" t="s">
        <v>10</v>
      </c>
      <c r="B9186" s="6">
        <v>188301</v>
      </c>
      <c r="C9186" s="6" t="s">
        <v>16</v>
      </c>
      <c r="D9186" s="6" t="s">
        <v>1148</v>
      </c>
      <c r="E9186" s="6">
        <v>68673</v>
      </c>
      <c r="F9186" s="6" t="s">
        <v>18</v>
      </c>
      <c r="G9186" s="6" t="s">
        <v>1149</v>
      </c>
      <c r="H9186" s="6" t="s">
        <v>1150</v>
      </c>
      <c r="I9186" s="7">
        <v>6.1274259000000004</v>
      </c>
      <c r="J9186" s="8">
        <v>-73.509400999999997</v>
      </c>
    </row>
    <row r="9187" spans="1:10" x14ac:dyDescent="0.35">
      <c r="A9187" s="5" t="s">
        <v>10</v>
      </c>
      <c r="B9187" s="6">
        <v>233388</v>
      </c>
      <c r="C9187" s="6" t="s">
        <v>24</v>
      </c>
      <c r="D9187" s="6" t="s">
        <v>88</v>
      </c>
      <c r="E9187" s="6">
        <v>15001</v>
      </c>
      <c r="F9187" s="6" t="s">
        <v>18</v>
      </c>
      <c r="G9187" s="6" t="s">
        <v>18241</v>
      </c>
      <c r="H9187" s="6" t="s">
        <v>18242</v>
      </c>
      <c r="I9187" s="7">
        <v>5.5610900000000001</v>
      </c>
      <c r="J9187" s="8">
        <v>-73.357249999999993</v>
      </c>
    </row>
    <row r="9188" spans="1:10" x14ac:dyDescent="0.35">
      <c r="A9188" s="5" t="s">
        <v>10</v>
      </c>
      <c r="B9188" s="6">
        <v>219149</v>
      </c>
      <c r="C9188" s="6" t="s">
        <v>42</v>
      </c>
      <c r="D9188" s="6" t="s">
        <v>212</v>
      </c>
      <c r="E9188" s="6">
        <v>17495</v>
      </c>
      <c r="F9188" s="6" t="s">
        <v>18</v>
      </c>
      <c r="G9188" s="6" t="s">
        <v>1032</v>
      </c>
      <c r="H9188" s="6" t="s">
        <v>1033</v>
      </c>
      <c r="I9188" s="7">
        <v>2.4405233000000002</v>
      </c>
      <c r="J9188" s="8">
        <v>-76.608055399999998</v>
      </c>
    </row>
    <row r="9189" spans="1:10" x14ac:dyDescent="0.35">
      <c r="A9189" s="5" t="s">
        <v>10</v>
      </c>
      <c r="B9189" s="6">
        <v>224899</v>
      </c>
      <c r="C9189" s="6" t="s">
        <v>68</v>
      </c>
      <c r="D9189" s="6" t="s">
        <v>69</v>
      </c>
      <c r="E9189" s="6">
        <v>11001</v>
      </c>
      <c r="F9189" s="6" t="s">
        <v>2161</v>
      </c>
      <c r="G9189" s="6" t="s">
        <v>18243</v>
      </c>
      <c r="H9189" s="6" t="s">
        <v>18244</v>
      </c>
      <c r="I9189" s="7">
        <v>4.6781902999999998</v>
      </c>
      <c r="J9189" s="8">
        <v>-74.148414500000001</v>
      </c>
    </row>
    <row r="9190" spans="1:10" x14ac:dyDescent="0.35">
      <c r="A9190" s="5" t="s">
        <v>10</v>
      </c>
      <c r="B9190" s="6">
        <v>238767</v>
      </c>
      <c r="C9190" s="6" t="s">
        <v>109</v>
      </c>
      <c r="D9190" s="6" t="s">
        <v>2830</v>
      </c>
      <c r="E9190" s="6">
        <v>13430</v>
      </c>
      <c r="F9190" s="6" t="s">
        <v>2161</v>
      </c>
      <c r="G9190" s="6" t="s">
        <v>18245</v>
      </c>
      <c r="H9190" s="6" t="s">
        <v>18246</v>
      </c>
      <c r="I9190" s="7">
        <v>9.2339271000000007</v>
      </c>
      <c r="J9190" s="8">
        <v>-74.744546499999998</v>
      </c>
    </row>
    <row r="9191" spans="1:10" x14ac:dyDescent="0.35">
      <c r="A9191" s="5" t="s">
        <v>10</v>
      </c>
      <c r="B9191" s="6">
        <v>209523</v>
      </c>
      <c r="C9191" s="6" t="s">
        <v>68</v>
      </c>
      <c r="D9191" s="6" t="s">
        <v>69</v>
      </c>
      <c r="E9191" s="6">
        <v>11001</v>
      </c>
      <c r="F9191" s="6" t="s">
        <v>2161</v>
      </c>
      <c r="G9191" s="6" t="s">
        <v>18247</v>
      </c>
      <c r="H9191" s="6" t="s">
        <v>18248</v>
      </c>
      <c r="I9191" s="7">
        <v>4.6926556000000001</v>
      </c>
      <c r="J9191" s="8">
        <v>-74.120181000000002</v>
      </c>
    </row>
    <row r="9192" spans="1:10" x14ac:dyDescent="0.35">
      <c r="A9192" s="5" t="s">
        <v>10</v>
      </c>
      <c r="B9192" s="6">
        <v>211639</v>
      </c>
      <c r="C9192" s="6" t="s">
        <v>457</v>
      </c>
      <c r="D9192" s="6" t="s">
        <v>4400</v>
      </c>
      <c r="E9192" s="6">
        <v>52001</v>
      </c>
      <c r="F9192" s="6" t="s">
        <v>2161</v>
      </c>
      <c r="G9192" s="6" t="s">
        <v>18249</v>
      </c>
      <c r="H9192" s="6" t="s">
        <v>18250</v>
      </c>
      <c r="I9192" s="7">
        <v>1.1872868999999999</v>
      </c>
      <c r="J9192" s="8">
        <v>-77.260912399999995</v>
      </c>
    </row>
    <row r="9193" spans="1:10" x14ac:dyDescent="0.35">
      <c r="A9193" s="5" t="s">
        <v>10</v>
      </c>
      <c r="B9193" s="6">
        <v>198310</v>
      </c>
      <c r="C9193" s="6" t="s">
        <v>11</v>
      </c>
      <c r="D9193" s="6" t="s">
        <v>334</v>
      </c>
      <c r="E9193" s="6">
        <v>25754</v>
      </c>
      <c r="F9193" s="6" t="s">
        <v>13</v>
      </c>
      <c r="G9193" s="6" t="s">
        <v>160</v>
      </c>
      <c r="H9193" s="6" t="s">
        <v>2238</v>
      </c>
      <c r="I9193" s="7">
        <v>4.5811564000000002</v>
      </c>
      <c r="J9193" s="8">
        <v>-74.212740100000005</v>
      </c>
    </row>
    <row r="9194" spans="1:10" x14ac:dyDescent="0.35">
      <c r="A9194" s="5" t="s">
        <v>10</v>
      </c>
      <c r="B9194" s="6">
        <v>205071</v>
      </c>
      <c r="C9194" s="6" t="s">
        <v>16</v>
      </c>
      <c r="D9194" s="6" t="s">
        <v>546</v>
      </c>
      <c r="E9194" s="6">
        <v>68464</v>
      </c>
      <c r="F9194" s="6" t="s">
        <v>18</v>
      </c>
      <c r="G9194" s="6" t="s">
        <v>18251</v>
      </c>
      <c r="H9194" s="6" t="s">
        <v>18252</v>
      </c>
      <c r="I9194" s="7">
        <v>6.4767830999999996</v>
      </c>
      <c r="J9194" s="8">
        <v>-72.971186699999905</v>
      </c>
    </row>
    <row r="9195" spans="1:10" x14ac:dyDescent="0.35">
      <c r="A9195" s="5" t="s">
        <v>10</v>
      </c>
      <c r="B9195" s="6">
        <v>224554</v>
      </c>
      <c r="C9195" s="6" t="s">
        <v>16</v>
      </c>
      <c r="D9195" s="6" t="s">
        <v>2825</v>
      </c>
      <c r="E9195" s="6">
        <v>68276</v>
      </c>
      <c r="F9195" s="6" t="s">
        <v>2161</v>
      </c>
      <c r="G9195" s="6" t="s">
        <v>18253</v>
      </c>
      <c r="H9195" s="6" t="s">
        <v>18254</v>
      </c>
      <c r="I9195" s="7">
        <v>7.0756755</v>
      </c>
      <c r="J9195" s="8">
        <v>-73.087196800000001</v>
      </c>
    </row>
    <row r="9196" spans="1:10" x14ac:dyDescent="0.35">
      <c r="A9196" s="5" t="s">
        <v>10</v>
      </c>
      <c r="B9196" s="6">
        <v>229972</v>
      </c>
      <c r="C9196" s="6" t="s">
        <v>16</v>
      </c>
      <c r="D9196" s="6" t="s">
        <v>1266</v>
      </c>
      <c r="E9196" s="6">
        <v>68081</v>
      </c>
      <c r="F9196" s="6" t="s">
        <v>2161</v>
      </c>
      <c r="G9196" s="6" t="s">
        <v>18255</v>
      </c>
      <c r="H9196" s="6" t="s">
        <v>18256</v>
      </c>
      <c r="I9196" s="7">
        <v>7.0613868999999996</v>
      </c>
      <c r="J9196" s="8">
        <v>-73.853139099999893</v>
      </c>
    </row>
    <row r="9197" spans="1:10" x14ac:dyDescent="0.35">
      <c r="A9197" s="5" t="s">
        <v>10</v>
      </c>
      <c r="B9197" s="6">
        <v>237985</v>
      </c>
      <c r="C9197" s="6" t="s">
        <v>308</v>
      </c>
      <c r="D9197" s="6" t="s">
        <v>18257</v>
      </c>
      <c r="E9197" s="6">
        <v>23670</v>
      </c>
      <c r="F9197" s="6" t="s">
        <v>2161</v>
      </c>
      <c r="G9197" s="6" t="s">
        <v>18258</v>
      </c>
      <c r="H9197" s="6" t="s">
        <v>18259</v>
      </c>
      <c r="I9197" s="7">
        <v>9.1467430000000007</v>
      </c>
      <c r="J9197" s="8">
        <v>-75.509017</v>
      </c>
    </row>
    <row r="9198" spans="1:10" x14ac:dyDescent="0.35">
      <c r="A9198" s="5" t="s">
        <v>10</v>
      </c>
      <c r="B9198" s="6">
        <v>228183</v>
      </c>
      <c r="C9198" s="6" t="s">
        <v>68</v>
      </c>
      <c r="D9198" s="6" t="s">
        <v>69</v>
      </c>
      <c r="E9198" s="6">
        <v>11001</v>
      </c>
      <c r="F9198" s="6" t="s">
        <v>2161</v>
      </c>
      <c r="G9198" s="6" t="s">
        <v>18260</v>
      </c>
      <c r="H9198" s="6" t="s">
        <v>18261</v>
      </c>
      <c r="I9198" s="7">
        <v>4.6935649000000002</v>
      </c>
      <c r="J9198" s="8">
        <v>-74.169255499999906</v>
      </c>
    </row>
    <row r="9199" spans="1:10" x14ac:dyDescent="0.35">
      <c r="A9199" s="5" t="s">
        <v>10</v>
      </c>
      <c r="B9199" s="6">
        <v>223767</v>
      </c>
      <c r="C9199" s="6" t="s">
        <v>366</v>
      </c>
      <c r="D9199" s="6" t="s">
        <v>367</v>
      </c>
      <c r="E9199" s="6">
        <v>44430</v>
      </c>
      <c r="F9199" s="6" t="s">
        <v>13</v>
      </c>
      <c r="G9199" s="6" t="s">
        <v>18262</v>
      </c>
      <c r="H9199" s="6" t="s">
        <v>18263</v>
      </c>
      <c r="I9199" s="7">
        <v>11.1792122</v>
      </c>
      <c r="J9199" s="8">
        <v>-72.502826499999998</v>
      </c>
    </row>
    <row r="9200" spans="1:10" x14ac:dyDescent="0.35">
      <c r="A9200" s="5" t="s">
        <v>10</v>
      </c>
      <c r="B9200" s="6">
        <v>236312</v>
      </c>
      <c r="C9200" s="6" t="s">
        <v>68</v>
      </c>
      <c r="D9200" s="6" t="s">
        <v>69</v>
      </c>
      <c r="E9200" s="6">
        <v>11001</v>
      </c>
      <c r="F9200" s="6" t="s">
        <v>13</v>
      </c>
      <c r="G9200" s="6" t="s">
        <v>18264</v>
      </c>
      <c r="H9200" s="6" t="s">
        <v>18265</v>
      </c>
      <c r="I9200" s="7">
        <v>4.6208546999999998</v>
      </c>
      <c r="J9200" s="8">
        <v>-74.127039499999995</v>
      </c>
    </row>
    <row r="9201" spans="1:10" x14ac:dyDescent="0.35">
      <c r="A9201" s="5" t="s">
        <v>10</v>
      </c>
      <c r="B9201" s="6">
        <v>155080</v>
      </c>
      <c r="C9201" s="6" t="s">
        <v>16</v>
      </c>
      <c r="D9201" s="6" t="s">
        <v>1591</v>
      </c>
      <c r="E9201" s="6">
        <v>68773</v>
      </c>
      <c r="F9201" s="6" t="s">
        <v>18</v>
      </c>
      <c r="G9201" s="6" t="s">
        <v>18266</v>
      </c>
      <c r="H9201" s="6" t="s">
        <v>18267</v>
      </c>
      <c r="I9201" s="7">
        <v>5.9183368999999999</v>
      </c>
      <c r="J9201" s="8">
        <v>-73.791659799999906</v>
      </c>
    </row>
    <row r="9202" spans="1:10" x14ac:dyDescent="0.35">
      <c r="A9202" s="5" t="s">
        <v>10</v>
      </c>
      <c r="B9202" s="6">
        <v>231677</v>
      </c>
      <c r="C9202" s="6" t="s">
        <v>55</v>
      </c>
      <c r="D9202" s="6" t="s">
        <v>18268</v>
      </c>
      <c r="E9202" s="6">
        <v>73408</v>
      </c>
      <c r="F9202" s="6" t="s">
        <v>18</v>
      </c>
      <c r="G9202" s="6" t="s">
        <v>18269</v>
      </c>
      <c r="H9202" s="6" t="s">
        <v>18270</v>
      </c>
      <c r="I9202" s="7">
        <v>4.8658612999999997</v>
      </c>
      <c r="J9202" s="8">
        <v>-74.897492499999998</v>
      </c>
    </row>
    <row r="9203" spans="1:10" x14ac:dyDescent="0.35">
      <c r="A9203" s="5" t="s">
        <v>10</v>
      </c>
      <c r="B9203" s="6">
        <v>207063</v>
      </c>
      <c r="C9203" s="6" t="s">
        <v>28</v>
      </c>
      <c r="D9203" s="6" t="s">
        <v>29</v>
      </c>
      <c r="E9203" s="6">
        <v>54001</v>
      </c>
      <c r="F9203" s="6" t="s">
        <v>18</v>
      </c>
      <c r="G9203" s="6" t="s">
        <v>18271</v>
      </c>
      <c r="H9203" s="6" t="s">
        <v>18272</v>
      </c>
      <c r="I9203" s="7">
        <v>7.9068527999999896</v>
      </c>
      <c r="J9203" s="8">
        <v>-72.497123399999893</v>
      </c>
    </row>
    <row r="9204" spans="1:10" x14ac:dyDescent="0.35">
      <c r="A9204" s="5" t="s">
        <v>10</v>
      </c>
      <c r="B9204" s="6">
        <v>243854</v>
      </c>
      <c r="C9204" s="6" t="s">
        <v>28</v>
      </c>
      <c r="D9204" s="6" t="s">
        <v>29</v>
      </c>
      <c r="E9204" s="6">
        <v>54001</v>
      </c>
      <c r="F9204" s="6" t="s">
        <v>18</v>
      </c>
      <c r="G9204" s="6" t="s">
        <v>18273</v>
      </c>
      <c r="H9204" s="6" t="s">
        <v>18274</v>
      </c>
      <c r="I9204" s="7">
        <v>7.9373395999999996</v>
      </c>
      <c r="J9204" s="8">
        <v>-72.5086759</v>
      </c>
    </row>
    <row r="9205" spans="1:10" x14ac:dyDescent="0.35">
      <c r="A9205" s="5" t="s">
        <v>10</v>
      </c>
      <c r="B9205" s="6">
        <v>223014</v>
      </c>
      <c r="C9205" s="6" t="s">
        <v>28</v>
      </c>
      <c r="D9205" s="6" t="s">
        <v>867</v>
      </c>
      <c r="E9205" s="6">
        <v>54099</v>
      </c>
      <c r="F9205" s="6" t="s">
        <v>18</v>
      </c>
      <c r="G9205" s="6" t="s">
        <v>3611</v>
      </c>
      <c r="H9205" s="6" t="s">
        <v>3612</v>
      </c>
      <c r="I9205" s="7">
        <v>7.6112310999999897</v>
      </c>
      <c r="J9205" s="8">
        <v>-72.648096699999996</v>
      </c>
    </row>
    <row r="9206" spans="1:10" x14ac:dyDescent="0.35">
      <c r="A9206" s="5" t="s">
        <v>10</v>
      </c>
      <c r="B9206" s="6">
        <v>201419</v>
      </c>
      <c r="C9206" s="6" t="s">
        <v>28</v>
      </c>
      <c r="D9206" s="6" t="s">
        <v>29</v>
      </c>
      <c r="E9206" s="6">
        <v>54001</v>
      </c>
      <c r="F9206" s="6" t="s">
        <v>18</v>
      </c>
      <c r="G9206" s="6" t="s">
        <v>1792</v>
      </c>
      <c r="H9206" s="6" t="s">
        <v>1793</v>
      </c>
      <c r="I9206" s="7">
        <v>7.8863334999999903</v>
      </c>
      <c r="J9206" s="8">
        <v>-72.511008199999907</v>
      </c>
    </row>
    <row r="9207" spans="1:10" x14ac:dyDescent="0.35">
      <c r="A9207" s="5" t="s">
        <v>10</v>
      </c>
      <c r="B9207" s="6">
        <v>218809</v>
      </c>
      <c r="C9207" s="6" t="s">
        <v>42</v>
      </c>
      <c r="D9207" s="6" t="s">
        <v>3322</v>
      </c>
      <c r="E9207" s="6">
        <v>17444</v>
      </c>
      <c r="F9207" s="6" t="s">
        <v>18</v>
      </c>
      <c r="G9207" s="6" t="s">
        <v>18275</v>
      </c>
      <c r="H9207" s="6" t="s">
        <v>18276</v>
      </c>
      <c r="I9207" s="7">
        <v>11.2423039</v>
      </c>
      <c r="J9207" s="8">
        <v>-74.210595499999997</v>
      </c>
    </row>
    <row r="9208" spans="1:10" x14ac:dyDescent="0.35">
      <c r="A9208" s="5" t="s">
        <v>10</v>
      </c>
      <c r="B9208" s="6">
        <v>213399</v>
      </c>
      <c r="C9208" s="6" t="s">
        <v>3325</v>
      </c>
      <c r="D9208" s="6" t="s">
        <v>5991</v>
      </c>
      <c r="E9208" s="6">
        <v>95001</v>
      </c>
      <c r="F9208" s="6" t="s">
        <v>18</v>
      </c>
      <c r="G9208" s="6" t="s">
        <v>18277</v>
      </c>
      <c r="H9208" s="6" t="s">
        <v>18278</v>
      </c>
      <c r="I9208" s="7">
        <v>4.1491688</v>
      </c>
      <c r="J9208" s="8">
        <v>-73.628547499999996</v>
      </c>
    </row>
    <row r="9209" spans="1:10" x14ac:dyDescent="0.35">
      <c r="A9209" s="5" t="s">
        <v>10</v>
      </c>
      <c r="B9209" s="6">
        <v>143495</v>
      </c>
      <c r="C9209" s="6" t="s">
        <v>278</v>
      </c>
      <c r="D9209" s="6" t="s">
        <v>3651</v>
      </c>
      <c r="E9209" s="6">
        <v>50313</v>
      </c>
      <c r="F9209" s="6" t="s">
        <v>13</v>
      </c>
      <c r="G9209" s="6" t="s">
        <v>3652</v>
      </c>
      <c r="H9209" s="6" t="s">
        <v>3653</v>
      </c>
      <c r="I9209" s="7">
        <v>3.5436442000000001</v>
      </c>
      <c r="J9209" s="8">
        <v>-73.702810700000001</v>
      </c>
    </row>
    <row r="9210" spans="1:10" x14ac:dyDescent="0.35">
      <c r="A9210" s="5" t="s">
        <v>10</v>
      </c>
      <c r="B9210" s="6">
        <v>69404</v>
      </c>
      <c r="C9210" s="6" t="s">
        <v>16</v>
      </c>
      <c r="D9210" s="6" t="s">
        <v>162</v>
      </c>
      <c r="E9210" s="6">
        <v>68176</v>
      </c>
      <c r="F9210" s="6" t="s">
        <v>18</v>
      </c>
      <c r="G9210" s="6" t="s">
        <v>163</v>
      </c>
      <c r="H9210" s="6" t="s">
        <v>164</v>
      </c>
      <c r="I9210" s="7">
        <v>7.1200134999999998</v>
      </c>
      <c r="J9210" s="8">
        <v>-73.127584400000003</v>
      </c>
    </row>
    <row r="9211" spans="1:10" x14ac:dyDescent="0.35">
      <c r="A9211" s="5" t="s">
        <v>10</v>
      </c>
      <c r="B9211" s="6">
        <v>186422</v>
      </c>
      <c r="C9211" s="6" t="s">
        <v>55</v>
      </c>
      <c r="D9211" s="6" t="s">
        <v>56</v>
      </c>
      <c r="E9211" s="6">
        <v>73001</v>
      </c>
      <c r="F9211" s="6" t="s">
        <v>18</v>
      </c>
      <c r="G9211" s="6" t="s">
        <v>18279</v>
      </c>
      <c r="H9211" s="6" t="s">
        <v>18280</v>
      </c>
      <c r="I9211" s="7">
        <v>4.4274057999999998</v>
      </c>
      <c r="J9211" s="8">
        <v>-75.231059700000003</v>
      </c>
    </row>
    <row r="9212" spans="1:10" x14ac:dyDescent="0.35">
      <c r="A9212" s="5" t="s">
        <v>10</v>
      </c>
      <c r="B9212" s="6">
        <v>192317</v>
      </c>
      <c r="C9212" s="6" t="s">
        <v>55</v>
      </c>
      <c r="D9212" s="6" t="s">
        <v>5655</v>
      </c>
      <c r="E9212" s="6">
        <v>73168</v>
      </c>
      <c r="F9212" s="6" t="s">
        <v>18</v>
      </c>
      <c r="G9212" s="6" t="s">
        <v>18281</v>
      </c>
      <c r="H9212" s="6" t="s">
        <v>18282</v>
      </c>
      <c r="I9212" s="7">
        <v>3.7242044999999999</v>
      </c>
      <c r="J9212" s="8">
        <v>-75.484065299999997</v>
      </c>
    </row>
    <row r="9213" spans="1:10" x14ac:dyDescent="0.35">
      <c r="A9213" s="5" t="s">
        <v>10</v>
      </c>
      <c r="B9213" s="6">
        <v>224289</v>
      </c>
      <c r="C9213" s="6" t="s">
        <v>55</v>
      </c>
      <c r="D9213" s="6" t="s">
        <v>56</v>
      </c>
      <c r="E9213" s="6">
        <v>73001</v>
      </c>
      <c r="F9213" s="6" t="s">
        <v>18</v>
      </c>
      <c r="G9213" s="6" t="s">
        <v>18283</v>
      </c>
      <c r="H9213" s="6" t="s">
        <v>18284</v>
      </c>
      <c r="I9213" s="7">
        <v>4.4274016999999999</v>
      </c>
      <c r="J9213" s="8">
        <v>-75.234243199999995</v>
      </c>
    </row>
    <row r="9214" spans="1:10" x14ac:dyDescent="0.35">
      <c r="A9214" s="5" t="s">
        <v>10</v>
      </c>
      <c r="B9214" s="6">
        <v>243901</v>
      </c>
      <c r="C9214" s="6" t="s">
        <v>466</v>
      </c>
      <c r="D9214" s="6" t="s">
        <v>1262</v>
      </c>
      <c r="E9214" s="6">
        <v>81001</v>
      </c>
      <c r="F9214" s="6" t="s">
        <v>18</v>
      </c>
      <c r="G9214" s="6" t="s">
        <v>18285</v>
      </c>
      <c r="H9214" s="6" t="s">
        <v>18286</v>
      </c>
      <c r="I9214" s="7">
        <v>7.0838596999999996</v>
      </c>
      <c r="J9214" s="8">
        <v>-70.752474500000005</v>
      </c>
    </row>
    <row r="9215" spans="1:10" x14ac:dyDescent="0.35">
      <c r="A9215" s="5" t="s">
        <v>10</v>
      </c>
      <c r="B9215" s="6">
        <v>243908</v>
      </c>
      <c r="C9215" s="6" t="s">
        <v>28</v>
      </c>
      <c r="D9215" s="6" t="s">
        <v>18287</v>
      </c>
      <c r="E9215" s="6">
        <v>54125</v>
      </c>
      <c r="F9215" s="6" t="s">
        <v>18</v>
      </c>
      <c r="G9215" s="6" t="s">
        <v>18288</v>
      </c>
      <c r="H9215" s="6" t="s">
        <v>18289</v>
      </c>
      <c r="I9215" s="7">
        <v>7.2668331000000004</v>
      </c>
      <c r="J9215" s="8">
        <v>-72.641848999999993</v>
      </c>
    </row>
    <row r="9216" spans="1:10" x14ac:dyDescent="0.35">
      <c r="A9216" s="5" t="s">
        <v>10</v>
      </c>
      <c r="B9216" s="6">
        <v>237540</v>
      </c>
      <c r="C9216" s="6" t="s">
        <v>28</v>
      </c>
      <c r="D9216" s="6" t="s">
        <v>49</v>
      </c>
      <c r="E9216" s="6">
        <v>54498</v>
      </c>
      <c r="F9216" s="6" t="s">
        <v>18</v>
      </c>
      <c r="G9216" s="6" t="s">
        <v>18290</v>
      </c>
      <c r="H9216" s="6" t="s">
        <v>18291</v>
      </c>
      <c r="I9216" s="7">
        <v>8.2356411000000005</v>
      </c>
      <c r="J9216" s="8">
        <v>-73.354466299999999</v>
      </c>
    </row>
    <row r="9217" spans="1:10" x14ac:dyDescent="0.35">
      <c r="A9217" s="5" t="s">
        <v>10</v>
      </c>
      <c r="B9217" s="6">
        <v>184120</v>
      </c>
      <c r="C9217" s="6" t="s">
        <v>68</v>
      </c>
      <c r="D9217" s="6" t="s">
        <v>69</v>
      </c>
      <c r="E9217" s="6">
        <v>11001</v>
      </c>
      <c r="F9217" s="6" t="s">
        <v>18</v>
      </c>
      <c r="G9217" s="6" t="s">
        <v>17705</v>
      </c>
      <c r="H9217" s="6" t="s">
        <v>17706</v>
      </c>
      <c r="I9217" s="7">
        <v>4.6856081999999999</v>
      </c>
      <c r="J9217" s="8">
        <v>-74.052892999999997</v>
      </c>
    </row>
    <row r="9218" spans="1:10" x14ac:dyDescent="0.35">
      <c r="A9218" s="5" t="s">
        <v>10</v>
      </c>
      <c r="B9218" s="6">
        <v>238781</v>
      </c>
      <c r="C9218" s="6" t="s">
        <v>466</v>
      </c>
      <c r="D9218" s="6" t="s">
        <v>1576</v>
      </c>
      <c r="E9218" s="6">
        <v>81065</v>
      </c>
      <c r="F9218" s="6" t="s">
        <v>2161</v>
      </c>
      <c r="G9218" s="6" t="s">
        <v>18292</v>
      </c>
      <c r="H9218" s="6" t="s">
        <v>18293</v>
      </c>
      <c r="I9218" s="7">
        <v>7.0306017000000001</v>
      </c>
      <c r="J9218" s="8">
        <v>-71.425182699999993</v>
      </c>
    </row>
    <row r="9219" spans="1:10" x14ac:dyDescent="0.35">
      <c r="A9219" s="5" t="s">
        <v>10</v>
      </c>
      <c r="B9219" s="6">
        <v>208934</v>
      </c>
      <c r="C9219" s="6" t="s">
        <v>366</v>
      </c>
      <c r="D9219" s="6" t="s">
        <v>367</v>
      </c>
      <c r="E9219" s="6">
        <v>44430</v>
      </c>
      <c r="F9219" s="6" t="s">
        <v>2161</v>
      </c>
      <c r="G9219" s="6" t="s">
        <v>18294</v>
      </c>
      <c r="H9219" s="6" t="s">
        <v>18295</v>
      </c>
      <c r="I9219" s="7">
        <v>11.380054299999999</v>
      </c>
      <c r="J9219" s="8">
        <v>-72.242246499999993</v>
      </c>
    </row>
    <row r="9220" spans="1:10" x14ac:dyDescent="0.35">
      <c r="A9220" s="5" t="s">
        <v>10</v>
      </c>
      <c r="B9220" s="6">
        <v>220746</v>
      </c>
      <c r="C9220" s="6" t="s">
        <v>457</v>
      </c>
      <c r="D9220" s="6" t="s">
        <v>4060</v>
      </c>
      <c r="E9220" s="6">
        <v>52838</v>
      </c>
      <c r="F9220" s="6" t="s">
        <v>2161</v>
      </c>
      <c r="G9220" s="6" t="s">
        <v>18296</v>
      </c>
      <c r="H9220" s="6" t="s">
        <v>18297</v>
      </c>
      <c r="I9220" s="7">
        <v>1.0863583000000001</v>
      </c>
      <c r="J9220" s="8">
        <v>-77.618960700000002</v>
      </c>
    </row>
    <row r="9221" spans="1:10" x14ac:dyDescent="0.35">
      <c r="A9221" s="5" t="s">
        <v>10</v>
      </c>
      <c r="B9221" s="6">
        <v>209533</v>
      </c>
      <c r="C9221" s="6" t="s">
        <v>68</v>
      </c>
      <c r="D9221" s="6" t="s">
        <v>69</v>
      </c>
      <c r="E9221" s="6">
        <v>11001</v>
      </c>
      <c r="F9221" s="6" t="s">
        <v>2161</v>
      </c>
      <c r="G9221" s="6" t="s">
        <v>18298</v>
      </c>
      <c r="H9221" s="6" t="s">
        <v>18299</v>
      </c>
      <c r="I9221" s="7">
        <v>4.7118703999999996</v>
      </c>
      <c r="J9221" s="8">
        <v>-74.120568800000001</v>
      </c>
    </row>
    <row r="9222" spans="1:10" x14ac:dyDescent="0.35">
      <c r="A9222" s="5" t="s">
        <v>10</v>
      </c>
      <c r="B9222" s="6">
        <v>226045</v>
      </c>
      <c r="C9222" s="6" t="s">
        <v>551</v>
      </c>
      <c r="D9222" s="6" t="s">
        <v>4274</v>
      </c>
      <c r="E9222" s="6">
        <v>20383</v>
      </c>
      <c r="F9222" s="6" t="s">
        <v>2161</v>
      </c>
      <c r="G9222" s="6" t="s">
        <v>18300</v>
      </c>
      <c r="H9222" s="6" t="s">
        <v>18301</v>
      </c>
      <c r="I9222" s="7">
        <v>8.6180138999999993</v>
      </c>
      <c r="J9222" s="8">
        <v>-73.802277199999907</v>
      </c>
    </row>
    <row r="9223" spans="1:10" x14ac:dyDescent="0.35">
      <c r="A9223" s="5" t="s">
        <v>10</v>
      </c>
      <c r="B9223" s="6">
        <v>187083</v>
      </c>
      <c r="C9223" s="6" t="s">
        <v>68</v>
      </c>
      <c r="D9223" s="6" t="s">
        <v>69</v>
      </c>
      <c r="E9223" s="6">
        <v>11001</v>
      </c>
      <c r="F9223" s="6" t="s">
        <v>13</v>
      </c>
      <c r="G9223" s="6" t="s">
        <v>160</v>
      </c>
      <c r="H9223" s="6" t="s">
        <v>18024</v>
      </c>
      <c r="I9223" s="7">
        <v>4.6236037000000003</v>
      </c>
      <c r="J9223" s="8">
        <v>-74.148215399999998</v>
      </c>
    </row>
    <row r="9224" spans="1:10" x14ac:dyDescent="0.35">
      <c r="A9224" s="5" t="s">
        <v>10</v>
      </c>
      <c r="B9224" s="6">
        <v>210358</v>
      </c>
      <c r="C9224" s="6" t="s">
        <v>109</v>
      </c>
      <c r="D9224" s="6" t="s">
        <v>18302</v>
      </c>
      <c r="E9224" s="6">
        <v>13442</v>
      </c>
      <c r="F9224" s="6" t="s">
        <v>18</v>
      </c>
      <c r="G9224" s="6" t="s">
        <v>18303</v>
      </c>
      <c r="H9224" s="6" t="s">
        <v>18304</v>
      </c>
      <c r="I9224" s="7">
        <v>9.9828732000000002</v>
      </c>
      <c r="J9224" s="8">
        <v>-75.302773099999996</v>
      </c>
    </row>
    <row r="9225" spans="1:10" x14ac:dyDescent="0.35">
      <c r="A9225" s="5" t="s">
        <v>10</v>
      </c>
      <c r="B9225" s="6">
        <v>206862</v>
      </c>
      <c r="C9225" s="6" t="s">
        <v>28</v>
      </c>
      <c r="D9225" s="6" t="s">
        <v>29</v>
      </c>
      <c r="E9225" s="6">
        <v>54001</v>
      </c>
      <c r="F9225" s="6" t="s">
        <v>18</v>
      </c>
      <c r="G9225" s="6" t="s">
        <v>18305</v>
      </c>
      <c r="H9225" s="6" t="s">
        <v>18306</v>
      </c>
      <c r="I9225" s="7">
        <v>7.8855000999999998</v>
      </c>
      <c r="J9225" s="8">
        <v>-72.498961100000002</v>
      </c>
    </row>
    <row r="9226" spans="1:10" x14ac:dyDescent="0.35">
      <c r="A9226" s="5" t="s">
        <v>10</v>
      </c>
      <c r="B9226" s="6">
        <v>202817</v>
      </c>
      <c r="C9226" s="6" t="s">
        <v>38</v>
      </c>
      <c r="D9226" s="6" t="s">
        <v>39</v>
      </c>
      <c r="E9226" s="6">
        <v>19001</v>
      </c>
      <c r="F9226" s="6" t="s">
        <v>18</v>
      </c>
      <c r="G9226" s="6" t="s">
        <v>18307</v>
      </c>
      <c r="H9226" s="6" t="s">
        <v>18308</v>
      </c>
      <c r="I9226" s="7">
        <v>2.4448745999999999</v>
      </c>
      <c r="J9226" s="8">
        <v>-76.613861</v>
      </c>
    </row>
    <row r="9227" spans="1:10" x14ac:dyDescent="0.35">
      <c r="A9227" s="5" t="s">
        <v>10</v>
      </c>
      <c r="B9227" s="6">
        <v>219119</v>
      </c>
      <c r="C9227" s="6" t="s">
        <v>42</v>
      </c>
      <c r="D9227" s="6" t="s">
        <v>1182</v>
      </c>
      <c r="E9227" s="6">
        <v>17541</v>
      </c>
      <c r="F9227" s="6" t="s">
        <v>18</v>
      </c>
      <c r="G9227" s="6" t="s">
        <v>18309</v>
      </c>
      <c r="H9227" s="6" t="s">
        <v>18310</v>
      </c>
      <c r="I9227" s="7">
        <v>5.5224279999999997</v>
      </c>
      <c r="J9227" s="8">
        <v>-75.145721999999907</v>
      </c>
    </row>
    <row r="9228" spans="1:10" x14ac:dyDescent="0.35">
      <c r="A9228" s="5" t="s">
        <v>10</v>
      </c>
      <c r="B9228" s="6">
        <v>224454</v>
      </c>
      <c r="C9228" s="6" t="s">
        <v>42</v>
      </c>
      <c r="D9228" s="6" t="s">
        <v>275</v>
      </c>
      <c r="E9228" s="6">
        <v>17614</v>
      </c>
      <c r="F9228" s="6" t="s">
        <v>18</v>
      </c>
      <c r="G9228" s="6" t="s">
        <v>18311</v>
      </c>
      <c r="H9228" s="6" t="s">
        <v>18312</v>
      </c>
      <c r="I9228" s="7">
        <v>5.3651945000000003</v>
      </c>
      <c r="J9228" s="8">
        <v>-75.679910500000005</v>
      </c>
    </row>
    <row r="9229" spans="1:10" x14ac:dyDescent="0.35">
      <c r="A9229" s="5" t="s">
        <v>10</v>
      </c>
      <c r="B9229" s="6">
        <v>210560</v>
      </c>
      <c r="C9229" s="6" t="s">
        <v>278</v>
      </c>
      <c r="D9229" s="6" t="s">
        <v>18313</v>
      </c>
      <c r="E9229" s="6">
        <v>50325</v>
      </c>
      <c r="F9229" s="6" t="s">
        <v>18</v>
      </c>
      <c r="G9229" s="6" t="s">
        <v>18314</v>
      </c>
      <c r="H9229" s="6" t="s">
        <v>18315</v>
      </c>
      <c r="I9229" s="7">
        <v>2.8913644000000001</v>
      </c>
      <c r="J9229" s="8">
        <v>-72.133619699999997</v>
      </c>
    </row>
    <row r="9230" spans="1:10" x14ac:dyDescent="0.35">
      <c r="A9230" s="5" t="s">
        <v>10</v>
      </c>
      <c r="B9230" s="6">
        <v>209048</v>
      </c>
      <c r="C9230" s="6" t="s">
        <v>109</v>
      </c>
      <c r="D9230" s="6" t="s">
        <v>227</v>
      </c>
      <c r="E9230" s="6">
        <v>13001</v>
      </c>
      <c r="F9230" s="6" t="s">
        <v>2161</v>
      </c>
      <c r="G9230" s="6" t="s">
        <v>18316</v>
      </c>
      <c r="H9230" s="6" t="s">
        <v>18317</v>
      </c>
      <c r="I9230" s="7">
        <v>10.3717837</v>
      </c>
      <c r="J9230" s="8">
        <v>-75.496951499999994</v>
      </c>
    </row>
    <row r="9231" spans="1:10" x14ac:dyDescent="0.35">
      <c r="A9231" s="5" t="s">
        <v>10</v>
      </c>
      <c r="B9231" s="6">
        <v>209013</v>
      </c>
      <c r="C9231" s="6" t="s">
        <v>11</v>
      </c>
      <c r="D9231" s="6" t="s">
        <v>1547</v>
      </c>
      <c r="E9231" s="6">
        <v>25817</v>
      </c>
      <c r="F9231" s="6" t="s">
        <v>2161</v>
      </c>
      <c r="G9231" s="6" t="s">
        <v>18318</v>
      </c>
      <c r="H9231" s="6" t="s">
        <v>18319</v>
      </c>
      <c r="I9231" s="7">
        <v>4.9556123999999997</v>
      </c>
      <c r="J9231" s="8">
        <v>-73.937417400000001</v>
      </c>
    </row>
    <row r="9232" spans="1:10" x14ac:dyDescent="0.35">
      <c r="A9232" s="5" t="s">
        <v>10</v>
      </c>
      <c r="B9232" s="6">
        <v>221515</v>
      </c>
      <c r="C9232" s="6" t="s">
        <v>11</v>
      </c>
      <c r="D9232" s="6" t="s">
        <v>1547</v>
      </c>
      <c r="E9232" s="6">
        <v>25817</v>
      </c>
      <c r="F9232" s="6" t="s">
        <v>2161</v>
      </c>
      <c r="G9232" s="6" t="s">
        <v>18320</v>
      </c>
      <c r="H9232" s="6" t="s">
        <v>18321</v>
      </c>
      <c r="I9232" s="7">
        <v>4.9627122999999997</v>
      </c>
      <c r="J9232" s="8">
        <v>-73.933597700000007</v>
      </c>
    </row>
    <row r="9233" spans="1:10" x14ac:dyDescent="0.35">
      <c r="A9233" s="5" t="s">
        <v>10</v>
      </c>
      <c r="B9233" s="6">
        <v>223401</v>
      </c>
      <c r="C9233" s="6" t="s">
        <v>457</v>
      </c>
      <c r="D9233" s="6" t="s">
        <v>4400</v>
      </c>
      <c r="E9233" s="6">
        <v>52001</v>
      </c>
      <c r="F9233" s="6" t="s">
        <v>2161</v>
      </c>
      <c r="G9233" s="6" t="s">
        <v>18322</v>
      </c>
      <c r="H9233" s="6" t="s">
        <v>18323</v>
      </c>
      <c r="I9233" s="7">
        <v>1.2165085</v>
      </c>
      <c r="J9233" s="8">
        <v>-77.292186599999994</v>
      </c>
    </row>
    <row r="9234" spans="1:10" x14ac:dyDescent="0.35">
      <c r="A9234" s="5" t="s">
        <v>10</v>
      </c>
      <c r="B9234" s="6">
        <v>187490</v>
      </c>
      <c r="C9234" s="6" t="s">
        <v>11</v>
      </c>
      <c r="D9234" s="6" t="s">
        <v>334</v>
      </c>
      <c r="E9234" s="6">
        <v>25754</v>
      </c>
      <c r="F9234" s="6" t="s">
        <v>13</v>
      </c>
      <c r="G9234" s="6" t="s">
        <v>18324</v>
      </c>
      <c r="H9234" s="6" t="s">
        <v>18325</v>
      </c>
      <c r="I9234" s="7">
        <v>4.5800229000000003</v>
      </c>
      <c r="J9234" s="8">
        <v>-74.230899800000003</v>
      </c>
    </row>
    <row r="9235" spans="1:10" x14ac:dyDescent="0.35">
      <c r="A9235" s="5" t="s">
        <v>10</v>
      </c>
      <c r="B9235" s="6">
        <v>236291</v>
      </c>
      <c r="C9235" s="6" t="s">
        <v>278</v>
      </c>
      <c r="D9235" s="6" t="s">
        <v>3873</v>
      </c>
      <c r="E9235" s="6">
        <v>50568</v>
      </c>
      <c r="F9235" s="6" t="s">
        <v>13</v>
      </c>
      <c r="G9235" s="6" t="s">
        <v>18326</v>
      </c>
      <c r="H9235" s="6" t="s">
        <v>18327</v>
      </c>
      <c r="I9235" s="7">
        <v>4.3123762000000001</v>
      </c>
      <c r="J9235" s="8">
        <v>-72.082682199999994</v>
      </c>
    </row>
    <row r="9236" spans="1:10" x14ac:dyDescent="0.35">
      <c r="A9236" s="5" t="s">
        <v>10</v>
      </c>
      <c r="B9236" s="6">
        <v>141703</v>
      </c>
      <c r="C9236" s="6" t="s">
        <v>11</v>
      </c>
      <c r="D9236" s="6" t="s">
        <v>159</v>
      </c>
      <c r="E9236" s="6">
        <v>25175</v>
      </c>
      <c r="F9236" s="6" t="s">
        <v>13</v>
      </c>
      <c r="G9236" s="6" t="s">
        <v>17711</v>
      </c>
      <c r="H9236" s="6" t="s">
        <v>17712</v>
      </c>
      <c r="I9236" s="7">
        <v>4.8625050999999999</v>
      </c>
      <c r="J9236" s="8">
        <v>-74.059261000000006</v>
      </c>
    </row>
    <row r="9237" spans="1:10" x14ac:dyDescent="0.35">
      <c r="A9237" s="5" t="s">
        <v>10</v>
      </c>
      <c r="B9237" s="6">
        <v>247303</v>
      </c>
      <c r="C9237" s="6" t="s">
        <v>68</v>
      </c>
      <c r="D9237" s="6" t="s">
        <v>69</v>
      </c>
      <c r="E9237" s="6">
        <v>11001</v>
      </c>
      <c r="F9237" s="6" t="s">
        <v>13</v>
      </c>
      <c r="G9237" s="6" t="s">
        <v>17752</v>
      </c>
      <c r="H9237" s="6" t="s">
        <v>18328</v>
      </c>
      <c r="I9237" s="7">
        <v>4.6608245000000004</v>
      </c>
      <c r="J9237" s="8">
        <v>-74.060296300000005</v>
      </c>
    </row>
    <row r="9238" spans="1:10" x14ac:dyDescent="0.35">
      <c r="A9238" s="5" t="s">
        <v>10</v>
      </c>
      <c r="B9238" s="6">
        <v>225673</v>
      </c>
      <c r="C9238" s="6" t="s">
        <v>68</v>
      </c>
      <c r="D9238" s="6" t="s">
        <v>69</v>
      </c>
      <c r="E9238" s="6">
        <v>11001</v>
      </c>
      <c r="F9238" s="6" t="s">
        <v>13</v>
      </c>
      <c r="G9238" s="6" t="s">
        <v>18076</v>
      </c>
      <c r="H9238" s="6" t="s">
        <v>18077</v>
      </c>
      <c r="I9238" s="7">
        <v>4.6001367000000002</v>
      </c>
      <c r="J9238" s="8">
        <v>-74.0764487</v>
      </c>
    </row>
    <row r="9239" spans="1:10" x14ac:dyDescent="0.35">
      <c r="A9239" s="5" t="s">
        <v>10</v>
      </c>
      <c r="B9239" s="6">
        <v>246635</v>
      </c>
      <c r="C9239" s="6" t="s">
        <v>55</v>
      </c>
      <c r="D9239" s="6" t="s">
        <v>17659</v>
      </c>
      <c r="E9239" s="6">
        <v>73616</v>
      </c>
      <c r="F9239" s="6" t="s">
        <v>18</v>
      </c>
      <c r="G9239" s="6" t="s">
        <v>18329</v>
      </c>
      <c r="H9239" s="6" t="s">
        <v>17661</v>
      </c>
      <c r="I9239" s="7">
        <v>3.5303879999999999</v>
      </c>
      <c r="J9239" s="8">
        <v>-75.644311599999995</v>
      </c>
    </row>
    <row r="9240" spans="1:10" x14ac:dyDescent="0.35">
      <c r="A9240" s="5" t="s">
        <v>10</v>
      </c>
      <c r="B9240" s="6">
        <v>234093</v>
      </c>
      <c r="C9240" s="6" t="s">
        <v>24</v>
      </c>
      <c r="D9240" s="6" t="s">
        <v>609</v>
      </c>
      <c r="E9240" s="6">
        <v>15455</v>
      </c>
      <c r="F9240" s="6" t="s">
        <v>18</v>
      </c>
      <c r="G9240" s="6" t="s">
        <v>18330</v>
      </c>
      <c r="H9240" s="6" t="s">
        <v>18331</v>
      </c>
      <c r="I9240" s="7">
        <v>5.1954013000000003</v>
      </c>
      <c r="J9240" s="8">
        <v>-73.143232100000006</v>
      </c>
    </row>
    <row r="9241" spans="1:10" x14ac:dyDescent="0.35">
      <c r="A9241" s="5" t="s">
        <v>10</v>
      </c>
      <c r="B9241" s="6">
        <v>239396</v>
      </c>
      <c r="C9241" s="6" t="s">
        <v>24</v>
      </c>
      <c r="D9241" s="6" t="s">
        <v>2502</v>
      </c>
      <c r="E9241" s="6">
        <v>15638</v>
      </c>
      <c r="F9241" s="6" t="s">
        <v>18</v>
      </c>
      <c r="G9241" s="6" t="s">
        <v>18332</v>
      </c>
      <c r="H9241" s="6" t="s">
        <v>18333</v>
      </c>
      <c r="I9241" s="7">
        <v>5.5841913999999999</v>
      </c>
      <c r="J9241" s="8">
        <v>-73.541524800000005</v>
      </c>
    </row>
    <row r="9242" spans="1:10" x14ac:dyDescent="0.35">
      <c r="A9242" s="5" t="s">
        <v>10</v>
      </c>
      <c r="B9242" s="6">
        <v>209631</v>
      </c>
      <c r="C9242" s="6" t="s">
        <v>28</v>
      </c>
      <c r="D9242" s="6" t="s">
        <v>153</v>
      </c>
      <c r="E9242" s="6">
        <v>54518</v>
      </c>
      <c r="F9242" s="6" t="s">
        <v>18</v>
      </c>
      <c r="G9242" s="6" t="s">
        <v>18334</v>
      </c>
      <c r="H9242" s="6" t="s">
        <v>2291</v>
      </c>
      <c r="I9242" s="7">
        <v>7.3683893999999999</v>
      </c>
      <c r="J9242" s="8">
        <v>-72.649709099999995</v>
      </c>
    </row>
    <row r="9243" spans="1:10" x14ac:dyDescent="0.35">
      <c r="A9243" s="5" t="s">
        <v>10</v>
      </c>
      <c r="B9243" s="6">
        <v>228477</v>
      </c>
      <c r="C9243" s="6" t="s">
        <v>28</v>
      </c>
      <c r="D9243" s="6" t="s">
        <v>91</v>
      </c>
      <c r="E9243" s="6">
        <v>54874</v>
      </c>
      <c r="F9243" s="6" t="s">
        <v>18</v>
      </c>
      <c r="G9243" s="6" t="s">
        <v>18335</v>
      </c>
      <c r="H9243" s="6" t="s">
        <v>18336</v>
      </c>
      <c r="I9243" s="7">
        <v>7.8197140999999997</v>
      </c>
      <c r="J9243" s="8">
        <v>-72.457126399999893</v>
      </c>
    </row>
    <row r="9244" spans="1:10" x14ac:dyDescent="0.35">
      <c r="A9244" s="5" t="s">
        <v>10</v>
      </c>
      <c r="B9244" s="6">
        <v>240324</v>
      </c>
      <c r="C9244" s="6" t="s">
        <v>68</v>
      </c>
      <c r="D9244" s="6" t="s">
        <v>69</v>
      </c>
      <c r="E9244" s="6">
        <v>11001</v>
      </c>
      <c r="F9244" s="6" t="s">
        <v>2161</v>
      </c>
      <c r="G9244" s="6" t="s">
        <v>18337</v>
      </c>
      <c r="H9244" s="6" t="s">
        <v>18338</v>
      </c>
      <c r="I9244" s="7">
        <v>4.5687343</v>
      </c>
      <c r="J9244" s="8">
        <v>-74.1006395</v>
      </c>
    </row>
    <row r="9245" spans="1:10" x14ac:dyDescent="0.35">
      <c r="A9245" s="5" t="s">
        <v>10</v>
      </c>
      <c r="B9245" s="6">
        <v>141696</v>
      </c>
      <c r="C9245" s="6" t="s">
        <v>11</v>
      </c>
      <c r="D9245" s="6" t="s">
        <v>251</v>
      </c>
      <c r="E9245" s="6">
        <v>25214</v>
      </c>
      <c r="F9245" s="6" t="s">
        <v>13</v>
      </c>
      <c r="G9245" s="6" t="s">
        <v>17754</v>
      </c>
      <c r="H9245" s="6" t="s">
        <v>17755</v>
      </c>
      <c r="I9245" s="7">
        <v>4.8094359000000004</v>
      </c>
      <c r="J9245" s="8">
        <v>-74.101397700000007</v>
      </c>
    </row>
    <row r="9246" spans="1:10" x14ac:dyDescent="0.35">
      <c r="A9246" s="5" t="s">
        <v>10</v>
      </c>
      <c r="B9246" s="6">
        <v>143499</v>
      </c>
      <c r="C9246" s="6" t="s">
        <v>278</v>
      </c>
      <c r="D9246" s="6" t="s">
        <v>279</v>
      </c>
      <c r="E9246" s="6">
        <v>50001</v>
      </c>
      <c r="F9246" s="6" t="s">
        <v>13</v>
      </c>
      <c r="G9246" s="6" t="s">
        <v>18339</v>
      </c>
      <c r="H9246" s="6" t="s">
        <v>18340</v>
      </c>
      <c r="I9246" s="7">
        <v>4.1021460000000003</v>
      </c>
      <c r="J9246" s="8">
        <v>-73.651165000000006</v>
      </c>
    </row>
    <row r="9247" spans="1:10" x14ac:dyDescent="0.35">
      <c r="A9247" s="5" t="s">
        <v>10</v>
      </c>
      <c r="B9247" s="6">
        <v>191770</v>
      </c>
      <c r="C9247" s="6" t="s">
        <v>68</v>
      </c>
      <c r="D9247" s="6" t="s">
        <v>69</v>
      </c>
      <c r="E9247" s="6">
        <v>11001</v>
      </c>
      <c r="F9247" s="6" t="s">
        <v>13</v>
      </c>
      <c r="G9247" s="6" t="s">
        <v>2357</v>
      </c>
      <c r="H9247" s="6" t="s">
        <v>2358</v>
      </c>
      <c r="I9247" s="7">
        <v>4.7470920000000003</v>
      </c>
      <c r="J9247" s="8">
        <v>-74.1159119</v>
      </c>
    </row>
    <row r="9248" spans="1:10" x14ac:dyDescent="0.35">
      <c r="A9248" s="5" t="s">
        <v>10</v>
      </c>
      <c r="B9248" s="6">
        <v>216554</v>
      </c>
      <c r="C9248" s="6" t="s">
        <v>366</v>
      </c>
      <c r="D9248" s="6" t="s">
        <v>370</v>
      </c>
      <c r="E9248" s="6">
        <v>44874</v>
      </c>
      <c r="F9248" s="6" t="s">
        <v>18</v>
      </c>
      <c r="G9248" s="6" t="s">
        <v>18341</v>
      </c>
      <c r="H9248" s="6" t="s">
        <v>18342</v>
      </c>
      <c r="I9248" s="7">
        <v>10.602953400000001</v>
      </c>
      <c r="J9248" s="8">
        <v>-72.985879199999999</v>
      </c>
    </row>
    <row r="9249" spans="1:10" x14ac:dyDescent="0.35">
      <c r="A9249" s="5" t="s">
        <v>10</v>
      </c>
      <c r="B9249" s="6">
        <v>233646</v>
      </c>
      <c r="C9249" s="6" t="s">
        <v>28</v>
      </c>
      <c r="D9249" s="6" t="s">
        <v>322</v>
      </c>
      <c r="E9249" s="6">
        <v>54405</v>
      </c>
      <c r="F9249" s="6" t="s">
        <v>18</v>
      </c>
      <c r="G9249" s="6" t="s">
        <v>18343</v>
      </c>
      <c r="H9249" s="6" t="s">
        <v>18344</v>
      </c>
      <c r="I9249" s="7">
        <v>7.7976700000000001</v>
      </c>
      <c r="J9249" s="8">
        <v>-72.518950000000004</v>
      </c>
    </row>
    <row r="9250" spans="1:10" x14ac:dyDescent="0.35">
      <c r="A9250" s="5" t="s">
        <v>10</v>
      </c>
      <c r="B9250" s="6">
        <v>226047</v>
      </c>
      <c r="C9250" s="6" t="s">
        <v>4364</v>
      </c>
      <c r="D9250" s="6" t="s">
        <v>8866</v>
      </c>
      <c r="E9250" s="6">
        <v>70702</v>
      </c>
      <c r="F9250" s="6" t="s">
        <v>2161</v>
      </c>
      <c r="G9250" s="6" t="s">
        <v>18345</v>
      </c>
      <c r="H9250" s="6" t="s">
        <v>18346</v>
      </c>
      <c r="I9250" s="7">
        <v>9.2738750999999997</v>
      </c>
      <c r="J9250" s="8">
        <v>-75.241997400000002</v>
      </c>
    </row>
    <row r="9251" spans="1:10" x14ac:dyDescent="0.35">
      <c r="A9251" s="5" t="s">
        <v>10</v>
      </c>
      <c r="B9251" s="6">
        <v>218535</v>
      </c>
      <c r="C9251" s="6" t="s">
        <v>11</v>
      </c>
      <c r="D9251" s="6" t="s">
        <v>4279</v>
      </c>
      <c r="E9251" s="6">
        <v>25099</v>
      </c>
      <c r="F9251" s="6" t="s">
        <v>2161</v>
      </c>
      <c r="G9251" s="6" t="s">
        <v>18347</v>
      </c>
      <c r="H9251" s="6" t="s">
        <v>18348</v>
      </c>
      <c r="I9251" s="7">
        <v>4.736885</v>
      </c>
      <c r="J9251" s="8">
        <v>-74.343403499999994</v>
      </c>
    </row>
    <row r="9252" spans="1:10" x14ac:dyDescent="0.35">
      <c r="A9252" s="5" t="s">
        <v>10</v>
      </c>
      <c r="B9252" s="6">
        <v>173768</v>
      </c>
      <c r="C9252" s="6" t="s">
        <v>24</v>
      </c>
      <c r="D9252" s="6" t="s">
        <v>317</v>
      </c>
      <c r="E9252" s="6">
        <v>15176</v>
      </c>
      <c r="F9252" s="6" t="s">
        <v>13</v>
      </c>
      <c r="G9252" s="6" t="s">
        <v>1087</v>
      </c>
      <c r="H9252" s="6" t="s">
        <v>18349</v>
      </c>
      <c r="I9252" s="7">
        <v>5.6045144000000002</v>
      </c>
      <c r="J9252" s="8">
        <v>-73.828386499999993</v>
      </c>
    </row>
    <row r="9253" spans="1:10" x14ac:dyDescent="0.35">
      <c r="A9253" s="5" t="s">
        <v>10</v>
      </c>
      <c r="B9253" s="6">
        <v>44005</v>
      </c>
      <c r="C9253" s="6" t="s">
        <v>308</v>
      </c>
      <c r="D9253" s="6" t="s">
        <v>309</v>
      </c>
      <c r="E9253" s="6">
        <v>23001</v>
      </c>
      <c r="F9253" s="6" t="s">
        <v>13</v>
      </c>
      <c r="G9253" s="6" t="s">
        <v>18350</v>
      </c>
      <c r="H9253" s="6" t="s">
        <v>18351</v>
      </c>
      <c r="I9253" s="7">
        <v>8.7627436999999997</v>
      </c>
      <c r="J9253" s="8">
        <v>-75.882947400000006</v>
      </c>
    </row>
    <row r="9254" spans="1:10" x14ac:dyDescent="0.35">
      <c r="A9254" s="5" t="s">
        <v>10</v>
      </c>
      <c r="B9254" s="6">
        <v>141704</v>
      </c>
      <c r="C9254" s="6" t="s">
        <v>11</v>
      </c>
      <c r="D9254" s="6" t="s">
        <v>4030</v>
      </c>
      <c r="E9254" s="6">
        <v>25183</v>
      </c>
      <c r="F9254" s="6" t="s">
        <v>13</v>
      </c>
      <c r="G9254" s="6" t="s">
        <v>17808</v>
      </c>
      <c r="H9254" s="6" t="s">
        <v>17809</v>
      </c>
      <c r="I9254" s="7">
        <v>5.1455035000000002</v>
      </c>
      <c r="J9254" s="8">
        <v>-73.6851901</v>
      </c>
    </row>
    <row r="9255" spans="1:10" x14ac:dyDescent="0.35">
      <c r="A9255" s="5" t="s">
        <v>10</v>
      </c>
      <c r="B9255" s="6">
        <v>158369</v>
      </c>
      <c r="C9255" s="6" t="s">
        <v>94</v>
      </c>
      <c r="D9255" s="6" t="s">
        <v>98</v>
      </c>
      <c r="E9255" s="6">
        <v>66001</v>
      </c>
      <c r="F9255" s="6" t="s">
        <v>13</v>
      </c>
      <c r="G9255" s="6" t="s">
        <v>306</v>
      </c>
      <c r="H9255" s="6" t="s">
        <v>307</v>
      </c>
      <c r="I9255" s="7">
        <v>4.8058074</v>
      </c>
      <c r="J9255" s="8">
        <v>-75.694122800000002</v>
      </c>
    </row>
    <row r="9256" spans="1:10" x14ac:dyDescent="0.35">
      <c r="A9256" s="5" t="s">
        <v>10</v>
      </c>
      <c r="B9256" s="6">
        <v>222727</v>
      </c>
      <c r="C9256" s="6" t="s">
        <v>68</v>
      </c>
      <c r="D9256" s="6" t="s">
        <v>69</v>
      </c>
      <c r="E9256" s="6">
        <v>11001</v>
      </c>
      <c r="F9256" s="6" t="s">
        <v>13</v>
      </c>
      <c r="G9256" s="6" t="s">
        <v>17936</v>
      </c>
      <c r="H9256" s="6" t="s">
        <v>17937</v>
      </c>
      <c r="I9256" s="7">
        <v>4.6709208000000002</v>
      </c>
      <c r="J9256" s="8">
        <v>-74.153631500000003</v>
      </c>
    </row>
    <row r="9257" spans="1:10" x14ac:dyDescent="0.35">
      <c r="A9257" s="5" t="s">
        <v>10</v>
      </c>
      <c r="B9257" s="6">
        <v>228482</v>
      </c>
      <c r="C9257" s="6" t="s">
        <v>28</v>
      </c>
      <c r="D9257" s="6" t="s">
        <v>29</v>
      </c>
      <c r="E9257" s="6">
        <v>54001</v>
      </c>
      <c r="F9257" s="6" t="s">
        <v>18</v>
      </c>
      <c r="G9257" s="6" t="s">
        <v>18352</v>
      </c>
      <c r="H9257" s="6" t="s">
        <v>18353</v>
      </c>
      <c r="I9257" s="7">
        <v>7.8863729999999999</v>
      </c>
      <c r="J9257" s="8">
        <v>-72.495653899999994</v>
      </c>
    </row>
    <row r="9258" spans="1:10" x14ac:dyDescent="0.35">
      <c r="A9258" s="5" t="s">
        <v>10</v>
      </c>
      <c r="B9258" s="6">
        <v>237588</v>
      </c>
      <c r="C9258" s="6" t="s">
        <v>466</v>
      </c>
      <c r="D9258" s="6" t="s">
        <v>1358</v>
      </c>
      <c r="E9258" s="6">
        <v>81300</v>
      </c>
      <c r="F9258" s="6" t="s">
        <v>18</v>
      </c>
      <c r="G9258" s="6" t="s">
        <v>18354</v>
      </c>
      <c r="H9258" s="6" t="s">
        <v>18355</v>
      </c>
      <c r="I9258" s="7">
        <v>6.7947863999999996</v>
      </c>
      <c r="J9258" s="8">
        <v>-71.771505099999999</v>
      </c>
    </row>
    <row r="9259" spans="1:10" x14ac:dyDescent="0.35">
      <c r="A9259" s="5" t="s">
        <v>10</v>
      </c>
      <c r="B9259" s="6">
        <v>186977</v>
      </c>
      <c r="C9259" s="6" t="s">
        <v>38</v>
      </c>
      <c r="D9259" s="6" t="s">
        <v>39</v>
      </c>
      <c r="E9259" s="6">
        <v>19001</v>
      </c>
      <c r="F9259" s="6" t="s">
        <v>18</v>
      </c>
      <c r="G9259" s="6" t="s">
        <v>2710</v>
      </c>
      <c r="H9259" s="6" t="s">
        <v>2711</v>
      </c>
      <c r="I9259" s="7">
        <v>2.4731963000000001</v>
      </c>
      <c r="J9259" s="8">
        <v>-76.552414200000001</v>
      </c>
    </row>
    <row r="9260" spans="1:10" x14ac:dyDescent="0.35">
      <c r="A9260" s="5" t="s">
        <v>10</v>
      </c>
      <c r="B9260" s="6">
        <v>199523</v>
      </c>
      <c r="C9260" s="6" t="s">
        <v>42</v>
      </c>
      <c r="D9260" s="6" t="s">
        <v>46</v>
      </c>
      <c r="E9260" s="6">
        <v>17174</v>
      </c>
      <c r="F9260" s="6" t="s">
        <v>18</v>
      </c>
      <c r="G9260" s="6" t="s">
        <v>18356</v>
      </c>
      <c r="H9260" s="6" t="s">
        <v>18357</v>
      </c>
      <c r="I9260" s="7">
        <v>4.9827300000000001</v>
      </c>
      <c r="J9260" s="8">
        <v>-75.605260000000001</v>
      </c>
    </row>
    <row r="9261" spans="1:10" x14ac:dyDescent="0.35">
      <c r="A9261" s="5" t="s">
        <v>10</v>
      </c>
      <c r="B9261" s="6">
        <v>235561</v>
      </c>
      <c r="C9261" s="6" t="s">
        <v>24</v>
      </c>
      <c r="D9261" s="6" t="s">
        <v>882</v>
      </c>
      <c r="E9261" s="6">
        <v>15189</v>
      </c>
      <c r="F9261" s="6" t="s">
        <v>18</v>
      </c>
      <c r="G9261" s="6" t="s">
        <v>18358</v>
      </c>
      <c r="H9261" s="6" t="s">
        <v>18359</v>
      </c>
      <c r="I9261" s="7">
        <v>5.4091579999999997</v>
      </c>
      <c r="J9261" s="8">
        <v>-73.295880999999994</v>
      </c>
    </row>
    <row r="9262" spans="1:10" x14ac:dyDescent="0.35">
      <c r="A9262" s="5" t="s">
        <v>10</v>
      </c>
      <c r="B9262" s="6">
        <v>239770</v>
      </c>
      <c r="C9262" s="6" t="s">
        <v>11</v>
      </c>
      <c r="D9262" s="6" t="s">
        <v>507</v>
      </c>
      <c r="E9262" s="6">
        <v>25845</v>
      </c>
      <c r="F9262" s="6" t="s">
        <v>18</v>
      </c>
      <c r="G9262" s="6" t="s">
        <v>18360</v>
      </c>
      <c r="H9262" s="6" t="s">
        <v>18361</v>
      </c>
      <c r="I9262" s="7">
        <v>4.4038215000000003</v>
      </c>
      <c r="J9262" s="8">
        <v>-74.0242133</v>
      </c>
    </row>
    <row r="9263" spans="1:10" x14ac:dyDescent="0.35">
      <c r="A9263" s="5" t="s">
        <v>10</v>
      </c>
      <c r="B9263" s="6">
        <v>223400</v>
      </c>
      <c r="C9263" s="6" t="s">
        <v>11</v>
      </c>
      <c r="D9263" s="6" t="s">
        <v>106</v>
      </c>
      <c r="E9263" s="6">
        <v>25843</v>
      </c>
      <c r="F9263" s="6" t="s">
        <v>2161</v>
      </c>
      <c r="G9263" s="6" t="s">
        <v>18362</v>
      </c>
      <c r="H9263" s="6" t="s">
        <v>18363</v>
      </c>
      <c r="I9263" s="7">
        <v>5.3120240000000001</v>
      </c>
      <c r="J9263" s="8">
        <v>-73.818221999999906</v>
      </c>
    </row>
    <row r="9264" spans="1:10" x14ac:dyDescent="0.35">
      <c r="A9264" s="5" t="s">
        <v>10</v>
      </c>
      <c r="B9264" s="6">
        <v>141690</v>
      </c>
      <c r="C9264" s="6" t="s">
        <v>11</v>
      </c>
      <c r="D9264" s="6" t="s">
        <v>101</v>
      </c>
      <c r="E9264" s="6">
        <v>25473</v>
      </c>
      <c r="F9264" s="6" t="s">
        <v>13</v>
      </c>
      <c r="G9264" s="6" t="s">
        <v>403</v>
      </c>
      <c r="H9264" s="6" t="s">
        <v>404</v>
      </c>
      <c r="I9264" s="7">
        <v>4.6802367</v>
      </c>
      <c r="J9264" s="8">
        <v>-74.229671300000007</v>
      </c>
    </row>
    <row r="9265" spans="1:10" x14ac:dyDescent="0.35">
      <c r="A9265" s="5" t="s">
        <v>10</v>
      </c>
      <c r="B9265" s="6">
        <v>197981</v>
      </c>
      <c r="C9265" s="6" t="s">
        <v>55</v>
      </c>
      <c r="D9265" s="6" t="s">
        <v>56</v>
      </c>
      <c r="E9265" s="6">
        <v>73001</v>
      </c>
      <c r="F9265" s="6" t="s">
        <v>13</v>
      </c>
      <c r="G9265" s="6" t="s">
        <v>160</v>
      </c>
      <c r="H9265" s="6" t="s">
        <v>18364</v>
      </c>
      <c r="I9265" s="7">
        <v>4.4442002</v>
      </c>
      <c r="J9265" s="8">
        <v>-75.238916000000003</v>
      </c>
    </row>
    <row r="9266" spans="1:10" x14ac:dyDescent="0.35">
      <c r="A9266" s="5" t="s">
        <v>10</v>
      </c>
      <c r="B9266" s="6">
        <v>178971</v>
      </c>
      <c r="C9266" s="6" t="s">
        <v>68</v>
      </c>
      <c r="D9266" s="6" t="s">
        <v>69</v>
      </c>
      <c r="E9266" s="6">
        <v>11001</v>
      </c>
      <c r="F9266" s="6" t="s">
        <v>13</v>
      </c>
      <c r="G9266" s="6" t="s">
        <v>18365</v>
      </c>
      <c r="H9266" s="6" t="s">
        <v>18366</v>
      </c>
      <c r="I9266" s="7">
        <v>4.6308718999999998</v>
      </c>
      <c r="J9266" s="8">
        <v>-74.194071699999995</v>
      </c>
    </row>
    <row r="9267" spans="1:10" x14ac:dyDescent="0.35">
      <c r="A9267" s="5" t="s">
        <v>10</v>
      </c>
      <c r="B9267" s="6">
        <v>141715</v>
      </c>
      <c r="C9267" s="6" t="s">
        <v>11</v>
      </c>
      <c r="D9267" s="6" t="s">
        <v>680</v>
      </c>
      <c r="E9267" s="6">
        <v>25743</v>
      </c>
      <c r="F9267" s="6" t="s">
        <v>13</v>
      </c>
      <c r="G9267" s="6" t="s">
        <v>2681</v>
      </c>
      <c r="H9267" s="6" t="s">
        <v>2682</v>
      </c>
      <c r="I9267" s="7">
        <v>4.4029246000000004</v>
      </c>
      <c r="J9267" s="8">
        <v>-74.385581500000001</v>
      </c>
    </row>
    <row r="9268" spans="1:10" x14ac:dyDescent="0.35">
      <c r="A9268" s="5" t="s">
        <v>10</v>
      </c>
      <c r="B9268" s="6">
        <v>182928</v>
      </c>
      <c r="C9268" s="6" t="s">
        <v>16</v>
      </c>
      <c r="D9268" s="6" t="s">
        <v>2825</v>
      </c>
      <c r="E9268" s="6">
        <v>68276</v>
      </c>
      <c r="F9268" s="6" t="s">
        <v>13</v>
      </c>
      <c r="G9268" s="6" t="s">
        <v>160</v>
      </c>
      <c r="H9268" s="6" t="s">
        <v>18367</v>
      </c>
      <c r="I9268" s="7">
        <v>7.0702856000000001</v>
      </c>
      <c r="J9268" s="8">
        <v>-73.082480899999993</v>
      </c>
    </row>
    <row r="9269" spans="1:10" x14ac:dyDescent="0.35">
      <c r="A9269" s="5" t="s">
        <v>10</v>
      </c>
      <c r="B9269" s="6">
        <v>240030</v>
      </c>
      <c r="C9269" s="6" t="s">
        <v>55</v>
      </c>
      <c r="D9269" s="6" t="s">
        <v>165</v>
      </c>
      <c r="E9269" s="6">
        <v>73449</v>
      </c>
      <c r="F9269" s="6" t="s">
        <v>18</v>
      </c>
      <c r="G9269" s="6" t="s">
        <v>18368</v>
      </c>
      <c r="H9269" s="6" t="s">
        <v>18369</v>
      </c>
      <c r="I9269" s="7">
        <v>4.2007178999999999</v>
      </c>
      <c r="J9269" s="8">
        <v>-74.649053199999997</v>
      </c>
    </row>
    <row r="9270" spans="1:10" x14ac:dyDescent="0.35">
      <c r="A9270" s="5" t="s">
        <v>10</v>
      </c>
      <c r="B9270" s="6">
        <v>191089</v>
      </c>
      <c r="C9270" s="6" t="s">
        <v>24</v>
      </c>
      <c r="D9270" s="6" t="s">
        <v>137</v>
      </c>
      <c r="E9270" s="6">
        <v>15238</v>
      </c>
      <c r="F9270" s="6" t="s">
        <v>18</v>
      </c>
      <c r="G9270" s="6" t="s">
        <v>18370</v>
      </c>
      <c r="H9270" s="6" t="s">
        <v>18371</v>
      </c>
      <c r="I9270" s="7">
        <v>5.7200882999999996</v>
      </c>
      <c r="J9270" s="8">
        <v>-72.927098299999997</v>
      </c>
    </row>
    <row r="9271" spans="1:10" x14ac:dyDescent="0.35">
      <c r="A9271" s="5" t="s">
        <v>10</v>
      </c>
      <c r="B9271" s="6">
        <v>231498</v>
      </c>
      <c r="C9271" s="6" t="s">
        <v>42</v>
      </c>
      <c r="D9271" s="6" t="s">
        <v>396</v>
      </c>
      <c r="E9271" s="6">
        <v>17380</v>
      </c>
      <c r="F9271" s="6" t="s">
        <v>18</v>
      </c>
      <c r="G9271" s="6" t="s">
        <v>18372</v>
      </c>
      <c r="H9271" s="6" t="s">
        <v>18373</v>
      </c>
      <c r="I9271" s="7">
        <v>5.4747820000000003</v>
      </c>
      <c r="J9271" s="8">
        <v>-74.676957000000002</v>
      </c>
    </row>
    <row r="9272" spans="1:10" x14ac:dyDescent="0.35">
      <c r="A9272" s="5" t="s">
        <v>10</v>
      </c>
      <c r="B9272" s="6">
        <v>239554</v>
      </c>
      <c r="C9272" s="6" t="s">
        <v>94</v>
      </c>
      <c r="D9272" s="6" t="s">
        <v>242</v>
      </c>
      <c r="E9272" s="6">
        <v>66682</v>
      </c>
      <c r="F9272" s="6" t="s">
        <v>18</v>
      </c>
      <c r="G9272" s="6" t="s">
        <v>18374</v>
      </c>
      <c r="H9272" s="6" t="s">
        <v>18375</v>
      </c>
      <c r="I9272" s="7">
        <v>4.8701210000000001</v>
      </c>
      <c r="J9272" s="8">
        <v>-75.622389999999996</v>
      </c>
    </row>
    <row r="9273" spans="1:10" x14ac:dyDescent="0.35">
      <c r="A9273" s="5" t="s">
        <v>10</v>
      </c>
      <c r="B9273" s="6">
        <v>232386</v>
      </c>
      <c r="C9273" s="6" t="s">
        <v>94</v>
      </c>
      <c r="D9273" s="6" t="s">
        <v>95</v>
      </c>
      <c r="E9273" s="6">
        <v>66170</v>
      </c>
      <c r="F9273" s="6" t="s">
        <v>18</v>
      </c>
      <c r="G9273" s="6" t="s">
        <v>18376</v>
      </c>
      <c r="H9273" s="6" t="s">
        <v>18377</v>
      </c>
      <c r="I9273" s="7">
        <v>4.8262039999999997</v>
      </c>
      <c r="J9273" s="8">
        <v>-75.675173999999998</v>
      </c>
    </row>
    <row r="9274" spans="1:10" x14ac:dyDescent="0.35">
      <c r="A9274" s="5" t="s">
        <v>10</v>
      </c>
      <c r="B9274" s="6">
        <v>228189</v>
      </c>
      <c r="C9274" s="6" t="s">
        <v>68</v>
      </c>
      <c r="D9274" s="6" t="s">
        <v>69</v>
      </c>
      <c r="E9274" s="6">
        <v>11001</v>
      </c>
      <c r="F9274" s="6" t="s">
        <v>2161</v>
      </c>
      <c r="G9274" s="6" t="s">
        <v>18378</v>
      </c>
      <c r="H9274" s="6" t="s">
        <v>18379</v>
      </c>
      <c r="I9274" s="7">
        <v>4.6238187999999996</v>
      </c>
      <c r="J9274" s="8">
        <v>-74.176753099999999</v>
      </c>
    </row>
    <row r="9275" spans="1:10" x14ac:dyDescent="0.35">
      <c r="A9275" s="5" t="s">
        <v>10</v>
      </c>
      <c r="B9275" s="6">
        <v>220727</v>
      </c>
      <c r="C9275" s="6" t="s">
        <v>24</v>
      </c>
      <c r="D9275" s="6" t="s">
        <v>137</v>
      </c>
      <c r="E9275" s="6">
        <v>15238</v>
      </c>
      <c r="F9275" s="6" t="s">
        <v>2161</v>
      </c>
      <c r="G9275" s="6" t="s">
        <v>18380</v>
      </c>
      <c r="H9275" s="6" t="s">
        <v>18381</v>
      </c>
      <c r="I9275" s="7">
        <v>5.8167665</v>
      </c>
      <c r="J9275" s="8">
        <v>-73.027314399999995</v>
      </c>
    </row>
    <row r="9276" spans="1:10" x14ac:dyDescent="0.35">
      <c r="A9276" s="5" t="s">
        <v>10</v>
      </c>
      <c r="B9276" s="6">
        <v>228823</v>
      </c>
      <c r="C9276" s="6" t="s">
        <v>11</v>
      </c>
      <c r="D9276" s="6" t="s">
        <v>337</v>
      </c>
      <c r="E9276" s="6">
        <v>25290</v>
      </c>
      <c r="F9276" s="6" t="s">
        <v>18</v>
      </c>
      <c r="G9276" s="6" t="s">
        <v>18382</v>
      </c>
      <c r="H9276" s="6" t="s">
        <v>18383</v>
      </c>
      <c r="I9276" s="7">
        <v>4.3424683999999996</v>
      </c>
      <c r="J9276" s="8">
        <v>-74.361156500000007</v>
      </c>
    </row>
    <row r="9277" spans="1:10" x14ac:dyDescent="0.35">
      <c r="A9277" s="5" t="s">
        <v>10</v>
      </c>
      <c r="B9277" s="6">
        <v>169661</v>
      </c>
      <c r="C9277" s="6" t="s">
        <v>68</v>
      </c>
      <c r="D9277" s="6" t="s">
        <v>69</v>
      </c>
      <c r="E9277" s="6">
        <v>11001</v>
      </c>
      <c r="F9277" s="6" t="s">
        <v>13</v>
      </c>
      <c r="G9277" s="6" t="s">
        <v>1087</v>
      </c>
      <c r="H9277" s="6" t="s">
        <v>18163</v>
      </c>
      <c r="I9277" s="7">
        <v>4.6626272000000002</v>
      </c>
      <c r="J9277" s="8">
        <v>-74.065611500000003</v>
      </c>
    </row>
    <row r="9278" spans="1:10" x14ac:dyDescent="0.35">
      <c r="A9278" s="5" t="s">
        <v>10</v>
      </c>
      <c r="B9278" s="6">
        <v>246164</v>
      </c>
      <c r="C9278" s="6" t="s">
        <v>28</v>
      </c>
      <c r="D9278" s="6" t="s">
        <v>29</v>
      </c>
      <c r="E9278" s="6">
        <v>54001</v>
      </c>
      <c r="F9278" s="6" t="s">
        <v>18</v>
      </c>
      <c r="G9278" s="6" t="s">
        <v>1945</v>
      </c>
      <c r="H9278" s="6" t="s">
        <v>18384</v>
      </c>
      <c r="I9278" s="7">
        <v>7.9068326000000004</v>
      </c>
      <c r="J9278" s="8">
        <v>-72.486807999999996</v>
      </c>
    </row>
    <row r="9279" spans="1:10" x14ac:dyDescent="0.35">
      <c r="A9279" s="5" t="s">
        <v>10</v>
      </c>
      <c r="B9279" s="6">
        <v>232843</v>
      </c>
      <c r="C9279" s="6" t="s">
        <v>55</v>
      </c>
      <c r="D9279" s="6" t="s">
        <v>56</v>
      </c>
      <c r="E9279" s="6">
        <v>73001</v>
      </c>
      <c r="F9279" s="6" t="s">
        <v>18</v>
      </c>
      <c r="G9279" s="6" t="s">
        <v>18385</v>
      </c>
      <c r="H9279" s="6" t="s">
        <v>18386</v>
      </c>
      <c r="I9279" s="7">
        <v>4.4335100000000001</v>
      </c>
      <c r="J9279" s="8">
        <v>-75.194749999999999</v>
      </c>
    </row>
    <row r="9280" spans="1:10" x14ac:dyDescent="0.35">
      <c r="A9280" s="5" t="s">
        <v>10</v>
      </c>
      <c r="B9280" s="6">
        <v>141702</v>
      </c>
      <c r="C9280" s="6" t="s">
        <v>11</v>
      </c>
      <c r="D9280" s="6" t="s">
        <v>6124</v>
      </c>
      <c r="E9280" s="6">
        <v>25377</v>
      </c>
      <c r="F9280" s="6" t="s">
        <v>13</v>
      </c>
      <c r="G9280" s="6" t="s">
        <v>18387</v>
      </c>
      <c r="H9280" s="6" t="s">
        <v>18388</v>
      </c>
      <c r="I9280" s="7">
        <v>4.7201183000000002</v>
      </c>
      <c r="J9280" s="8">
        <v>-73.968011700000005</v>
      </c>
    </row>
    <row r="9281" spans="1:10" x14ac:dyDescent="0.35">
      <c r="A9281" s="5" t="s">
        <v>10</v>
      </c>
      <c r="B9281" s="6">
        <v>143492</v>
      </c>
      <c r="C9281" s="6" t="s">
        <v>278</v>
      </c>
      <c r="D9281" s="6" t="s">
        <v>1331</v>
      </c>
      <c r="E9281" s="6">
        <v>50006</v>
      </c>
      <c r="F9281" s="6" t="s">
        <v>13</v>
      </c>
      <c r="G9281" s="6" t="s">
        <v>1636</v>
      </c>
      <c r="H9281" s="6" t="s">
        <v>1637</v>
      </c>
      <c r="I9281" s="7">
        <v>3.991663</v>
      </c>
      <c r="J9281" s="8">
        <v>-73.766129000000006</v>
      </c>
    </row>
    <row r="9282" spans="1:10" x14ac:dyDescent="0.35">
      <c r="A9282" s="5" t="s">
        <v>10</v>
      </c>
      <c r="B9282" s="6">
        <v>190312</v>
      </c>
      <c r="C9282" s="6" t="s">
        <v>11</v>
      </c>
      <c r="D9282" s="6" t="s">
        <v>221</v>
      </c>
      <c r="E9282" s="6">
        <v>25430</v>
      </c>
      <c r="F9282" s="6" t="s">
        <v>13</v>
      </c>
      <c r="G9282" s="6" t="s">
        <v>18389</v>
      </c>
      <c r="H9282" s="6" t="s">
        <v>18390</v>
      </c>
      <c r="I9282" s="7">
        <v>4.7332941000000002</v>
      </c>
      <c r="J9282" s="8">
        <v>-74.262661899999998</v>
      </c>
    </row>
    <row r="9283" spans="1:10" x14ac:dyDescent="0.35">
      <c r="A9283" s="5" t="s">
        <v>10</v>
      </c>
      <c r="B9283" s="6">
        <v>201323</v>
      </c>
      <c r="C9283" s="6" t="s">
        <v>28</v>
      </c>
      <c r="D9283" s="6" t="s">
        <v>322</v>
      </c>
      <c r="E9283" s="6">
        <v>54405</v>
      </c>
      <c r="F9283" s="6" t="s">
        <v>18</v>
      </c>
      <c r="G9283" s="6" t="s">
        <v>2151</v>
      </c>
      <c r="H9283" s="6" t="s">
        <v>2152</v>
      </c>
      <c r="I9283" s="7">
        <v>7.8140700000000001</v>
      </c>
      <c r="J9283" s="8">
        <v>-72.512309999999999</v>
      </c>
    </row>
    <row r="9284" spans="1:10" x14ac:dyDescent="0.35">
      <c r="A9284" s="5" t="s">
        <v>10</v>
      </c>
      <c r="B9284" s="6">
        <v>210144</v>
      </c>
      <c r="C9284" s="6" t="s">
        <v>3788</v>
      </c>
      <c r="D9284" s="6" t="s">
        <v>3974</v>
      </c>
      <c r="E9284" s="6">
        <v>18001</v>
      </c>
      <c r="F9284" s="6" t="s">
        <v>2161</v>
      </c>
      <c r="G9284" s="6" t="s">
        <v>8551</v>
      </c>
      <c r="H9284" s="6" t="s">
        <v>8552</v>
      </c>
      <c r="I9284" s="7">
        <v>1.6259218</v>
      </c>
      <c r="J9284" s="8">
        <v>-75.603722399999995</v>
      </c>
    </row>
    <row r="9285" spans="1:10" x14ac:dyDescent="0.35">
      <c r="A9285" s="5" t="s">
        <v>10</v>
      </c>
      <c r="B9285" s="6">
        <v>232706</v>
      </c>
      <c r="C9285" s="6" t="s">
        <v>11</v>
      </c>
      <c r="D9285" s="6" t="s">
        <v>3724</v>
      </c>
      <c r="E9285" s="6">
        <v>25513</v>
      </c>
      <c r="F9285" s="6" t="s">
        <v>2161</v>
      </c>
      <c r="G9285" s="6" t="s">
        <v>18391</v>
      </c>
      <c r="H9285" s="6" t="s">
        <v>18392</v>
      </c>
      <c r="I9285" s="7">
        <v>5.1296651000000004</v>
      </c>
      <c r="J9285" s="8">
        <v>-74.158152000000001</v>
      </c>
    </row>
    <row r="9286" spans="1:10" x14ac:dyDescent="0.35">
      <c r="A9286" s="5" t="s">
        <v>10</v>
      </c>
      <c r="B9286" s="6">
        <v>236330</v>
      </c>
      <c r="C9286" s="6" t="s">
        <v>457</v>
      </c>
      <c r="D9286" s="6" t="s">
        <v>4400</v>
      </c>
      <c r="E9286" s="6">
        <v>52001</v>
      </c>
      <c r="F9286" s="6" t="s">
        <v>2161</v>
      </c>
      <c r="G9286" s="6" t="s">
        <v>18393</v>
      </c>
      <c r="H9286" s="6" t="s">
        <v>18394</v>
      </c>
      <c r="I9286" s="7">
        <v>1.198329</v>
      </c>
      <c r="J9286" s="8">
        <v>-77.269342199999997</v>
      </c>
    </row>
    <row r="9287" spans="1:10" x14ac:dyDescent="0.35">
      <c r="A9287" s="5" t="s">
        <v>10</v>
      </c>
      <c r="B9287" s="6">
        <v>224557</v>
      </c>
      <c r="C9287" s="6" t="s">
        <v>11</v>
      </c>
      <c r="D9287" s="6" t="s">
        <v>3724</v>
      </c>
      <c r="E9287" s="6">
        <v>25513</v>
      </c>
      <c r="F9287" s="6" t="s">
        <v>2161</v>
      </c>
      <c r="G9287" s="6" t="s">
        <v>18395</v>
      </c>
      <c r="H9287" s="6" t="s">
        <v>18396</v>
      </c>
      <c r="I9287" s="7">
        <v>5.1305304999999999</v>
      </c>
      <c r="J9287" s="8">
        <v>-74.160131699999994</v>
      </c>
    </row>
    <row r="9288" spans="1:10" x14ac:dyDescent="0.35">
      <c r="A9288" s="5" t="s">
        <v>10</v>
      </c>
      <c r="B9288" s="6">
        <v>236331</v>
      </c>
      <c r="C9288" s="6" t="s">
        <v>68</v>
      </c>
      <c r="D9288" s="6" t="s">
        <v>69</v>
      </c>
      <c r="E9288" s="6">
        <v>11001</v>
      </c>
      <c r="F9288" s="6" t="s">
        <v>2161</v>
      </c>
      <c r="G9288" s="6" t="s">
        <v>18397</v>
      </c>
      <c r="H9288" s="6" t="s">
        <v>18398</v>
      </c>
      <c r="I9288" s="7">
        <v>4.6075679999999997</v>
      </c>
      <c r="J9288" s="8">
        <v>-74.071332600000005</v>
      </c>
    </row>
    <row r="9289" spans="1:10" x14ac:dyDescent="0.35">
      <c r="A9289" s="5" t="s">
        <v>10</v>
      </c>
      <c r="B9289" s="6">
        <v>235316</v>
      </c>
      <c r="C9289" s="6" t="s">
        <v>457</v>
      </c>
      <c r="D9289" s="6" t="s">
        <v>11471</v>
      </c>
      <c r="E9289" s="6">
        <v>52227</v>
      </c>
      <c r="F9289" s="6" t="s">
        <v>2161</v>
      </c>
      <c r="G9289" s="6" t="s">
        <v>18399</v>
      </c>
      <c r="H9289" s="6" t="s">
        <v>18400</v>
      </c>
      <c r="I9289" s="7">
        <v>0.91011450000000005</v>
      </c>
      <c r="J9289" s="8">
        <v>-77.792033500000002</v>
      </c>
    </row>
    <row r="9290" spans="1:10" x14ac:dyDescent="0.35">
      <c r="A9290" s="5" t="s">
        <v>10</v>
      </c>
      <c r="B9290" s="6">
        <v>172843</v>
      </c>
      <c r="C9290" s="6" t="s">
        <v>117</v>
      </c>
      <c r="D9290" s="6" t="s">
        <v>1334</v>
      </c>
      <c r="E9290" s="6">
        <v>76001</v>
      </c>
      <c r="F9290" s="6" t="s">
        <v>13</v>
      </c>
      <c r="G9290" s="6" t="s">
        <v>18401</v>
      </c>
      <c r="H9290" s="6" t="s">
        <v>18402</v>
      </c>
      <c r="I9290" s="7">
        <v>3.3732926999999999</v>
      </c>
      <c r="J9290" s="8">
        <v>-76.539074499999998</v>
      </c>
    </row>
    <row r="9291" spans="1:10" x14ac:dyDescent="0.35">
      <c r="A9291" s="5" t="s">
        <v>10</v>
      </c>
      <c r="B9291" s="6">
        <v>218357</v>
      </c>
      <c r="C9291" s="6" t="s">
        <v>55</v>
      </c>
      <c r="D9291" s="6" t="s">
        <v>56</v>
      </c>
      <c r="E9291" s="6">
        <v>73001</v>
      </c>
      <c r="F9291" s="6" t="s">
        <v>18</v>
      </c>
      <c r="G9291" s="6" t="s">
        <v>18403</v>
      </c>
      <c r="H9291" s="6" t="s">
        <v>18404</v>
      </c>
      <c r="I9291" s="7">
        <v>4.4415256000000003</v>
      </c>
      <c r="J9291" s="8">
        <v>-75.1895794</v>
      </c>
    </row>
    <row r="9292" spans="1:10" x14ac:dyDescent="0.35">
      <c r="A9292" s="5" t="s">
        <v>10</v>
      </c>
      <c r="B9292" s="6">
        <v>212953</v>
      </c>
      <c r="C9292" s="6" t="s">
        <v>11</v>
      </c>
      <c r="D9292" s="6" t="s">
        <v>407</v>
      </c>
      <c r="E9292" s="6">
        <v>25126</v>
      </c>
      <c r="F9292" s="6" t="s">
        <v>2161</v>
      </c>
      <c r="G9292" s="6" t="s">
        <v>18405</v>
      </c>
      <c r="H9292" s="6" t="s">
        <v>18406</v>
      </c>
      <c r="I9292" s="7">
        <v>4.9187216999999999</v>
      </c>
      <c r="J9292" s="8">
        <v>-74.022556999999907</v>
      </c>
    </row>
    <row r="9293" spans="1:10" x14ac:dyDescent="0.35">
      <c r="A9293" s="5" t="s">
        <v>10</v>
      </c>
      <c r="B9293" s="6">
        <v>220740</v>
      </c>
      <c r="C9293" s="6" t="s">
        <v>68</v>
      </c>
      <c r="D9293" s="6" t="s">
        <v>69</v>
      </c>
      <c r="E9293" s="6">
        <v>11001</v>
      </c>
      <c r="F9293" s="6" t="s">
        <v>2161</v>
      </c>
      <c r="G9293" s="6" t="s">
        <v>18407</v>
      </c>
      <c r="H9293" s="6" t="s">
        <v>18408</v>
      </c>
      <c r="I9293" s="7">
        <v>4.7581832999999998</v>
      </c>
      <c r="J9293" s="8">
        <v>-74.037338499999905</v>
      </c>
    </row>
    <row r="9294" spans="1:10" x14ac:dyDescent="0.35">
      <c r="A9294" s="5" t="s">
        <v>10</v>
      </c>
      <c r="B9294" s="6">
        <v>41265</v>
      </c>
      <c r="C9294" s="6" t="s">
        <v>308</v>
      </c>
      <c r="D9294" s="6" t="s">
        <v>309</v>
      </c>
      <c r="E9294" s="6">
        <v>23001</v>
      </c>
      <c r="F9294" s="6" t="s">
        <v>13</v>
      </c>
      <c r="G9294" s="6" t="s">
        <v>443</v>
      </c>
      <c r="H9294" s="6" t="s">
        <v>444</v>
      </c>
      <c r="I9294" s="7">
        <v>8.7683079999999993</v>
      </c>
      <c r="J9294" s="8">
        <v>-75.864147099999997</v>
      </c>
    </row>
    <row r="9295" spans="1:10" x14ac:dyDescent="0.35">
      <c r="A9295" s="5" t="s">
        <v>10</v>
      </c>
      <c r="B9295" s="6">
        <v>232333</v>
      </c>
      <c r="C9295" s="6" t="s">
        <v>109</v>
      </c>
      <c r="D9295" s="6" t="s">
        <v>18409</v>
      </c>
      <c r="E9295" s="6">
        <v>13894</v>
      </c>
      <c r="F9295" s="6" t="s">
        <v>18</v>
      </c>
      <c r="G9295" s="6" t="s">
        <v>18410</v>
      </c>
      <c r="H9295" s="6" t="s">
        <v>18411</v>
      </c>
      <c r="I9295" s="7">
        <v>9.7483512000000001</v>
      </c>
      <c r="J9295" s="8">
        <v>-74.815905400000005</v>
      </c>
    </row>
    <row r="9296" spans="1:10" x14ac:dyDescent="0.35">
      <c r="A9296" s="5" t="s">
        <v>10</v>
      </c>
      <c r="B9296" s="6">
        <v>233315</v>
      </c>
      <c r="C9296" s="6" t="s">
        <v>24</v>
      </c>
      <c r="D9296" s="6" t="s">
        <v>85</v>
      </c>
      <c r="E9296" s="6">
        <v>15759</v>
      </c>
      <c r="F9296" s="6" t="s">
        <v>18</v>
      </c>
      <c r="G9296" s="6" t="s">
        <v>18412</v>
      </c>
      <c r="H9296" s="6" t="s">
        <v>18413</v>
      </c>
      <c r="I9296" s="7">
        <v>5.7154499999999997</v>
      </c>
      <c r="J9296" s="8">
        <v>-72.927629999999994</v>
      </c>
    </row>
    <row r="9297" spans="1:10" x14ac:dyDescent="0.35">
      <c r="A9297" s="5" t="s">
        <v>10</v>
      </c>
      <c r="B9297" s="6">
        <v>214603</v>
      </c>
      <c r="C9297" s="6" t="s">
        <v>28</v>
      </c>
      <c r="D9297" s="6" t="s">
        <v>29</v>
      </c>
      <c r="E9297" s="6">
        <v>54001</v>
      </c>
      <c r="F9297" s="6" t="s">
        <v>18</v>
      </c>
      <c r="G9297" s="6" t="s">
        <v>18414</v>
      </c>
      <c r="H9297" s="6" t="s">
        <v>18415</v>
      </c>
      <c r="I9297" s="7">
        <v>7.8943263999999997</v>
      </c>
      <c r="J9297" s="8">
        <v>-72.495391699999999</v>
      </c>
    </row>
    <row r="9298" spans="1:10" x14ac:dyDescent="0.35">
      <c r="A9298" s="5" t="s">
        <v>10</v>
      </c>
      <c r="B9298" s="6">
        <v>203474</v>
      </c>
      <c r="C9298" s="6" t="s">
        <v>466</v>
      </c>
      <c r="D9298" s="6" t="s">
        <v>1262</v>
      </c>
      <c r="E9298" s="6">
        <v>81001</v>
      </c>
      <c r="F9298" s="6" t="s">
        <v>18</v>
      </c>
      <c r="G9298" s="6" t="s">
        <v>2720</v>
      </c>
      <c r="H9298" s="6" t="s">
        <v>2721</v>
      </c>
      <c r="I9298" s="7">
        <v>6.7801280999999998</v>
      </c>
      <c r="J9298" s="8">
        <v>-70.716846899999993</v>
      </c>
    </row>
    <row r="9299" spans="1:10" x14ac:dyDescent="0.35">
      <c r="A9299" s="5" t="s">
        <v>10</v>
      </c>
      <c r="B9299" s="6">
        <v>238828</v>
      </c>
      <c r="C9299" s="6" t="s">
        <v>308</v>
      </c>
      <c r="D9299" s="6" t="s">
        <v>9180</v>
      </c>
      <c r="E9299" s="6">
        <v>23675</v>
      </c>
      <c r="F9299" s="6" t="s">
        <v>2161</v>
      </c>
      <c r="G9299" s="6" t="s">
        <v>18416</v>
      </c>
      <c r="H9299" s="6" t="s">
        <v>18417</v>
      </c>
      <c r="I9299" s="7">
        <v>9.3525857999999999</v>
      </c>
      <c r="J9299" s="8">
        <v>-75.953581499999999</v>
      </c>
    </row>
    <row r="9300" spans="1:10" x14ac:dyDescent="0.35">
      <c r="A9300" s="5" t="s">
        <v>10</v>
      </c>
      <c r="B9300" s="6">
        <v>229984</v>
      </c>
      <c r="C9300" s="6" t="s">
        <v>190</v>
      </c>
      <c r="D9300" s="6" t="s">
        <v>191</v>
      </c>
      <c r="E9300" s="6">
        <v>5001</v>
      </c>
      <c r="F9300" s="6" t="s">
        <v>2161</v>
      </c>
      <c r="G9300" s="6" t="s">
        <v>18418</v>
      </c>
      <c r="H9300" s="6" t="s">
        <v>18419</v>
      </c>
      <c r="I9300" s="7">
        <v>6.2564527999999999</v>
      </c>
      <c r="J9300" s="8">
        <v>-75.621888200000001</v>
      </c>
    </row>
    <row r="9301" spans="1:10" x14ac:dyDescent="0.35">
      <c r="A9301" s="5" t="s">
        <v>10</v>
      </c>
      <c r="B9301" s="6">
        <v>229243</v>
      </c>
      <c r="C9301" s="6" t="s">
        <v>11</v>
      </c>
      <c r="D9301" s="6" t="s">
        <v>857</v>
      </c>
      <c r="E9301" s="6">
        <v>25758</v>
      </c>
      <c r="F9301" s="6" t="s">
        <v>2161</v>
      </c>
      <c r="G9301" s="6" t="s">
        <v>18420</v>
      </c>
      <c r="H9301" s="6" t="s">
        <v>18421</v>
      </c>
      <c r="I9301" s="7">
        <v>4.9071670999999997</v>
      </c>
      <c r="J9301" s="8">
        <v>-73.940772299999907</v>
      </c>
    </row>
    <row r="9302" spans="1:10" x14ac:dyDescent="0.35">
      <c r="A9302" s="5" t="s">
        <v>10</v>
      </c>
      <c r="B9302" s="6">
        <v>141688</v>
      </c>
      <c r="C9302" s="6" t="s">
        <v>11</v>
      </c>
      <c r="D9302" s="6" t="s">
        <v>513</v>
      </c>
      <c r="E9302" s="6">
        <v>25286</v>
      </c>
      <c r="F9302" s="6" t="s">
        <v>13</v>
      </c>
      <c r="G9302" s="6" t="s">
        <v>1650</v>
      </c>
      <c r="H9302" s="6" t="s">
        <v>1651</v>
      </c>
      <c r="I9302" s="7">
        <v>4.7162769999999998</v>
      </c>
      <c r="J9302" s="8">
        <v>-74.213265300000003</v>
      </c>
    </row>
    <row r="9303" spans="1:10" x14ac:dyDescent="0.35">
      <c r="A9303" s="5" t="s">
        <v>10</v>
      </c>
      <c r="B9303" s="6">
        <v>245260</v>
      </c>
      <c r="C9303" s="6" t="s">
        <v>28</v>
      </c>
      <c r="D9303" s="6" t="s">
        <v>29</v>
      </c>
      <c r="E9303" s="6">
        <v>54001</v>
      </c>
      <c r="F9303" s="6" t="s">
        <v>18</v>
      </c>
      <c r="G9303" s="6" t="s">
        <v>18422</v>
      </c>
      <c r="H9303" s="6" t="s">
        <v>18423</v>
      </c>
      <c r="I9303" s="7">
        <v>7.9304100000000002</v>
      </c>
      <c r="J9303" s="8">
        <v>-72.506450000000001</v>
      </c>
    </row>
    <row r="9304" spans="1:10" x14ac:dyDescent="0.35">
      <c r="A9304" s="5" t="s">
        <v>10</v>
      </c>
      <c r="B9304" s="6">
        <v>246722</v>
      </c>
      <c r="C9304" s="6" t="s">
        <v>28</v>
      </c>
      <c r="D9304" s="6" t="s">
        <v>29</v>
      </c>
      <c r="E9304" s="6">
        <v>54001</v>
      </c>
      <c r="F9304" s="6" t="s">
        <v>18</v>
      </c>
      <c r="G9304" s="6" t="s">
        <v>18424</v>
      </c>
      <c r="H9304" s="6" t="s">
        <v>18425</v>
      </c>
      <c r="I9304" s="7">
        <v>7.8953281000000004</v>
      </c>
      <c r="J9304" s="8">
        <v>-72.507630700000007</v>
      </c>
    </row>
    <row r="9305" spans="1:10" x14ac:dyDescent="0.35">
      <c r="A9305" s="5" t="s">
        <v>10</v>
      </c>
      <c r="B9305" s="6">
        <v>163142</v>
      </c>
      <c r="C9305" s="6" t="s">
        <v>68</v>
      </c>
      <c r="D9305" s="6" t="s">
        <v>69</v>
      </c>
      <c r="E9305" s="6">
        <v>11001</v>
      </c>
      <c r="F9305" s="6" t="s">
        <v>18</v>
      </c>
      <c r="G9305" s="6" t="s">
        <v>17728</v>
      </c>
      <c r="H9305" s="6" t="s">
        <v>17729</v>
      </c>
      <c r="I9305" s="7">
        <v>4.6858886999999996</v>
      </c>
      <c r="J9305" s="8">
        <v>-74.052908599999995</v>
      </c>
    </row>
    <row r="9306" spans="1:10" x14ac:dyDescent="0.35">
      <c r="A9306" s="5" t="s">
        <v>10</v>
      </c>
      <c r="B9306" s="6">
        <v>221140</v>
      </c>
      <c r="C9306" s="6" t="s">
        <v>42</v>
      </c>
      <c r="D9306" s="6" t="s">
        <v>1973</v>
      </c>
      <c r="E9306" s="6">
        <v>17662</v>
      </c>
      <c r="F9306" s="6" t="s">
        <v>2161</v>
      </c>
      <c r="G9306" s="6" t="s">
        <v>18426</v>
      </c>
      <c r="H9306" s="6" t="s">
        <v>18427</v>
      </c>
      <c r="I9306" s="7">
        <v>5.4130469999999997</v>
      </c>
      <c r="J9306" s="8">
        <v>-74.991463899999999</v>
      </c>
    </row>
    <row r="9307" spans="1:10" x14ac:dyDescent="0.35">
      <c r="A9307" s="5" t="s">
        <v>10</v>
      </c>
      <c r="B9307" s="6">
        <v>221139</v>
      </c>
      <c r="C9307" s="6" t="s">
        <v>24</v>
      </c>
      <c r="D9307" s="6" t="s">
        <v>530</v>
      </c>
      <c r="E9307" s="6">
        <v>15516</v>
      </c>
      <c r="F9307" s="6" t="s">
        <v>2161</v>
      </c>
      <c r="G9307" s="6" t="s">
        <v>948</v>
      </c>
      <c r="H9307" s="6" t="s">
        <v>18428</v>
      </c>
      <c r="I9307" s="7">
        <v>5.6925213000000001</v>
      </c>
      <c r="J9307" s="8">
        <v>-73.250835600000002</v>
      </c>
    </row>
    <row r="9308" spans="1:10" x14ac:dyDescent="0.35">
      <c r="A9308" s="5" t="s">
        <v>10</v>
      </c>
      <c r="B9308" s="6">
        <v>141696</v>
      </c>
      <c r="C9308" s="6" t="s">
        <v>11</v>
      </c>
      <c r="D9308" s="6" t="s">
        <v>251</v>
      </c>
      <c r="E9308" s="6">
        <v>25214</v>
      </c>
      <c r="F9308" s="6" t="s">
        <v>13</v>
      </c>
      <c r="G9308" s="6" t="s">
        <v>17754</v>
      </c>
      <c r="H9308" s="6" t="s">
        <v>17755</v>
      </c>
      <c r="I9308" s="7">
        <v>4.8094359000000004</v>
      </c>
      <c r="J9308" s="8">
        <v>-74.101397700000007</v>
      </c>
    </row>
    <row r="9309" spans="1:10" x14ac:dyDescent="0.35">
      <c r="A9309" s="5" t="s">
        <v>10</v>
      </c>
      <c r="B9309" s="6">
        <v>147868</v>
      </c>
      <c r="C9309" s="6" t="s">
        <v>11</v>
      </c>
      <c r="D9309" s="6" t="s">
        <v>3054</v>
      </c>
      <c r="E9309" s="6">
        <v>25269</v>
      </c>
      <c r="F9309" s="6" t="s">
        <v>13</v>
      </c>
      <c r="G9309" s="6" t="s">
        <v>17788</v>
      </c>
      <c r="H9309" s="6" t="s">
        <v>17789</v>
      </c>
      <c r="I9309" s="7">
        <v>4.8097642</v>
      </c>
      <c r="J9309" s="8">
        <v>-74.356405499999994</v>
      </c>
    </row>
    <row r="9310" spans="1:10" x14ac:dyDescent="0.35">
      <c r="A9310" s="5" t="s">
        <v>10</v>
      </c>
      <c r="B9310" s="6">
        <v>187772</v>
      </c>
      <c r="C9310" s="6" t="s">
        <v>28</v>
      </c>
      <c r="D9310" s="6" t="s">
        <v>29</v>
      </c>
      <c r="E9310" s="6">
        <v>54001</v>
      </c>
      <c r="F9310" s="6" t="s">
        <v>13</v>
      </c>
      <c r="G9310" s="6" t="s">
        <v>50</v>
      </c>
      <c r="H9310" s="6" t="s">
        <v>420</v>
      </c>
      <c r="I9310" s="7">
        <v>7.9297525000000002</v>
      </c>
      <c r="J9310" s="8">
        <v>-72.5180747</v>
      </c>
    </row>
    <row r="9311" spans="1:10" x14ac:dyDescent="0.35">
      <c r="A9311" s="5" t="s">
        <v>10</v>
      </c>
      <c r="B9311" s="6">
        <v>183968</v>
      </c>
      <c r="C9311" s="6" t="s">
        <v>11</v>
      </c>
      <c r="D9311" s="6" t="s">
        <v>159</v>
      </c>
      <c r="E9311" s="6">
        <v>25175</v>
      </c>
      <c r="F9311" s="6" t="s">
        <v>13</v>
      </c>
      <c r="G9311" s="6" t="s">
        <v>160</v>
      </c>
      <c r="H9311" s="6" t="s">
        <v>161</v>
      </c>
      <c r="I9311" s="7">
        <v>4.8611145000000002</v>
      </c>
      <c r="J9311" s="8">
        <v>-74.062570699999995</v>
      </c>
    </row>
    <row r="9312" spans="1:10" x14ac:dyDescent="0.35">
      <c r="A9312" s="5" t="s">
        <v>10</v>
      </c>
      <c r="B9312" s="6">
        <v>191496</v>
      </c>
      <c r="C9312" s="6" t="s">
        <v>190</v>
      </c>
      <c r="D9312" s="6" t="s">
        <v>191</v>
      </c>
      <c r="E9312" s="6">
        <v>5001</v>
      </c>
      <c r="F9312" s="6" t="s">
        <v>13</v>
      </c>
      <c r="G9312" s="6" t="s">
        <v>18429</v>
      </c>
      <c r="H9312" s="6" t="s">
        <v>18430</v>
      </c>
      <c r="I9312" s="7">
        <v>6.2302906</v>
      </c>
      <c r="J9312" s="8">
        <v>-75.573896099999999</v>
      </c>
    </row>
    <row r="9313" spans="1:10" x14ac:dyDescent="0.35">
      <c r="A9313" s="5" t="s">
        <v>10</v>
      </c>
      <c r="B9313" s="6">
        <v>215192</v>
      </c>
      <c r="C9313" s="6" t="s">
        <v>466</v>
      </c>
      <c r="D9313" s="6" t="s">
        <v>1358</v>
      </c>
      <c r="E9313" s="6">
        <v>81300</v>
      </c>
      <c r="F9313" s="6" t="s">
        <v>18</v>
      </c>
      <c r="G9313" s="6" t="s">
        <v>18431</v>
      </c>
      <c r="H9313" s="6" t="s">
        <v>18432</v>
      </c>
      <c r="I9313" s="7">
        <v>6.7120899999999999</v>
      </c>
      <c r="J9313" s="8">
        <v>-71.689139999999995</v>
      </c>
    </row>
    <row r="9314" spans="1:10" x14ac:dyDescent="0.35">
      <c r="A9314" s="5" t="s">
        <v>10</v>
      </c>
      <c r="B9314" s="6">
        <v>226671</v>
      </c>
      <c r="C9314" s="6" t="s">
        <v>294</v>
      </c>
      <c r="D9314" s="6" t="s">
        <v>4244</v>
      </c>
      <c r="E9314" s="6">
        <v>41298</v>
      </c>
      <c r="F9314" s="6" t="s">
        <v>2161</v>
      </c>
      <c r="G9314" s="6" t="s">
        <v>18433</v>
      </c>
      <c r="H9314" s="6" t="s">
        <v>18434</v>
      </c>
      <c r="I9314" s="7">
        <v>2.1966494999999999</v>
      </c>
      <c r="J9314" s="8">
        <v>-75.620611799999907</v>
      </c>
    </row>
    <row r="9315" spans="1:10" x14ac:dyDescent="0.35">
      <c r="A9315" s="5" t="s">
        <v>10</v>
      </c>
      <c r="B9315" s="6">
        <v>221145</v>
      </c>
      <c r="C9315" s="6" t="s">
        <v>294</v>
      </c>
      <c r="D9315" s="6" t="s">
        <v>6101</v>
      </c>
      <c r="E9315" s="6">
        <v>41349</v>
      </c>
      <c r="F9315" s="6" t="s">
        <v>2161</v>
      </c>
      <c r="G9315" s="6" t="s">
        <v>18435</v>
      </c>
      <c r="H9315" s="6" t="s">
        <v>18436</v>
      </c>
      <c r="I9315" s="7">
        <v>2.5817139</v>
      </c>
      <c r="J9315" s="8">
        <v>-75.448784099999997</v>
      </c>
    </row>
    <row r="9316" spans="1:10" x14ac:dyDescent="0.35">
      <c r="A9316" s="5" t="s">
        <v>10</v>
      </c>
      <c r="B9316" s="6">
        <v>173768</v>
      </c>
      <c r="C9316" s="6" t="s">
        <v>24</v>
      </c>
      <c r="D9316" s="6" t="s">
        <v>317</v>
      </c>
      <c r="E9316" s="6">
        <v>15176</v>
      </c>
      <c r="F9316" s="6" t="s">
        <v>13</v>
      </c>
      <c r="G9316" s="6" t="s">
        <v>1087</v>
      </c>
      <c r="H9316" s="6" t="s">
        <v>18349</v>
      </c>
      <c r="I9316" s="7">
        <v>5.6045144000000002</v>
      </c>
      <c r="J9316" s="8">
        <v>-73.828386499999993</v>
      </c>
    </row>
    <row r="9317" spans="1:10" x14ac:dyDescent="0.35">
      <c r="A9317" s="5" t="s">
        <v>10</v>
      </c>
      <c r="B9317" s="6">
        <v>98783</v>
      </c>
      <c r="C9317" s="6" t="s">
        <v>294</v>
      </c>
      <c r="D9317" s="6" t="s">
        <v>447</v>
      </c>
      <c r="E9317" s="6">
        <v>41551</v>
      </c>
      <c r="F9317" s="6" t="s">
        <v>13</v>
      </c>
      <c r="G9317" s="6" t="s">
        <v>544</v>
      </c>
      <c r="H9317" s="6" t="s">
        <v>18437</v>
      </c>
      <c r="I9317" s="7">
        <v>1.8523206999999999</v>
      </c>
      <c r="J9317" s="8">
        <v>-76.048022799999998</v>
      </c>
    </row>
    <row r="9318" spans="1:10" x14ac:dyDescent="0.35">
      <c r="A9318" s="5" t="s">
        <v>10</v>
      </c>
      <c r="B9318" s="6">
        <v>135885</v>
      </c>
      <c r="C9318" s="6" t="s">
        <v>28</v>
      </c>
      <c r="D9318" s="6" t="s">
        <v>29</v>
      </c>
      <c r="E9318" s="6">
        <v>54001</v>
      </c>
      <c r="F9318" s="6" t="s">
        <v>13</v>
      </c>
      <c r="G9318" s="6" t="s">
        <v>50</v>
      </c>
      <c r="H9318" s="6" t="s">
        <v>18097</v>
      </c>
      <c r="I9318" s="7">
        <v>7.9602439</v>
      </c>
      <c r="J9318" s="8">
        <v>-72.474937100000005</v>
      </c>
    </row>
    <row r="9319" spans="1:10" x14ac:dyDescent="0.35">
      <c r="A9319" s="5" t="s">
        <v>10</v>
      </c>
      <c r="B9319" s="6">
        <v>231060</v>
      </c>
      <c r="C9319" s="6" t="s">
        <v>28</v>
      </c>
      <c r="D9319" s="6" t="s">
        <v>29</v>
      </c>
      <c r="E9319" s="6">
        <v>54001</v>
      </c>
      <c r="F9319" s="6" t="s">
        <v>18</v>
      </c>
      <c r="G9319" s="6" t="s">
        <v>113</v>
      </c>
      <c r="H9319" s="6" t="s">
        <v>18438</v>
      </c>
      <c r="I9319" s="7">
        <v>7.9061969999999997</v>
      </c>
      <c r="J9319" s="8">
        <v>-72.497663399999993</v>
      </c>
    </row>
    <row r="9320" spans="1:10" x14ac:dyDescent="0.35">
      <c r="A9320" s="5" t="s">
        <v>10</v>
      </c>
      <c r="B9320" s="6">
        <v>160378</v>
      </c>
      <c r="C9320" s="6" t="s">
        <v>38</v>
      </c>
      <c r="D9320" s="6" t="s">
        <v>39</v>
      </c>
      <c r="E9320" s="6">
        <v>19001</v>
      </c>
      <c r="F9320" s="6" t="s">
        <v>18</v>
      </c>
      <c r="G9320" s="6" t="s">
        <v>18439</v>
      </c>
      <c r="H9320" s="6" t="s">
        <v>18440</v>
      </c>
      <c r="I9320" s="7">
        <v>2.4390808000000002</v>
      </c>
      <c r="J9320" s="8">
        <v>-76.622599699999995</v>
      </c>
    </row>
    <row r="9321" spans="1:10" x14ac:dyDescent="0.35">
      <c r="A9321" s="5" t="s">
        <v>10</v>
      </c>
      <c r="B9321" s="6">
        <v>190776</v>
      </c>
      <c r="C9321" s="6" t="s">
        <v>42</v>
      </c>
      <c r="D9321" s="6" t="s">
        <v>46</v>
      </c>
      <c r="E9321" s="6">
        <v>17174</v>
      </c>
      <c r="F9321" s="6" t="s">
        <v>18</v>
      </c>
      <c r="G9321" s="6" t="s">
        <v>3551</v>
      </c>
      <c r="H9321" s="6" t="s">
        <v>3552</v>
      </c>
      <c r="I9321" s="7">
        <v>5.6658407999999998</v>
      </c>
      <c r="J9321" s="8">
        <v>-74.934015000000002</v>
      </c>
    </row>
    <row r="9322" spans="1:10" x14ac:dyDescent="0.35">
      <c r="A9322" s="5" t="s">
        <v>10</v>
      </c>
      <c r="B9322" s="6">
        <v>217466</v>
      </c>
      <c r="C9322" s="6" t="s">
        <v>42</v>
      </c>
      <c r="D9322" s="6" t="s">
        <v>43</v>
      </c>
      <c r="E9322" s="6">
        <v>17001</v>
      </c>
      <c r="F9322" s="6" t="s">
        <v>18</v>
      </c>
      <c r="G9322" s="6" t="s">
        <v>18441</v>
      </c>
      <c r="H9322" s="6" t="s">
        <v>18442</v>
      </c>
      <c r="I9322" s="7">
        <v>5.0759813999999999</v>
      </c>
      <c r="J9322" s="8">
        <v>-75.523969600000001</v>
      </c>
    </row>
    <row r="9323" spans="1:10" x14ac:dyDescent="0.35">
      <c r="A9323" s="5" t="s">
        <v>10</v>
      </c>
      <c r="B9323" s="6">
        <v>225696</v>
      </c>
      <c r="C9323" s="6" t="s">
        <v>4364</v>
      </c>
      <c r="D9323" s="6" t="s">
        <v>8441</v>
      </c>
      <c r="E9323" s="6">
        <v>70708</v>
      </c>
      <c r="F9323" s="6" t="s">
        <v>2161</v>
      </c>
      <c r="G9323" s="6" t="s">
        <v>18443</v>
      </c>
      <c r="H9323" s="6" t="s">
        <v>18444</v>
      </c>
      <c r="I9323" s="7">
        <v>8.6607377000000003</v>
      </c>
      <c r="J9323" s="8">
        <v>-75.139925700000006</v>
      </c>
    </row>
    <row r="9324" spans="1:10" x14ac:dyDescent="0.35">
      <c r="A9324" s="5" t="s">
        <v>10</v>
      </c>
      <c r="B9324" s="6">
        <v>211634</v>
      </c>
      <c r="C9324" s="6" t="s">
        <v>11</v>
      </c>
      <c r="D9324" s="6" t="s">
        <v>2313</v>
      </c>
      <c r="E9324" s="6">
        <v>25785</v>
      </c>
      <c r="F9324" s="6" t="s">
        <v>2161</v>
      </c>
      <c r="G9324" s="6" t="s">
        <v>18445</v>
      </c>
      <c r="H9324" s="6" t="s">
        <v>18446</v>
      </c>
      <c r="I9324" s="7">
        <v>4.9169619999999998</v>
      </c>
      <c r="J9324" s="8">
        <v>-74.096357999999995</v>
      </c>
    </row>
    <row r="9325" spans="1:10" x14ac:dyDescent="0.35">
      <c r="A9325" s="5" t="s">
        <v>10</v>
      </c>
      <c r="B9325" s="6">
        <v>175064</v>
      </c>
      <c r="C9325" s="6" t="s">
        <v>11</v>
      </c>
      <c r="D9325" s="6" t="s">
        <v>334</v>
      </c>
      <c r="E9325" s="6">
        <v>25754</v>
      </c>
      <c r="F9325" s="6" t="s">
        <v>13</v>
      </c>
      <c r="G9325" s="6" t="s">
        <v>2950</v>
      </c>
      <c r="H9325" s="6" t="s">
        <v>2951</v>
      </c>
      <c r="I9325" s="7">
        <v>4.5818155999999997</v>
      </c>
      <c r="J9325" s="8">
        <v>-74.218905100000001</v>
      </c>
    </row>
    <row r="9326" spans="1:10" x14ac:dyDescent="0.35">
      <c r="A9326" s="5" t="s">
        <v>10</v>
      </c>
      <c r="B9326" s="6">
        <v>236293</v>
      </c>
      <c r="C9326" s="6" t="s">
        <v>278</v>
      </c>
      <c r="D9326" s="6" t="s">
        <v>3651</v>
      </c>
      <c r="E9326" s="6">
        <v>50313</v>
      </c>
      <c r="F9326" s="6" t="s">
        <v>13</v>
      </c>
      <c r="G9326" s="6" t="s">
        <v>18447</v>
      </c>
      <c r="H9326" s="6" t="s">
        <v>18448</v>
      </c>
      <c r="I9326" s="7">
        <v>3.5388917000000002</v>
      </c>
      <c r="J9326" s="8">
        <v>-73.705782900000003</v>
      </c>
    </row>
    <row r="9327" spans="1:10" x14ac:dyDescent="0.35">
      <c r="A9327" s="5" t="s">
        <v>10</v>
      </c>
      <c r="B9327" s="6">
        <v>206315</v>
      </c>
      <c r="C9327" s="6" t="s">
        <v>68</v>
      </c>
      <c r="D9327" s="6" t="s">
        <v>69</v>
      </c>
      <c r="E9327" s="6">
        <v>11001</v>
      </c>
      <c r="F9327" s="6" t="s">
        <v>13</v>
      </c>
      <c r="G9327" s="6" t="s">
        <v>2690</v>
      </c>
      <c r="H9327" s="6" t="s">
        <v>2691</v>
      </c>
      <c r="I9327" s="7">
        <v>4.6948641999999996</v>
      </c>
      <c r="J9327" s="8">
        <v>-74.085528100000005</v>
      </c>
    </row>
    <row r="9328" spans="1:10" x14ac:dyDescent="0.35">
      <c r="A9328" s="5" t="s">
        <v>10</v>
      </c>
      <c r="B9328" s="6">
        <v>225370</v>
      </c>
      <c r="C9328" s="6" t="s">
        <v>117</v>
      </c>
      <c r="D9328" s="6" t="s">
        <v>1334</v>
      </c>
      <c r="E9328" s="6">
        <v>76001</v>
      </c>
      <c r="F9328" s="6" t="s">
        <v>13</v>
      </c>
      <c r="G9328" s="6" t="s">
        <v>18449</v>
      </c>
      <c r="H9328" s="6" t="s">
        <v>18450</v>
      </c>
      <c r="I9328" s="7">
        <v>3.4193465999999999</v>
      </c>
      <c r="J9328" s="8">
        <v>-76.545825399999998</v>
      </c>
    </row>
    <row r="9329" spans="1:10" x14ac:dyDescent="0.35">
      <c r="A9329" s="5" t="s">
        <v>10</v>
      </c>
      <c r="B9329" s="6">
        <v>236699</v>
      </c>
      <c r="C9329" s="6" t="s">
        <v>55</v>
      </c>
      <c r="D9329" s="6" t="s">
        <v>2776</v>
      </c>
      <c r="E9329" s="6">
        <v>73520</v>
      </c>
      <c r="F9329" s="6" t="s">
        <v>18</v>
      </c>
      <c r="G9329" s="6" t="s">
        <v>18451</v>
      </c>
      <c r="H9329" s="6" t="s">
        <v>18452</v>
      </c>
      <c r="I9329" s="7">
        <v>5.1237830000000004</v>
      </c>
      <c r="J9329" s="8">
        <v>-74.953053699999998</v>
      </c>
    </row>
    <row r="9330" spans="1:10" x14ac:dyDescent="0.35">
      <c r="A9330" s="5" t="s">
        <v>10</v>
      </c>
      <c r="B9330" s="6">
        <v>215244</v>
      </c>
      <c r="C9330" s="6" t="s">
        <v>24</v>
      </c>
      <c r="D9330" s="6" t="s">
        <v>982</v>
      </c>
      <c r="E9330" s="6">
        <v>15106</v>
      </c>
      <c r="F9330" s="6" t="s">
        <v>18</v>
      </c>
      <c r="G9330" s="6" t="s">
        <v>18453</v>
      </c>
      <c r="H9330" s="6" t="s">
        <v>18454</v>
      </c>
      <c r="I9330" s="7">
        <v>5.6901530999999999</v>
      </c>
      <c r="J9330" s="8">
        <v>-73.922329700000006</v>
      </c>
    </row>
    <row r="9331" spans="1:10" x14ac:dyDescent="0.35">
      <c r="A9331" s="5" t="s">
        <v>10</v>
      </c>
      <c r="B9331" s="6">
        <v>231193</v>
      </c>
      <c r="C9331" s="6" t="s">
        <v>466</v>
      </c>
      <c r="D9331" s="6" t="s">
        <v>467</v>
      </c>
      <c r="E9331" s="6">
        <v>81736</v>
      </c>
      <c r="F9331" s="6" t="s">
        <v>18</v>
      </c>
      <c r="G9331" s="6" t="s">
        <v>18455</v>
      </c>
      <c r="H9331" s="6" t="s">
        <v>18456</v>
      </c>
      <c r="I9331" s="7">
        <v>6.9491801000000004</v>
      </c>
      <c r="J9331" s="8">
        <v>-71.874494499999997</v>
      </c>
    </row>
    <row r="9332" spans="1:10" x14ac:dyDescent="0.35">
      <c r="A9332" s="5" t="s">
        <v>10</v>
      </c>
      <c r="B9332" s="6">
        <v>230483</v>
      </c>
      <c r="C9332" s="6" t="s">
        <v>28</v>
      </c>
      <c r="D9332" s="6" t="s">
        <v>352</v>
      </c>
      <c r="E9332" s="6">
        <v>54261</v>
      </c>
      <c r="F9332" s="6" t="s">
        <v>18</v>
      </c>
      <c r="G9332" s="6" t="s">
        <v>1483</v>
      </c>
      <c r="H9332" s="6" t="s">
        <v>1484</v>
      </c>
      <c r="I9332" s="7">
        <v>7.9337228</v>
      </c>
      <c r="J9332" s="8">
        <v>-72.602762200000001</v>
      </c>
    </row>
    <row r="9333" spans="1:10" x14ac:dyDescent="0.35">
      <c r="A9333" s="5" t="s">
        <v>10</v>
      </c>
      <c r="B9333" s="6">
        <v>217494</v>
      </c>
      <c r="C9333" s="6" t="s">
        <v>42</v>
      </c>
      <c r="D9333" s="6" t="s">
        <v>43</v>
      </c>
      <c r="E9333" s="6">
        <v>17001</v>
      </c>
      <c r="F9333" s="6" t="s">
        <v>18</v>
      </c>
      <c r="G9333" s="6" t="s">
        <v>18457</v>
      </c>
      <c r="H9333" s="6" t="s">
        <v>18458</v>
      </c>
      <c r="I9333" s="7">
        <v>5.0704918000000001</v>
      </c>
      <c r="J9333" s="8">
        <v>-75.513617600000003</v>
      </c>
    </row>
    <row r="9334" spans="1:10" x14ac:dyDescent="0.35">
      <c r="A9334" s="5" t="s">
        <v>10</v>
      </c>
      <c r="B9334" s="6">
        <v>189455</v>
      </c>
      <c r="C9334" s="6" t="s">
        <v>68</v>
      </c>
      <c r="D9334" s="6" t="s">
        <v>69</v>
      </c>
      <c r="E9334" s="6">
        <v>11001</v>
      </c>
      <c r="F9334" s="6" t="s">
        <v>13</v>
      </c>
      <c r="G9334" s="6" t="s">
        <v>18459</v>
      </c>
      <c r="H9334" s="6" t="s">
        <v>18460</v>
      </c>
      <c r="I9334" s="7">
        <v>4.6053414000000004</v>
      </c>
      <c r="J9334" s="8">
        <v>-74.0882845</v>
      </c>
    </row>
    <row r="9335" spans="1:10" x14ac:dyDescent="0.35">
      <c r="A9335" s="5" t="s">
        <v>10</v>
      </c>
      <c r="B9335" s="6">
        <v>207149</v>
      </c>
      <c r="C9335" s="6" t="s">
        <v>28</v>
      </c>
      <c r="D9335" s="6" t="s">
        <v>29</v>
      </c>
      <c r="E9335" s="6">
        <v>54001</v>
      </c>
      <c r="F9335" s="6" t="s">
        <v>13</v>
      </c>
      <c r="G9335" s="6" t="s">
        <v>18461</v>
      </c>
      <c r="H9335" s="6" t="s">
        <v>18462</v>
      </c>
      <c r="I9335" s="7">
        <v>7.8864523999999996</v>
      </c>
      <c r="J9335" s="8">
        <v>-72.4983529</v>
      </c>
    </row>
    <row r="9336" spans="1:10" x14ac:dyDescent="0.35">
      <c r="A9336" s="5" t="s">
        <v>10</v>
      </c>
      <c r="B9336" s="6">
        <v>225301</v>
      </c>
      <c r="C9336" s="6" t="s">
        <v>16</v>
      </c>
      <c r="D9336" s="6" t="s">
        <v>78</v>
      </c>
      <c r="E9336" s="6">
        <v>68001</v>
      </c>
      <c r="F9336" s="6" t="s">
        <v>13</v>
      </c>
      <c r="G9336" s="6" t="s">
        <v>18463</v>
      </c>
      <c r="H9336" s="6" t="s">
        <v>18464</v>
      </c>
      <c r="I9336" s="7">
        <v>7.1188361999999996</v>
      </c>
      <c r="J9336" s="8">
        <v>-73.125621300000006</v>
      </c>
    </row>
    <row r="9337" spans="1:10" x14ac:dyDescent="0.35">
      <c r="A9337" s="5" t="s">
        <v>10</v>
      </c>
      <c r="B9337" s="6">
        <v>69404</v>
      </c>
      <c r="C9337" s="6" t="s">
        <v>16</v>
      </c>
      <c r="D9337" s="6" t="s">
        <v>162</v>
      </c>
      <c r="E9337" s="6">
        <v>68176</v>
      </c>
      <c r="F9337" s="6" t="s">
        <v>18</v>
      </c>
      <c r="G9337" s="6" t="s">
        <v>163</v>
      </c>
      <c r="H9337" s="6" t="s">
        <v>164</v>
      </c>
      <c r="I9337" s="7">
        <v>7.1200134999999998</v>
      </c>
      <c r="J9337" s="8">
        <v>-73.127584400000003</v>
      </c>
    </row>
    <row r="9338" spans="1:10" x14ac:dyDescent="0.35">
      <c r="A9338" s="5" t="s">
        <v>10</v>
      </c>
      <c r="B9338" s="6">
        <v>232952</v>
      </c>
      <c r="C9338" s="6" t="s">
        <v>11</v>
      </c>
      <c r="D9338" s="6" t="s">
        <v>106</v>
      </c>
      <c r="E9338" s="6">
        <v>25843</v>
      </c>
      <c r="F9338" s="6" t="s">
        <v>18</v>
      </c>
      <c r="G9338" s="6" t="s">
        <v>18465</v>
      </c>
      <c r="H9338" s="6" t="s">
        <v>18466</v>
      </c>
      <c r="I9338" s="7">
        <v>5.3091016</v>
      </c>
      <c r="J9338" s="8">
        <v>-73.811066600000004</v>
      </c>
    </row>
    <row r="9339" spans="1:10" x14ac:dyDescent="0.35">
      <c r="A9339" s="5" t="s">
        <v>10</v>
      </c>
      <c r="B9339" s="6">
        <v>192080</v>
      </c>
      <c r="C9339" s="6" t="s">
        <v>55</v>
      </c>
      <c r="D9339" s="6" t="s">
        <v>56</v>
      </c>
      <c r="E9339" s="6">
        <v>73001</v>
      </c>
      <c r="F9339" s="6" t="s">
        <v>18</v>
      </c>
      <c r="G9339" s="6" t="s">
        <v>18467</v>
      </c>
      <c r="H9339" s="6" t="s">
        <v>18468</v>
      </c>
      <c r="I9339" s="7">
        <v>4.4292980000000002</v>
      </c>
      <c r="J9339" s="8">
        <v>-75.241104999999905</v>
      </c>
    </row>
    <row r="9340" spans="1:10" x14ac:dyDescent="0.35">
      <c r="A9340" s="5" t="s">
        <v>10</v>
      </c>
      <c r="B9340" s="6">
        <v>219878</v>
      </c>
      <c r="C9340" s="6" t="s">
        <v>466</v>
      </c>
      <c r="D9340" s="6" t="s">
        <v>2069</v>
      </c>
      <c r="E9340" s="6">
        <v>81794</v>
      </c>
      <c r="F9340" s="6" t="s">
        <v>18</v>
      </c>
      <c r="G9340" s="6" t="s">
        <v>18469</v>
      </c>
      <c r="H9340" s="6" t="s">
        <v>18470</v>
      </c>
      <c r="I9340" s="7">
        <v>6.4644089999999998</v>
      </c>
      <c r="J9340" s="8">
        <v>-71.731055799999993</v>
      </c>
    </row>
    <row r="9341" spans="1:10" x14ac:dyDescent="0.35">
      <c r="A9341" s="5" t="s">
        <v>10</v>
      </c>
      <c r="B9341" s="6">
        <v>233372</v>
      </c>
      <c r="C9341" s="6" t="s">
        <v>28</v>
      </c>
      <c r="D9341" s="6" t="s">
        <v>18471</v>
      </c>
      <c r="E9341" s="6">
        <v>54520</v>
      </c>
      <c r="F9341" s="6" t="s">
        <v>18</v>
      </c>
      <c r="G9341" s="6" t="s">
        <v>18472</v>
      </c>
      <c r="H9341" s="6" t="s">
        <v>18473</v>
      </c>
      <c r="I9341" s="7">
        <v>7.4371600000000004</v>
      </c>
      <c r="J9341" s="8">
        <v>-72.638419999999996</v>
      </c>
    </row>
    <row r="9342" spans="1:10" x14ac:dyDescent="0.35">
      <c r="A9342" s="5" t="s">
        <v>10</v>
      </c>
      <c r="B9342" s="6">
        <v>224454</v>
      </c>
      <c r="C9342" s="6" t="s">
        <v>42</v>
      </c>
      <c r="D9342" s="6" t="s">
        <v>275</v>
      </c>
      <c r="E9342" s="6">
        <v>17614</v>
      </c>
      <c r="F9342" s="6" t="s">
        <v>18</v>
      </c>
      <c r="G9342" s="6" t="s">
        <v>18311</v>
      </c>
      <c r="H9342" s="6" t="s">
        <v>18312</v>
      </c>
      <c r="I9342" s="7">
        <v>5.3651945000000003</v>
      </c>
      <c r="J9342" s="8">
        <v>-75.679910500000005</v>
      </c>
    </row>
    <row r="9343" spans="1:10" x14ac:dyDescent="0.35">
      <c r="A9343" s="5" t="s">
        <v>10</v>
      </c>
      <c r="B9343" s="6">
        <v>215463</v>
      </c>
      <c r="C9343" s="6" t="s">
        <v>16</v>
      </c>
      <c r="D9343" s="6" t="s">
        <v>1266</v>
      </c>
      <c r="E9343" s="6">
        <v>68081</v>
      </c>
      <c r="F9343" s="6" t="s">
        <v>2161</v>
      </c>
      <c r="G9343" s="6" t="s">
        <v>18474</v>
      </c>
      <c r="H9343" s="6" t="s">
        <v>18475</v>
      </c>
      <c r="I9343" s="7">
        <v>7.0617084999999999</v>
      </c>
      <c r="J9343" s="8">
        <v>-73.851931899999997</v>
      </c>
    </row>
    <row r="9344" spans="1:10" x14ac:dyDescent="0.35">
      <c r="A9344" s="5" t="s">
        <v>10</v>
      </c>
      <c r="B9344" s="6">
        <v>237175</v>
      </c>
      <c r="C9344" s="6" t="s">
        <v>61</v>
      </c>
      <c r="D9344" s="6" t="s">
        <v>7726</v>
      </c>
      <c r="E9344" s="6">
        <v>63272</v>
      </c>
      <c r="F9344" s="6" t="s">
        <v>2161</v>
      </c>
      <c r="G9344" s="6" t="s">
        <v>8684</v>
      </c>
      <c r="H9344" s="6" t="s">
        <v>8685</v>
      </c>
      <c r="I9344" s="7">
        <v>4.6743060999999999</v>
      </c>
      <c r="J9344" s="8">
        <v>-75.658410799999999</v>
      </c>
    </row>
    <row r="9345" spans="1:10" x14ac:dyDescent="0.35">
      <c r="A9345" s="5" t="s">
        <v>10</v>
      </c>
      <c r="B9345" s="6">
        <v>220282</v>
      </c>
      <c r="C9345" s="6" t="s">
        <v>11</v>
      </c>
      <c r="D9345" s="6" t="s">
        <v>159</v>
      </c>
      <c r="E9345" s="6">
        <v>25175</v>
      </c>
      <c r="F9345" s="6" t="s">
        <v>2161</v>
      </c>
      <c r="G9345" s="6" t="s">
        <v>18476</v>
      </c>
      <c r="H9345" s="6" t="s">
        <v>18477</v>
      </c>
      <c r="I9345" s="7">
        <v>4.8437918999999896</v>
      </c>
      <c r="J9345" s="8">
        <v>-74.070042000000001</v>
      </c>
    </row>
    <row r="9346" spans="1:10" x14ac:dyDescent="0.35">
      <c r="A9346" s="5" t="s">
        <v>10</v>
      </c>
      <c r="B9346" s="6">
        <v>141694</v>
      </c>
      <c r="C9346" s="6" t="s">
        <v>11</v>
      </c>
      <c r="D9346" s="6" t="s">
        <v>337</v>
      </c>
      <c r="E9346" s="6">
        <v>25290</v>
      </c>
      <c r="F9346" s="6" t="s">
        <v>13</v>
      </c>
      <c r="G9346" s="6" t="s">
        <v>2585</v>
      </c>
      <c r="H9346" s="6" t="s">
        <v>2586</v>
      </c>
      <c r="I9346" s="7">
        <v>4.3432126000000002</v>
      </c>
      <c r="J9346" s="8">
        <v>-74.362621099999998</v>
      </c>
    </row>
    <row r="9347" spans="1:10" x14ac:dyDescent="0.35">
      <c r="A9347" s="5" t="s">
        <v>10</v>
      </c>
      <c r="B9347" s="6">
        <v>180544</v>
      </c>
      <c r="C9347" s="6" t="s">
        <v>11</v>
      </c>
      <c r="D9347" s="6" t="s">
        <v>334</v>
      </c>
      <c r="E9347" s="6">
        <v>25754</v>
      </c>
      <c r="F9347" s="6" t="s">
        <v>13</v>
      </c>
      <c r="G9347" s="6" t="s">
        <v>1952</v>
      </c>
      <c r="H9347" s="6" t="s">
        <v>1953</v>
      </c>
      <c r="I9347" s="7">
        <v>4.5881616000000003</v>
      </c>
      <c r="J9347" s="8">
        <v>-74.203519099999994</v>
      </c>
    </row>
    <row r="9348" spans="1:10" x14ac:dyDescent="0.35">
      <c r="A9348" s="5" t="s">
        <v>10</v>
      </c>
      <c r="B9348" s="6">
        <v>141698</v>
      </c>
      <c r="C9348" s="6" t="s">
        <v>11</v>
      </c>
      <c r="D9348" s="6" t="s">
        <v>1755</v>
      </c>
      <c r="E9348" s="6">
        <v>25001</v>
      </c>
      <c r="F9348" s="6" t="s">
        <v>13</v>
      </c>
      <c r="G9348" s="6" t="s">
        <v>1756</v>
      </c>
      <c r="H9348" s="6" t="s">
        <v>1757</v>
      </c>
      <c r="I9348" s="7">
        <v>4.3766334000000002</v>
      </c>
      <c r="J9348" s="8">
        <v>-74.669945499999997</v>
      </c>
    </row>
    <row r="9349" spans="1:10" x14ac:dyDescent="0.35">
      <c r="A9349" s="5" t="s">
        <v>10</v>
      </c>
      <c r="B9349" s="6">
        <v>204282</v>
      </c>
      <c r="C9349" s="6" t="s">
        <v>2130</v>
      </c>
      <c r="D9349" s="6" t="s">
        <v>2131</v>
      </c>
      <c r="E9349" s="6">
        <v>85001</v>
      </c>
      <c r="F9349" s="6" t="s">
        <v>18</v>
      </c>
      <c r="G9349" s="6" t="s">
        <v>18478</v>
      </c>
      <c r="H9349" s="6" t="s">
        <v>18479</v>
      </c>
      <c r="I9349" s="7">
        <v>5.348903</v>
      </c>
      <c r="J9349" s="8">
        <v>-72.400522999999893</v>
      </c>
    </row>
    <row r="9350" spans="1:10" x14ac:dyDescent="0.35">
      <c r="A9350" s="5" t="s">
        <v>10</v>
      </c>
      <c r="B9350" s="6">
        <v>229323</v>
      </c>
      <c r="C9350" s="6" t="s">
        <v>28</v>
      </c>
      <c r="D9350" s="6" t="s">
        <v>29</v>
      </c>
      <c r="E9350" s="6">
        <v>54001</v>
      </c>
      <c r="F9350" s="6" t="s">
        <v>18</v>
      </c>
      <c r="G9350" s="6" t="s">
        <v>18480</v>
      </c>
      <c r="H9350" s="6" t="s">
        <v>18481</v>
      </c>
      <c r="I9350" s="7">
        <v>7.9136715000000004</v>
      </c>
      <c r="J9350" s="8">
        <v>-72.490302099999994</v>
      </c>
    </row>
    <row r="9351" spans="1:10" x14ac:dyDescent="0.35">
      <c r="A9351" s="5" t="s">
        <v>10</v>
      </c>
      <c r="B9351" s="6">
        <v>243874</v>
      </c>
      <c r="C9351" s="6" t="s">
        <v>466</v>
      </c>
      <c r="D9351" s="6" t="s">
        <v>1576</v>
      </c>
      <c r="E9351" s="6">
        <v>81065</v>
      </c>
      <c r="F9351" s="6" t="s">
        <v>18</v>
      </c>
      <c r="G9351" s="6" t="s">
        <v>18482</v>
      </c>
      <c r="H9351" s="6" t="s">
        <v>18483</v>
      </c>
      <c r="I9351" s="7">
        <v>7.0735853000000004</v>
      </c>
      <c r="J9351" s="8">
        <v>-70.752579299999994</v>
      </c>
    </row>
    <row r="9352" spans="1:10" x14ac:dyDescent="0.35">
      <c r="A9352" s="5" t="s">
        <v>10</v>
      </c>
      <c r="B9352" s="6">
        <v>220019</v>
      </c>
      <c r="C9352" s="6" t="s">
        <v>278</v>
      </c>
      <c r="D9352" s="6" t="s">
        <v>7334</v>
      </c>
      <c r="E9352" s="6">
        <v>50711</v>
      </c>
      <c r="F9352" s="6" t="s">
        <v>18</v>
      </c>
      <c r="G9352" s="6" t="s">
        <v>18484</v>
      </c>
      <c r="H9352" s="6" t="s">
        <v>18485</v>
      </c>
      <c r="I9352" s="7">
        <v>3.1278830000000002</v>
      </c>
      <c r="J9352" s="8">
        <v>-73.752511999999996</v>
      </c>
    </row>
    <row r="9353" spans="1:10" x14ac:dyDescent="0.35">
      <c r="A9353" s="5" t="s">
        <v>10</v>
      </c>
      <c r="B9353" s="6">
        <v>212150</v>
      </c>
      <c r="C9353" s="6" t="s">
        <v>68</v>
      </c>
      <c r="D9353" s="6" t="s">
        <v>69</v>
      </c>
      <c r="E9353" s="6">
        <v>11001</v>
      </c>
      <c r="F9353" s="6" t="s">
        <v>2161</v>
      </c>
      <c r="G9353" s="6" t="s">
        <v>18486</v>
      </c>
      <c r="H9353" s="6" t="s">
        <v>18487</v>
      </c>
      <c r="I9353" s="7">
        <v>4.6215811999999996</v>
      </c>
      <c r="J9353" s="8">
        <v>-74.196240399999994</v>
      </c>
    </row>
    <row r="9354" spans="1:10" x14ac:dyDescent="0.35">
      <c r="A9354" s="5" t="s">
        <v>10</v>
      </c>
      <c r="B9354" s="6">
        <v>225694</v>
      </c>
      <c r="C9354" s="6" t="s">
        <v>11</v>
      </c>
      <c r="D9354" s="6" t="s">
        <v>407</v>
      </c>
      <c r="E9354" s="6">
        <v>25126</v>
      </c>
      <c r="F9354" s="6" t="s">
        <v>2161</v>
      </c>
      <c r="G9354" s="6" t="s">
        <v>18488</v>
      </c>
      <c r="H9354" s="6" t="s">
        <v>18489</v>
      </c>
      <c r="I9354" s="7">
        <v>4.9347813</v>
      </c>
      <c r="J9354" s="8">
        <v>-74.016951399999996</v>
      </c>
    </row>
    <row r="9355" spans="1:10" x14ac:dyDescent="0.35">
      <c r="A9355" s="5" t="s">
        <v>10</v>
      </c>
      <c r="B9355" s="6">
        <v>235323</v>
      </c>
      <c r="C9355" s="6" t="s">
        <v>302</v>
      </c>
      <c r="D9355" s="6" t="s">
        <v>359</v>
      </c>
      <c r="E9355" s="6">
        <v>8001</v>
      </c>
      <c r="F9355" s="6" t="s">
        <v>2161</v>
      </c>
      <c r="G9355" s="6" t="s">
        <v>18490</v>
      </c>
      <c r="H9355" s="6" t="s">
        <v>18491</v>
      </c>
      <c r="I9355" s="7">
        <v>10.9781624</v>
      </c>
      <c r="J9355" s="8">
        <v>-74.8390962</v>
      </c>
    </row>
    <row r="9356" spans="1:10" x14ac:dyDescent="0.35">
      <c r="A9356" s="5" t="s">
        <v>10</v>
      </c>
      <c r="B9356" s="6">
        <v>208964</v>
      </c>
      <c r="C9356" s="6" t="s">
        <v>11</v>
      </c>
      <c r="D9356" s="6" t="s">
        <v>159</v>
      </c>
      <c r="E9356" s="6">
        <v>25175</v>
      </c>
      <c r="F9356" s="6" t="s">
        <v>2161</v>
      </c>
      <c r="G9356" s="6" t="s">
        <v>18492</v>
      </c>
      <c r="H9356" s="6" t="s">
        <v>18493</v>
      </c>
      <c r="I9356" s="7">
        <v>4.8530414000000004</v>
      </c>
      <c r="J9356" s="8">
        <v>-74.056803000000002</v>
      </c>
    </row>
    <row r="9357" spans="1:10" x14ac:dyDescent="0.35">
      <c r="A9357" s="5" t="s">
        <v>10</v>
      </c>
      <c r="B9357" s="6">
        <v>155565</v>
      </c>
      <c r="C9357" s="6" t="s">
        <v>11</v>
      </c>
      <c r="D9357" s="6" t="s">
        <v>513</v>
      </c>
      <c r="E9357" s="6">
        <v>25286</v>
      </c>
      <c r="F9357" s="6" t="s">
        <v>18</v>
      </c>
      <c r="G9357" s="6" t="s">
        <v>514</v>
      </c>
      <c r="H9357" s="6" t="s">
        <v>515</v>
      </c>
      <c r="I9357" s="7">
        <v>5.1995640999999999</v>
      </c>
      <c r="J9357" s="8">
        <v>-74.888651400000001</v>
      </c>
    </row>
    <row r="9358" spans="1:10" x14ac:dyDescent="0.35">
      <c r="A9358" s="5" t="s">
        <v>10</v>
      </c>
      <c r="B9358" s="6">
        <v>164480</v>
      </c>
      <c r="C9358" s="6" t="s">
        <v>28</v>
      </c>
      <c r="D9358" s="6" t="s">
        <v>29</v>
      </c>
      <c r="E9358" s="6">
        <v>54001</v>
      </c>
      <c r="F9358" s="6" t="s">
        <v>13</v>
      </c>
      <c r="G9358" s="6" t="s">
        <v>50</v>
      </c>
      <c r="H9358" s="6" t="s">
        <v>18494</v>
      </c>
      <c r="I9358" s="7">
        <v>7.9001858</v>
      </c>
      <c r="J9358" s="8">
        <v>-72.547685700000002</v>
      </c>
    </row>
    <row r="9359" spans="1:10" x14ac:dyDescent="0.35">
      <c r="A9359" s="5" t="s">
        <v>10</v>
      </c>
      <c r="B9359" s="6">
        <v>243909</v>
      </c>
      <c r="C9359" s="6" t="s">
        <v>28</v>
      </c>
      <c r="D9359" s="6" t="s">
        <v>1571</v>
      </c>
      <c r="E9359" s="6">
        <v>54743</v>
      </c>
      <c r="F9359" s="6" t="s">
        <v>18</v>
      </c>
      <c r="G9359" s="6" t="s">
        <v>18495</v>
      </c>
      <c r="H9359" s="6" t="s">
        <v>18496</v>
      </c>
      <c r="I9359" s="7">
        <v>7.3781507</v>
      </c>
      <c r="J9359" s="8">
        <v>-72.650742800000003</v>
      </c>
    </row>
    <row r="9360" spans="1:10" x14ac:dyDescent="0.35">
      <c r="A9360" s="5" t="s">
        <v>10</v>
      </c>
      <c r="B9360" s="6">
        <v>237569</v>
      </c>
      <c r="C9360" s="6" t="s">
        <v>28</v>
      </c>
      <c r="D9360" s="6" t="s">
        <v>18287</v>
      </c>
      <c r="E9360" s="6">
        <v>54125</v>
      </c>
      <c r="F9360" s="6" t="s">
        <v>18</v>
      </c>
      <c r="G9360" s="6" t="s">
        <v>18497</v>
      </c>
      <c r="H9360" s="6" t="s">
        <v>18498</v>
      </c>
      <c r="I9360" s="7">
        <v>7.9083221999999997</v>
      </c>
      <c r="J9360" s="8">
        <v>-72.513915600000004</v>
      </c>
    </row>
    <row r="9361" spans="1:10" x14ac:dyDescent="0.35">
      <c r="A9361" s="5" t="s">
        <v>10</v>
      </c>
      <c r="B9361" s="6">
        <v>204203</v>
      </c>
      <c r="C9361" s="6" t="s">
        <v>38</v>
      </c>
      <c r="D9361" s="6" t="s">
        <v>39</v>
      </c>
      <c r="E9361" s="6">
        <v>19001</v>
      </c>
      <c r="F9361" s="6" t="s">
        <v>18</v>
      </c>
      <c r="G9361" s="6" t="s">
        <v>18499</v>
      </c>
      <c r="H9361" s="6" t="s">
        <v>18500</v>
      </c>
      <c r="I9361" s="7">
        <v>2.440903</v>
      </c>
      <c r="J9361" s="8">
        <v>-76.607200899999995</v>
      </c>
    </row>
    <row r="9362" spans="1:10" x14ac:dyDescent="0.35">
      <c r="A9362" s="5" t="s">
        <v>10</v>
      </c>
      <c r="B9362" s="6">
        <v>184120</v>
      </c>
      <c r="C9362" s="6" t="s">
        <v>68</v>
      </c>
      <c r="D9362" s="6" t="s">
        <v>69</v>
      </c>
      <c r="E9362" s="6">
        <v>11001</v>
      </c>
      <c r="F9362" s="6" t="s">
        <v>18</v>
      </c>
      <c r="G9362" s="6" t="s">
        <v>17705</v>
      </c>
      <c r="H9362" s="6" t="s">
        <v>17706</v>
      </c>
      <c r="I9362" s="7">
        <v>4.6856081999999999</v>
      </c>
      <c r="J9362" s="8">
        <v>-74.052892999999997</v>
      </c>
    </row>
    <row r="9363" spans="1:10" x14ac:dyDescent="0.35">
      <c r="A9363" s="5" t="s">
        <v>10</v>
      </c>
      <c r="B9363" s="6">
        <v>229254</v>
      </c>
      <c r="C9363" s="6" t="s">
        <v>2821</v>
      </c>
      <c r="D9363" s="6" t="s">
        <v>9495</v>
      </c>
      <c r="E9363" s="6">
        <v>47245</v>
      </c>
      <c r="F9363" s="6" t="s">
        <v>2161</v>
      </c>
      <c r="G9363" s="6" t="s">
        <v>18501</v>
      </c>
      <c r="H9363" s="6" t="s">
        <v>18502</v>
      </c>
      <c r="I9363" s="7">
        <v>9.0101807999999899</v>
      </c>
      <c r="J9363" s="8">
        <v>-73.973562399999906</v>
      </c>
    </row>
    <row r="9364" spans="1:10" x14ac:dyDescent="0.35">
      <c r="A9364" s="5" t="s">
        <v>10</v>
      </c>
      <c r="B9364" s="6">
        <v>225322</v>
      </c>
      <c r="C9364" s="6" t="s">
        <v>2821</v>
      </c>
      <c r="D9364" s="6" t="s">
        <v>2822</v>
      </c>
      <c r="E9364" s="6">
        <v>47001</v>
      </c>
      <c r="F9364" s="6" t="s">
        <v>2161</v>
      </c>
      <c r="G9364" s="6" t="s">
        <v>18503</v>
      </c>
      <c r="H9364" s="6" t="s">
        <v>18504</v>
      </c>
      <c r="I9364" s="7">
        <v>11.1934264</v>
      </c>
      <c r="J9364" s="8">
        <v>-74.218207300000003</v>
      </c>
    </row>
    <row r="9365" spans="1:10" x14ac:dyDescent="0.35">
      <c r="A9365" s="5" t="s">
        <v>10</v>
      </c>
      <c r="B9365" s="6">
        <v>234899</v>
      </c>
      <c r="C9365" s="6" t="s">
        <v>11</v>
      </c>
      <c r="D9365" s="6" t="s">
        <v>12</v>
      </c>
      <c r="E9365" s="6">
        <v>25899</v>
      </c>
      <c r="F9365" s="6" t="s">
        <v>2161</v>
      </c>
      <c r="G9365" s="6" t="s">
        <v>18505</v>
      </c>
      <c r="H9365" s="6" t="s">
        <v>18506</v>
      </c>
      <c r="I9365" s="7">
        <v>5.0360170000000002</v>
      </c>
      <c r="J9365" s="8">
        <v>-73.995784799999996</v>
      </c>
    </row>
    <row r="9366" spans="1:10" x14ac:dyDescent="0.35">
      <c r="A9366" s="5" t="s">
        <v>10</v>
      </c>
      <c r="B9366" s="6">
        <v>235319</v>
      </c>
      <c r="C9366" s="6" t="s">
        <v>457</v>
      </c>
      <c r="D9366" s="6" t="s">
        <v>18507</v>
      </c>
      <c r="E9366" s="6">
        <v>52250</v>
      </c>
      <c r="F9366" s="6" t="s">
        <v>2161</v>
      </c>
      <c r="G9366" s="6" t="s">
        <v>18508</v>
      </c>
      <c r="H9366" s="6" t="s">
        <v>18509</v>
      </c>
      <c r="I9366" s="7">
        <v>2.7777440000000002</v>
      </c>
      <c r="J9366" s="8">
        <v>-77.667606000000006</v>
      </c>
    </row>
    <row r="9367" spans="1:10" x14ac:dyDescent="0.35">
      <c r="A9367" s="5" t="s">
        <v>10</v>
      </c>
      <c r="B9367" s="6">
        <v>141702</v>
      </c>
      <c r="C9367" s="6" t="s">
        <v>11</v>
      </c>
      <c r="D9367" s="6" t="s">
        <v>6124</v>
      </c>
      <c r="E9367" s="6">
        <v>25377</v>
      </c>
      <c r="F9367" s="6" t="s">
        <v>13</v>
      </c>
      <c r="G9367" s="6" t="s">
        <v>18387</v>
      </c>
      <c r="H9367" s="6" t="s">
        <v>18388</v>
      </c>
      <c r="I9367" s="7">
        <v>4.7201183000000002</v>
      </c>
      <c r="J9367" s="8">
        <v>-73.968011700000005</v>
      </c>
    </row>
    <row r="9368" spans="1:10" x14ac:dyDescent="0.35">
      <c r="A9368" s="5" t="s">
        <v>10</v>
      </c>
      <c r="B9368" s="6">
        <v>187495</v>
      </c>
      <c r="C9368" s="6" t="s">
        <v>68</v>
      </c>
      <c r="D9368" s="6" t="s">
        <v>69</v>
      </c>
      <c r="E9368" s="6">
        <v>11001</v>
      </c>
      <c r="F9368" s="6" t="s">
        <v>13</v>
      </c>
      <c r="G9368" s="6" t="s">
        <v>17799</v>
      </c>
      <c r="H9368" s="6" t="s">
        <v>17800</v>
      </c>
      <c r="I9368" s="7">
        <v>4.4956782000000004</v>
      </c>
      <c r="J9368" s="8">
        <v>-74.107364799999999</v>
      </c>
    </row>
    <row r="9369" spans="1:10" x14ac:dyDescent="0.35">
      <c r="A9369" s="5" t="s">
        <v>10</v>
      </c>
      <c r="B9369" s="6">
        <v>141699</v>
      </c>
      <c r="C9369" s="6" t="s">
        <v>11</v>
      </c>
      <c r="D9369" s="6" t="s">
        <v>1547</v>
      </c>
      <c r="E9369" s="6">
        <v>25817</v>
      </c>
      <c r="F9369" s="6" t="s">
        <v>13</v>
      </c>
      <c r="G9369" s="6" t="s">
        <v>3451</v>
      </c>
      <c r="H9369" s="6" t="s">
        <v>3452</v>
      </c>
      <c r="I9369" s="7">
        <v>4.9650919</v>
      </c>
      <c r="J9369" s="8">
        <v>-73.912004400000001</v>
      </c>
    </row>
    <row r="9370" spans="1:10" x14ac:dyDescent="0.35">
      <c r="A9370" s="5" t="s">
        <v>10</v>
      </c>
      <c r="B9370" s="6">
        <v>69535</v>
      </c>
      <c r="C9370" s="6" t="s">
        <v>16</v>
      </c>
      <c r="D9370" s="6" t="s">
        <v>18510</v>
      </c>
      <c r="E9370" s="6">
        <v>68502</v>
      </c>
      <c r="F9370" s="6" t="s">
        <v>18</v>
      </c>
      <c r="G9370" s="6" t="s">
        <v>18511</v>
      </c>
      <c r="H9370" s="6" t="s">
        <v>18512</v>
      </c>
      <c r="I9370" s="7">
        <v>6.3438469999999896</v>
      </c>
      <c r="J9370" s="8">
        <v>-72.814791999999997</v>
      </c>
    </row>
    <row r="9371" spans="1:10" x14ac:dyDescent="0.35">
      <c r="A9371" s="5" t="s">
        <v>10</v>
      </c>
      <c r="B9371" s="6">
        <v>237754</v>
      </c>
      <c r="C9371" s="6" t="s">
        <v>16</v>
      </c>
      <c r="D9371" s="6" t="s">
        <v>9017</v>
      </c>
      <c r="E9371" s="6">
        <v>68324</v>
      </c>
      <c r="F9371" s="6" t="s">
        <v>18</v>
      </c>
      <c r="G9371" s="6" t="s">
        <v>18513</v>
      </c>
      <c r="H9371" s="6" t="s">
        <v>18514</v>
      </c>
      <c r="I9371" s="7">
        <v>6.9872902000000003</v>
      </c>
      <c r="J9371" s="8">
        <v>-73.054085700000002</v>
      </c>
    </row>
    <row r="9372" spans="1:10" x14ac:dyDescent="0.35">
      <c r="A9372" s="5" t="s">
        <v>10</v>
      </c>
      <c r="B9372" s="6">
        <v>241815</v>
      </c>
      <c r="C9372" s="6" t="s">
        <v>109</v>
      </c>
      <c r="D9372" s="6" t="s">
        <v>227</v>
      </c>
      <c r="E9372" s="6">
        <v>13001</v>
      </c>
      <c r="F9372" s="6" t="s">
        <v>18</v>
      </c>
      <c r="G9372" s="6" t="s">
        <v>18515</v>
      </c>
      <c r="H9372" s="6" t="s">
        <v>18516</v>
      </c>
      <c r="I9372" s="7">
        <v>10.3820295</v>
      </c>
      <c r="J9372" s="8">
        <v>-75.462590500000005</v>
      </c>
    </row>
    <row r="9373" spans="1:10" x14ac:dyDescent="0.35">
      <c r="A9373" s="5" t="s">
        <v>10</v>
      </c>
      <c r="B9373" s="6">
        <v>242745</v>
      </c>
      <c r="C9373" s="6" t="s">
        <v>24</v>
      </c>
      <c r="D9373" s="6" t="s">
        <v>168</v>
      </c>
      <c r="E9373" s="6">
        <v>15572</v>
      </c>
      <c r="F9373" s="6" t="s">
        <v>18</v>
      </c>
      <c r="G9373" s="6" t="s">
        <v>18517</v>
      </c>
      <c r="H9373" s="6" t="s">
        <v>18518</v>
      </c>
      <c r="I9373" s="7">
        <v>5.9756767000000002</v>
      </c>
      <c r="J9373" s="8">
        <v>-74.5922391</v>
      </c>
    </row>
    <row r="9374" spans="1:10" x14ac:dyDescent="0.35">
      <c r="A9374" s="5" t="s">
        <v>10</v>
      </c>
      <c r="B9374" s="6">
        <v>184120</v>
      </c>
      <c r="C9374" s="6" t="s">
        <v>68</v>
      </c>
      <c r="D9374" s="6" t="s">
        <v>69</v>
      </c>
      <c r="E9374" s="6">
        <v>11001</v>
      </c>
      <c r="F9374" s="6" t="s">
        <v>18</v>
      </c>
      <c r="G9374" s="6" t="s">
        <v>17705</v>
      </c>
      <c r="H9374" s="6" t="s">
        <v>17706</v>
      </c>
      <c r="I9374" s="7">
        <v>4.6856081999999999</v>
      </c>
      <c r="J9374" s="8">
        <v>-74.052892999999997</v>
      </c>
    </row>
    <row r="9375" spans="1:10" x14ac:dyDescent="0.35">
      <c r="A9375" s="5" t="s">
        <v>10</v>
      </c>
      <c r="B9375" s="6">
        <v>229245</v>
      </c>
      <c r="C9375" s="6" t="s">
        <v>11</v>
      </c>
      <c r="D9375" s="6" t="s">
        <v>221</v>
      </c>
      <c r="E9375" s="6">
        <v>25430</v>
      </c>
      <c r="F9375" s="6" t="s">
        <v>2161</v>
      </c>
      <c r="G9375" s="6" t="s">
        <v>18519</v>
      </c>
      <c r="H9375" s="6" t="s">
        <v>18520</v>
      </c>
      <c r="I9375" s="7">
        <v>4.7253043000000003</v>
      </c>
      <c r="J9375" s="8">
        <v>-74.286128099999999</v>
      </c>
    </row>
    <row r="9376" spans="1:10" x14ac:dyDescent="0.35">
      <c r="A9376" s="5" t="s">
        <v>10</v>
      </c>
      <c r="B9376" s="6">
        <v>229985</v>
      </c>
      <c r="C9376" s="6" t="s">
        <v>68</v>
      </c>
      <c r="D9376" s="6" t="s">
        <v>69</v>
      </c>
      <c r="E9376" s="6">
        <v>11001</v>
      </c>
      <c r="F9376" s="6" t="s">
        <v>2161</v>
      </c>
      <c r="G9376" s="6" t="s">
        <v>18521</v>
      </c>
      <c r="H9376" s="6" t="s">
        <v>18522</v>
      </c>
      <c r="I9376" s="7">
        <v>4.6937806999999996</v>
      </c>
      <c r="J9376" s="8">
        <v>-74.1131058</v>
      </c>
    </row>
    <row r="9377" spans="1:10" x14ac:dyDescent="0.35">
      <c r="A9377" s="5" t="s">
        <v>10</v>
      </c>
      <c r="B9377" s="6">
        <v>228200</v>
      </c>
      <c r="C9377" s="6" t="s">
        <v>42</v>
      </c>
      <c r="D9377" s="6" t="s">
        <v>43</v>
      </c>
      <c r="E9377" s="6">
        <v>17001</v>
      </c>
      <c r="F9377" s="6" t="s">
        <v>2161</v>
      </c>
      <c r="G9377" s="6" t="s">
        <v>18523</v>
      </c>
      <c r="H9377" s="6" t="s">
        <v>18524</v>
      </c>
      <c r="I9377" s="7">
        <v>5.0513076999999997</v>
      </c>
      <c r="J9377" s="8">
        <v>-75.4983285</v>
      </c>
    </row>
    <row r="9378" spans="1:10" x14ac:dyDescent="0.35">
      <c r="A9378" s="5" t="s">
        <v>10</v>
      </c>
      <c r="B9378" s="6">
        <v>231914</v>
      </c>
      <c r="C9378" s="6" t="s">
        <v>68</v>
      </c>
      <c r="D9378" s="6" t="s">
        <v>69</v>
      </c>
      <c r="E9378" s="6">
        <v>11001</v>
      </c>
      <c r="F9378" s="6" t="s">
        <v>2161</v>
      </c>
      <c r="G9378" s="6" t="s">
        <v>18525</v>
      </c>
      <c r="H9378" s="6" t="s">
        <v>18526</v>
      </c>
      <c r="I9378" s="7">
        <v>4.4955626999999998</v>
      </c>
      <c r="J9378" s="8">
        <v>-74.112463399999996</v>
      </c>
    </row>
    <row r="9379" spans="1:10" x14ac:dyDescent="0.35">
      <c r="A9379" s="5" t="s">
        <v>10</v>
      </c>
      <c r="B9379" s="6">
        <v>169661</v>
      </c>
      <c r="C9379" s="6" t="s">
        <v>68</v>
      </c>
      <c r="D9379" s="6" t="s">
        <v>69</v>
      </c>
      <c r="E9379" s="6">
        <v>11001</v>
      </c>
      <c r="F9379" s="6" t="s">
        <v>13</v>
      </c>
      <c r="G9379" s="6" t="s">
        <v>1087</v>
      </c>
      <c r="H9379" s="6" t="s">
        <v>18163</v>
      </c>
      <c r="I9379" s="7">
        <v>4.6626272000000002</v>
      </c>
      <c r="J9379" s="8">
        <v>-74.065611500000003</v>
      </c>
    </row>
    <row r="9380" spans="1:10" x14ac:dyDescent="0.35">
      <c r="A9380" s="5" t="s">
        <v>10</v>
      </c>
      <c r="B9380" s="6">
        <v>235315</v>
      </c>
      <c r="C9380" s="6" t="s">
        <v>4364</v>
      </c>
      <c r="D9380" s="6" t="s">
        <v>8001</v>
      </c>
      <c r="E9380" s="6">
        <v>70713</v>
      </c>
      <c r="F9380" s="6" t="s">
        <v>2161</v>
      </c>
      <c r="G9380" s="6" t="s">
        <v>18527</v>
      </c>
      <c r="H9380" s="6" t="s">
        <v>18528</v>
      </c>
      <c r="I9380" s="7">
        <v>5.6342020000000002</v>
      </c>
      <c r="J9380" s="8">
        <v>-73.323262999999997</v>
      </c>
    </row>
    <row r="9381" spans="1:10" x14ac:dyDescent="0.35">
      <c r="A9381" s="5" t="s">
        <v>10</v>
      </c>
      <c r="B9381" s="6">
        <v>247308</v>
      </c>
      <c r="C9381" s="6" t="s">
        <v>68</v>
      </c>
      <c r="D9381" s="6" t="s">
        <v>69</v>
      </c>
      <c r="E9381" s="6">
        <v>11001</v>
      </c>
      <c r="F9381" s="6" t="s">
        <v>13</v>
      </c>
      <c r="G9381" s="6" t="s">
        <v>17752</v>
      </c>
      <c r="H9381" s="6" t="s">
        <v>18529</v>
      </c>
      <c r="I9381" s="7">
        <v>4.6727426999999997</v>
      </c>
      <c r="J9381" s="8">
        <v>-74.054713899999996</v>
      </c>
    </row>
    <row r="9382" spans="1:10" x14ac:dyDescent="0.35">
      <c r="A9382" s="5" t="s">
        <v>10</v>
      </c>
      <c r="B9382" s="6">
        <v>141696</v>
      </c>
      <c r="C9382" s="6" t="s">
        <v>11</v>
      </c>
      <c r="D9382" s="6" t="s">
        <v>251</v>
      </c>
      <c r="E9382" s="6">
        <v>25214</v>
      </c>
      <c r="F9382" s="6" t="s">
        <v>13</v>
      </c>
      <c r="G9382" s="6" t="s">
        <v>17754</v>
      </c>
      <c r="H9382" s="6" t="s">
        <v>17755</v>
      </c>
      <c r="I9382" s="7">
        <v>4.8094359000000004</v>
      </c>
      <c r="J9382" s="8">
        <v>-74.101397700000007</v>
      </c>
    </row>
    <row r="9383" spans="1:10" x14ac:dyDescent="0.35">
      <c r="A9383" s="5" t="s">
        <v>10</v>
      </c>
      <c r="B9383" s="6">
        <v>233186</v>
      </c>
      <c r="C9383" s="6" t="s">
        <v>42</v>
      </c>
      <c r="D9383" s="6" t="s">
        <v>43</v>
      </c>
      <c r="E9383" s="6">
        <v>17001</v>
      </c>
      <c r="F9383" s="6" t="s">
        <v>18</v>
      </c>
      <c r="G9383" s="6" t="s">
        <v>18530</v>
      </c>
      <c r="H9383" s="6" t="s">
        <v>18531</v>
      </c>
      <c r="I9383" s="7">
        <v>5.07029</v>
      </c>
      <c r="J9383" s="8">
        <v>-75.51388</v>
      </c>
    </row>
    <row r="9384" spans="1:10" x14ac:dyDescent="0.35">
      <c r="A9384" s="5" t="s">
        <v>10</v>
      </c>
      <c r="B9384" s="6">
        <v>184815</v>
      </c>
      <c r="C9384" s="6" t="s">
        <v>308</v>
      </c>
      <c r="D9384" s="6" t="s">
        <v>309</v>
      </c>
      <c r="E9384" s="6">
        <v>23001</v>
      </c>
      <c r="F9384" s="6" t="s">
        <v>13</v>
      </c>
      <c r="G9384" s="6" t="s">
        <v>160</v>
      </c>
      <c r="H9384" s="6" t="s">
        <v>310</v>
      </c>
      <c r="I9384" s="7">
        <v>8.7453120000000002</v>
      </c>
      <c r="J9384" s="8">
        <v>-75.893833599999994</v>
      </c>
    </row>
    <row r="9385" spans="1:10" x14ac:dyDescent="0.35">
      <c r="A9385" s="5" t="s">
        <v>10</v>
      </c>
      <c r="B9385" s="6">
        <v>222507</v>
      </c>
      <c r="C9385" s="6" t="s">
        <v>16</v>
      </c>
      <c r="D9385" s="6" t="s">
        <v>18532</v>
      </c>
      <c r="E9385" s="6">
        <v>68298</v>
      </c>
      <c r="F9385" s="6" t="s">
        <v>18</v>
      </c>
      <c r="G9385" s="6" t="s">
        <v>18533</v>
      </c>
      <c r="H9385" s="6" t="s">
        <v>18534</v>
      </c>
      <c r="I9385" s="7">
        <v>6.554271</v>
      </c>
      <c r="J9385" s="8">
        <v>-73.132409600000003</v>
      </c>
    </row>
    <row r="9386" spans="1:10" x14ac:dyDescent="0.35">
      <c r="A9386" s="5" t="s">
        <v>10</v>
      </c>
      <c r="B9386" s="6">
        <v>208697</v>
      </c>
      <c r="C9386" s="6" t="s">
        <v>28</v>
      </c>
      <c r="D9386" s="6" t="s">
        <v>29</v>
      </c>
      <c r="E9386" s="6">
        <v>54001</v>
      </c>
      <c r="F9386" s="6" t="s">
        <v>18</v>
      </c>
      <c r="G9386" s="6" t="s">
        <v>18535</v>
      </c>
      <c r="H9386" s="6" t="s">
        <v>18536</v>
      </c>
      <c r="I9386" s="7">
        <v>7.8782978999999997</v>
      </c>
      <c r="J9386" s="8">
        <v>-72.511191400000001</v>
      </c>
    </row>
    <row r="9387" spans="1:10" x14ac:dyDescent="0.35">
      <c r="A9387" s="5" t="s">
        <v>10</v>
      </c>
      <c r="B9387" s="6">
        <v>202007</v>
      </c>
      <c r="C9387" s="6" t="s">
        <v>42</v>
      </c>
      <c r="D9387" s="6" t="s">
        <v>46</v>
      </c>
      <c r="E9387" s="6">
        <v>17174</v>
      </c>
      <c r="F9387" s="6" t="s">
        <v>18</v>
      </c>
      <c r="G9387" s="6" t="s">
        <v>1836</v>
      </c>
      <c r="H9387" s="6" t="s">
        <v>1837</v>
      </c>
      <c r="I9387" s="7">
        <v>4.9844663999999996</v>
      </c>
      <c r="J9387" s="8">
        <v>-75.606081799999998</v>
      </c>
    </row>
    <row r="9388" spans="1:10" x14ac:dyDescent="0.35">
      <c r="A9388" s="5" t="s">
        <v>10</v>
      </c>
      <c r="B9388" s="6">
        <v>184120</v>
      </c>
      <c r="C9388" s="6" t="s">
        <v>68</v>
      </c>
      <c r="D9388" s="6" t="s">
        <v>69</v>
      </c>
      <c r="E9388" s="6">
        <v>11001</v>
      </c>
      <c r="F9388" s="6" t="s">
        <v>18</v>
      </c>
      <c r="G9388" s="6" t="s">
        <v>17705</v>
      </c>
      <c r="H9388" s="6" t="s">
        <v>17706</v>
      </c>
      <c r="I9388" s="7">
        <v>4.6856081999999999</v>
      </c>
      <c r="J9388" s="8">
        <v>-74.052892999999997</v>
      </c>
    </row>
    <row r="9389" spans="1:10" x14ac:dyDescent="0.35">
      <c r="A9389" s="5" t="s">
        <v>10</v>
      </c>
      <c r="B9389" s="6">
        <v>226675</v>
      </c>
      <c r="C9389" s="6" t="s">
        <v>68</v>
      </c>
      <c r="D9389" s="6" t="s">
        <v>69</v>
      </c>
      <c r="E9389" s="6">
        <v>11001</v>
      </c>
      <c r="F9389" s="6" t="s">
        <v>2161</v>
      </c>
      <c r="G9389" s="6" t="s">
        <v>18537</v>
      </c>
      <c r="H9389" s="6" t="s">
        <v>18538</v>
      </c>
      <c r="I9389" s="7">
        <v>4.5992899999999999</v>
      </c>
      <c r="J9389" s="8">
        <v>-74.145485399999998</v>
      </c>
    </row>
    <row r="9390" spans="1:10" x14ac:dyDescent="0.35">
      <c r="A9390" s="5" t="s">
        <v>10</v>
      </c>
      <c r="B9390" s="6">
        <v>173765</v>
      </c>
      <c r="C9390" s="6" t="s">
        <v>28</v>
      </c>
      <c r="D9390" s="6" t="s">
        <v>29</v>
      </c>
      <c r="E9390" s="6">
        <v>54001</v>
      </c>
      <c r="F9390" s="6" t="s">
        <v>13</v>
      </c>
      <c r="G9390" s="6" t="s">
        <v>1087</v>
      </c>
      <c r="H9390" s="6" t="s">
        <v>18539</v>
      </c>
      <c r="I9390" s="7">
        <v>7.8853853999999997</v>
      </c>
      <c r="J9390" s="8">
        <v>-72.502399800000006</v>
      </c>
    </row>
    <row r="9391" spans="1:10" x14ac:dyDescent="0.35">
      <c r="A9391" s="5" t="s">
        <v>10</v>
      </c>
      <c r="B9391" s="6">
        <v>141708</v>
      </c>
      <c r="C9391" s="6" t="s">
        <v>11</v>
      </c>
      <c r="D9391" s="6" t="s">
        <v>431</v>
      </c>
      <c r="E9391" s="6">
        <v>25402</v>
      </c>
      <c r="F9391" s="6" t="s">
        <v>13</v>
      </c>
      <c r="G9391" s="6" t="s">
        <v>18540</v>
      </c>
      <c r="H9391" s="6" t="s">
        <v>18541</v>
      </c>
      <c r="I9391" s="7">
        <v>5.0005280000000001</v>
      </c>
      <c r="J9391" s="8">
        <v>-74.339438999999999</v>
      </c>
    </row>
    <row r="9392" spans="1:10" x14ac:dyDescent="0.35">
      <c r="A9392" s="5" t="s">
        <v>10</v>
      </c>
      <c r="B9392" s="6">
        <v>147868</v>
      </c>
      <c r="C9392" s="6" t="s">
        <v>11</v>
      </c>
      <c r="D9392" s="6" t="s">
        <v>3054</v>
      </c>
      <c r="E9392" s="6">
        <v>25269</v>
      </c>
      <c r="F9392" s="6" t="s">
        <v>13</v>
      </c>
      <c r="G9392" s="6" t="s">
        <v>17788</v>
      </c>
      <c r="H9392" s="6" t="s">
        <v>17789</v>
      </c>
      <c r="I9392" s="7">
        <v>4.8097642</v>
      </c>
      <c r="J9392" s="8">
        <v>-74.356405499999994</v>
      </c>
    </row>
    <row r="9393" spans="1:10" x14ac:dyDescent="0.35">
      <c r="A9393" s="5" t="s">
        <v>10</v>
      </c>
      <c r="B9393" s="6">
        <v>234674</v>
      </c>
      <c r="C9393" s="6" t="s">
        <v>16</v>
      </c>
      <c r="D9393" s="6" t="s">
        <v>2851</v>
      </c>
      <c r="E9393" s="6">
        <v>68524</v>
      </c>
      <c r="F9393" s="6" t="s">
        <v>18</v>
      </c>
      <c r="G9393" s="6" t="s">
        <v>18542</v>
      </c>
      <c r="H9393" s="6" t="s">
        <v>18543</v>
      </c>
      <c r="I9393" s="7">
        <v>6.4062937</v>
      </c>
      <c r="J9393" s="8">
        <v>-73.287739000000002</v>
      </c>
    </row>
    <row r="9394" spans="1:10" x14ac:dyDescent="0.35">
      <c r="A9394" s="5" t="s">
        <v>10</v>
      </c>
      <c r="B9394" s="6">
        <v>246863</v>
      </c>
      <c r="C9394" s="6" t="s">
        <v>109</v>
      </c>
      <c r="D9394" s="6" t="s">
        <v>18302</v>
      </c>
      <c r="E9394" s="6">
        <v>13442</v>
      </c>
      <c r="F9394" s="6" t="s">
        <v>18</v>
      </c>
      <c r="G9394" s="6" t="s">
        <v>18544</v>
      </c>
      <c r="H9394" s="6" t="s">
        <v>18545</v>
      </c>
      <c r="I9394" s="7">
        <v>9.9754784000000001</v>
      </c>
      <c r="J9394" s="8">
        <v>-75.293832600000002</v>
      </c>
    </row>
    <row r="9395" spans="1:10" x14ac:dyDescent="0.35">
      <c r="A9395" s="5" t="s">
        <v>10</v>
      </c>
      <c r="B9395" s="6">
        <v>216623</v>
      </c>
      <c r="C9395" s="6" t="s">
        <v>302</v>
      </c>
      <c r="D9395" s="6" t="s">
        <v>359</v>
      </c>
      <c r="E9395" s="6">
        <v>8001</v>
      </c>
      <c r="F9395" s="6" t="s">
        <v>2161</v>
      </c>
      <c r="G9395" s="6" t="s">
        <v>18546</v>
      </c>
      <c r="H9395" s="6" t="s">
        <v>18547</v>
      </c>
      <c r="I9395" s="7">
        <v>10.951771600000001</v>
      </c>
      <c r="J9395" s="8">
        <v>-74.787626199999906</v>
      </c>
    </row>
    <row r="9396" spans="1:10" x14ac:dyDescent="0.35">
      <c r="A9396" s="5" t="s">
        <v>10</v>
      </c>
      <c r="B9396" s="6">
        <v>228509</v>
      </c>
      <c r="C9396" s="6" t="s">
        <v>68</v>
      </c>
      <c r="D9396" s="6" t="s">
        <v>69</v>
      </c>
      <c r="E9396" s="6">
        <v>11001</v>
      </c>
      <c r="F9396" s="6" t="s">
        <v>2161</v>
      </c>
      <c r="G9396" s="6" t="s">
        <v>18548</v>
      </c>
      <c r="H9396" s="6" t="s">
        <v>18549</v>
      </c>
      <c r="I9396" s="7">
        <v>4.5938220999999997</v>
      </c>
      <c r="J9396" s="8">
        <v>-74.0986738</v>
      </c>
    </row>
    <row r="9397" spans="1:10" x14ac:dyDescent="0.35">
      <c r="A9397" s="5" t="s">
        <v>10</v>
      </c>
      <c r="B9397" s="6">
        <v>223399</v>
      </c>
      <c r="C9397" s="6" t="s">
        <v>42</v>
      </c>
      <c r="D9397" s="6" t="s">
        <v>396</v>
      </c>
      <c r="E9397" s="6">
        <v>17380</v>
      </c>
      <c r="F9397" s="6" t="s">
        <v>2161</v>
      </c>
      <c r="G9397" s="6" t="s">
        <v>18550</v>
      </c>
      <c r="H9397" s="6" t="s">
        <v>18551</v>
      </c>
      <c r="I9397" s="7">
        <v>5.4752931</v>
      </c>
      <c r="J9397" s="8">
        <v>-74.677357599999993</v>
      </c>
    </row>
    <row r="9398" spans="1:10" x14ac:dyDescent="0.35">
      <c r="A9398" s="5" t="s">
        <v>10</v>
      </c>
      <c r="B9398" s="6">
        <v>244421</v>
      </c>
      <c r="C9398" s="6" t="s">
        <v>68</v>
      </c>
      <c r="D9398" s="6" t="s">
        <v>69</v>
      </c>
      <c r="E9398" s="6">
        <v>11001</v>
      </c>
      <c r="F9398" s="6" t="s">
        <v>2161</v>
      </c>
      <c r="G9398" s="6" t="s">
        <v>17287</v>
      </c>
      <c r="H9398" s="6" t="s">
        <v>18552</v>
      </c>
      <c r="I9398" s="7">
        <v>4.5719726999999999</v>
      </c>
      <c r="J9398" s="8">
        <v>-74.095403899999994</v>
      </c>
    </row>
    <row r="9399" spans="1:10" x14ac:dyDescent="0.35">
      <c r="A9399" s="5" t="s">
        <v>10</v>
      </c>
      <c r="B9399" s="6">
        <v>90034</v>
      </c>
      <c r="C9399" s="6" t="s">
        <v>68</v>
      </c>
      <c r="D9399" s="6" t="s">
        <v>69</v>
      </c>
      <c r="E9399" s="6">
        <v>11001</v>
      </c>
      <c r="F9399" s="6" t="s">
        <v>13</v>
      </c>
      <c r="G9399" s="6" t="s">
        <v>18553</v>
      </c>
      <c r="H9399" s="6" t="s">
        <v>18554</v>
      </c>
      <c r="I9399" s="7">
        <v>4.6856081999999999</v>
      </c>
      <c r="J9399" s="8">
        <v>-74.052892999999997</v>
      </c>
    </row>
    <row r="9400" spans="1:10" x14ac:dyDescent="0.35">
      <c r="A9400" s="5" t="s">
        <v>10</v>
      </c>
      <c r="B9400" s="6">
        <v>143499</v>
      </c>
      <c r="C9400" s="6" t="s">
        <v>278</v>
      </c>
      <c r="D9400" s="6" t="s">
        <v>279</v>
      </c>
      <c r="E9400" s="6">
        <v>50001</v>
      </c>
      <c r="F9400" s="6" t="s">
        <v>13</v>
      </c>
      <c r="G9400" s="6" t="s">
        <v>18339</v>
      </c>
      <c r="H9400" s="6" t="s">
        <v>18340</v>
      </c>
      <c r="I9400" s="7">
        <v>4.1021460000000003</v>
      </c>
      <c r="J9400" s="8">
        <v>-73.651165000000006</v>
      </c>
    </row>
    <row r="9401" spans="1:10" x14ac:dyDescent="0.35">
      <c r="A9401" s="5" t="s">
        <v>10</v>
      </c>
      <c r="B9401" s="6">
        <v>141689</v>
      </c>
      <c r="C9401" s="6" t="s">
        <v>11</v>
      </c>
      <c r="D9401" s="6" t="s">
        <v>407</v>
      </c>
      <c r="E9401" s="6">
        <v>25126</v>
      </c>
      <c r="F9401" s="6" t="s">
        <v>13</v>
      </c>
      <c r="G9401" s="6" t="s">
        <v>408</v>
      </c>
      <c r="H9401" s="6" t="s">
        <v>409</v>
      </c>
      <c r="I9401" s="7">
        <v>4.9167299</v>
      </c>
      <c r="J9401" s="8">
        <v>-74.025903999999997</v>
      </c>
    </row>
    <row r="9402" spans="1:10" x14ac:dyDescent="0.35">
      <c r="A9402" s="5" t="s">
        <v>10</v>
      </c>
      <c r="B9402" s="6">
        <v>141686</v>
      </c>
      <c r="C9402" s="6" t="s">
        <v>11</v>
      </c>
      <c r="D9402" s="6" t="s">
        <v>106</v>
      </c>
      <c r="E9402" s="6">
        <v>25843</v>
      </c>
      <c r="F9402" s="6" t="s">
        <v>13</v>
      </c>
      <c r="G9402" s="6" t="s">
        <v>1127</v>
      </c>
      <c r="H9402" s="6" t="s">
        <v>1128</v>
      </c>
      <c r="I9402" s="7">
        <v>5.3078042999999999</v>
      </c>
      <c r="J9402" s="8">
        <v>-73.816911200000007</v>
      </c>
    </row>
    <row r="9403" spans="1:10" x14ac:dyDescent="0.35">
      <c r="A9403" s="5" t="s">
        <v>10</v>
      </c>
      <c r="B9403" s="6">
        <v>183968</v>
      </c>
      <c r="C9403" s="6" t="s">
        <v>11</v>
      </c>
      <c r="D9403" s="6" t="s">
        <v>159</v>
      </c>
      <c r="E9403" s="6">
        <v>25175</v>
      </c>
      <c r="F9403" s="6" t="s">
        <v>13</v>
      </c>
      <c r="G9403" s="6" t="s">
        <v>160</v>
      </c>
      <c r="H9403" s="6" t="s">
        <v>161</v>
      </c>
      <c r="I9403" s="7">
        <v>4.8611145000000002</v>
      </c>
      <c r="J9403" s="8">
        <v>-74.062570699999995</v>
      </c>
    </row>
    <row r="9404" spans="1:10" x14ac:dyDescent="0.35">
      <c r="A9404" s="5" t="s">
        <v>10</v>
      </c>
      <c r="B9404" s="6">
        <v>189747</v>
      </c>
      <c r="C9404" s="6" t="s">
        <v>24</v>
      </c>
      <c r="D9404" s="6" t="s">
        <v>2522</v>
      </c>
      <c r="E9404" s="6">
        <v>15491</v>
      </c>
      <c r="F9404" s="6" t="s">
        <v>13</v>
      </c>
      <c r="G9404" s="6" t="s">
        <v>18555</v>
      </c>
      <c r="H9404" s="6" t="s">
        <v>18556</v>
      </c>
      <c r="I9404" s="7">
        <v>5.7706108</v>
      </c>
      <c r="J9404" s="8">
        <v>-72.939299300000002</v>
      </c>
    </row>
    <row r="9405" spans="1:10" x14ac:dyDescent="0.35">
      <c r="A9405" s="5" t="s">
        <v>10</v>
      </c>
      <c r="B9405" s="6">
        <v>208051</v>
      </c>
      <c r="C9405" s="6" t="s">
        <v>55</v>
      </c>
      <c r="D9405" s="6" t="s">
        <v>18082</v>
      </c>
      <c r="E9405" s="6">
        <v>73152</v>
      </c>
      <c r="F9405" s="6" t="s">
        <v>18</v>
      </c>
      <c r="G9405" s="6" t="s">
        <v>18557</v>
      </c>
      <c r="H9405" s="6" t="s">
        <v>18558</v>
      </c>
      <c r="I9405" s="7">
        <v>5.0785679999999997</v>
      </c>
      <c r="J9405" s="8">
        <v>-75.119716999999994</v>
      </c>
    </row>
    <row r="9406" spans="1:10" x14ac:dyDescent="0.35">
      <c r="A9406" s="5" t="s">
        <v>10</v>
      </c>
      <c r="B9406" s="6">
        <v>240008</v>
      </c>
      <c r="C9406" s="6" t="s">
        <v>24</v>
      </c>
      <c r="D9406" s="6" t="s">
        <v>137</v>
      </c>
      <c r="E9406" s="6">
        <v>15238</v>
      </c>
      <c r="F9406" s="6" t="s">
        <v>18</v>
      </c>
      <c r="G9406" s="6" t="s">
        <v>18559</v>
      </c>
      <c r="H9406" s="6" t="s">
        <v>18560</v>
      </c>
      <c r="I9406" s="7">
        <v>5.8268855000000004</v>
      </c>
      <c r="J9406" s="8">
        <v>-73.032950099999994</v>
      </c>
    </row>
    <row r="9407" spans="1:10" x14ac:dyDescent="0.35">
      <c r="A9407" s="5" t="s">
        <v>10</v>
      </c>
      <c r="B9407" s="6">
        <v>205278</v>
      </c>
      <c r="C9407" s="6" t="s">
        <v>28</v>
      </c>
      <c r="D9407" s="6" t="s">
        <v>29</v>
      </c>
      <c r="E9407" s="6">
        <v>54001</v>
      </c>
      <c r="F9407" s="6" t="s">
        <v>18</v>
      </c>
      <c r="G9407" s="6" t="s">
        <v>18561</v>
      </c>
      <c r="H9407" s="6" t="s">
        <v>18562</v>
      </c>
      <c r="I9407" s="7">
        <v>8.15167999999999</v>
      </c>
      <c r="J9407" s="8">
        <v>-72.493029999999905</v>
      </c>
    </row>
    <row r="9408" spans="1:10" x14ac:dyDescent="0.35">
      <c r="A9408" s="5" t="s">
        <v>10</v>
      </c>
      <c r="B9408" s="6">
        <v>184120</v>
      </c>
      <c r="C9408" s="6" t="s">
        <v>68</v>
      </c>
      <c r="D9408" s="6" t="s">
        <v>69</v>
      </c>
      <c r="E9408" s="6">
        <v>11001</v>
      </c>
      <c r="F9408" s="6" t="s">
        <v>18</v>
      </c>
      <c r="G9408" s="6" t="s">
        <v>17705</v>
      </c>
      <c r="H9408" s="6" t="s">
        <v>17706</v>
      </c>
      <c r="I9408" s="7">
        <v>4.6856081999999999</v>
      </c>
      <c r="J9408" s="8">
        <v>-74.052892999999997</v>
      </c>
    </row>
    <row r="9409" spans="1:10" x14ac:dyDescent="0.35">
      <c r="A9409" s="5" t="s">
        <v>10</v>
      </c>
      <c r="B9409" s="6">
        <v>221517</v>
      </c>
      <c r="C9409" s="6" t="s">
        <v>457</v>
      </c>
      <c r="D9409" s="6" t="s">
        <v>4400</v>
      </c>
      <c r="E9409" s="6">
        <v>52001</v>
      </c>
      <c r="F9409" s="6" t="s">
        <v>2161</v>
      </c>
      <c r="G9409" s="6" t="s">
        <v>18563</v>
      </c>
      <c r="H9409" s="6" t="s">
        <v>18564</v>
      </c>
      <c r="I9409" s="7">
        <v>1.2049338999999999</v>
      </c>
      <c r="J9409" s="8">
        <v>-77.279945499999997</v>
      </c>
    </row>
    <row r="9410" spans="1:10" x14ac:dyDescent="0.35">
      <c r="A9410" s="5" t="s">
        <v>10</v>
      </c>
      <c r="B9410" s="6">
        <v>225314</v>
      </c>
      <c r="C9410" s="6" t="s">
        <v>42</v>
      </c>
      <c r="D9410" s="6" t="s">
        <v>43</v>
      </c>
      <c r="E9410" s="6">
        <v>17001</v>
      </c>
      <c r="F9410" s="6" t="s">
        <v>2161</v>
      </c>
      <c r="G9410" s="6" t="s">
        <v>18565</v>
      </c>
      <c r="H9410" s="6" t="s">
        <v>18566</v>
      </c>
      <c r="I9410" s="7">
        <v>5.0509398999999897</v>
      </c>
      <c r="J9410" s="8">
        <v>-75.495934199999994</v>
      </c>
    </row>
    <row r="9411" spans="1:10" x14ac:dyDescent="0.35">
      <c r="A9411" s="5" t="s">
        <v>10</v>
      </c>
      <c r="B9411" s="6">
        <v>226052</v>
      </c>
      <c r="C9411" s="6" t="s">
        <v>11</v>
      </c>
      <c r="D9411" s="6" t="s">
        <v>513</v>
      </c>
      <c r="E9411" s="6">
        <v>25286</v>
      </c>
      <c r="F9411" s="6" t="s">
        <v>2161</v>
      </c>
      <c r="G9411" s="6" t="s">
        <v>18567</v>
      </c>
      <c r="H9411" s="6" t="s">
        <v>18568</v>
      </c>
      <c r="I9411" s="7">
        <v>4.7211805</v>
      </c>
      <c r="J9411" s="8">
        <v>-74.216713499999997</v>
      </c>
    </row>
    <row r="9412" spans="1:10" x14ac:dyDescent="0.35">
      <c r="A9412" s="5" t="s">
        <v>10</v>
      </c>
      <c r="B9412" s="6">
        <v>211346</v>
      </c>
      <c r="C9412" s="6" t="s">
        <v>11</v>
      </c>
      <c r="D9412" s="6" t="s">
        <v>12</v>
      </c>
      <c r="E9412" s="6">
        <v>25899</v>
      </c>
      <c r="F9412" s="6" t="s">
        <v>2161</v>
      </c>
      <c r="G9412" s="6" t="s">
        <v>18569</v>
      </c>
      <c r="H9412" s="6" t="s">
        <v>18570</v>
      </c>
      <c r="I9412" s="7">
        <v>5.020181</v>
      </c>
      <c r="J9412" s="8">
        <v>-73.972098199999905</v>
      </c>
    </row>
    <row r="9413" spans="1:10" x14ac:dyDescent="0.35">
      <c r="A9413" s="5" t="s">
        <v>10</v>
      </c>
      <c r="B9413" s="6">
        <v>173558</v>
      </c>
      <c r="C9413" s="6" t="s">
        <v>28</v>
      </c>
      <c r="D9413" s="6" t="s">
        <v>489</v>
      </c>
      <c r="E9413" s="6">
        <v>54172</v>
      </c>
      <c r="F9413" s="6" t="s">
        <v>13</v>
      </c>
      <c r="G9413" s="6" t="s">
        <v>50</v>
      </c>
      <c r="H9413" s="6" t="s">
        <v>739</v>
      </c>
      <c r="I9413" s="7">
        <v>7.8892357999999998</v>
      </c>
      <c r="J9413" s="8">
        <v>-72.502844499999995</v>
      </c>
    </row>
    <row r="9414" spans="1:10" x14ac:dyDescent="0.35">
      <c r="A9414" s="5" t="s">
        <v>10</v>
      </c>
      <c r="B9414" s="6">
        <v>189750</v>
      </c>
      <c r="C9414" s="6" t="s">
        <v>24</v>
      </c>
      <c r="D9414" s="6" t="s">
        <v>137</v>
      </c>
      <c r="E9414" s="6">
        <v>15238</v>
      </c>
      <c r="F9414" s="6" t="s">
        <v>13</v>
      </c>
      <c r="G9414" s="6" t="s">
        <v>18571</v>
      </c>
      <c r="H9414" s="6" t="s">
        <v>18572</v>
      </c>
      <c r="I9414" s="7">
        <v>5.8154288999999997</v>
      </c>
      <c r="J9414" s="8">
        <v>-73.030968400000006</v>
      </c>
    </row>
    <row r="9415" spans="1:10" x14ac:dyDescent="0.35">
      <c r="A9415" s="5" t="s">
        <v>10</v>
      </c>
      <c r="B9415" s="6">
        <v>189212</v>
      </c>
      <c r="C9415" s="6" t="s">
        <v>16</v>
      </c>
      <c r="D9415" s="6" t="s">
        <v>224</v>
      </c>
      <c r="E9415" s="6">
        <v>68755</v>
      </c>
      <c r="F9415" s="6" t="s">
        <v>18</v>
      </c>
      <c r="G9415" s="6" t="s">
        <v>18573</v>
      </c>
      <c r="H9415" s="6" t="s">
        <v>18574</v>
      </c>
      <c r="I9415" s="7">
        <v>6.4726257999999897</v>
      </c>
      <c r="J9415" s="8">
        <v>-73.260164500000002</v>
      </c>
    </row>
    <row r="9416" spans="1:10" x14ac:dyDescent="0.35">
      <c r="A9416" s="5" t="s">
        <v>10</v>
      </c>
      <c r="B9416" s="6">
        <v>186136</v>
      </c>
      <c r="C9416" s="6" t="s">
        <v>55</v>
      </c>
      <c r="D9416" s="6" t="s">
        <v>56</v>
      </c>
      <c r="E9416" s="6">
        <v>73001</v>
      </c>
      <c r="F9416" s="6" t="s">
        <v>18</v>
      </c>
      <c r="G9416" s="6" t="s">
        <v>2634</v>
      </c>
      <c r="H9416" s="6" t="s">
        <v>2635</v>
      </c>
      <c r="I9416" s="7">
        <v>4.4575151999999996</v>
      </c>
      <c r="J9416" s="8">
        <v>-75.125590799999998</v>
      </c>
    </row>
    <row r="9417" spans="1:10" x14ac:dyDescent="0.35">
      <c r="A9417" s="5" t="s">
        <v>10</v>
      </c>
      <c r="B9417" s="6">
        <v>184120</v>
      </c>
      <c r="C9417" s="6" t="s">
        <v>68</v>
      </c>
      <c r="D9417" s="6" t="s">
        <v>69</v>
      </c>
      <c r="E9417" s="6">
        <v>11001</v>
      </c>
      <c r="F9417" s="6" t="s">
        <v>18</v>
      </c>
      <c r="G9417" s="6" t="s">
        <v>17705</v>
      </c>
      <c r="H9417" s="6" t="s">
        <v>17706</v>
      </c>
      <c r="I9417" s="7">
        <v>4.6856081999999999</v>
      </c>
      <c r="J9417" s="8">
        <v>-74.052892999999997</v>
      </c>
    </row>
    <row r="9418" spans="1:10" x14ac:dyDescent="0.35">
      <c r="A9418" s="5" t="s">
        <v>10</v>
      </c>
      <c r="B9418" s="6">
        <v>216611</v>
      </c>
      <c r="C9418" s="6" t="s">
        <v>11</v>
      </c>
      <c r="D9418" s="6" t="s">
        <v>3852</v>
      </c>
      <c r="E9418" s="6">
        <v>25486</v>
      </c>
      <c r="F9418" s="6" t="s">
        <v>2161</v>
      </c>
      <c r="G9418" s="6" t="s">
        <v>18575</v>
      </c>
      <c r="H9418" s="6" t="s">
        <v>18576</v>
      </c>
      <c r="I9418" s="7">
        <v>4.6496329000000003</v>
      </c>
      <c r="J9418" s="8">
        <v>-74.4133444</v>
      </c>
    </row>
    <row r="9419" spans="1:10" x14ac:dyDescent="0.35">
      <c r="A9419" s="5" t="s">
        <v>10</v>
      </c>
      <c r="B9419" s="6">
        <v>228227</v>
      </c>
      <c r="C9419" s="6" t="s">
        <v>11</v>
      </c>
      <c r="D9419" s="6" t="s">
        <v>4279</v>
      </c>
      <c r="E9419" s="6">
        <v>25099</v>
      </c>
      <c r="F9419" s="6" t="s">
        <v>2161</v>
      </c>
      <c r="G9419" s="6" t="s">
        <v>18577</v>
      </c>
      <c r="H9419" s="6" t="s">
        <v>18578</v>
      </c>
      <c r="I9419" s="7">
        <v>4.7326180000000004</v>
      </c>
      <c r="J9419" s="8">
        <v>-74.341775999999996</v>
      </c>
    </row>
    <row r="9420" spans="1:10" x14ac:dyDescent="0.35">
      <c r="A9420" s="5" t="s">
        <v>10</v>
      </c>
      <c r="B9420" s="6">
        <v>234904</v>
      </c>
      <c r="C9420" s="6" t="s">
        <v>190</v>
      </c>
      <c r="D9420" s="6" t="s">
        <v>4063</v>
      </c>
      <c r="E9420" s="6">
        <v>5088</v>
      </c>
      <c r="F9420" s="6" t="s">
        <v>2161</v>
      </c>
      <c r="G9420" s="6" t="s">
        <v>18579</v>
      </c>
      <c r="H9420" s="6" t="s">
        <v>18580</v>
      </c>
      <c r="I9420" s="7">
        <v>6.2090724000000002</v>
      </c>
      <c r="J9420" s="8">
        <v>-75.570182399999993</v>
      </c>
    </row>
    <row r="9421" spans="1:10" x14ac:dyDescent="0.35">
      <c r="A9421" s="5" t="s">
        <v>10</v>
      </c>
      <c r="B9421" s="6">
        <v>141690</v>
      </c>
      <c r="C9421" s="6" t="s">
        <v>11</v>
      </c>
      <c r="D9421" s="6" t="s">
        <v>101</v>
      </c>
      <c r="E9421" s="6">
        <v>25473</v>
      </c>
      <c r="F9421" s="6" t="s">
        <v>13</v>
      </c>
      <c r="G9421" s="6" t="s">
        <v>403</v>
      </c>
      <c r="H9421" s="6" t="s">
        <v>404</v>
      </c>
      <c r="I9421" s="7">
        <v>4.6802367</v>
      </c>
      <c r="J9421" s="8">
        <v>-74.229671300000007</v>
      </c>
    </row>
    <row r="9422" spans="1:10" x14ac:dyDescent="0.35">
      <c r="A9422" s="5" t="s">
        <v>10</v>
      </c>
      <c r="B9422" s="6">
        <v>141704</v>
      </c>
      <c r="C9422" s="6" t="s">
        <v>11</v>
      </c>
      <c r="D9422" s="6" t="s">
        <v>4030</v>
      </c>
      <c r="E9422" s="6">
        <v>25183</v>
      </c>
      <c r="F9422" s="6" t="s">
        <v>13</v>
      </c>
      <c r="G9422" s="6" t="s">
        <v>17808</v>
      </c>
      <c r="H9422" s="6" t="s">
        <v>17809</v>
      </c>
      <c r="I9422" s="7">
        <v>5.1455035000000002</v>
      </c>
      <c r="J9422" s="8">
        <v>-73.6851901</v>
      </c>
    </row>
    <row r="9423" spans="1:10" x14ac:dyDescent="0.35">
      <c r="A9423" s="5" t="s">
        <v>10</v>
      </c>
      <c r="B9423" s="6">
        <v>141705</v>
      </c>
      <c r="C9423" s="6" t="s">
        <v>11</v>
      </c>
      <c r="D9423" s="6" t="s">
        <v>3724</v>
      </c>
      <c r="E9423" s="6">
        <v>25513</v>
      </c>
      <c r="F9423" s="6" t="s">
        <v>13</v>
      </c>
      <c r="G9423" s="6" t="s">
        <v>18052</v>
      </c>
      <c r="H9423" s="6" t="s">
        <v>18053</v>
      </c>
      <c r="I9423" s="7">
        <v>5.1310754000000003</v>
      </c>
      <c r="J9423" s="8">
        <v>-74.158351699999997</v>
      </c>
    </row>
    <row r="9424" spans="1:10" x14ac:dyDescent="0.35">
      <c r="A9424" s="5" t="s">
        <v>10</v>
      </c>
      <c r="B9424" s="6">
        <v>141703</v>
      </c>
      <c r="C9424" s="6" t="s">
        <v>11</v>
      </c>
      <c r="D9424" s="6" t="s">
        <v>159</v>
      </c>
      <c r="E9424" s="6">
        <v>25175</v>
      </c>
      <c r="F9424" s="6" t="s">
        <v>13</v>
      </c>
      <c r="G9424" s="6" t="s">
        <v>17711</v>
      </c>
      <c r="H9424" s="6" t="s">
        <v>17712</v>
      </c>
      <c r="I9424" s="7">
        <v>4.8625050999999999</v>
      </c>
      <c r="J9424" s="8">
        <v>-74.059261000000006</v>
      </c>
    </row>
    <row r="9425" spans="1:10" x14ac:dyDescent="0.35">
      <c r="A9425" s="5" t="s">
        <v>10</v>
      </c>
      <c r="B9425" s="6">
        <v>169661</v>
      </c>
      <c r="C9425" s="6" t="s">
        <v>68</v>
      </c>
      <c r="D9425" s="6" t="s">
        <v>69</v>
      </c>
      <c r="E9425" s="6">
        <v>11001</v>
      </c>
      <c r="F9425" s="6" t="s">
        <v>13</v>
      </c>
      <c r="G9425" s="6" t="s">
        <v>1087</v>
      </c>
      <c r="H9425" s="6" t="s">
        <v>18163</v>
      </c>
      <c r="I9425" s="7">
        <v>4.6626272000000002</v>
      </c>
      <c r="J9425" s="8">
        <v>-74.065611500000003</v>
      </c>
    </row>
    <row r="9426" spans="1:10" x14ac:dyDescent="0.35">
      <c r="A9426" s="5" t="s">
        <v>10</v>
      </c>
      <c r="B9426" s="6">
        <v>183968</v>
      </c>
      <c r="C9426" s="6" t="s">
        <v>11</v>
      </c>
      <c r="D9426" s="6" t="s">
        <v>159</v>
      </c>
      <c r="E9426" s="6">
        <v>25175</v>
      </c>
      <c r="F9426" s="6" t="s">
        <v>13</v>
      </c>
      <c r="G9426" s="6" t="s">
        <v>160</v>
      </c>
      <c r="H9426" s="6" t="s">
        <v>161</v>
      </c>
      <c r="I9426" s="7">
        <v>4.8611145000000002</v>
      </c>
      <c r="J9426" s="8">
        <v>-74.062570699999995</v>
      </c>
    </row>
    <row r="9427" spans="1:10" x14ac:dyDescent="0.35">
      <c r="A9427" s="5" t="s">
        <v>10</v>
      </c>
      <c r="B9427" s="6">
        <v>230152</v>
      </c>
      <c r="C9427" s="6" t="s">
        <v>55</v>
      </c>
      <c r="D9427" s="6" t="s">
        <v>1151</v>
      </c>
      <c r="E9427" s="6">
        <v>73349</v>
      </c>
      <c r="F9427" s="6" t="s">
        <v>18</v>
      </c>
      <c r="G9427" s="6" t="s">
        <v>113</v>
      </c>
      <c r="H9427" s="6" t="s">
        <v>18581</v>
      </c>
      <c r="I9427" s="7">
        <v>5.2066824</v>
      </c>
      <c r="J9427" s="8">
        <v>-74.737330600000007</v>
      </c>
    </row>
    <row r="9428" spans="1:10" x14ac:dyDescent="0.35">
      <c r="A9428" s="5" t="s">
        <v>10</v>
      </c>
      <c r="B9428" s="6">
        <v>246710</v>
      </c>
      <c r="C9428" s="6" t="s">
        <v>28</v>
      </c>
      <c r="D9428" s="6" t="s">
        <v>29</v>
      </c>
      <c r="E9428" s="6">
        <v>54001</v>
      </c>
      <c r="F9428" s="6" t="s">
        <v>18</v>
      </c>
      <c r="G9428" s="6" t="s">
        <v>18582</v>
      </c>
      <c r="H9428" s="6" t="s">
        <v>752</v>
      </c>
      <c r="I9428" s="7">
        <v>7.9163075999999997</v>
      </c>
      <c r="J9428" s="8">
        <v>-72.528863000000001</v>
      </c>
    </row>
    <row r="9429" spans="1:10" x14ac:dyDescent="0.35">
      <c r="A9429" s="5" t="s">
        <v>10</v>
      </c>
      <c r="B9429" s="6">
        <v>243914</v>
      </c>
      <c r="C9429" s="6" t="s">
        <v>466</v>
      </c>
      <c r="D9429" s="6" t="s">
        <v>2533</v>
      </c>
      <c r="E9429" s="6">
        <v>81591</v>
      </c>
      <c r="F9429" s="6" t="s">
        <v>18</v>
      </c>
      <c r="G9429" s="6" t="s">
        <v>18583</v>
      </c>
      <c r="H9429" s="6" t="s">
        <v>18584</v>
      </c>
      <c r="I9429" s="7">
        <v>6.2811669999999999</v>
      </c>
      <c r="J9429" s="8">
        <v>-71.104795899999999</v>
      </c>
    </row>
    <row r="9430" spans="1:10" x14ac:dyDescent="0.35">
      <c r="A9430" s="5" t="s">
        <v>10</v>
      </c>
      <c r="B9430" s="6">
        <v>237746</v>
      </c>
      <c r="C9430" s="6" t="s">
        <v>42</v>
      </c>
      <c r="D9430" s="6" t="s">
        <v>43</v>
      </c>
      <c r="E9430" s="6">
        <v>17001</v>
      </c>
      <c r="F9430" s="6" t="s">
        <v>18</v>
      </c>
      <c r="G9430" s="6" t="s">
        <v>18585</v>
      </c>
      <c r="H9430" s="6" t="s">
        <v>18586</v>
      </c>
      <c r="I9430" s="7">
        <v>5.0669902999999996</v>
      </c>
      <c r="J9430" s="8">
        <v>-75.5078113</v>
      </c>
    </row>
    <row r="9431" spans="1:10" x14ac:dyDescent="0.35">
      <c r="A9431" s="5" t="s">
        <v>10</v>
      </c>
      <c r="B9431" s="6">
        <v>235587</v>
      </c>
      <c r="C9431" s="6" t="s">
        <v>42</v>
      </c>
      <c r="D9431" s="6" t="s">
        <v>239</v>
      </c>
      <c r="E9431" s="6">
        <v>17877</v>
      </c>
      <c r="F9431" s="6" t="s">
        <v>18</v>
      </c>
      <c r="G9431" s="6" t="s">
        <v>18587</v>
      </c>
      <c r="H9431" s="6" t="s">
        <v>18588</v>
      </c>
      <c r="I9431" s="7">
        <v>5.0613745000000003</v>
      </c>
      <c r="J9431" s="8">
        <v>-75.871336499999998</v>
      </c>
    </row>
    <row r="9432" spans="1:10" x14ac:dyDescent="0.35">
      <c r="A9432" s="5" t="s">
        <v>10</v>
      </c>
      <c r="B9432" s="6">
        <v>169488</v>
      </c>
      <c r="C9432" s="6" t="s">
        <v>42</v>
      </c>
      <c r="D9432" s="6" t="s">
        <v>18589</v>
      </c>
      <c r="E9432" s="6">
        <v>17867</v>
      </c>
      <c r="F9432" s="6" t="s">
        <v>18</v>
      </c>
      <c r="G9432" s="6" t="s">
        <v>18590</v>
      </c>
      <c r="H9432" s="6" t="s">
        <v>18591</v>
      </c>
      <c r="I9432" s="7">
        <v>5.3170865000000003</v>
      </c>
      <c r="J9432" s="8">
        <v>-74.911651399999997</v>
      </c>
    </row>
    <row r="9433" spans="1:10" x14ac:dyDescent="0.35">
      <c r="A9433" s="5" t="s">
        <v>10</v>
      </c>
      <c r="B9433" s="6">
        <v>230733</v>
      </c>
      <c r="C9433" s="6" t="s">
        <v>457</v>
      </c>
      <c r="D9433" s="6" t="s">
        <v>13453</v>
      </c>
      <c r="E9433" s="6">
        <v>52585</v>
      </c>
      <c r="F9433" s="6" t="s">
        <v>2161</v>
      </c>
      <c r="G9433" s="6" t="s">
        <v>18592</v>
      </c>
      <c r="H9433" s="6" t="s">
        <v>18593</v>
      </c>
      <c r="I9433" s="7">
        <v>0.87121539999999997</v>
      </c>
      <c r="J9433" s="8">
        <v>-77.639861600000003</v>
      </c>
    </row>
    <row r="9434" spans="1:10" x14ac:dyDescent="0.35">
      <c r="A9434" s="5" t="s">
        <v>10</v>
      </c>
      <c r="B9434" s="6">
        <v>212144</v>
      </c>
      <c r="C9434" s="6" t="s">
        <v>11</v>
      </c>
      <c r="D9434" s="6" t="s">
        <v>159</v>
      </c>
      <c r="E9434" s="6">
        <v>25175</v>
      </c>
      <c r="F9434" s="6" t="s">
        <v>2161</v>
      </c>
      <c r="G9434" s="6" t="s">
        <v>18594</v>
      </c>
      <c r="H9434" s="6" t="s">
        <v>18595</v>
      </c>
      <c r="I9434" s="7">
        <v>4.8815632000000004</v>
      </c>
      <c r="J9434" s="8">
        <v>-74.071135900000002</v>
      </c>
    </row>
    <row r="9435" spans="1:10" x14ac:dyDescent="0.35">
      <c r="A9435" s="5" t="s">
        <v>10</v>
      </c>
      <c r="B9435" s="6">
        <v>220284</v>
      </c>
      <c r="C9435" s="6" t="s">
        <v>11</v>
      </c>
      <c r="D9435" s="6" t="s">
        <v>3054</v>
      </c>
      <c r="E9435" s="6">
        <v>25269</v>
      </c>
      <c r="F9435" s="6" t="s">
        <v>2161</v>
      </c>
      <c r="G9435" s="6" t="s">
        <v>18596</v>
      </c>
      <c r="H9435" s="6" t="s">
        <v>18597</v>
      </c>
      <c r="I9435" s="7">
        <v>4.8093161000000002</v>
      </c>
      <c r="J9435" s="8">
        <v>-74.345270799999994</v>
      </c>
    </row>
    <row r="9436" spans="1:10" x14ac:dyDescent="0.35">
      <c r="A9436" s="5" t="s">
        <v>10</v>
      </c>
      <c r="B9436" s="6">
        <v>143529</v>
      </c>
      <c r="C9436" s="6" t="s">
        <v>24</v>
      </c>
      <c r="D9436" s="6" t="s">
        <v>85</v>
      </c>
      <c r="E9436" s="6">
        <v>15759</v>
      </c>
      <c r="F9436" s="6" t="s">
        <v>13</v>
      </c>
      <c r="G9436" s="6" t="s">
        <v>357</v>
      </c>
      <c r="H9436" s="6" t="s">
        <v>358</v>
      </c>
      <c r="I9436" s="7">
        <v>5.7229843999999996</v>
      </c>
      <c r="J9436" s="8">
        <v>-72.928854400000006</v>
      </c>
    </row>
    <row r="9437" spans="1:10" x14ac:dyDescent="0.35">
      <c r="A9437" s="5" t="s">
        <v>10</v>
      </c>
      <c r="B9437" s="6">
        <v>141706</v>
      </c>
      <c r="C9437" s="6" t="s">
        <v>11</v>
      </c>
      <c r="D9437" s="6" t="s">
        <v>21</v>
      </c>
      <c r="E9437" s="6">
        <v>25386</v>
      </c>
      <c r="F9437" s="6" t="s">
        <v>13</v>
      </c>
      <c r="G9437" s="6" t="s">
        <v>3214</v>
      </c>
      <c r="H9437" s="6" t="s">
        <v>3215</v>
      </c>
      <c r="I9437" s="7">
        <v>4.6321469999999998</v>
      </c>
      <c r="J9437" s="8">
        <v>-74.463014000000001</v>
      </c>
    </row>
    <row r="9438" spans="1:10" x14ac:dyDescent="0.35">
      <c r="A9438" s="5" t="s">
        <v>10</v>
      </c>
      <c r="B9438" s="6">
        <v>189674</v>
      </c>
      <c r="C9438" s="6" t="s">
        <v>24</v>
      </c>
      <c r="D9438" s="6" t="s">
        <v>137</v>
      </c>
      <c r="E9438" s="6">
        <v>15238</v>
      </c>
      <c r="F9438" s="6" t="s">
        <v>13</v>
      </c>
      <c r="G9438" s="6" t="s">
        <v>2106</v>
      </c>
      <c r="H9438" s="6" t="s">
        <v>2107</v>
      </c>
      <c r="I9438" s="7">
        <v>5.8271258000000001</v>
      </c>
      <c r="J9438" s="8">
        <v>-73.035925700000007</v>
      </c>
    </row>
    <row r="9439" spans="1:10" x14ac:dyDescent="0.35">
      <c r="A9439" s="5" t="s">
        <v>10</v>
      </c>
      <c r="B9439" s="6">
        <v>190318</v>
      </c>
      <c r="C9439" s="6" t="s">
        <v>11</v>
      </c>
      <c r="D9439" s="6" t="s">
        <v>1752</v>
      </c>
      <c r="E9439" s="6">
        <v>25799</v>
      </c>
      <c r="F9439" s="6" t="s">
        <v>13</v>
      </c>
      <c r="G9439" s="6" t="s">
        <v>18598</v>
      </c>
      <c r="H9439" s="6" t="s">
        <v>18599</v>
      </c>
      <c r="I9439" s="7">
        <v>4.8726243</v>
      </c>
      <c r="J9439" s="8">
        <v>-74.147138999999996</v>
      </c>
    </row>
    <row r="9440" spans="1:10" x14ac:dyDescent="0.35">
      <c r="A9440" s="5" t="s">
        <v>10</v>
      </c>
      <c r="B9440" s="6">
        <v>203934</v>
      </c>
      <c r="C9440" s="6" t="s">
        <v>11</v>
      </c>
      <c r="D9440" s="6" t="s">
        <v>65</v>
      </c>
      <c r="E9440" s="6">
        <v>25572</v>
      </c>
      <c r="F9440" s="6" t="s">
        <v>18</v>
      </c>
      <c r="G9440" s="6" t="s">
        <v>18600</v>
      </c>
      <c r="H9440" s="6" t="s">
        <v>18601</v>
      </c>
      <c r="I9440" s="7">
        <v>5.4720496999999897</v>
      </c>
      <c r="J9440" s="8">
        <v>-74.646738499999998</v>
      </c>
    </row>
    <row r="9441" spans="1:10" x14ac:dyDescent="0.35">
      <c r="A9441" s="5" t="s">
        <v>10</v>
      </c>
      <c r="B9441" s="6">
        <v>230372</v>
      </c>
      <c r="C9441" s="6" t="s">
        <v>11</v>
      </c>
      <c r="D9441" s="6" t="s">
        <v>407</v>
      </c>
      <c r="E9441" s="6">
        <v>25126</v>
      </c>
      <c r="F9441" s="6" t="s">
        <v>2161</v>
      </c>
      <c r="G9441" s="6" t="s">
        <v>18602</v>
      </c>
      <c r="H9441" s="6" t="s">
        <v>18603</v>
      </c>
      <c r="I9441" s="7">
        <v>4.9188299000000004</v>
      </c>
      <c r="J9441" s="8">
        <v>-74.032586999999893</v>
      </c>
    </row>
    <row r="9442" spans="1:10" x14ac:dyDescent="0.35">
      <c r="A9442" s="5" t="s">
        <v>10</v>
      </c>
      <c r="B9442" s="6">
        <v>223788</v>
      </c>
      <c r="C9442" s="6" t="s">
        <v>94</v>
      </c>
      <c r="D9442" s="6" t="s">
        <v>178</v>
      </c>
      <c r="E9442" s="6">
        <v>66318</v>
      </c>
      <c r="F9442" s="6" t="s">
        <v>2161</v>
      </c>
      <c r="G9442" s="6" t="s">
        <v>273</v>
      </c>
      <c r="H9442" s="6" t="s">
        <v>18604</v>
      </c>
      <c r="I9442" s="7">
        <v>5.3164280000000002</v>
      </c>
      <c r="J9442" s="8">
        <v>-75.799407000000002</v>
      </c>
    </row>
    <row r="9443" spans="1:10" x14ac:dyDescent="0.35">
      <c r="A9443" s="5" t="s">
        <v>10</v>
      </c>
      <c r="B9443" s="6">
        <v>232716</v>
      </c>
      <c r="C9443" s="6" t="s">
        <v>11</v>
      </c>
      <c r="D9443" s="6" t="s">
        <v>334</v>
      </c>
      <c r="E9443" s="6">
        <v>25754</v>
      </c>
      <c r="F9443" s="6" t="s">
        <v>2161</v>
      </c>
      <c r="G9443" s="6" t="s">
        <v>18605</v>
      </c>
      <c r="H9443" s="6" t="s">
        <v>18606</v>
      </c>
      <c r="I9443" s="7">
        <v>4.5739510000000001</v>
      </c>
      <c r="J9443" s="8">
        <v>-74.235525699999997</v>
      </c>
    </row>
    <row r="9444" spans="1:10" x14ac:dyDescent="0.35">
      <c r="A9444" s="5" t="s">
        <v>10</v>
      </c>
      <c r="B9444" s="6">
        <v>180546</v>
      </c>
      <c r="C9444" s="6" t="s">
        <v>11</v>
      </c>
      <c r="D9444" s="6" t="s">
        <v>221</v>
      </c>
      <c r="E9444" s="6">
        <v>25430</v>
      </c>
      <c r="F9444" s="6" t="s">
        <v>13</v>
      </c>
      <c r="G9444" s="6" t="s">
        <v>222</v>
      </c>
      <c r="H9444" s="6" t="s">
        <v>223</v>
      </c>
      <c r="I9444" s="7">
        <v>4.7269186000000003</v>
      </c>
      <c r="J9444" s="8">
        <v>-74.256828900000002</v>
      </c>
    </row>
    <row r="9445" spans="1:10" x14ac:dyDescent="0.35">
      <c r="A9445" s="5" t="s">
        <v>10</v>
      </c>
      <c r="B9445" s="6">
        <v>180273</v>
      </c>
      <c r="C9445" s="6" t="s">
        <v>294</v>
      </c>
      <c r="D9445" s="6" t="s">
        <v>413</v>
      </c>
      <c r="E9445" s="6">
        <v>41503</v>
      </c>
      <c r="F9445" s="6" t="s">
        <v>18</v>
      </c>
      <c r="G9445" s="6" t="s">
        <v>18607</v>
      </c>
      <c r="H9445" s="6" t="s">
        <v>18608</v>
      </c>
      <c r="I9445" s="7">
        <v>2.9274281000000002</v>
      </c>
      <c r="J9445" s="8">
        <v>-75.286499499999906</v>
      </c>
    </row>
    <row r="9446" spans="1:10" x14ac:dyDescent="0.35">
      <c r="A9446" s="5" t="s">
        <v>10</v>
      </c>
      <c r="B9446" s="6">
        <v>231323</v>
      </c>
      <c r="C9446" s="6" t="s">
        <v>24</v>
      </c>
      <c r="D9446" s="6" t="s">
        <v>1028</v>
      </c>
      <c r="E9446" s="6">
        <v>15299</v>
      </c>
      <c r="F9446" s="6" t="s">
        <v>18</v>
      </c>
      <c r="G9446" s="6" t="s">
        <v>18609</v>
      </c>
      <c r="H9446" s="6" t="s">
        <v>18610</v>
      </c>
      <c r="I9446" s="7">
        <v>5.0816898000000004</v>
      </c>
      <c r="J9446" s="8">
        <v>-73.364378200000004</v>
      </c>
    </row>
    <row r="9447" spans="1:10" x14ac:dyDescent="0.35">
      <c r="A9447" s="5" t="s">
        <v>10</v>
      </c>
      <c r="B9447" s="6">
        <v>227179</v>
      </c>
      <c r="C9447" s="6" t="s">
        <v>28</v>
      </c>
      <c r="D9447" s="6" t="s">
        <v>49</v>
      </c>
      <c r="E9447" s="6">
        <v>54498</v>
      </c>
      <c r="F9447" s="6" t="s">
        <v>18</v>
      </c>
      <c r="G9447" s="6" t="s">
        <v>18611</v>
      </c>
      <c r="H9447" s="6" t="s">
        <v>18612</v>
      </c>
      <c r="I9447" s="7">
        <v>8.2317757999999994</v>
      </c>
      <c r="J9447" s="8">
        <v>-73.355570700000001</v>
      </c>
    </row>
    <row r="9448" spans="1:10" x14ac:dyDescent="0.35">
      <c r="A9448" s="5" t="s">
        <v>10</v>
      </c>
      <c r="B9448" s="6">
        <v>184120</v>
      </c>
      <c r="C9448" s="6" t="s">
        <v>68</v>
      </c>
      <c r="D9448" s="6" t="s">
        <v>69</v>
      </c>
      <c r="E9448" s="6">
        <v>11001</v>
      </c>
      <c r="F9448" s="6" t="s">
        <v>18</v>
      </c>
      <c r="G9448" s="6" t="s">
        <v>17705</v>
      </c>
      <c r="H9448" s="6" t="s">
        <v>17706</v>
      </c>
      <c r="I9448" s="7">
        <v>4.6856081999999999</v>
      </c>
      <c r="J9448" s="8">
        <v>-74.052892999999997</v>
      </c>
    </row>
    <row r="9449" spans="1:10" x14ac:dyDescent="0.35">
      <c r="A9449" s="5" t="s">
        <v>10</v>
      </c>
      <c r="B9449" s="6">
        <v>232707</v>
      </c>
      <c r="C9449" s="6" t="s">
        <v>11</v>
      </c>
      <c r="D9449" s="6" t="s">
        <v>3104</v>
      </c>
      <c r="E9449" s="6">
        <v>25245</v>
      </c>
      <c r="F9449" s="6" t="s">
        <v>2161</v>
      </c>
      <c r="G9449" s="6" t="s">
        <v>18613</v>
      </c>
      <c r="H9449" s="6" t="s">
        <v>18614</v>
      </c>
      <c r="I9449" s="7">
        <v>4.4739379000000001</v>
      </c>
      <c r="J9449" s="8">
        <v>-74.452601700000002</v>
      </c>
    </row>
    <row r="9450" spans="1:10" x14ac:dyDescent="0.35">
      <c r="A9450" s="5" t="s">
        <v>10</v>
      </c>
      <c r="B9450" s="6">
        <v>239497</v>
      </c>
      <c r="C9450" s="6" t="s">
        <v>302</v>
      </c>
      <c r="D9450" s="6" t="s">
        <v>359</v>
      </c>
      <c r="E9450" s="6">
        <v>8001</v>
      </c>
      <c r="F9450" s="6" t="s">
        <v>2161</v>
      </c>
      <c r="G9450" s="6" t="s">
        <v>18615</v>
      </c>
      <c r="H9450" s="6" t="s">
        <v>18616</v>
      </c>
      <c r="I9450" s="7">
        <v>10.9776209</v>
      </c>
      <c r="J9450" s="8">
        <v>-74.842168999999998</v>
      </c>
    </row>
    <row r="9451" spans="1:10" x14ac:dyDescent="0.35">
      <c r="A9451" s="5" t="s">
        <v>10</v>
      </c>
      <c r="B9451" s="6">
        <v>210486</v>
      </c>
      <c r="C9451" s="6" t="s">
        <v>42</v>
      </c>
      <c r="D9451" s="6" t="s">
        <v>396</v>
      </c>
      <c r="E9451" s="6">
        <v>17380</v>
      </c>
      <c r="F9451" s="6" t="s">
        <v>2161</v>
      </c>
      <c r="G9451" s="6" t="s">
        <v>18617</v>
      </c>
      <c r="H9451" s="6" t="s">
        <v>18618</v>
      </c>
      <c r="I9451" s="7">
        <v>5.4516051000000001</v>
      </c>
      <c r="J9451" s="8">
        <v>-74.668263199999998</v>
      </c>
    </row>
    <row r="9452" spans="1:10" x14ac:dyDescent="0.35">
      <c r="A9452" s="5" t="s">
        <v>10</v>
      </c>
      <c r="B9452" s="6">
        <v>233662</v>
      </c>
      <c r="C9452" s="6" t="s">
        <v>302</v>
      </c>
      <c r="D9452" s="6" t="s">
        <v>9646</v>
      </c>
      <c r="E9452" s="6">
        <v>8606</v>
      </c>
      <c r="F9452" s="6" t="s">
        <v>2161</v>
      </c>
      <c r="G9452" s="6" t="s">
        <v>18619</v>
      </c>
      <c r="H9452" s="6" t="s">
        <v>18620</v>
      </c>
      <c r="I9452" s="7">
        <v>10.4948</v>
      </c>
      <c r="J9452" s="8">
        <v>-75.123710000000003</v>
      </c>
    </row>
    <row r="9453" spans="1:10" x14ac:dyDescent="0.35">
      <c r="A9453" s="5" t="s">
        <v>10</v>
      </c>
      <c r="B9453" s="6">
        <v>237991</v>
      </c>
      <c r="C9453" s="6" t="s">
        <v>109</v>
      </c>
      <c r="D9453" s="6" t="s">
        <v>10849</v>
      </c>
      <c r="E9453" s="6">
        <v>13670</v>
      </c>
      <c r="F9453" s="6" t="s">
        <v>2161</v>
      </c>
      <c r="G9453" s="6" t="s">
        <v>18621</v>
      </c>
      <c r="H9453" s="6" t="s">
        <v>18622</v>
      </c>
      <c r="I9453" s="7">
        <v>10.0564319</v>
      </c>
      <c r="J9453" s="8">
        <v>-75.271475100000004</v>
      </c>
    </row>
    <row r="9454" spans="1:10" x14ac:dyDescent="0.35">
      <c r="A9454" s="5" t="s">
        <v>10</v>
      </c>
      <c r="B9454" s="6">
        <v>141688</v>
      </c>
      <c r="C9454" s="6" t="s">
        <v>11</v>
      </c>
      <c r="D9454" s="6" t="s">
        <v>513</v>
      </c>
      <c r="E9454" s="6">
        <v>25286</v>
      </c>
      <c r="F9454" s="6" t="s">
        <v>13</v>
      </c>
      <c r="G9454" s="6" t="s">
        <v>1650</v>
      </c>
      <c r="H9454" s="6" t="s">
        <v>1651</v>
      </c>
      <c r="I9454" s="7">
        <v>4.7162769999999998</v>
      </c>
      <c r="J9454" s="8">
        <v>-74.213265300000003</v>
      </c>
    </row>
    <row r="9455" spans="1:10" x14ac:dyDescent="0.35">
      <c r="A9455" s="5" t="s">
        <v>10</v>
      </c>
      <c r="B9455" s="6">
        <v>165816</v>
      </c>
      <c r="C9455" s="6" t="s">
        <v>278</v>
      </c>
      <c r="D9455" s="6" t="s">
        <v>279</v>
      </c>
      <c r="E9455" s="6">
        <v>50001</v>
      </c>
      <c r="F9455" s="6" t="s">
        <v>18</v>
      </c>
      <c r="G9455" s="6" t="s">
        <v>262</v>
      </c>
      <c r="H9455" s="6" t="s">
        <v>18623</v>
      </c>
      <c r="I9455" s="7">
        <v>4.1469797000000002</v>
      </c>
      <c r="J9455" s="8">
        <v>-73.639945499999996</v>
      </c>
    </row>
    <row r="9456" spans="1:10" x14ac:dyDescent="0.35">
      <c r="A9456" s="5" t="s">
        <v>10</v>
      </c>
      <c r="B9456" s="6">
        <v>221944</v>
      </c>
      <c r="C9456" s="6" t="s">
        <v>302</v>
      </c>
      <c r="D9456" s="6" t="s">
        <v>359</v>
      </c>
      <c r="E9456" s="6">
        <v>8001</v>
      </c>
      <c r="F9456" s="6" t="s">
        <v>13</v>
      </c>
      <c r="G9456" s="6" t="s">
        <v>18624</v>
      </c>
      <c r="H9456" s="6" t="s">
        <v>18625</v>
      </c>
      <c r="I9456" s="7">
        <v>10.982215500000001</v>
      </c>
      <c r="J9456" s="8">
        <v>-74.7868955</v>
      </c>
    </row>
    <row r="9457" spans="1:10" x14ac:dyDescent="0.35">
      <c r="A9457" s="5" t="s">
        <v>10</v>
      </c>
      <c r="B9457" s="6">
        <v>210738</v>
      </c>
      <c r="C9457" s="6" t="s">
        <v>24</v>
      </c>
      <c r="D9457" s="6" t="s">
        <v>12513</v>
      </c>
      <c r="E9457" s="6">
        <v>15804</v>
      </c>
      <c r="F9457" s="6" t="s">
        <v>18</v>
      </c>
      <c r="G9457" s="6" t="s">
        <v>18626</v>
      </c>
      <c r="H9457" s="6" t="s">
        <v>18627</v>
      </c>
      <c r="I9457" s="7">
        <v>5.3168856</v>
      </c>
      <c r="J9457" s="8">
        <v>-73.396791699999994</v>
      </c>
    </row>
    <row r="9458" spans="1:10" x14ac:dyDescent="0.35">
      <c r="A9458" s="5" t="s">
        <v>10</v>
      </c>
      <c r="B9458" s="6">
        <v>238774</v>
      </c>
      <c r="C9458" s="6" t="s">
        <v>11</v>
      </c>
      <c r="D9458" s="6" t="s">
        <v>251</v>
      </c>
      <c r="E9458" s="6">
        <v>25214</v>
      </c>
      <c r="F9458" s="6" t="s">
        <v>2161</v>
      </c>
      <c r="G9458" s="6" t="s">
        <v>18628</v>
      </c>
      <c r="H9458" s="6" t="s">
        <v>18629</v>
      </c>
      <c r="I9458" s="7">
        <v>4.8066347</v>
      </c>
      <c r="J9458" s="8">
        <v>-74.100319999999996</v>
      </c>
    </row>
    <row r="9459" spans="1:10" x14ac:dyDescent="0.35">
      <c r="A9459" s="5" t="s">
        <v>10</v>
      </c>
      <c r="B9459" s="6">
        <v>237174</v>
      </c>
      <c r="C9459" s="6" t="s">
        <v>16</v>
      </c>
      <c r="D9459" s="6" t="s">
        <v>2825</v>
      </c>
      <c r="E9459" s="6">
        <v>68276</v>
      </c>
      <c r="F9459" s="6" t="s">
        <v>2161</v>
      </c>
      <c r="G9459" s="6" t="s">
        <v>18630</v>
      </c>
      <c r="H9459" s="6" t="s">
        <v>18631</v>
      </c>
      <c r="I9459" s="7">
        <v>7.0725145999999999</v>
      </c>
      <c r="J9459" s="8">
        <v>-73.102639499999995</v>
      </c>
    </row>
    <row r="9460" spans="1:10" x14ac:dyDescent="0.35">
      <c r="A9460" s="5" t="s">
        <v>10</v>
      </c>
      <c r="B9460" s="6">
        <v>220756</v>
      </c>
      <c r="C9460" s="6" t="s">
        <v>2130</v>
      </c>
      <c r="D9460" s="6" t="s">
        <v>3979</v>
      </c>
      <c r="E9460" s="6">
        <v>85010</v>
      </c>
      <c r="F9460" s="6" t="s">
        <v>2161</v>
      </c>
      <c r="G9460" s="6" t="s">
        <v>18632</v>
      </c>
      <c r="H9460" s="6" t="s">
        <v>18633</v>
      </c>
      <c r="I9460" s="7">
        <v>5.1708470000000002</v>
      </c>
      <c r="J9460" s="8">
        <v>-72.550818999999905</v>
      </c>
    </row>
    <row r="9461" spans="1:10" x14ac:dyDescent="0.35">
      <c r="A9461" s="5" t="s">
        <v>10</v>
      </c>
      <c r="B9461" s="6">
        <v>141715</v>
      </c>
      <c r="C9461" s="6" t="s">
        <v>11</v>
      </c>
      <c r="D9461" s="6" t="s">
        <v>680</v>
      </c>
      <c r="E9461" s="6">
        <v>25743</v>
      </c>
      <c r="F9461" s="6" t="s">
        <v>13</v>
      </c>
      <c r="G9461" s="6" t="s">
        <v>2681</v>
      </c>
      <c r="H9461" s="6" t="s">
        <v>2682</v>
      </c>
      <c r="I9461" s="7">
        <v>4.4029246000000004</v>
      </c>
      <c r="J9461" s="8">
        <v>-74.385581500000001</v>
      </c>
    </row>
    <row r="9462" spans="1:10" x14ac:dyDescent="0.35">
      <c r="A9462" s="5" t="s">
        <v>10</v>
      </c>
      <c r="B9462" s="6">
        <v>225673</v>
      </c>
      <c r="C9462" s="6" t="s">
        <v>68</v>
      </c>
      <c r="D9462" s="6" t="s">
        <v>69</v>
      </c>
      <c r="E9462" s="6">
        <v>11001</v>
      </c>
      <c r="F9462" s="6" t="s">
        <v>13</v>
      </c>
      <c r="G9462" s="6" t="s">
        <v>18076</v>
      </c>
      <c r="H9462" s="6" t="s">
        <v>18077</v>
      </c>
      <c r="I9462" s="7">
        <v>4.6001367000000002</v>
      </c>
      <c r="J9462" s="8">
        <v>-74.0764487</v>
      </c>
    </row>
    <row r="9463" spans="1:10" x14ac:dyDescent="0.35">
      <c r="A9463" s="5" t="s">
        <v>10</v>
      </c>
      <c r="B9463" s="6">
        <v>186381</v>
      </c>
      <c r="C9463" s="6" t="s">
        <v>16</v>
      </c>
      <c r="D9463" s="6" t="s">
        <v>224</v>
      </c>
      <c r="E9463" s="6">
        <v>68755</v>
      </c>
      <c r="F9463" s="6" t="s">
        <v>18</v>
      </c>
      <c r="G9463" s="6" t="s">
        <v>18634</v>
      </c>
      <c r="H9463" s="6" t="s">
        <v>18635</v>
      </c>
      <c r="I9463" s="7">
        <v>6.4657020999999997</v>
      </c>
      <c r="J9463" s="8">
        <v>-73.263053299999996</v>
      </c>
    </row>
    <row r="9464" spans="1:10" x14ac:dyDescent="0.35">
      <c r="A9464" s="5" t="s">
        <v>10</v>
      </c>
      <c r="B9464" s="6">
        <v>231633</v>
      </c>
      <c r="C9464" s="6" t="s">
        <v>24</v>
      </c>
      <c r="D9464" s="6" t="s">
        <v>2522</v>
      </c>
      <c r="E9464" s="6">
        <v>15491</v>
      </c>
      <c r="F9464" s="6" t="s">
        <v>18</v>
      </c>
      <c r="G9464" s="6" t="s">
        <v>18636</v>
      </c>
      <c r="H9464" s="6" t="s">
        <v>18637</v>
      </c>
      <c r="I9464" s="7">
        <v>5.7575950000000002</v>
      </c>
      <c r="J9464" s="8">
        <v>-72.931925000000007</v>
      </c>
    </row>
    <row r="9465" spans="1:10" x14ac:dyDescent="0.35">
      <c r="A9465" s="5" t="s">
        <v>10</v>
      </c>
      <c r="B9465" s="6">
        <v>207987</v>
      </c>
      <c r="C9465" s="6" t="s">
        <v>24</v>
      </c>
      <c r="D9465" s="6" t="s">
        <v>2510</v>
      </c>
      <c r="E9465" s="6">
        <v>15514</v>
      </c>
      <c r="F9465" s="6" t="s">
        <v>18</v>
      </c>
      <c r="G9465" s="6" t="s">
        <v>18638</v>
      </c>
      <c r="H9465" s="6" t="s">
        <v>18639</v>
      </c>
      <c r="I9465" s="7">
        <v>5.1012648999999897</v>
      </c>
      <c r="J9465" s="8">
        <v>-73.0506077</v>
      </c>
    </row>
    <row r="9466" spans="1:10" x14ac:dyDescent="0.35">
      <c r="A9466" s="5" t="s">
        <v>10</v>
      </c>
      <c r="B9466" s="6">
        <v>199677</v>
      </c>
      <c r="C9466" s="6" t="s">
        <v>68</v>
      </c>
      <c r="D9466" s="6" t="s">
        <v>69</v>
      </c>
      <c r="E9466" s="6">
        <v>11001</v>
      </c>
      <c r="F9466" s="6" t="s">
        <v>18</v>
      </c>
      <c r="G9466" s="6" t="s">
        <v>1885</v>
      </c>
      <c r="H9466" s="6" t="s">
        <v>17729</v>
      </c>
      <c r="I9466" s="7">
        <v>4.6861797000000003</v>
      </c>
      <c r="J9466" s="8">
        <v>-74.052780900000002</v>
      </c>
    </row>
    <row r="9467" spans="1:10" x14ac:dyDescent="0.35">
      <c r="A9467" s="5" t="s">
        <v>10</v>
      </c>
      <c r="B9467" s="6">
        <v>232039</v>
      </c>
      <c r="C9467" s="6" t="s">
        <v>278</v>
      </c>
      <c r="D9467" s="6" t="s">
        <v>279</v>
      </c>
      <c r="E9467" s="6">
        <v>50001</v>
      </c>
      <c r="F9467" s="6" t="s">
        <v>18</v>
      </c>
      <c r="G9467" s="6" t="s">
        <v>6138</v>
      </c>
      <c r="H9467" s="6" t="s">
        <v>18640</v>
      </c>
      <c r="I9467" s="7">
        <v>4.1609569999999998</v>
      </c>
      <c r="J9467" s="8">
        <v>-73.637730000000005</v>
      </c>
    </row>
    <row r="9468" spans="1:10" x14ac:dyDescent="0.35">
      <c r="A9468" s="5" t="s">
        <v>10</v>
      </c>
      <c r="B9468" s="6">
        <v>229976</v>
      </c>
      <c r="C9468" s="6" t="s">
        <v>11</v>
      </c>
      <c r="D9468" s="6" t="s">
        <v>901</v>
      </c>
      <c r="E9468" s="6">
        <v>25307</v>
      </c>
      <c r="F9468" s="6" t="s">
        <v>2161</v>
      </c>
      <c r="G9468" s="6" t="s">
        <v>18641</v>
      </c>
      <c r="H9468" s="6" t="s">
        <v>18642</v>
      </c>
      <c r="I9468" s="7">
        <v>4.3036960000000004</v>
      </c>
      <c r="J9468" s="8">
        <v>-74.803956499999998</v>
      </c>
    </row>
    <row r="9469" spans="1:10" x14ac:dyDescent="0.35">
      <c r="A9469" s="5" t="s">
        <v>10</v>
      </c>
      <c r="B9469" s="6">
        <v>209011</v>
      </c>
      <c r="C9469" s="6" t="s">
        <v>11</v>
      </c>
      <c r="D9469" s="6" t="s">
        <v>407</v>
      </c>
      <c r="E9469" s="6">
        <v>25126</v>
      </c>
      <c r="F9469" s="6" t="s">
        <v>2161</v>
      </c>
      <c r="G9469" s="6" t="s">
        <v>18643</v>
      </c>
      <c r="H9469" s="6" t="s">
        <v>18644</v>
      </c>
      <c r="I9469" s="7">
        <v>4.9187216999999999</v>
      </c>
      <c r="J9469" s="8">
        <v>-74.022556999999907</v>
      </c>
    </row>
    <row r="9470" spans="1:10" x14ac:dyDescent="0.35">
      <c r="A9470" s="5" t="s">
        <v>10</v>
      </c>
      <c r="B9470" s="6">
        <v>225315</v>
      </c>
      <c r="C9470" s="6" t="s">
        <v>294</v>
      </c>
      <c r="D9470" s="6" t="s">
        <v>447</v>
      </c>
      <c r="E9470" s="6">
        <v>41551</v>
      </c>
      <c r="F9470" s="6" t="s">
        <v>2161</v>
      </c>
      <c r="G9470" s="6" t="s">
        <v>18645</v>
      </c>
      <c r="H9470" s="6" t="s">
        <v>18646</v>
      </c>
      <c r="I9470" s="7">
        <v>1.8620247000000001</v>
      </c>
      <c r="J9470" s="8">
        <v>-76.034968300000003</v>
      </c>
    </row>
    <row r="9471" spans="1:10" x14ac:dyDescent="0.35">
      <c r="A9471" s="5" t="s">
        <v>10</v>
      </c>
      <c r="B9471" s="6">
        <v>147089</v>
      </c>
      <c r="C9471" s="6" t="s">
        <v>11</v>
      </c>
      <c r="D9471" s="6" t="s">
        <v>3379</v>
      </c>
      <c r="E9471" s="6">
        <v>25407</v>
      </c>
      <c r="F9471" s="6" t="s">
        <v>13</v>
      </c>
      <c r="G9471" s="6" t="s">
        <v>17869</v>
      </c>
      <c r="H9471" s="6" t="s">
        <v>17870</v>
      </c>
      <c r="I9471" s="7">
        <v>5.3062820999999998</v>
      </c>
      <c r="J9471" s="8">
        <v>-73.712502000000001</v>
      </c>
    </row>
    <row r="9472" spans="1:10" x14ac:dyDescent="0.35">
      <c r="A9472" s="5" t="s">
        <v>10</v>
      </c>
      <c r="B9472" s="6">
        <v>198310</v>
      </c>
      <c r="C9472" s="6" t="s">
        <v>11</v>
      </c>
      <c r="D9472" s="6" t="s">
        <v>334</v>
      </c>
      <c r="E9472" s="6">
        <v>25754</v>
      </c>
      <c r="F9472" s="6" t="s">
        <v>13</v>
      </c>
      <c r="G9472" s="6" t="s">
        <v>160</v>
      </c>
      <c r="H9472" s="6" t="s">
        <v>2238</v>
      </c>
      <c r="I9472" s="7">
        <v>4.5811564000000002</v>
      </c>
      <c r="J9472" s="8">
        <v>-74.212740100000005</v>
      </c>
    </row>
    <row r="9473" spans="1:10" x14ac:dyDescent="0.35">
      <c r="A9473" s="5" t="s">
        <v>10</v>
      </c>
      <c r="B9473" s="6">
        <v>225302</v>
      </c>
      <c r="C9473" s="6" t="s">
        <v>16</v>
      </c>
      <c r="D9473" s="6" t="s">
        <v>78</v>
      </c>
      <c r="E9473" s="6">
        <v>68001</v>
      </c>
      <c r="F9473" s="6" t="s">
        <v>13</v>
      </c>
      <c r="G9473" s="6" t="s">
        <v>18647</v>
      </c>
      <c r="H9473" s="6" t="s">
        <v>18648</v>
      </c>
      <c r="I9473" s="7">
        <v>7.1167569999999998</v>
      </c>
      <c r="J9473" s="8">
        <v>-73.109212099999993</v>
      </c>
    </row>
    <row r="9474" spans="1:10" x14ac:dyDescent="0.35">
      <c r="A9474" s="5" t="s">
        <v>10</v>
      </c>
      <c r="B9474" s="6">
        <v>141697</v>
      </c>
      <c r="C9474" s="6" t="s">
        <v>11</v>
      </c>
      <c r="D9474" s="6" t="s">
        <v>156</v>
      </c>
      <c r="E9474" s="6">
        <v>25815</v>
      </c>
      <c r="F9474" s="6" t="s">
        <v>13</v>
      </c>
      <c r="G9474" s="6" t="s">
        <v>157</v>
      </c>
      <c r="H9474" s="6" t="s">
        <v>158</v>
      </c>
      <c r="I9474" s="7">
        <v>4.4585293999999998</v>
      </c>
      <c r="J9474" s="8">
        <v>-74.6368449</v>
      </c>
    </row>
    <row r="9475" spans="1:10" x14ac:dyDescent="0.35">
      <c r="A9475" s="5" t="s">
        <v>10</v>
      </c>
      <c r="B9475" s="6">
        <v>188166</v>
      </c>
      <c r="C9475" s="6" t="s">
        <v>11</v>
      </c>
      <c r="D9475" s="6" t="s">
        <v>901</v>
      </c>
      <c r="E9475" s="6">
        <v>25307</v>
      </c>
      <c r="F9475" s="6" t="s">
        <v>13</v>
      </c>
      <c r="G9475" s="6" t="s">
        <v>160</v>
      </c>
      <c r="H9475" s="6" t="s">
        <v>902</v>
      </c>
      <c r="I9475" s="7">
        <v>4.2965492000000003</v>
      </c>
      <c r="J9475" s="8">
        <v>-74.8055971</v>
      </c>
    </row>
    <row r="9476" spans="1:10" x14ac:dyDescent="0.35">
      <c r="A9476" s="5" t="s">
        <v>10</v>
      </c>
      <c r="B9476" s="6">
        <v>190318</v>
      </c>
      <c r="C9476" s="6" t="s">
        <v>11</v>
      </c>
      <c r="D9476" s="6" t="s">
        <v>1752</v>
      </c>
      <c r="E9476" s="6">
        <v>25799</v>
      </c>
      <c r="F9476" s="6" t="s">
        <v>13</v>
      </c>
      <c r="G9476" s="6" t="s">
        <v>18598</v>
      </c>
      <c r="H9476" s="6" t="s">
        <v>18599</v>
      </c>
      <c r="I9476" s="7">
        <v>4.8726243</v>
      </c>
      <c r="J9476" s="8">
        <v>-74.147138999999996</v>
      </c>
    </row>
    <row r="9477" spans="1:10" x14ac:dyDescent="0.35">
      <c r="A9477" s="5" t="s">
        <v>10</v>
      </c>
      <c r="B9477" s="6">
        <v>127368</v>
      </c>
      <c r="C9477" s="6" t="s">
        <v>16</v>
      </c>
      <c r="D9477" s="6" t="s">
        <v>3557</v>
      </c>
      <c r="E9477" s="6">
        <v>68320</v>
      </c>
      <c r="F9477" s="6" t="s">
        <v>18</v>
      </c>
      <c r="G9477" s="6" t="s">
        <v>3558</v>
      </c>
      <c r="H9477" s="6" t="s">
        <v>3559</v>
      </c>
      <c r="I9477" s="7">
        <v>6.2460489999999904</v>
      </c>
      <c r="J9477" s="8">
        <v>-73.418739000000002</v>
      </c>
    </row>
    <row r="9478" spans="1:10" x14ac:dyDescent="0.35">
      <c r="A9478" s="5" t="s">
        <v>10</v>
      </c>
      <c r="B9478" s="6">
        <v>229242</v>
      </c>
      <c r="C9478" s="6" t="s">
        <v>294</v>
      </c>
      <c r="D9478" s="6" t="s">
        <v>447</v>
      </c>
      <c r="E9478" s="6">
        <v>41551</v>
      </c>
      <c r="F9478" s="6" t="s">
        <v>2161</v>
      </c>
      <c r="G9478" s="6" t="s">
        <v>18649</v>
      </c>
      <c r="H9478" s="6" t="s">
        <v>18650</v>
      </c>
      <c r="I9478" s="7">
        <v>1.8563308999999999</v>
      </c>
      <c r="J9478" s="8">
        <v>-76.046161100000006</v>
      </c>
    </row>
    <row r="9479" spans="1:10" x14ac:dyDescent="0.35">
      <c r="A9479" s="5" t="s">
        <v>10</v>
      </c>
      <c r="B9479" s="6">
        <v>238775</v>
      </c>
      <c r="C9479" s="6" t="s">
        <v>68</v>
      </c>
      <c r="D9479" s="6" t="s">
        <v>69</v>
      </c>
      <c r="E9479" s="6">
        <v>11001</v>
      </c>
      <c r="F9479" s="6" t="s">
        <v>2161</v>
      </c>
      <c r="G9479" s="6" t="s">
        <v>18651</v>
      </c>
      <c r="H9479" s="6" t="s">
        <v>18652</v>
      </c>
      <c r="I9479" s="7">
        <v>4.7573420000000004</v>
      </c>
      <c r="J9479" s="8">
        <v>-74.089703</v>
      </c>
    </row>
    <row r="9480" spans="1:10" x14ac:dyDescent="0.35">
      <c r="A9480" s="5" t="s">
        <v>10</v>
      </c>
      <c r="B9480" s="6">
        <v>228205</v>
      </c>
      <c r="C9480" s="6" t="s">
        <v>11</v>
      </c>
      <c r="D9480" s="6" t="s">
        <v>1547</v>
      </c>
      <c r="E9480" s="6">
        <v>25817</v>
      </c>
      <c r="F9480" s="6" t="s">
        <v>2161</v>
      </c>
      <c r="G9480" s="6" t="s">
        <v>18653</v>
      </c>
      <c r="H9480" s="6" t="s">
        <v>18654</v>
      </c>
      <c r="I9480" s="7">
        <v>4.9659372999999896</v>
      </c>
      <c r="J9480" s="8">
        <v>-73.913059899999993</v>
      </c>
    </row>
    <row r="9481" spans="1:10" x14ac:dyDescent="0.35">
      <c r="A9481" s="5" t="s">
        <v>10</v>
      </c>
      <c r="B9481" s="6">
        <v>206768</v>
      </c>
      <c r="C9481" s="6" t="s">
        <v>68</v>
      </c>
      <c r="D9481" s="6" t="s">
        <v>69</v>
      </c>
      <c r="E9481" s="6">
        <v>11001</v>
      </c>
      <c r="F9481" s="6" t="s">
        <v>13</v>
      </c>
      <c r="G9481" s="6" t="s">
        <v>18655</v>
      </c>
      <c r="H9481" s="6" t="s">
        <v>18450</v>
      </c>
      <c r="I9481" s="7">
        <v>4.6284219000000002</v>
      </c>
      <c r="J9481" s="8">
        <v>-74.099458499999997</v>
      </c>
    </row>
    <row r="9482" spans="1:10" x14ac:dyDescent="0.35">
      <c r="A9482" s="5" t="s">
        <v>10</v>
      </c>
      <c r="B9482" s="6">
        <v>191496</v>
      </c>
      <c r="C9482" s="6" t="s">
        <v>190</v>
      </c>
      <c r="D9482" s="6" t="s">
        <v>191</v>
      </c>
      <c r="E9482" s="6">
        <v>5001</v>
      </c>
      <c r="F9482" s="6" t="s">
        <v>13</v>
      </c>
      <c r="G9482" s="6" t="s">
        <v>18429</v>
      </c>
      <c r="H9482" s="6" t="s">
        <v>18430</v>
      </c>
      <c r="I9482" s="7">
        <v>6.2302906</v>
      </c>
      <c r="J9482" s="8">
        <v>-75.573896099999999</v>
      </c>
    </row>
    <row r="9483" spans="1:10" x14ac:dyDescent="0.35">
      <c r="A9483" s="5" t="s">
        <v>10</v>
      </c>
      <c r="B9483" s="6">
        <v>225871</v>
      </c>
      <c r="C9483" s="6" t="s">
        <v>28</v>
      </c>
      <c r="D9483" s="6" t="s">
        <v>29</v>
      </c>
      <c r="E9483" s="6">
        <v>54001</v>
      </c>
      <c r="F9483" s="6" t="s">
        <v>18</v>
      </c>
      <c r="G9483" s="6" t="s">
        <v>18656</v>
      </c>
      <c r="H9483" s="6" t="s">
        <v>18657</v>
      </c>
      <c r="I9483" s="7">
        <v>7.8831258000000002</v>
      </c>
      <c r="J9483" s="8">
        <v>-72.519638499999999</v>
      </c>
    </row>
    <row r="9484" spans="1:10" x14ac:dyDescent="0.35">
      <c r="A9484" s="5" t="s">
        <v>10</v>
      </c>
      <c r="B9484" s="6">
        <v>243823</v>
      </c>
      <c r="C9484" s="6" t="s">
        <v>28</v>
      </c>
      <c r="D9484" s="6" t="s">
        <v>322</v>
      </c>
      <c r="E9484" s="6">
        <v>54405</v>
      </c>
      <c r="F9484" s="6" t="s">
        <v>18</v>
      </c>
      <c r="G9484" s="6" t="s">
        <v>18658</v>
      </c>
      <c r="H9484" s="6" t="s">
        <v>18659</v>
      </c>
      <c r="I9484" s="7">
        <v>7.8377686000000004</v>
      </c>
      <c r="J9484" s="8">
        <v>-72.508395399999998</v>
      </c>
    </row>
    <row r="9485" spans="1:10" x14ac:dyDescent="0.35">
      <c r="A9485" s="5" t="s">
        <v>10</v>
      </c>
      <c r="B9485" s="6">
        <v>202408</v>
      </c>
      <c r="C9485" s="6" t="s">
        <v>42</v>
      </c>
      <c r="D9485" s="6" t="s">
        <v>1066</v>
      </c>
      <c r="E9485" s="6">
        <v>17653</v>
      </c>
      <c r="F9485" s="6" t="s">
        <v>18</v>
      </c>
      <c r="G9485" s="6" t="s">
        <v>18660</v>
      </c>
      <c r="H9485" s="6" t="s">
        <v>18661</v>
      </c>
      <c r="I9485" s="7">
        <v>5.3379471000000001</v>
      </c>
      <c r="J9485" s="8">
        <v>-75.488793799999996</v>
      </c>
    </row>
    <row r="9486" spans="1:10" x14ac:dyDescent="0.35">
      <c r="A9486" s="5" t="s">
        <v>10</v>
      </c>
      <c r="B9486" s="6">
        <v>228913</v>
      </c>
      <c r="C9486" s="6" t="s">
        <v>42</v>
      </c>
      <c r="D9486" s="6" t="s">
        <v>3322</v>
      </c>
      <c r="E9486" s="6">
        <v>17444</v>
      </c>
      <c r="F9486" s="6" t="s">
        <v>18</v>
      </c>
      <c r="G9486" s="6" t="s">
        <v>18662</v>
      </c>
      <c r="H9486" s="6" t="s">
        <v>18663</v>
      </c>
      <c r="I9486" s="7">
        <v>5.3000639999999999</v>
      </c>
      <c r="J9486" s="8">
        <v>-75.051547999999997</v>
      </c>
    </row>
    <row r="9487" spans="1:10" x14ac:dyDescent="0.35">
      <c r="A9487" s="5" t="s">
        <v>10</v>
      </c>
      <c r="B9487" s="6">
        <v>210160</v>
      </c>
      <c r="C9487" s="6" t="s">
        <v>3788</v>
      </c>
      <c r="D9487" s="6" t="s">
        <v>3974</v>
      </c>
      <c r="E9487" s="6">
        <v>18001</v>
      </c>
      <c r="F9487" s="6" t="s">
        <v>2161</v>
      </c>
      <c r="G9487" s="6" t="s">
        <v>18664</v>
      </c>
      <c r="H9487" s="6" t="s">
        <v>18665</v>
      </c>
      <c r="I9487" s="7">
        <v>4.8564558</v>
      </c>
      <c r="J9487" s="8">
        <v>-74.061523699999995</v>
      </c>
    </row>
    <row r="9488" spans="1:10" x14ac:dyDescent="0.35">
      <c r="A9488" s="5" t="s">
        <v>10</v>
      </c>
      <c r="B9488" s="6">
        <v>221159</v>
      </c>
      <c r="C9488" s="6" t="s">
        <v>278</v>
      </c>
      <c r="D9488" s="6" t="s">
        <v>279</v>
      </c>
      <c r="E9488" s="6">
        <v>50001</v>
      </c>
      <c r="F9488" s="6" t="s">
        <v>2161</v>
      </c>
      <c r="G9488" s="6" t="s">
        <v>18666</v>
      </c>
      <c r="H9488" s="6" t="s">
        <v>18667</v>
      </c>
      <c r="I9488" s="7">
        <v>4.1281819999999998</v>
      </c>
      <c r="J9488" s="8">
        <v>-73.61936</v>
      </c>
    </row>
    <row r="9489" spans="1:10" x14ac:dyDescent="0.35">
      <c r="A9489" s="5" t="s">
        <v>10</v>
      </c>
      <c r="B9489" s="6">
        <v>221143</v>
      </c>
      <c r="C9489" s="6" t="s">
        <v>2821</v>
      </c>
      <c r="D9489" s="6" t="s">
        <v>2822</v>
      </c>
      <c r="E9489" s="6">
        <v>47001</v>
      </c>
      <c r="F9489" s="6" t="s">
        <v>2161</v>
      </c>
      <c r="G9489" s="6" t="s">
        <v>18668</v>
      </c>
      <c r="H9489" s="6" t="s">
        <v>18669</v>
      </c>
      <c r="I9489" s="7">
        <v>11.213394900000001</v>
      </c>
      <c r="J9489" s="8">
        <v>-74.158940299999998</v>
      </c>
    </row>
    <row r="9490" spans="1:10" x14ac:dyDescent="0.35">
      <c r="A9490" s="5" t="s">
        <v>10</v>
      </c>
      <c r="B9490" s="6">
        <v>189455</v>
      </c>
      <c r="C9490" s="6" t="s">
        <v>68</v>
      </c>
      <c r="D9490" s="6" t="s">
        <v>69</v>
      </c>
      <c r="E9490" s="6">
        <v>11001</v>
      </c>
      <c r="F9490" s="6" t="s">
        <v>13</v>
      </c>
      <c r="G9490" s="6" t="s">
        <v>18459</v>
      </c>
      <c r="H9490" s="6" t="s">
        <v>18460</v>
      </c>
      <c r="I9490" s="7">
        <v>4.6053414000000004</v>
      </c>
      <c r="J9490" s="8">
        <v>-74.0882845</v>
      </c>
    </row>
    <row r="9491" spans="1:10" x14ac:dyDescent="0.35">
      <c r="A9491" s="5" t="s">
        <v>10</v>
      </c>
      <c r="B9491" s="6">
        <v>236964</v>
      </c>
      <c r="C9491" s="6" t="s">
        <v>24</v>
      </c>
      <c r="D9491" s="6" t="s">
        <v>2199</v>
      </c>
      <c r="E9491" s="6">
        <v>15507</v>
      </c>
      <c r="F9491" s="6" t="s">
        <v>18</v>
      </c>
      <c r="G9491" s="6" t="s">
        <v>18670</v>
      </c>
      <c r="H9491" s="6" t="s">
        <v>18671</v>
      </c>
      <c r="I9491" s="7">
        <v>5.6578371000000001</v>
      </c>
      <c r="J9491" s="8">
        <v>-74.181276199999999</v>
      </c>
    </row>
    <row r="9492" spans="1:10" x14ac:dyDescent="0.35">
      <c r="A9492" s="5" t="s">
        <v>10</v>
      </c>
      <c r="B9492" s="6">
        <v>221444</v>
      </c>
      <c r="C9492" s="6" t="s">
        <v>28</v>
      </c>
      <c r="D9492" s="6" t="s">
        <v>91</v>
      </c>
      <c r="E9492" s="6">
        <v>54874</v>
      </c>
      <c r="F9492" s="6" t="s">
        <v>18</v>
      </c>
      <c r="G9492" s="6" t="s">
        <v>18672</v>
      </c>
      <c r="H9492" s="6" t="s">
        <v>18673</v>
      </c>
      <c r="I9492" s="7">
        <v>7.8318662999999997</v>
      </c>
      <c r="J9492" s="8">
        <v>-72.472232599999998</v>
      </c>
    </row>
    <row r="9493" spans="1:10" x14ac:dyDescent="0.35">
      <c r="A9493" s="5" t="s">
        <v>10</v>
      </c>
      <c r="B9493" s="6">
        <v>167805</v>
      </c>
      <c r="C9493" s="6" t="s">
        <v>42</v>
      </c>
      <c r="D9493" s="6" t="s">
        <v>1066</v>
      </c>
      <c r="E9493" s="6">
        <v>17653</v>
      </c>
      <c r="F9493" s="6" t="s">
        <v>18</v>
      </c>
      <c r="G9493" s="6" t="s">
        <v>1067</v>
      </c>
      <c r="H9493" s="6" t="s">
        <v>1068</v>
      </c>
      <c r="I9493" s="7">
        <v>5.4023539999999999</v>
      </c>
      <c r="J9493" s="8">
        <v>-75.486468000000002</v>
      </c>
    </row>
    <row r="9494" spans="1:10" x14ac:dyDescent="0.35">
      <c r="A9494" s="5" t="s">
        <v>10</v>
      </c>
      <c r="B9494" s="6">
        <v>223544</v>
      </c>
      <c r="C9494" s="6" t="s">
        <v>61</v>
      </c>
      <c r="D9494" s="6" t="s">
        <v>121</v>
      </c>
      <c r="E9494" s="6">
        <v>63130</v>
      </c>
      <c r="F9494" s="6" t="s">
        <v>18</v>
      </c>
      <c r="G9494" s="6" t="s">
        <v>122</v>
      </c>
      <c r="H9494" s="6" t="s">
        <v>18674</v>
      </c>
      <c r="I9494" s="7">
        <v>4.5336074000000002</v>
      </c>
      <c r="J9494" s="8">
        <v>-75.639716100000001</v>
      </c>
    </row>
    <row r="9495" spans="1:10" x14ac:dyDescent="0.35">
      <c r="A9495" s="5" t="s">
        <v>10</v>
      </c>
      <c r="B9495" s="6">
        <v>143499</v>
      </c>
      <c r="C9495" s="6" t="s">
        <v>278</v>
      </c>
      <c r="D9495" s="6" t="s">
        <v>279</v>
      </c>
      <c r="E9495" s="6">
        <v>50001</v>
      </c>
      <c r="F9495" s="6" t="s">
        <v>13</v>
      </c>
      <c r="G9495" s="6" t="s">
        <v>18339</v>
      </c>
      <c r="H9495" s="6" t="s">
        <v>18340</v>
      </c>
      <c r="I9495" s="7">
        <v>4.1021460000000003</v>
      </c>
      <c r="J9495" s="8">
        <v>-73.651165000000006</v>
      </c>
    </row>
    <row r="9496" spans="1:10" x14ac:dyDescent="0.35">
      <c r="A9496" s="5" t="s">
        <v>10</v>
      </c>
      <c r="B9496" s="6">
        <v>78791</v>
      </c>
      <c r="C9496" s="6" t="s">
        <v>16</v>
      </c>
      <c r="D9496" s="6" t="s">
        <v>3034</v>
      </c>
      <c r="E9496" s="6">
        <v>68101</v>
      </c>
      <c r="F9496" s="6" t="s">
        <v>18</v>
      </c>
      <c r="G9496" s="6" t="s">
        <v>3035</v>
      </c>
      <c r="H9496" s="6" t="s">
        <v>3036</v>
      </c>
      <c r="I9496" s="7">
        <v>6.6437075999999999</v>
      </c>
      <c r="J9496" s="8">
        <v>-73.653620899999893</v>
      </c>
    </row>
    <row r="9497" spans="1:10" x14ac:dyDescent="0.35">
      <c r="A9497" s="5" t="s">
        <v>10</v>
      </c>
      <c r="B9497" s="6">
        <v>246729</v>
      </c>
      <c r="C9497" s="6" t="s">
        <v>55</v>
      </c>
      <c r="D9497" s="6" t="s">
        <v>56</v>
      </c>
      <c r="E9497" s="6">
        <v>73001</v>
      </c>
      <c r="F9497" s="6" t="s">
        <v>18</v>
      </c>
      <c r="G9497" s="6" t="s">
        <v>113</v>
      </c>
      <c r="H9497" s="6" t="s">
        <v>18675</v>
      </c>
      <c r="I9497" s="7">
        <v>4.4486659</v>
      </c>
      <c r="J9497" s="8">
        <v>-75.145033900000001</v>
      </c>
    </row>
    <row r="9498" spans="1:10" x14ac:dyDescent="0.35">
      <c r="A9498" s="5" t="s">
        <v>10</v>
      </c>
      <c r="B9498" s="6">
        <v>246665</v>
      </c>
      <c r="C9498" s="6" t="s">
        <v>28</v>
      </c>
      <c r="D9498" s="6" t="s">
        <v>29</v>
      </c>
      <c r="E9498" s="6">
        <v>54001</v>
      </c>
      <c r="F9498" s="6" t="s">
        <v>18</v>
      </c>
      <c r="G9498" s="6" t="s">
        <v>18676</v>
      </c>
      <c r="H9498" s="6" t="s">
        <v>18677</v>
      </c>
      <c r="I9498" s="7">
        <v>7.9234755999999997</v>
      </c>
      <c r="J9498" s="8">
        <v>-72.518195000000006</v>
      </c>
    </row>
    <row r="9499" spans="1:10" x14ac:dyDescent="0.35">
      <c r="A9499" s="5" t="s">
        <v>10</v>
      </c>
      <c r="B9499" s="6">
        <v>210646</v>
      </c>
      <c r="C9499" s="6" t="s">
        <v>278</v>
      </c>
      <c r="D9499" s="6" t="s">
        <v>279</v>
      </c>
      <c r="E9499" s="6">
        <v>50001</v>
      </c>
      <c r="F9499" s="6" t="s">
        <v>18</v>
      </c>
      <c r="G9499" s="6" t="s">
        <v>855</v>
      </c>
      <c r="H9499" s="6" t="s">
        <v>18678</v>
      </c>
      <c r="I9499" s="7">
        <v>4.1599849999999998</v>
      </c>
      <c r="J9499" s="8">
        <v>-73.647757200000001</v>
      </c>
    </row>
    <row r="9500" spans="1:10" x14ac:dyDescent="0.35">
      <c r="A9500" s="5" t="s">
        <v>10</v>
      </c>
      <c r="B9500" s="6">
        <v>208969</v>
      </c>
      <c r="C9500" s="6" t="s">
        <v>11</v>
      </c>
      <c r="D9500" s="6" t="s">
        <v>159</v>
      </c>
      <c r="E9500" s="6">
        <v>25175</v>
      </c>
      <c r="F9500" s="6" t="s">
        <v>2161</v>
      </c>
      <c r="G9500" s="6" t="s">
        <v>18679</v>
      </c>
      <c r="H9500" s="6" t="s">
        <v>18680</v>
      </c>
      <c r="I9500" s="7">
        <v>4.8815632000000004</v>
      </c>
      <c r="J9500" s="8">
        <v>-74.071135900000002</v>
      </c>
    </row>
    <row r="9501" spans="1:10" x14ac:dyDescent="0.35">
      <c r="A9501" s="5" t="s">
        <v>10</v>
      </c>
      <c r="B9501" s="6">
        <v>221156</v>
      </c>
      <c r="C9501" s="6" t="s">
        <v>551</v>
      </c>
      <c r="D9501" s="6" t="s">
        <v>977</v>
      </c>
      <c r="E9501" s="6">
        <v>20011</v>
      </c>
      <c r="F9501" s="6" t="s">
        <v>2161</v>
      </c>
      <c r="G9501" s="6" t="s">
        <v>18681</v>
      </c>
      <c r="H9501" s="6" t="s">
        <v>18682</v>
      </c>
      <c r="I9501" s="7">
        <v>8.30947999999999</v>
      </c>
      <c r="J9501" s="8">
        <v>-73.610479999999995</v>
      </c>
    </row>
    <row r="9502" spans="1:10" x14ac:dyDescent="0.35">
      <c r="A9502" s="5" t="s">
        <v>10</v>
      </c>
      <c r="B9502" s="6">
        <v>217654</v>
      </c>
      <c r="C9502" s="6" t="s">
        <v>68</v>
      </c>
      <c r="D9502" s="6" t="s">
        <v>69</v>
      </c>
      <c r="E9502" s="6">
        <v>11001</v>
      </c>
      <c r="F9502" s="6" t="s">
        <v>2161</v>
      </c>
      <c r="G9502" s="6" t="s">
        <v>18683</v>
      </c>
      <c r="H9502" s="6" t="s">
        <v>18684</v>
      </c>
      <c r="I9502" s="7">
        <v>4.7409749999999997</v>
      </c>
      <c r="J9502" s="8">
        <v>-74.033271200000001</v>
      </c>
    </row>
    <row r="9503" spans="1:10" x14ac:dyDescent="0.35">
      <c r="A9503" s="5" t="s">
        <v>10</v>
      </c>
      <c r="B9503" s="6">
        <v>141699</v>
      </c>
      <c r="C9503" s="6" t="s">
        <v>11</v>
      </c>
      <c r="D9503" s="6" t="s">
        <v>1547</v>
      </c>
      <c r="E9503" s="6">
        <v>25817</v>
      </c>
      <c r="F9503" s="6" t="s">
        <v>13</v>
      </c>
      <c r="G9503" s="6" t="s">
        <v>3451</v>
      </c>
      <c r="H9503" s="6" t="s">
        <v>3452</v>
      </c>
      <c r="I9503" s="7">
        <v>4.9650919</v>
      </c>
      <c r="J9503" s="8">
        <v>-73.912004400000001</v>
      </c>
    </row>
    <row r="9504" spans="1:10" x14ac:dyDescent="0.35">
      <c r="A9504" s="5" t="s">
        <v>10</v>
      </c>
      <c r="B9504" s="6">
        <v>158369</v>
      </c>
      <c r="C9504" s="6" t="s">
        <v>94</v>
      </c>
      <c r="D9504" s="6" t="s">
        <v>98</v>
      </c>
      <c r="E9504" s="6">
        <v>66001</v>
      </c>
      <c r="F9504" s="6" t="s">
        <v>13</v>
      </c>
      <c r="G9504" s="6" t="s">
        <v>306</v>
      </c>
      <c r="H9504" s="6" t="s">
        <v>307</v>
      </c>
      <c r="I9504" s="7">
        <v>4.8058074</v>
      </c>
      <c r="J9504" s="8">
        <v>-75.694122800000002</v>
      </c>
    </row>
    <row r="9505" spans="1:10" x14ac:dyDescent="0.35">
      <c r="A9505" s="5" t="s">
        <v>10</v>
      </c>
      <c r="B9505" s="6">
        <v>189753</v>
      </c>
      <c r="C9505" s="6" t="s">
        <v>68</v>
      </c>
      <c r="D9505" s="6" t="s">
        <v>69</v>
      </c>
      <c r="E9505" s="6">
        <v>11001</v>
      </c>
      <c r="F9505" s="6" t="s">
        <v>13</v>
      </c>
      <c r="G9505" s="6" t="s">
        <v>18685</v>
      </c>
      <c r="H9505" s="6" t="s">
        <v>18686</v>
      </c>
      <c r="I9505" s="7">
        <v>4.6185501000000002</v>
      </c>
      <c r="J9505" s="8">
        <v>-74.153287500000005</v>
      </c>
    </row>
    <row r="9506" spans="1:10" x14ac:dyDescent="0.35">
      <c r="A9506" s="5" t="s">
        <v>10</v>
      </c>
      <c r="B9506" s="6">
        <v>221622</v>
      </c>
      <c r="C9506" s="6" t="s">
        <v>302</v>
      </c>
      <c r="D9506" s="6" t="s">
        <v>359</v>
      </c>
      <c r="E9506" s="6">
        <v>8001</v>
      </c>
      <c r="F9506" s="6" t="s">
        <v>13</v>
      </c>
      <c r="G9506" s="6" t="s">
        <v>18687</v>
      </c>
      <c r="H9506" s="6" t="s">
        <v>18688</v>
      </c>
      <c r="I9506" s="7">
        <v>10.9249685</v>
      </c>
      <c r="J9506" s="8">
        <v>-74.797670600000004</v>
      </c>
    </row>
    <row r="9507" spans="1:10" x14ac:dyDescent="0.35">
      <c r="A9507" s="5" t="s">
        <v>10</v>
      </c>
      <c r="B9507" s="6">
        <v>221943</v>
      </c>
      <c r="C9507" s="6" t="s">
        <v>109</v>
      </c>
      <c r="D9507" s="6" t="s">
        <v>227</v>
      </c>
      <c r="E9507" s="6">
        <v>13001</v>
      </c>
      <c r="F9507" s="6" t="s">
        <v>13</v>
      </c>
      <c r="G9507" s="6" t="s">
        <v>18689</v>
      </c>
      <c r="H9507" s="6" t="s">
        <v>18690</v>
      </c>
      <c r="I9507" s="7">
        <v>10.4118248</v>
      </c>
      <c r="J9507" s="8">
        <v>-75.5506867</v>
      </c>
    </row>
    <row r="9508" spans="1:10" x14ac:dyDescent="0.35">
      <c r="A9508" s="5" t="s">
        <v>10</v>
      </c>
      <c r="B9508" s="6">
        <v>247304</v>
      </c>
      <c r="C9508" s="6" t="s">
        <v>68</v>
      </c>
      <c r="D9508" s="6" t="s">
        <v>69</v>
      </c>
      <c r="E9508" s="6">
        <v>11001</v>
      </c>
      <c r="F9508" s="6" t="s">
        <v>13</v>
      </c>
      <c r="G9508" s="6" t="s">
        <v>17752</v>
      </c>
      <c r="H9508" s="6" t="s">
        <v>18691</v>
      </c>
      <c r="I9508" s="7">
        <v>4.6664589000000003</v>
      </c>
      <c r="J9508" s="8">
        <v>-74.057095000000004</v>
      </c>
    </row>
    <row r="9509" spans="1:10" x14ac:dyDescent="0.35">
      <c r="A9509" s="5" t="s">
        <v>10</v>
      </c>
      <c r="B9509" s="6">
        <v>231979</v>
      </c>
      <c r="C9509" s="6" t="s">
        <v>55</v>
      </c>
      <c r="D9509" s="6" t="s">
        <v>56</v>
      </c>
      <c r="E9509" s="6">
        <v>73001</v>
      </c>
      <c r="F9509" s="6" t="s">
        <v>18</v>
      </c>
      <c r="G9509" s="6" t="s">
        <v>18692</v>
      </c>
      <c r="H9509" s="6" t="s">
        <v>18693</v>
      </c>
      <c r="I9509" s="7">
        <v>4.4228417999999996</v>
      </c>
      <c r="J9509" s="8">
        <v>-75.191387000000006</v>
      </c>
    </row>
    <row r="9510" spans="1:10" x14ac:dyDescent="0.35">
      <c r="A9510" s="5" t="s">
        <v>10</v>
      </c>
      <c r="B9510" s="6">
        <v>243932</v>
      </c>
      <c r="C9510" s="6" t="s">
        <v>28</v>
      </c>
      <c r="D9510" s="6" t="s">
        <v>1171</v>
      </c>
      <c r="E9510" s="6">
        <v>54810</v>
      </c>
      <c r="F9510" s="6" t="s">
        <v>18</v>
      </c>
      <c r="G9510" s="6" t="s">
        <v>18694</v>
      </c>
      <c r="H9510" s="6" t="s">
        <v>18695</v>
      </c>
      <c r="I9510" s="7">
        <v>8.4903358999999998</v>
      </c>
      <c r="J9510" s="8">
        <v>-72.640213399999993</v>
      </c>
    </row>
    <row r="9511" spans="1:10" x14ac:dyDescent="0.35">
      <c r="A9511" s="5" t="s">
        <v>10</v>
      </c>
      <c r="B9511" s="6">
        <v>218543</v>
      </c>
      <c r="C9511" s="6" t="s">
        <v>117</v>
      </c>
      <c r="D9511" s="6" t="s">
        <v>3492</v>
      </c>
      <c r="E9511" s="6">
        <v>76520</v>
      </c>
      <c r="F9511" s="6" t="s">
        <v>2161</v>
      </c>
      <c r="G9511" s="6" t="s">
        <v>18696</v>
      </c>
      <c r="H9511" s="6" t="s">
        <v>18697</v>
      </c>
      <c r="I9511" s="7">
        <v>3.5379718000000002</v>
      </c>
      <c r="J9511" s="8">
        <v>-76.297165699999994</v>
      </c>
    </row>
    <row r="9512" spans="1:10" x14ac:dyDescent="0.35">
      <c r="A9512" s="5" t="s">
        <v>10</v>
      </c>
      <c r="B9512" s="6">
        <v>221513</v>
      </c>
      <c r="C9512" s="6" t="s">
        <v>278</v>
      </c>
      <c r="D9512" s="6" t="s">
        <v>279</v>
      </c>
      <c r="E9512" s="6">
        <v>50001</v>
      </c>
      <c r="F9512" s="6" t="s">
        <v>2161</v>
      </c>
      <c r="G9512" s="6" t="s">
        <v>18698</v>
      </c>
      <c r="H9512" s="6" t="s">
        <v>18699</v>
      </c>
      <c r="I9512" s="7">
        <v>4.1477639999999996</v>
      </c>
      <c r="J9512" s="8">
        <v>-73.615876799999995</v>
      </c>
    </row>
    <row r="9513" spans="1:10" x14ac:dyDescent="0.35">
      <c r="A9513" s="5" t="s">
        <v>10</v>
      </c>
      <c r="B9513" s="6">
        <v>230076</v>
      </c>
      <c r="C9513" s="6" t="s">
        <v>68</v>
      </c>
      <c r="D9513" s="6" t="s">
        <v>69</v>
      </c>
      <c r="E9513" s="6">
        <v>11001</v>
      </c>
      <c r="F9513" s="6" t="s">
        <v>13</v>
      </c>
      <c r="G9513" s="6" t="s">
        <v>18700</v>
      </c>
      <c r="H9513" s="6" t="s">
        <v>18701</v>
      </c>
      <c r="I9513" s="7">
        <v>4.7277655999999997</v>
      </c>
      <c r="J9513" s="8">
        <v>-74.065079999999995</v>
      </c>
    </row>
    <row r="9514" spans="1:10" x14ac:dyDescent="0.35">
      <c r="A9514" s="5" t="s">
        <v>10</v>
      </c>
      <c r="B9514" s="6">
        <v>141704</v>
      </c>
      <c r="C9514" s="6" t="s">
        <v>11</v>
      </c>
      <c r="D9514" s="6" t="s">
        <v>4030</v>
      </c>
      <c r="E9514" s="6">
        <v>25183</v>
      </c>
      <c r="F9514" s="6" t="s">
        <v>13</v>
      </c>
      <c r="G9514" s="6" t="s">
        <v>17808</v>
      </c>
      <c r="H9514" s="6" t="s">
        <v>17809</v>
      </c>
      <c r="I9514" s="7">
        <v>5.1455035000000002</v>
      </c>
      <c r="J9514" s="8">
        <v>-73.6851901</v>
      </c>
    </row>
    <row r="9515" spans="1:10" x14ac:dyDescent="0.35">
      <c r="A9515" s="5" t="s">
        <v>10</v>
      </c>
      <c r="B9515" s="6">
        <v>44004</v>
      </c>
      <c r="C9515" s="6" t="s">
        <v>308</v>
      </c>
      <c r="D9515" s="6" t="s">
        <v>309</v>
      </c>
      <c r="E9515" s="6">
        <v>23001</v>
      </c>
      <c r="F9515" s="6" t="s">
        <v>13</v>
      </c>
      <c r="G9515" s="6" t="s">
        <v>18702</v>
      </c>
      <c r="H9515" s="6" t="s">
        <v>18703</v>
      </c>
      <c r="I9515" s="7">
        <v>8.7450071000000005</v>
      </c>
      <c r="J9515" s="8">
        <v>-75.900283799999997</v>
      </c>
    </row>
    <row r="9516" spans="1:10" x14ac:dyDescent="0.35">
      <c r="A9516" s="5" t="s">
        <v>10</v>
      </c>
      <c r="B9516" s="6">
        <v>138746</v>
      </c>
      <c r="C9516" s="6" t="s">
        <v>28</v>
      </c>
      <c r="D9516" s="6" t="s">
        <v>322</v>
      </c>
      <c r="E9516" s="6">
        <v>54405</v>
      </c>
      <c r="F9516" s="6" t="s">
        <v>13</v>
      </c>
      <c r="G9516" s="6" t="s">
        <v>50</v>
      </c>
      <c r="H9516" s="6" t="s">
        <v>18704</v>
      </c>
      <c r="I9516" s="7">
        <v>7.8331989999999996</v>
      </c>
      <c r="J9516" s="8">
        <v>-72.504391999999996</v>
      </c>
    </row>
    <row r="9517" spans="1:10" x14ac:dyDescent="0.35">
      <c r="A9517" s="5" t="s">
        <v>10</v>
      </c>
      <c r="B9517" s="6">
        <v>141698</v>
      </c>
      <c r="C9517" s="6" t="s">
        <v>11</v>
      </c>
      <c r="D9517" s="6" t="s">
        <v>1755</v>
      </c>
      <c r="E9517" s="6">
        <v>25001</v>
      </c>
      <c r="F9517" s="6" t="s">
        <v>13</v>
      </c>
      <c r="G9517" s="6" t="s">
        <v>1756</v>
      </c>
      <c r="H9517" s="6" t="s">
        <v>1757</v>
      </c>
      <c r="I9517" s="7">
        <v>4.3766334000000002</v>
      </c>
      <c r="J9517" s="8">
        <v>-74.669945499999997</v>
      </c>
    </row>
    <row r="9518" spans="1:10" x14ac:dyDescent="0.35">
      <c r="A9518" s="5" t="s">
        <v>10</v>
      </c>
      <c r="B9518" s="6">
        <v>236310</v>
      </c>
      <c r="C9518" s="6" t="s">
        <v>302</v>
      </c>
      <c r="D9518" s="6" t="s">
        <v>359</v>
      </c>
      <c r="E9518" s="6">
        <v>8001</v>
      </c>
      <c r="F9518" s="6" t="s">
        <v>13</v>
      </c>
      <c r="G9518" s="6" t="s">
        <v>18705</v>
      </c>
      <c r="H9518" s="6" t="s">
        <v>18706</v>
      </c>
      <c r="I9518" s="7">
        <v>11.018571</v>
      </c>
      <c r="J9518" s="8">
        <v>-74.864791400000001</v>
      </c>
    </row>
    <row r="9519" spans="1:10" x14ac:dyDescent="0.35">
      <c r="A9519" s="5" t="s">
        <v>10</v>
      </c>
      <c r="B9519" s="6">
        <v>180554</v>
      </c>
      <c r="C9519" s="6" t="s">
        <v>366</v>
      </c>
      <c r="D9519" s="6" t="s">
        <v>763</v>
      </c>
      <c r="E9519" s="6">
        <v>44279</v>
      </c>
      <c r="F9519" s="6" t="s">
        <v>18</v>
      </c>
      <c r="G9519" s="6" t="s">
        <v>764</v>
      </c>
      <c r="H9519" s="6" t="s">
        <v>765</v>
      </c>
      <c r="I9519" s="7">
        <v>10.886123</v>
      </c>
      <c r="J9519" s="8">
        <v>-72.851514999999907</v>
      </c>
    </row>
    <row r="9520" spans="1:10" x14ac:dyDescent="0.35">
      <c r="A9520" s="5" t="s">
        <v>10</v>
      </c>
      <c r="B9520" s="6">
        <v>237329</v>
      </c>
      <c r="C9520" s="6" t="s">
        <v>16</v>
      </c>
      <c r="D9520" s="6" t="s">
        <v>793</v>
      </c>
      <c r="E9520" s="6">
        <v>68264</v>
      </c>
      <c r="F9520" s="6" t="s">
        <v>18</v>
      </c>
      <c r="G9520" s="6" t="s">
        <v>794</v>
      </c>
      <c r="H9520" s="6" t="s">
        <v>795</v>
      </c>
      <c r="I9520" s="7">
        <v>6.1387888999999998</v>
      </c>
      <c r="J9520" s="8">
        <v>-73.098425700000007</v>
      </c>
    </row>
    <row r="9521" spans="1:10" x14ac:dyDescent="0.35">
      <c r="A9521" s="5" t="s">
        <v>10</v>
      </c>
      <c r="B9521" s="6">
        <v>202973</v>
      </c>
      <c r="C9521" s="6" t="s">
        <v>466</v>
      </c>
      <c r="D9521" s="6" t="s">
        <v>1358</v>
      </c>
      <c r="E9521" s="6">
        <v>81300</v>
      </c>
      <c r="F9521" s="6" t="s">
        <v>18</v>
      </c>
      <c r="G9521" s="6" t="s">
        <v>18707</v>
      </c>
      <c r="H9521" s="6" t="s">
        <v>18708</v>
      </c>
      <c r="I9521" s="7">
        <v>6.7943669999999896</v>
      </c>
      <c r="J9521" s="8">
        <v>-71.771548899999999</v>
      </c>
    </row>
    <row r="9522" spans="1:10" x14ac:dyDescent="0.35">
      <c r="A9522" s="5" t="s">
        <v>10</v>
      </c>
      <c r="B9522" s="6">
        <v>110298</v>
      </c>
      <c r="C9522" s="6" t="s">
        <v>38</v>
      </c>
      <c r="D9522" s="6" t="s">
        <v>39</v>
      </c>
      <c r="E9522" s="6">
        <v>19001</v>
      </c>
      <c r="F9522" s="6" t="s">
        <v>18</v>
      </c>
      <c r="G9522" s="6" t="s">
        <v>2032</v>
      </c>
      <c r="H9522" s="6" t="s">
        <v>2033</v>
      </c>
      <c r="I9522" s="7">
        <v>2.4820036000000001</v>
      </c>
      <c r="J9522" s="8">
        <v>-76.569116600000001</v>
      </c>
    </row>
    <row r="9523" spans="1:10" x14ac:dyDescent="0.35">
      <c r="A9523" s="5" t="s">
        <v>10</v>
      </c>
      <c r="B9523" s="6">
        <v>209370</v>
      </c>
      <c r="C9523" s="6" t="s">
        <v>42</v>
      </c>
      <c r="D9523" s="6" t="s">
        <v>46</v>
      </c>
      <c r="E9523" s="6">
        <v>17174</v>
      </c>
      <c r="F9523" s="6" t="s">
        <v>18</v>
      </c>
      <c r="G9523" s="6" t="s">
        <v>18709</v>
      </c>
      <c r="H9523" s="6" t="s">
        <v>18710</v>
      </c>
      <c r="I9523" s="7">
        <v>4.9819227000000001</v>
      </c>
      <c r="J9523" s="8">
        <v>-75.603345000000004</v>
      </c>
    </row>
    <row r="9524" spans="1:10" x14ac:dyDescent="0.35">
      <c r="A9524" s="5" t="s">
        <v>10</v>
      </c>
      <c r="B9524" s="6">
        <v>233663</v>
      </c>
      <c r="C9524" s="6" t="s">
        <v>68</v>
      </c>
      <c r="D9524" s="6" t="s">
        <v>69</v>
      </c>
      <c r="E9524" s="6">
        <v>11001</v>
      </c>
      <c r="F9524" s="6" t="s">
        <v>2161</v>
      </c>
      <c r="G9524" s="6" t="s">
        <v>18711</v>
      </c>
      <c r="H9524" s="6" t="s">
        <v>18712</v>
      </c>
      <c r="I9524" s="7">
        <v>4.7063600000000001</v>
      </c>
      <c r="J9524" s="8">
        <v>-74.114919999999998</v>
      </c>
    </row>
    <row r="9525" spans="1:10" x14ac:dyDescent="0.35">
      <c r="A9525" s="5" t="s">
        <v>10</v>
      </c>
      <c r="B9525" s="6">
        <v>206315</v>
      </c>
      <c r="C9525" s="6" t="s">
        <v>68</v>
      </c>
      <c r="D9525" s="6" t="s">
        <v>69</v>
      </c>
      <c r="E9525" s="6">
        <v>11001</v>
      </c>
      <c r="F9525" s="6" t="s">
        <v>13</v>
      </c>
      <c r="G9525" s="6" t="s">
        <v>2690</v>
      </c>
      <c r="H9525" s="6" t="s">
        <v>2691</v>
      </c>
      <c r="I9525" s="7">
        <v>4.6948641999999996</v>
      </c>
      <c r="J9525" s="8">
        <v>-74.085528100000005</v>
      </c>
    </row>
    <row r="9526" spans="1:10" x14ac:dyDescent="0.35">
      <c r="A9526" s="5" t="s">
        <v>10</v>
      </c>
      <c r="B9526" s="6">
        <v>209318</v>
      </c>
      <c r="C9526" s="6" t="s">
        <v>28</v>
      </c>
      <c r="D9526" s="6" t="s">
        <v>49</v>
      </c>
      <c r="E9526" s="6">
        <v>54498</v>
      </c>
      <c r="F9526" s="6" t="s">
        <v>13</v>
      </c>
      <c r="G9526" s="6" t="s">
        <v>18713</v>
      </c>
      <c r="H9526" s="6" t="s">
        <v>18714</v>
      </c>
      <c r="I9526" s="7">
        <v>8.2591414000000007</v>
      </c>
      <c r="J9526" s="8">
        <v>-73.358423799999997</v>
      </c>
    </row>
    <row r="9527" spans="1:10" x14ac:dyDescent="0.35">
      <c r="A9527" s="5" t="s">
        <v>10</v>
      </c>
      <c r="B9527" s="6">
        <v>184815</v>
      </c>
      <c r="C9527" s="6" t="s">
        <v>308</v>
      </c>
      <c r="D9527" s="6" t="s">
        <v>309</v>
      </c>
      <c r="E9527" s="6">
        <v>23001</v>
      </c>
      <c r="F9527" s="6" t="s">
        <v>13</v>
      </c>
      <c r="G9527" s="6" t="s">
        <v>160</v>
      </c>
      <c r="H9527" s="6" t="s">
        <v>310</v>
      </c>
      <c r="I9527" s="7">
        <v>8.7453120000000002</v>
      </c>
      <c r="J9527" s="8">
        <v>-75.893833599999994</v>
      </c>
    </row>
    <row r="9528" spans="1:10" x14ac:dyDescent="0.35">
      <c r="A9528" s="5" t="s">
        <v>10</v>
      </c>
      <c r="B9528" s="6">
        <v>192415</v>
      </c>
      <c r="C9528" s="6" t="s">
        <v>11</v>
      </c>
      <c r="D9528" s="6" t="s">
        <v>221</v>
      </c>
      <c r="E9528" s="6">
        <v>25430</v>
      </c>
      <c r="F9528" s="6" t="s">
        <v>13</v>
      </c>
      <c r="G9528" s="6" t="s">
        <v>160</v>
      </c>
      <c r="H9528" s="6" t="s">
        <v>18182</v>
      </c>
      <c r="I9528" s="7">
        <v>4.7319462999999997</v>
      </c>
      <c r="J9528" s="8">
        <v>-74.261712599999996</v>
      </c>
    </row>
    <row r="9529" spans="1:10" x14ac:dyDescent="0.35">
      <c r="A9529" s="5" t="s">
        <v>10</v>
      </c>
      <c r="B9529" s="6">
        <v>223802</v>
      </c>
      <c r="C9529" s="6" t="s">
        <v>302</v>
      </c>
      <c r="D9529" s="6" t="s">
        <v>359</v>
      </c>
      <c r="E9529" s="6">
        <v>8001</v>
      </c>
      <c r="F9529" s="6" t="s">
        <v>13</v>
      </c>
      <c r="G9529" s="6" t="s">
        <v>18715</v>
      </c>
      <c r="H9529" s="6" t="s">
        <v>18716</v>
      </c>
      <c r="I9529" s="7">
        <v>10.9891924</v>
      </c>
      <c r="J9529" s="8">
        <v>-74.812152100000006</v>
      </c>
    </row>
    <row r="9530" spans="1:10" x14ac:dyDescent="0.35">
      <c r="A9530" s="5" t="s">
        <v>10</v>
      </c>
      <c r="B9530" s="6">
        <v>235809</v>
      </c>
      <c r="C9530" s="6" t="s">
        <v>16</v>
      </c>
      <c r="D9530" s="6" t="s">
        <v>2386</v>
      </c>
      <c r="E9530" s="6">
        <v>68522</v>
      </c>
      <c r="F9530" s="6" t="s">
        <v>18</v>
      </c>
      <c r="G9530" s="6" t="s">
        <v>2387</v>
      </c>
      <c r="H9530" s="6" t="s">
        <v>2388</v>
      </c>
      <c r="I9530" s="7">
        <v>6.5386905999999998</v>
      </c>
      <c r="J9530" s="8">
        <v>-73.291250700000006</v>
      </c>
    </row>
    <row r="9531" spans="1:10" x14ac:dyDescent="0.35">
      <c r="A9531" s="5" t="s">
        <v>10</v>
      </c>
      <c r="B9531" s="6">
        <v>246905</v>
      </c>
      <c r="C9531" s="6" t="s">
        <v>109</v>
      </c>
      <c r="D9531" s="6" t="s">
        <v>227</v>
      </c>
      <c r="E9531" s="6">
        <v>13001</v>
      </c>
      <c r="F9531" s="6" t="s">
        <v>18</v>
      </c>
      <c r="G9531" s="6" t="s">
        <v>18717</v>
      </c>
      <c r="H9531" s="6" t="s">
        <v>18718</v>
      </c>
      <c r="I9531" s="7">
        <v>10.4124888</v>
      </c>
      <c r="J9531" s="8">
        <v>-75.532680400000004</v>
      </c>
    </row>
    <row r="9532" spans="1:10" x14ac:dyDescent="0.35">
      <c r="A9532" s="5" t="s">
        <v>10</v>
      </c>
      <c r="B9532" s="6">
        <v>190772</v>
      </c>
      <c r="C9532" s="6" t="s">
        <v>24</v>
      </c>
      <c r="D9532" s="6" t="s">
        <v>499</v>
      </c>
      <c r="E9532" s="6">
        <v>15776</v>
      </c>
      <c r="F9532" s="6" t="s">
        <v>18</v>
      </c>
      <c r="G9532" s="6" t="s">
        <v>18719</v>
      </c>
      <c r="H9532" s="6" t="s">
        <v>18720</v>
      </c>
      <c r="I9532" s="7">
        <v>5.6200029999999996</v>
      </c>
      <c r="J9532" s="8">
        <v>-73.620936</v>
      </c>
    </row>
    <row r="9533" spans="1:10" x14ac:dyDescent="0.35">
      <c r="A9533" s="5" t="s">
        <v>10</v>
      </c>
      <c r="B9533" s="6">
        <v>221806</v>
      </c>
      <c r="C9533" s="6" t="s">
        <v>24</v>
      </c>
      <c r="D9533" s="6" t="s">
        <v>1596</v>
      </c>
      <c r="E9533" s="6">
        <v>15542</v>
      </c>
      <c r="F9533" s="6" t="s">
        <v>18</v>
      </c>
      <c r="G9533" s="6" t="s">
        <v>18721</v>
      </c>
      <c r="H9533" s="6" t="s">
        <v>18722</v>
      </c>
      <c r="I9533" s="7">
        <v>5.5570658999999996</v>
      </c>
      <c r="J9533" s="8">
        <v>-73.050954300000001</v>
      </c>
    </row>
    <row r="9534" spans="1:10" x14ac:dyDescent="0.35">
      <c r="A9534" s="5" t="s">
        <v>10</v>
      </c>
      <c r="B9534" s="6">
        <v>229390</v>
      </c>
      <c r="C9534" s="6" t="s">
        <v>28</v>
      </c>
      <c r="D9534" s="6" t="s">
        <v>322</v>
      </c>
      <c r="E9534" s="6">
        <v>54405</v>
      </c>
      <c r="F9534" s="6" t="s">
        <v>18</v>
      </c>
      <c r="G9534" s="6" t="s">
        <v>18723</v>
      </c>
      <c r="H9534" s="6" t="s">
        <v>18724</v>
      </c>
      <c r="I9534" s="7">
        <v>7.8331989999999996</v>
      </c>
      <c r="J9534" s="8">
        <v>-72.504391999999996</v>
      </c>
    </row>
    <row r="9535" spans="1:10" x14ac:dyDescent="0.35">
      <c r="A9535" s="5" t="s">
        <v>10</v>
      </c>
      <c r="B9535" s="6">
        <v>230719</v>
      </c>
      <c r="C9535" s="6" t="s">
        <v>16</v>
      </c>
      <c r="D9535" s="6" t="s">
        <v>17</v>
      </c>
      <c r="E9535" s="6">
        <v>68679</v>
      </c>
      <c r="F9535" s="6" t="s">
        <v>2161</v>
      </c>
      <c r="G9535" s="6" t="s">
        <v>18725</v>
      </c>
      <c r="H9535" s="6" t="s">
        <v>18726</v>
      </c>
      <c r="I9535" s="7">
        <v>6.5554221999999998</v>
      </c>
      <c r="J9535" s="8">
        <v>-73.129814799999906</v>
      </c>
    </row>
    <row r="9536" spans="1:10" x14ac:dyDescent="0.35">
      <c r="A9536" s="5" t="s">
        <v>10</v>
      </c>
      <c r="B9536" s="6">
        <v>141688</v>
      </c>
      <c r="C9536" s="6" t="s">
        <v>11</v>
      </c>
      <c r="D9536" s="6" t="s">
        <v>513</v>
      </c>
      <c r="E9536" s="6">
        <v>25286</v>
      </c>
      <c r="F9536" s="6" t="s">
        <v>13</v>
      </c>
      <c r="G9536" s="6" t="s">
        <v>1650</v>
      </c>
      <c r="H9536" s="6" t="s">
        <v>1651</v>
      </c>
      <c r="I9536" s="7">
        <v>4.7162769999999998</v>
      </c>
      <c r="J9536" s="8">
        <v>-74.213265300000003</v>
      </c>
    </row>
    <row r="9537" spans="1:10" x14ac:dyDescent="0.35">
      <c r="A9537" s="5" t="s">
        <v>10</v>
      </c>
      <c r="B9537" s="6">
        <v>141705</v>
      </c>
      <c r="C9537" s="6" t="s">
        <v>11</v>
      </c>
      <c r="D9537" s="6" t="s">
        <v>3724</v>
      </c>
      <c r="E9537" s="6">
        <v>25513</v>
      </c>
      <c r="F9537" s="6" t="s">
        <v>13</v>
      </c>
      <c r="G9537" s="6" t="s">
        <v>18052</v>
      </c>
      <c r="H9537" s="6" t="s">
        <v>18053</v>
      </c>
      <c r="I9537" s="7">
        <v>5.1310754000000003</v>
      </c>
      <c r="J9537" s="8">
        <v>-74.158351699999997</v>
      </c>
    </row>
    <row r="9538" spans="1:10" x14ac:dyDescent="0.35">
      <c r="A9538" s="5" t="s">
        <v>10</v>
      </c>
      <c r="B9538" s="6">
        <v>172833</v>
      </c>
      <c r="C9538" s="6" t="s">
        <v>302</v>
      </c>
      <c r="D9538" s="6" t="s">
        <v>4041</v>
      </c>
      <c r="E9538" s="6">
        <v>8758</v>
      </c>
      <c r="F9538" s="6" t="s">
        <v>13</v>
      </c>
      <c r="G9538" s="6" t="s">
        <v>18727</v>
      </c>
      <c r="H9538" s="6" t="s">
        <v>18728</v>
      </c>
      <c r="I9538" s="7">
        <v>10.927137699999999</v>
      </c>
      <c r="J9538" s="8">
        <v>-74.779330799999997</v>
      </c>
    </row>
    <row r="9539" spans="1:10" x14ac:dyDescent="0.35">
      <c r="A9539" s="5" t="s">
        <v>10</v>
      </c>
      <c r="B9539" s="6">
        <v>145716</v>
      </c>
      <c r="C9539" s="6" t="s">
        <v>366</v>
      </c>
      <c r="D9539" s="6" t="s">
        <v>370</v>
      </c>
      <c r="E9539" s="6">
        <v>44874</v>
      </c>
      <c r="F9539" s="6" t="s">
        <v>18</v>
      </c>
      <c r="G9539" s="6" t="s">
        <v>1337</v>
      </c>
      <c r="H9539" s="6" t="s">
        <v>1338</v>
      </c>
      <c r="I9539" s="7">
        <v>10.603721</v>
      </c>
      <c r="J9539" s="8">
        <v>-72.981935999999905</v>
      </c>
    </row>
    <row r="9540" spans="1:10" x14ac:dyDescent="0.35">
      <c r="A9540" s="5" t="s">
        <v>10</v>
      </c>
      <c r="B9540" s="6">
        <v>225071</v>
      </c>
      <c r="C9540" s="6" t="s">
        <v>16</v>
      </c>
      <c r="D9540" s="6" t="s">
        <v>521</v>
      </c>
      <c r="E9540" s="6">
        <v>68861</v>
      </c>
      <c r="F9540" s="6" t="s">
        <v>18</v>
      </c>
      <c r="G9540" s="6" t="s">
        <v>18729</v>
      </c>
      <c r="H9540" s="6" t="s">
        <v>18730</v>
      </c>
      <c r="I9540" s="7">
        <v>6.0097677999999997</v>
      </c>
      <c r="J9540" s="8">
        <v>-73.671968399999997</v>
      </c>
    </row>
    <row r="9541" spans="1:10" x14ac:dyDescent="0.35">
      <c r="A9541" s="5" t="s">
        <v>10</v>
      </c>
      <c r="B9541" s="6">
        <v>209527</v>
      </c>
      <c r="C9541" s="6" t="s">
        <v>11</v>
      </c>
      <c r="D9541" s="6" t="s">
        <v>251</v>
      </c>
      <c r="E9541" s="6">
        <v>25214</v>
      </c>
      <c r="F9541" s="6" t="s">
        <v>2161</v>
      </c>
      <c r="G9541" s="6" t="s">
        <v>18731</v>
      </c>
      <c r="H9541" s="6" t="s">
        <v>18732</v>
      </c>
      <c r="I9541" s="7">
        <v>4.8098501999999996</v>
      </c>
      <c r="J9541" s="8">
        <v>-74.101838299999997</v>
      </c>
    </row>
    <row r="9542" spans="1:10" x14ac:dyDescent="0.35">
      <c r="A9542" s="5" t="s">
        <v>10</v>
      </c>
      <c r="B9542" s="6">
        <v>229977</v>
      </c>
      <c r="C9542" s="6" t="s">
        <v>117</v>
      </c>
      <c r="D9542" s="6" t="s">
        <v>1334</v>
      </c>
      <c r="E9542" s="6">
        <v>76001</v>
      </c>
      <c r="F9542" s="6" t="s">
        <v>2161</v>
      </c>
      <c r="G9542" s="6" t="s">
        <v>18733</v>
      </c>
      <c r="H9542" s="6" t="s">
        <v>18734</v>
      </c>
      <c r="I9542" s="7">
        <v>3.4144701</v>
      </c>
      <c r="J9542" s="8">
        <v>-76.530518299999997</v>
      </c>
    </row>
    <row r="9543" spans="1:10" x14ac:dyDescent="0.35">
      <c r="A9543" s="5" t="s">
        <v>10</v>
      </c>
      <c r="B9543" s="6">
        <v>221168</v>
      </c>
      <c r="C9543" s="6" t="s">
        <v>3788</v>
      </c>
      <c r="D9543" s="6" t="s">
        <v>3974</v>
      </c>
      <c r="E9543" s="6">
        <v>18001</v>
      </c>
      <c r="F9543" s="6" t="s">
        <v>2161</v>
      </c>
      <c r="G9543" s="6" t="s">
        <v>18735</v>
      </c>
      <c r="H9543" s="6" t="s">
        <v>18736</v>
      </c>
      <c r="I9543" s="7">
        <v>1.6005582</v>
      </c>
      <c r="J9543" s="8">
        <v>-75.599907599999995</v>
      </c>
    </row>
    <row r="9544" spans="1:10" x14ac:dyDescent="0.35">
      <c r="A9544" s="5" t="s">
        <v>10</v>
      </c>
      <c r="B9544" s="6">
        <v>223483</v>
      </c>
      <c r="C9544" s="6" t="s">
        <v>68</v>
      </c>
      <c r="D9544" s="6" t="s">
        <v>69</v>
      </c>
      <c r="E9544" s="6">
        <v>11001</v>
      </c>
      <c r="F9544" s="6" t="s">
        <v>2161</v>
      </c>
      <c r="G9544" s="6" t="s">
        <v>18737</v>
      </c>
      <c r="H9544" s="6" t="s">
        <v>18738</v>
      </c>
      <c r="I9544" s="7">
        <v>4.6233468999999996</v>
      </c>
      <c r="J9544" s="8">
        <v>-74.189922499999994</v>
      </c>
    </row>
    <row r="9545" spans="1:10" x14ac:dyDescent="0.35">
      <c r="A9545" s="5" t="s">
        <v>10</v>
      </c>
      <c r="B9545" s="6">
        <v>226051</v>
      </c>
      <c r="C9545" s="6" t="s">
        <v>551</v>
      </c>
      <c r="D9545" s="6" t="s">
        <v>977</v>
      </c>
      <c r="E9545" s="6">
        <v>20011</v>
      </c>
      <c r="F9545" s="6" t="s">
        <v>2161</v>
      </c>
      <c r="G9545" s="6" t="s">
        <v>18739</v>
      </c>
      <c r="H9545" s="6" t="s">
        <v>18740</v>
      </c>
      <c r="I9545" s="7">
        <v>8.3097458999999994</v>
      </c>
      <c r="J9545" s="8">
        <v>-73.614487099999906</v>
      </c>
    </row>
    <row r="9546" spans="1:10" x14ac:dyDescent="0.35">
      <c r="A9546" s="5" t="s">
        <v>10</v>
      </c>
      <c r="B9546" s="6">
        <v>98809</v>
      </c>
      <c r="C9546" s="6" t="s">
        <v>294</v>
      </c>
      <c r="D9546" s="6" t="s">
        <v>1617</v>
      </c>
      <c r="E9546" s="6">
        <v>41530</v>
      </c>
      <c r="F9546" s="6" t="s">
        <v>13</v>
      </c>
      <c r="G9546" s="6" t="s">
        <v>544</v>
      </c>
      <c r="H9546" s="6" t="s">
        <v>18741</v>
      </c>
      <c r="I9546" s="7">
        <v>1.7239260000000001</v>
      </c>
      <c r="J9546" s="8">
        <v>-76.134490099999994</v>
      </c>
    </row>
    <row r="9547" spans="1:10" x14ac:dyDescent="0.35">
      <c r="A9547" s="5" t="s">
        <v>10</v>
      </c>
      <c r="B9547" s="6">
        <v>141702</v>
      </c>
      <c r="C9547" s="6" t="s">
        <v>11</v>
      </c>
      <c r="D9547" s="6" t="s">
        <v>6124</v>
      </c>
      <c r="E9547" s="6">
        <v>25377</v>
      </c>
      <c r="F9547" s="6" t="s">
        <v>13</v>
      </c>
      <c r="G9547" s="6" t="s">
        <v>18387</v>
      </c>
      <c r="H9547" s="6" t="s">
        <v>18388</v>
      </c>
      <c r="I9547" s="7">
        <v>4.7201183000000002</v>
      </c>
      <c r="J9547" s="8">
        <v>-73.968011700000005</v>
      </c>
    </row>
    <row r="9548" spans="1:10" x14ac:dyDescent="0.35">
      <c r="A9548" s="5" t="s">
        <v>10</v>
      </c>
      <c r="B9548" s="6">
        <v>143529</v>
      </c>
      <c r="C9548" s="6" t="s">
        <v>24</v>
      </c>
      <c r="D9548" s="6" t="s">
        <v>85</v>
      </c>
      <c r="E9548" s="6">
        <v>15759</v>
      </c>
      <c r="F9548" s="6" t="s">
        <v>13</v>
      </c>
      <c r="G9548" s="6" t="s">
        <v>357</v>
      </c>
      <c r="H9548" s="6" t="s">
        <v>358</v>
      </c>
      <c r="I9548" s="7">
        <v>5.7229843999999996</v>
      </c>
      <c r="J9548" s="8">
        <v>-72.928854400000006</v>
      </c>
    </row>
    <row r="9549" spans="1:10" x14ac:dyDescent="0.35">
      <c r="A9549" s="5" t="s">
        <v>10</v>
      </c>
      <c r="B9549" s="6">
        <v>223804</v>
      </c>
      <c r="C9549" s="6" t="s">
        <v>366</v>
      </c>
      <c r="D9549" s="6" t="s">
        <v>8296</v>
      </c>
      <c r="E9549" s="6">
        <v>44001</v>
      </c>
      <c r="F9549" s="6" t="s">
        <v>13</v>
      </c>
      <c r="G9549" s="6" t="s">
        <v>18742</v>
      </c>
      <c r="H9549" s="6" t="s">
        <v>18743</v>
      </c>
      <c r="I9549" s="7">
        <v>11.5396281</v>
      </c>
      <c r="J9549" s="8">
        <v>-72.916447899999994</v>
      </c>
    </row>
    <row r="9550" spans="1:10" x14ac:dyDescent="0.35">
      <c r="A9550" s="5" t="s">
        <v>10</v>
      </c>
      <c r="B9550" s="6">
        <v>141716</v>
      </c>
      <c r="C9550" s="6" t="s">
        <v>11</v>
      </c>
      <c r="D9550" s="6" t="s">
        <v>1294</v>
      </c>
      <c r="E9550" s="6">
        <v>25873</v>
      </c>
      <c r="F9550" s="6" t="s">
        <v>13</v>
      </c>
      <c r="G9550" s="6" t="s">
        <v>1527</v>
      </c>
      <c r="H9550" s="6" t="s">
        <v>1528</v>
      </c>
      <c r="I9550" s="7">
        <v>5.2138103999999998</v>
      </c>
      <c r="J9550" s="8">
        <v>-73.596881100000004</v>
      </c>
    </row>
    <row r="9551" spans="1:10" x14ac:dyDescent="0.35">
      <c r="A9551" s="5" t="s">
        <v>10</v>
      </c>
      <c r="B9551" s="6">
        <v>233339</v>
      </c>
      <c r="C9551" s="6" t="s">
        <v>457</v>
      </c>
      <c r="D9551" s="6" t="s">
        <v>4400</v>
      </c>
      <c r="E9551" s="6">
        <v>52001</v>
      </c>
      <c r="F9551" s="6" t="s">
        <v>13</v>
      </c>
      <c r="G9551" s="6" t="s">
        <v>18744</v>
      </c>
      <c r="H9551" s="6" t="s">
        <v>18745</v>
      </c>
      <c r="I9551" s="7">
        <v>1.2167124</v>
      </c>
      <c r="J9551" s="8">
        <v>-77.277897100000004</v>
      </c>
    </row>
    <row r="9552" spans="1:10" x14ac:dyDescent="0.35">
      <c r="A9552" s="5" t="s">
        <v>10</v>
      </c>
      <c r="B9552" s="6">
        <v>191490</v>
      </c>
      <c r="C9552" s="6" t="s">
        <v>55</v>
      </c>
      <c r="D9552" s="6" t="s">
        <v>56</v>
      </c>
      <c r="E9552" s="6">
        <v>73001</v>
      </c>
      <c r="F9552" s="6" t="s">
        <v>13</v>
      </c>
      <c r="G9552" s="6" t="s">
        <v>18746</v>
      </c>
      <c r="H9552" s="6" t="s">
        <v>18747</v>
      </c>
      <c r="I9552" s="7">
        <v>4.4417951000000002</v>
      </c>
      <c r="J9552" s="8">
        <v>-75.177502399999995</v>
      </c>
    </row>
    <row r="9553" spans="1:10" x14ac:dyDescent="0.35">
      <c r="A9553" s="5" t="s">
        <v>10</v>
      </c>
      <c r="B9553" s="6">
        <v>192415</v>
      </c>
      <c r="C9553" s="6" t="s">
        <v>11</v>
      </c>
      <c r="D9553" s="6" t="s">
        <v>221</v>
      </c>
      <c r="E9553" s="6">
        <v>25430</v>
      </c>
      <c r="F9553" s="6" t="s">
        <v>13</v>
      </c>
      <c r="G9553" s="6" t="s">
        <v>160</v>
      </c>
      <c r="H9553" s="6" t="s">
        <v>18182</v>
      </c>
      <c r="I9553" s="7">
        <v>4.7319462999999997</v>
      </c>
      <c r="J9553" s="8">
        <v>-74.261712599999996</v>
      </c>
    </row>
    <row r="9554" spans="1:10" x14ac:dyDescent="0.35">
      <c r="A9554" s="5" t="s">
        <v>10</v>
      </c>
      <c r="B9554" s="6">
        <v>164789</v>
      </c>
      <c r="C9554" s="6" t="s">
        <v>55</v>
      </c>
      <c r="D9554" s="6" t="s">
        <v>56</v>
      </c>
      <c r="E9554" s="6">
        <v>73001</v>
      </c>
      <c r="F9554" s="6" t="s">
        <v>18</v>
      </c>
      <c r="G9554" s="6" t="s">
        <v>18748</v>
      </c>
      <c r="H9554" s="6" t="s">
        <v>18749</v>
      </c>
      <c r="I9554" s="7">
        <v>4.4446759999999896</v>
      </c>
      <c r="J9554" s="8">
        <v>-75.242437999999893</v>
      </c>
    </row>
    <row r="9555" spans="1:10" x14ac:dyDescent="0.35">
      <c r="A9555" s="5" t="s">
        <v>10</v>
      </c>
      <c r="B9555" s="6">
        <v>229401</v>
      </c>
      <c r="C9555" s="6" t="s">
        <v>24</v>
      </c>
      <c r="D9555" s="6" t="s">
        <v>530</v>
      </c>
      <c r="E9555" s="6">
        <v>15516</v>
      </c>
      <c r="F9555" s="6" t="s">
        <v>18</v>
      </c>
      <c r="G9555" s="6" t="s">
        <v>18750</v>
      </c>
      <c r="H9555" s="6" t="s">
        <v>18751</v>
      </c>
      <c r="I9555" s="7">
        <v>5.7858611</v>
      </c>
      <c r="J9555" s="8">
        <v>-73.123253700000006</v>
      </c>
    </row>
    <row r="9556" spans="1:10" x14ac:dyDescent="0.35">
      <c r="A9556" s="5" t="s">
        <v>10</v>
      </c>
      <c r="B9556" s="6">
        <v>237685</v>
      </c>
      <c r="C9556" s="6" t="s">
        <v>28</v>
      </c>
      <c r="D9556" s="6" t="s">
        <v>29</v>
      </c>
      <c r="E9556" s="6">
        <v>54001</v>
      </c>
      <c r="F9556" s="6" t="s">
        <v>18</v>
      </c>
      <c r="G9556" s="6" t="s">
        <v>18752</v>
      </c>
      <c r="H9556" s="6" t="s">
        <v>18753</v>
      </c>
      <c r="I9556" s="7">
        <v>7.8831360999999998</v>
      </c>
      <c r="J9556" s="8">
        <v>-72.501326399999996</v>
      </c>
    </row>
    <row r="9557" spans="1:10" x14ac:dyDescent="0.35">
      <c r="A9557" s="5" t="s">
        <v>10</v>
      </c>
      <c r="B9557" s="6">
        <v>212112</v>
      </c>
      <c r="C9557" s="6" t="s">
        <v>28</v>
      </c>
      <c r="D9557" s="6" t="s">
        <v>29</v>
      </c>
      <c r="E9557" s="6">
        <v>54001</v>
      </c>
      <c r="F9557" s="6" t="s">
        <v>18</v>
      </c>
      <c r="G9557" s="6" t="s">
        <v>18754</v>
      </c>
      <c r="H9557" s="6" t="s">
        <v>18755</v>
      </c>
      <c r="I9557" s="7">
        <v>7.8830479999999996</v>
      </c>
      <c r="J9557" s="8">
        <v>-72.501385200000001</v>
      </c>
    </row>
    <row r="9558" spans="1:10" x14ac:dyDescent="0.35">
      <c r="A9558" s="5" t="s">
        <v>10</v>
      </c>
      <c r="B9558" s="6">
        <v>204734</v>
      </c>
      <c r="C9558" s="6" t="s">
        <v>38</v>
      </c>
      <c r="D9558" s="6" t="s">
        <v>39</v>
      </c>
      <c r="E9558" s="6">
        <v>19001</v>
      </c>
      <c r="F9558" s="6" t="s">
        <v>18</v>
      </c>
      <c r="G9558" s="6" t="s">
        <v>2117</v>
      </c>
      <c r="H9558" s="6" t="s">
        <v>2118</v>
      </c>
      <c r="I9558" s="7">
        <v>2.4802495000000002</v>
      </c>
      <c r="J9558" s="8">
        <v>-76.579234200000002</v>
      </c>
    </row>
    <row r="9559" spans="1:10" x14ac:dyDescent="0.35">
      <c r="A9559" s="5" t="s">
        <v>10</v>
      </c>
      <c r="B9559" s="6">
        <v>223039</v>
      </c>
      <c r="C9559" s="6" t="s">
        <v>2130</v>
      </c>
      <c r="D9559" s="6" t="s">
        <v>2131</v>
      </c>
      <c r="E9559" s="6">
        <v>85001</v>
      </c>
      <c r="F9559" s="6" t="s">
        <v>2161</v>
      </c>
      <c r="G9559" s="6" t="s">
        <v>18050</v>
      </c>
      <c r="H9559" s="6" t="s">
        <v>18756</v>
      </c>
      <c r="I9559" s="7">
        <v>5.3491798999999904</v>
      </c>
      <c r="J9559" s="8">
        <v>-72.396149999999906</v>
      </c>
    </row>
    <row r="9560" spans="1:10" x14ac:dyDescent="0.35">
      <c r="A9560" s="5" t="s">
        <v>10</v>
      </c>
      <c r="B9560" s="6">
        <v>238765</v>
      </c>
      <c r="C9560" s="6" t="s">
        <v>551</v>
      </c>
      <c r="D9560" s="6" t="s">
        <v>3868</v>
      </c>
      <c r="E9560" s="6">
        <v>20001</v>
      </c>
      <c r="F9560" s="6" t="s">
        <v>2161</v>
      </c>
      <c r="G9560" s="6" t="s">
        <v>18757</v>
      </c>
      <c r="H9560" s="6" t="s">
        <v>18758</v>
      </c>
      <c r="I9560" s="7">
        <v>10.4512062</v>
      </c>
      <c r="J9560" s="8">
        <v>-73.257651800000005</v>
      </c>
    </row>
    <row r="9561" spans="1:10" x14ac:dyDescent="0.35">
      <c r="A9561" s="5" t="s">
        <v>10</v>
      </c>
      <c r="B9561" s="6">
        <v>173726</v>
      </c>
      <c r="C9561" s="6" t="s">
        <v>457</v>
      </c>
      <c r="D9561" s="6" t="s">
        <v>1086</v>
      </c>
      <c r="E9561" s="6">
        <v>52356</v>
      </c>
      <c r="F9561" s="6" t="s">
        <v>13</v>
      </c>
      <c r="G9561" s="6" t="s">
        <v>1087</v>
      </c>
      <c r="H9561" s="6" t="s">
        <v>1088</v>
      </c>
      <c r="I9561" s="7">
        <v>0.82333540000000005</v>
      </c>
      <c r="J9561" s="8">
        <v>-77.636089200000001</v>
      </c>
    </row>
    <row r="9562" spans="1:10" x14ac:dyDescent="0.35">
      <c r="A9562" s="5" t="s">
        <v>10</v>
      </c>
      <c r="B9562" s="6">
        <v>190315</v>
      </c>
      <c r="C9562" s="6" t="s">
        <v>11</v>
      </c>
      <c r="D9562" s="6" t="s">
        <v>334</v>
      </c>
      <c r="E9562" s="6">
        <v>25754</v>
      </c>
      <c r="F9562" s="6" t="s">
        <v>13</v>
      </c>
      <c r="G9562" s="6" t="s">
        <v>2020</v>
      </c>
      <c r="H9562" s="6" t="s">
        <v>2021</v>
      </c>
      <c r="I9562" s="7">
        <v>4.5834733999999999</v>
      </c>
      <c r="J9562" s="8">
        <v>-74.219331199999999</v>
      </c>
    </row>
    <row r="9563" spans="1:10" x14ac:dyDescent="0.35">
      <c r="A9563" s="5" t="s">
        <v>10</v>
      </c>
      <c r="B9563" s="6">
        <v>223765</v>
      </c>
      <c r="C9563" s="6" t="s">
        <v>4364</v>
      </c>
      <c r="D9563" s="6" t="s">
        <v>4365</v>
      </c>
      <c r="E9563" s="6">
        <v>70001</v>
      </c>
      <c r="F9563" s="6" t="s">
        <v>13</v>
      </c>
      <c r="G9563" s="6" t="s">
        <v>18759</v>
      </c>
      <c r="H9563" s="6" t="s">
        <v>18760</v>
      </c>
      <c r="I9563" s="7">
        <v>9.3026344999999999</v>
      </c>
      <c r="J9563" s="8">
        <v>-75.384875399999999</v>
      </c>
    </row>
    <row r="9564" spans="1:10" x14ac:dyDescent="0.35">
      <c r="A9564" s="5" t="s">
        <v>10</v>
      </c>
      <c r="B9564" s="6">
        <v>216593</v>
      </c>
      <c r="C9564" s="6" t="s">
        <v>466</v>
      </c>
      <c r="D9564" s="6" t="s">
        <v>467</v>
      </c>
      <c r="E9564" s="6">
        <v>81736</v>
      </c>
      <c r="F9564" s="6" t="s">
        <v>18</v>
      </c>
      <c r="G9564" s="6" t="s">
        <v>18761</v>
      </c>
      <c r="H9564" s="6" t="s">
        <v>18762</v>
      </c>
      <c r="I9564" s="7">
        <v>6.9562882999999998</v>
      </c>
      <c r="J9564" s="8">
        <v>-71.878096900000003</v>
      </c>
    </row>
    <row r="9565" spans="1:10" x14ac:dyDescent="0.35">
      <c r="A9565" s="5" t="s">
        <v>10</v>
      </c>
      <c r="B9565" s="6">
        <v>228114</v>
      </c>
      <c r="C9565" s="6" t="s">
        <v>28</v>
      </c>
      <c r="D9565" s="6" t="s">
        <v>352</v>
      </c>
      <c r="E9565" s="6">
        <v>54261</v>
      </c>
      <c r="F9565" s="6" t="s">
        <v>18</v>
      </c>
      <c r="G9565" s="6" t="s">
        <v>18763</v>
      </c>
      <c r="H9565" s="6" t="s">
        <v>18764</v>
      </c>
      <c r="I9565" s="7">
        <v>7.9307574000000001</v>
      </c>
      <c r="J9565" s="8">
        <v>-72.602359999999905</v>
      </c>
    </row>
    <row r="9566" spans="1:10" x14ac:dyDescent="0.35">
      <c r="A9566" s="5" t="s">
        <v>10</v>
      </c>
      <c r="B9566" s="6">
        <v>239092</v>
      </c>
      <c r="C9566" s="6" t="s">
        <v>61</v>
      </c>
      <c r="D9566" s="6" t="s">
        <v>62</v>
      </c>
      <c r="E9566" s="6">
        <v>63001</v>
      </c>
      <c r="F9566" s="6" t="s">
        <v>18</v>
      </c>
      <c r="G9566" s="6" t="s">
        <v>18765</v>
      </c>
      <c r="H9566" s="6" t="s">
        <v>18766</v>
      </c>
      <c r="I9566" s="7">
        <v>4.5200645000000002</v>
      </c>
      <c r="J9566" s="8">
        <v>-75.700570400000004</v>
      </c>
    </row>
    <row r="9567" spans="1:10" x14ac:dyDescent="0.35">
      <c r="A9567" s="5" t="s">
        <v>10</v>
      </c>
      <c r="B9567" s="6">
        <v>237177</v>
      </c>
      <c r="C9567" s="6" t="s">
        <v>11</v>
      </c>
      <c r="D9567" s="6" t="s">
        <v>513</v>
      </c>
      <c r="E9567" s="6">
        <v>25286</v>
      </c>
      <c r="F9567" s="6" t="s">
        <v>2161</v>
      </c>
      <c r="G9567" s="6" t="s">
        <v>18767</v>
      </c>
      <c r="H9567" s="6" t="s">
        <v>18768</v>
      </c>
      <c r="I9567" s="7">
        <v>4.7184508999999997</v>
      </c>
      <c r="J9567" s="8">
        <v>-74.213800899999995</v>
      </c>
    </row>
    <row r="9568" spans="1:10" x14ac:dyDescent="0.35">
      <c r="A9568" s="5" t="s">
        <v>10</v>
      </c>
      <c r="B9568" s="6">
        <v>217660</v>
      </c>
      <c r="C9568" s="6" t="s">
        <v>11</v>
      </c>
      <c r="D9568" s="6" t="s">
        <v>407</v>
      </c>
      <c r="E9568" s="6">
        <v>25126</v>
      </c>
      <c r="F9568" s="6" t="s">
        <v>2161</v>
      </c>
      <c r="G9568" s="6" t="s">
        <v>18769</v>
      </c>
      <c r="H9568" s="6" t="s">
        <v>18770</v>
      </c>
      <c r="I9568" s="7">
        <v>4.9187216999999999</v>
      </c>
      <c r="J9568" s="8">
        <v>-74.022556999999907</v>
      </c>
    </row>
    <row r="9569" spans="1:10" x14ac:dyDescent="0.35">
      <c r="A9569" s="5" t="s">
        <v>10</v>
      </c>
      <c r="B9569" s="6">
        <v>141688</v>
      </c>
      <c r="C9569" s="6" t="s">
        <v>11</v>
      </c>
      <c r="D9569" s="6" t="s">
        <v>513</v>
      </c>
      <c r="E9569" s="6">
        <v>25286</v>
      </c>
      <c r="F9569" s="6" t="s">
        <v>13</v>
      </c>
      <c r="G9569" s="6" t="s">
        <v>1650</v>
      </c>
      <c r="H9569" s="6" t="s">
        <v>1651</v>
      </c>
      <c r="I9569" s="7">
        <v>4.7162769999999998</v>
      </c>
      <c r="J9569" s="8">
        <v>-74.213265300000003</v>
      </c>
    </row>
    <row r="9570" spans="1:10" x14ac:dyDescent="0.35">
      <c r="A9570" s="5" t="s">
        <v>10</v>
      </c>
      <c r="B9570" s="6">
        <v>225329</v>
      </c>
      <c r="C9570" s="6" t="s">
        <v>278</v>
      </c>
      <c r="D9570" s="6" t="s">
        <v>279</v>
      </c>
      <c r="E9570" s="6">
        <v>50001</v>
      </c>
      <c r="F9570" s="6" t="s">
        <v>13</v>
      </c>
      <c r="G9570" s="6" t="s">
        <v>18771</v>
      </c>
      <c r="H9570" s="6" t="s">
        <v>18772</v>
      </c>
      <c r="I9570" s="7">
        <v>4.1601800999999998</v>
      </c>
      <c r="J9570" s="8">
        <v>-73.647853400000002</v>
      </c>
    </row>
    <row r="9571" spans="1:10" x14ac:dyDescent="0.35">
      <c r="A9571" s="5" t="s">
        <v>10</v>
      </c>
      <c r="B9571" s="6">
        <v>246080</v>
      </c>
      <c r="C9571" s="6" t="s">
        <v>294</v>
      </c>
      <c r="D9571" s="6" t="s">
        <v>703</v>
      </c>
      <c r="E9571" s="6">
        <v>41001</v>
      </c>
      <c r="F9571" s="6" t="s">
        <v>13</v>
      </c>
      <c r="G9571" s="6" t="s">
        <v>18773</v>
      </c>
      <c r="H9571" s="6" t="s">
        <v>18774</v>
      </c>
      <c r="I9571" s="7">
        <v>2.9084881999999999</v>
      </c>
      <c r="J9571" s="8">
        <v>-75.271736099999998</v>
      </c>
    </row>
    <row r="9572" spans="1:10" x14ac:dyDescent="0.35">
      <c r="A9572" s="5" t="s">
        <v>10</v>
      </c>
      <c r="B9572" s="6">
        <v>246910</v>
      </c>
      <c r="C9572" s="6" t="s">
        <v>24</v>
      </c>
      <c r="D9572" s="6" t="s">
        <v>168</v>
      </c>
      <c r="E9572" s="6">
        <v>15572</v>
      </c>
      <c r="F9572" s="6" t="s">
        <v>18</v>
      </c>
      <c r="G9572" s="6" t="s">
        <v>18775</v>
      </c>
      <c r="H9572" s="6" t="s">
        <v>18776</v>
      </c>
      <c r="I9572" s="7">
        <v>5.9756767000000002</v>
      </c>
      <c r="J9572" s="8">
        <v>-74.5922391</v>
      </c>
    </row>
    <row r="9573" spans="1:10" x14ac:dyDescent="0.35">
      <c r="A9573" s="5" t="s">
        <v>10</v>
      </c>
      <c r="B9573" s="6">
        <v>244623</v>
      </c>
      <c r="C9573" s="6" t="s">
        <v>94</v>
      </c>
      <c r="D9573" s="6" t="s">
        <v>98</v>
      </c>
      <c r="E9573" s="6">
        <v>66001</v>
      </c>
      <c r="F9573" s="6" t="s">
        <v>18</v>
      </c>
      <c r="G9573" s="6" t="s">
        <v>18777</v>
      </c>
      <c r="H9573" s="6" t="s">
        <v>18778</v>
      </c>
      <c r="I9573" s="7">
        <v>4.8134652000000004</v>
      </c>
      <c r="J9573" s="8">
        <v>-75.690300399999998</v>
      </c>
    </row>
    <row r="9574" spans="1:10" x14ac:dyDescent="0.35">
      <c r="A9574" s="5" t="s">
        <v>10</v>
      </c>
      <c r="B9574" s="6">
        <v>220769</v>
      </c>
      <c r="C9574" s="6" t="s">
        <v>68</v>
      </c>
      <c r="D9574" s="6" t="s">
        <v>69</v>
      </c>
      <c r="E9574" s="6">
        <v>11001</v>
      </c>
      <c r="F9574" s="6" t="s">
        <v>2161</v>
      </c>
      <c r="G9574" s="6" t="s">
        <v>18779</v>
      </c>
      <c r="H9574" s="6" t="s">
        <v>18780</v>
      </c>
      <c r="I9574" s="7">
        <v>4.6152274999999996</v>
      </c>
      <c r="J9574" s="8">
        <v>-74.138305399999993</v>
      </c>
    </row>
    <row r="9575" spans="1:10" x14ac:dyDescent="0.35">
      <c r="A9575" s="5" t="s">
        <v>10</v>
      </c>
      <c r="B9575" s="6">
        <v>223402</v>
      </c>
      <c r="C9575" s="6" t="s">
        <v>551</v>
      </c>
      <c r="D9575" s="6" t="s">
        <v>6192</v>
      </c>
      <c r="E9575" s="6">
        <v>20443</v>
      </c>
      <c r="F9575" s="6" t="s">
        <v>2161</v>
      </c>
      <c r="G9575" s="6" t="s">
        <v>18781</v>
      </c>
      <c r="H9575" s="6" t="s">
        <v>18782</v>
      </c>
      <c r="I9575" s="7">
        <v>10.3923673</v>
      </c>
      <c r="J9575" s="8">
        <v>-73.027083300000001</v>
      </c>
    </row>
    <row r="9576" spans="1:10" x14ac:dyDescent="0.35">
      <c r="A9576" s="5" t="s">
        <v>10</v>
      </c>
      <c r="B9576" s="6">
        <v>225309</v>
      </c>
      <c r="C9576" s="6" t="s">
        <v>68</v>
      </c>
      <c r="D9576" s="6" t="s">
        <v>69</v>
      </c>
      <c r="E9576" s="6">
        <v>11001</v>
      </c>
      <c r="F9576" s="6" t="s">
        <v>2161</v>
      </c>
      <c r="G9576" s="6" t="s">
        <v>18783</v>
      </c>
      <c r="H9576" s="6" t="s">
        <v>18784</v>
      </c>
      <c r="I9576" s="7">
        <v>4.5719338999999897</v>
      </c>
      <c r="J9576" s="8">
        <v>-74.155558099999993</v>
      </c>
    </row>
    <row r="9577" spans="1:10" x14ac:dyDescent="0.35">
      <c r="A9577" s="5" t="s">
        <v>10</v>
      </c>
      <c r="B9577" s="6">
        <v>231176</v>
      </c>
      <c r="C9577" s="6" t="s">
        <v>11</v>
      </c>
      <c r="D9577" s="6" t="s">
        <v>1547</v>
      </c>
      <c r="E9577" s="6">
        <v>25817</v>
      </c>
      <c r="F9577" s="6" t="s">
        <v>2161</v>
      </c>
      <c r="G9577" s="6" t="s">
        <v>18785</v>
      </c>
      <c r="H9577" s="6" t="s">
        <v>18786</v>
      </c>
      <c r="I9577" s="7">
        <v>4.8093754000000004</v>
      </c>
      <c r="J9577" s="8">
        <v>-74.102013499999998</v>
      </c>
    </row>
    <row r="9578" spans="1:10" x14ac:dyDescent="0.35">
      <c r="A9578" s="5" t="s">
        <v>10</v>
      </c>
      <c r="B9578" s="6">
        <v>208970</v>
      </c>
      <c r="C9578" s="6" t="s">
        <v>11</v>
      </c>
      <c r="D9578" s="6" t="s">
        <v>1547</v>
      </c>
      <c r="E9578" s="6">
        <v>25817</v>
      </c>
      <c r="F9578" s="6" t="s">
        <v>2161</v>
      </c>
      <c r="G9578" s="6" t="s">
        <v>18787</v>
      </c>
      <c r="H9578" s="6" t="s">
        <v>18788</v>
      </c>
      <c r="I9578" s="7">
        <v>4.9659372999999896</v>
      </c>
      <c r="J9578" s="8">
        <v>-73.913059899999993</v>
      </c>
    </row>
    <row r="9579" spans="1:10" x14ac:dyDescent="0.35">
      <c r="A9579" s="5" t="s">
        <v>10</v>
      </c>
      <c r="B9579" s="6">
        <v>141700</v>
      </c>
      <c r="C9579" s="6" t="s">
        <v>11</v>
      </c>
      <c r="D9579" s="6" t="s">
        <v>2313</v>
      </c>
      <c r="E9579" s="6">
        <v>25785</v>
      </c>
      <c r="F9579" s="6" t="s">
        <v>13</v>
      </c>
      <c r="G9579" s="6" t="s">
        <v>2314</v>
      </c>
      <c r="H9579" s="6" t="s">
        <v>2315</v>
      </c>
      <c r="I9579" s="7">
        <v>4.9147946999999998</v>
      </c>
      <c r="J9579" s="8">
        <v>-74.099004300000004</v>
      </c>
    </row>
    <row r="9580" spans="1:10" x14ac:dyDescent="0.35">
      <c r="A9580" s="5" t="s">
        <v>10</v>
      </c>
      <c r="B9580" s="6">
        <v>141703</v>
      </c>
      <c r="C9580" s="6" t="s">
        <v>11</v>
      </c>
      <c r="D9580" s="6" t="s">
        <v>159</v>
      </c>
      <c r="E9580" s="6">
        <v>25175</v>
      </c>
      <c r="F9580" s="6" t="s">
        <v>13</v>
      </c>
      <c r="G9580" s="6" t="s">
        <v>17711</v>
      </c>
      <c r="H9580" s="6" t="s">
        <v>17712</v>
      </c>
      <c r="I9580" s="7">
        <v>4.8625050999999999</v>
      </c>
      <c r="J9580" s="8">
        <v>-74.059261000000006</v>
      </c>
    </row>
    <row r="9581" spans="1:10" x14ac:dyDescent="0.35">
      <c r="A9581" s="5" t="s">
        <v>10</v>
      </c>
      <c r="B9581" s="6">
        <v>189738</v>
      </c>
      <c r="C9581" s="6" t="s">
        <v>24</v>
      </c>
      <c r="D9581" s="6" t="s">
        <v>88</v>
      </c>
      <c r="E9581" s="6">
        <v>15001</v>
      </c>
      <c r="F9581" s="6" t="s">
        <v>13</v>
      </c>
      <c r="G9581" s="6" t="s">
        <v>2095</v>
      </c>
      <c r="H9581" s="6" t="s">
        <v>2096</v>
      </c>
      <c r="I9581" s="7">
        <v>5.5317452999999999</v>
      </c>
      <c r="J9581" s="8">
        <v>-73.363511700000004</v>
      </c>
    </row>
    <row r="9582" spans="1:10" x14ac:dyDescent="0.35">
      <c r="A9582" s="5" t="s">
        <v>10</v>
      </c>
      <c r="B9582" s="6">
        <v>184815</v>
      </c>
      <c r="C9582" s="6" t="s">
        <v>308</v>
      </c>
      <c r="D9582" s="6" t="s">
        <v>309</v>
      </c>
      <c r="E9582" s="6">
        <v>23001</v>
      </c>
      <c r="F9582" s="6" t="s">
        <v>13</v>
      </c>
      <c r="G9582" s="6" t="s">
        <v>160</v>
      </c>
      <c r="H9582" s="6" t="s">
        <v>310</v>
      </c>
      <c r="I9582" s="7">
        <v>8.7453120000000002</v>
      </c>
      <c r="J9582" s="8">
        <v>-75.893833599999994</v>
      </c>
    </row>
    <row r="9583" spans="1:10" x14ac:dyDescent="0.35">
      <c r="A9583" s="5" t="s">
        <v>10</v>
      </c>
      <c r="B9583" s="6">
        <v>207489</v>
      </c>
      <c r="C9583" s="6" t="s">
        <v>28</v>
      </c>
      <c r="D9583" s="6" t="s">
        <v>29</v>
      </c>
      <c r="E9583" s="6">
        <v>54001</v>
      </c>
      <c r="F9583" s="6" t="s">
        <v>13</v>
      </c>
      <c r="G9583" s="6" t="s">
        <v>18789</v>
      </c>
      <c r="H9583" s="6" t="s">
        <v>18790</v>
      </c>
      <c r="I9583" s="7">
        <v>7.8857701000000002</v>
      </c>
      <c r="J9583" s="8">
        <v>-72.468637599999994</v>
      </c>
    </row>
    <row r="9584" spans="1:10" x14ac:dyDescent="0.35">
      <c r="A9584" s="5" t="s">
        <v>10</v>
      </c>
      <c r="B9584" s="6">
        <v>141708</v>
      </c>
      <c r="C9584" s="6" t="s">
        <v>11</v>
      </c>
      <c r="D9584" s="6" t="s">
        <v>431</v>
      </c>
      <c r="E9584" s="6">
        <v>25402</v>
      </c>
      <c r="F9584" s="6" t="s">
        <v>13</v>
      </c>
      <c r="G9584" s="6" t="s">
        <v>18540</v>
      </c>
      <c r="H9584" s="6" t="s">
        <v>18541</v>
      </c>
      <c r="I9584" s="7">
        <v>5.0005280000000001</v>
      </c>
      <c r="J9584" s="8">
        <v>-74.339438999999999</v>
      </c>
    </row>
    <row r="9585" spans="1:10" x14ac:dyDescent="0.35">
      <c r="A9585" s="5" t="s">
        <v>10</v>
      </c>
      <c r="B9585" s="6">
        <v>222075</v>
      </c>
      <c r="C9585" s="6" t="s">
        <v>278</v>
      </c>
      <c r="D9585" s="6" t="s">
        <v>1331</v>
      </c>
      <c r="E9585" s="6">
        <v>50006</v>
      </c>
      <c r="F9585" s="6" t="s">
        <v>13</v>
      </c>
      <c r="G9585" s="6" t="s">
        <v>18791</v>
      </c>
      <c r="H9585" s="6" t="s">
        <v>18792</v>
      </c>
      <c r="I9585" s="7">
        <v>3.9869468000000001</v>
      </c>
      <c r="J9585" s="8">
        <v>-73.763960999999995</v>
      </c>
    </row>
    <row r="9586" spans="1:10" x14ac:dyDescent="0.35">
      <c r="A9586" s="5" t="s">
        <v>10</v>
      </c>
      <c r="B9586" s="6">
        <v>246082</v>
      </c>
      <c r="C9586" s="6" t="s">
        <v>68</v>
      </c>
      <c r="D9586" s="6" t="s">
        <v>69</v>
      </c>
      <c r="E9586" s="6">
        <v>11001</v>
      </c>
      <c r="F9586" s="6" t="s">
        <v>13</v>
      </c>
      <c r="G9586" s="6" t="s">
        <v>18793</v>
      </c>
      <c r="H9586" s="6" t="s">
        <v>18794</v>
      </c>
      <c r="I9586" s="7">
        <v>4.7095269999999996</v>
      </c>
      <c r="J9586" s="8">
        <v>-74.103153000000006</v>
      </c>
    </row>
    <row r="9587" spans="1:10" x14ac:dyDescent="0.35">
      <c r="A9587" s="5" t="s">
        <v>10</v>
      </c>
      <c r="B9587" s="6">
        <v>68328</v>
      </c>
      <c r="C9587" s="6" t="s">
        <v>366</v>
      </c>
      <c r="D9587" s="6" t="s">
        <v>367</v>
      </c>
      <c r="E9587" s="6">
        <v>44430</v>
      </c>
      <c r="F9587" s="6" t="s">
        <v>18</v>
      </c>
      <c r="G9587" s="6" t="s">
        <v>656</v>
      </c>
      <c r="H9587" s="6" t="s">
        <v>657</v>
      </c>
      <c r="I9587" s="7">
        <v>11.380054299999999</v>
      </c>
      <c r="J9587" s="8">
        <v>-72.242246499999993</v>
      </c>
    </row>
    <row r="9588" spans="1:10" x14ac:dyDescent="0.35">
      <c r="A9588" s="5" t="s">
        <v>10</v>
      </c>
      <c r="B9588" s="6">
        <v>147479</v>
      </c>
      <c r="C9588" s="6" t="s">
        <v>55</v>
      </c>
      <c r="D9588" s="6" t="s">
        <v>56</v>
      </c>
      <c r="E9588" s="6">
        <v>73001</v>
      </c>
      <c r="F9588" s="6" t="s">
        <v>18</v>
      </c>
      <c r="G9588" s="6" t="s">
        <v>57</v>
      </c>
      <c r="H9588" s="6" t="s">
        <v>58</v>
      </c>
      <c r="I9588" s="7">
        <v>4.4446930999999896</v>
      </c>
      <c r="J9588" s="8">
        <v>-75.2460576</v>
      </c>
    </row>
    <row r="9589" spans="1:10" x14ac:dyDescent="0.35">
      <c r="A9589" s="5" t="s">
        <v>10</v>
      </c>
      <c r="B9589" s="6">
        <v>240035</v>
      </c>
      <c r="C9589" s="6" t="s">
        <v>55</v>
      </c>
      <c r="D9589" s="6" t="s">
        <v>56</v>
      </c>
      <c r="E9589" s="6">
        <v>73001</v>
      </c>
      <c r="F9589" s="6" t="s">
        <v>18</v>
      </c>
      <c r="G9589" s="6" t="s">
        <v>18795</v>
      </c>
      <c r="H9589" s="6" t="s">
        <v>18796</v>
      </c>
      <c r="I9589" s="7">
        <v>4.4414791999999998</v>
      </c>
      <c r="J9589" s="8">
        <v>-75.177139800000006</v>
      </c>
    </row>
    <row r="9590" spans="1:10" x14ac:dyDescent="0.35">
      <c r="A9590" s="5" t="s">
        <v>10</v>
      </c>
      <c r="B9590" s="6">
        <v>237407</v>
      </c>
      <c r="C9590" s="6" t="s">
        <v>28</v>
      </c>
      <c r="D9590" s="6" t="s">
        <v>91</v>
      </c>
      <c r="E9590" s="6">
        <v>54874</v>
      </c>
      <c r="F9590" s="6" t="s">
        <v>18</v>
      </c>
      <c r="G9590" s="6" t="s">
        <v>18797</v>
      </c>
      <c r="H9590" s="6" t="s">
        <v>18798</v>
      </c>
      <c r="I9590" s="7">
        <v>7.8633327</v>
      </c>
      <c r="J9590" s="8">
        <v>-72.475876700000001</v>
      </c>
    </row>
    <row r="9591" spans="1:10" x14ac:dyDescent="0.35">
      <c r="A9591" s="5" t="s">
        <v>10</v>
      </c>
      <c r="B9591" s="6">
        <v>235554</v>
      </c>
      <c r="C9591" s="6" t="s">
        <v>42</v>
      </c>
      <c r="D9591" s="6" t="s">
        <v>43</v>
      </c>
      <c r="E9591" s="6">
        <v>17001</v>
      </c>
      <c r="F9591" s="6" t="s">
        <v>18</v>
      </c>
      <c r="G9591" s="6" t="s">
        <v>18799</v>
      </c>
      <c r="H9591" s="6" t="s">
        <v>18800</v>
      </c>
      <c r="I9591" s="7">
        <v>5.0314829999999997</v>
      </c>
      <c r="J9591" s="8">
        <v>-75.463845599999999</v>
      </c>
    </row>
    <row r="9592" spans="1:10" x14ac:dyDescent="0.35">
      <c r="A9592" s="5" t="s">
        <v>10</v>
      </c>
      <c r="B9592" s="6">
        <v>232764</v>
      </c>
      <c r="C9592" s="6" t="s">
        <v>55</v>
      </c>
      <c r="D9592" s="6" t="s">
        <v>56</v>
      </c>
      <c r="E9592" s="6">
        <v>73001</v>
      </c>
      <c r="F9592" s="6" t="s">
        <v>18</v>
      </c>
      <c r="G9592" s="6" t="s">
        <v>18801</v>
      </c>
      <c r="H9592" s="6" t="s">
        <v>18802</v>
      </c>
      <c r="I9592" s="7">
        <v>4.4490727999999997</v>
      </c>
      <c r="J9592" s="8">
        <v>-75.201430000000002</v>
      </c>
    </row>
    <row r="9593" spans="1:10" x14ac:dyDescent="0.35">
      <c r="A9593" s="5" t="s">
        <v>10</v>
      </c>
      <c r="B9593" s="6">
        <v>212947</v>
      </c>
      <c r="C9593" s="6" t="s">
        <v>42</v>
      </c>
      <c r="D9593" s="6" t="s">
        <v>3322</v>
      </c>
      <c r="E9593" s="6">
        <v>17444</v>
      </c>
      <c r="F9593" s="6" t="s">
        <v>2161</v>
      </c>
      <c r="G9593" s="6" t="s">
        <v>18803</v>
      </c>
      <c r="H9593" s="6" t="s">
        <v>18804</v>
      </c>
      <c r="I9593" s="7">
        <v>5.3000639999999999</v>
      </c>
      <c r="J9593" s="8">
        <v>-75.051547999999997</v>
      </c>
    </row>
    <row r="9594" spans="1:10" x14ac:dyDescent="0.35">
      <c r="A9594" s="5" t="s">
        <v>10</v>
      </c>
      <c r="B9594" s="6">
        <v>220724</v>
      </c>
      <c r="C9594" s="6" t="s">
        <v>68</v>
      </c>
      <c r="D9594" s="6" t="s">
        <v>69</v>
      </c>
      <c r="E9594" s="6">
        <v>11001</v>
      </c>
      <c r="F9594" s="6" t="s">
        <v>2161</v>
      </c>
      <c r="G9594" s="6" t="s">
        <v>18805</v>
      </c>
      <c r="H9594" s="6" t="s">
        <v>18806</v>
      </c>
      <c r="I9594" s="7">
        <v>4.4978400000000001</v>
      </c>
      <c r="J9594" s="8">
        <v>-74.102975700000002</v>
      </c>
    </row>
    <row r="9595" spans="1:10" x14ac:dyDescent="0.35">
      <c r="A9595" s="5" t="s">
        <v>10</v>
      </c>
      <c r="B9595" s="6">
        <v>220745</v>
      </c>
      <c r="C9595" s="6" t="s">
        <v>457</v>
      </c>
      <c r="D9595" s="6" t="s">
        <v>7370</v>
      </c>
      <c r="E9595" s="6">
        <v>52835</v>
      </c>
      <c r="F9595" s="6" t="s">
        <v>2161</v>
      </c>
      <c r="G9595" s="6" t="s">
        <v>18807</v>
      </c>
      <c r="H9595" s="6" t="s">
        <v>18808</v>
      </c>
      <c r="I9595" s="7">
        <v>1.8061320000000001</v>
      </c>
      <c r="J9595" s="8">
        <v>-78.771831399999996</v>
      </c>
    </row>
    <row r="9596" spans="1:10" x14ac:dyDescent="0.35">
      <c r="A9596" s="5" t="s">
        <v>10</v>
      </c>
      <c r="B9596" s="6">
        <v>220764</v>
      </c>
      <c r="C9596" s="6" t="s">
        <v>11</v>
      </c>
      <c r="D9596" s="6" t="s">
        <v>1206</v>
      </c>
      <c r="E9596" s="6">
        <v>25875</v>
      </c>
      <c r="F9596" s="6" t="s">
        <v>2161</v>
      </c>
      <c r="G9596" s="6" t="s">
        <v>18809</v>
      </c>
      <c r="H9596" s="6" t="s">
        <v>18810</v>
      </c>
      <c r="I9596" s="7">
        <v>5.0113773999999998</v>
      </c>
      <c r="J9596" s="8">
        <v>-74.472638500000002</v>
      </c>
    </row>
    <row r="9597" spans="1:10" x14ac:dyDescent="0.35">
      <c r="A9597" s="5" t="s">
        <v>10</v>
      </c>
      <c r="B9597" s="6">
        <v>236326</v>
      </c>
      <c r="C9597" s="6" t="s">
        <v>2821</v>
      </c>
      <c r="D9597" s="6" t="s">
        <v>18811</v>
      </c>
      <c r="E9597" s="6">
        <v>47707</v>
      </c>
      <c r="F9597" s="6" t="s">
        <v>2161</v>
      </c>
      <c r="G9597" s="6" t="s">
        <v>18812</v>
      </c>
      <c r="H9597" s="6" t="s">
        <v>18813</v>
      </c>
      <c r="I9597" s="7">
        <v>6.2476598000000001</v>
      </c>
      <c r="J9597" s="8">
        <v>-75.565815999999998</v>
      </c>
    </row>
    <row r="9598" spans="1:10" x14ac:dyDescent="0.35">
      <c r="A9598" s="5" t="s">
        <v>10</v>
      </c>
      <c r="B9598" s="6">
        <v>225228</v>
      </c>
      <c r="C9598" s="6" t="s">
        <v>190</v>
      </c>
      <c r="D9598" s="6" t="s">
        <v>191</v>
      </c>
      <c r="E9598" s="6">
        <v>5001</v>
      </c>
      <c r="F9598" s="6" t="s">
        <v>13</v>
      </c>
      <c r="G9598" s="6" t="s">
        <v>18814</v>
      </c>
      <c r="H9598" s="6" t="s">
        <v>18815</v>
      </c>
      <c r="I9598" s="7">
        <v>6.2497049000000002</v>
      </c>
      <c r="J9598" s="8">
        <v>-75.564356200000006</v>
      </c>
    </row>
    <row r="9599" spans="1:10" x14ac:dyDescent="0.35">
      <c r="A9599" s="5" t="s">
        <v>10</v>
      </c>
      <c r="B9599" s="6">
        <v>147868</v>
      </c>
      <c r="C9599" s="6" t="s">
        <v>11</v>
      </c>
      <c r="D9599" s="6" t="s">
        <v>3054</v>
      </c>
      <c r="E9599" s="6">
        <v>25269</v>
      </c>
      <c r="F9599" s="6" t="s">
        <v>13</v>
      </c>
      <c r="G9599" s="6" t="s">
        <v>17788</v>
      </c>
      <c r="H9599" s="6" t="s">
        <v>17789</v>
      </c>
      <c r="I9599" s="7">
        <v>4.8097642</v>
      </c>
      <c r="J9599" s="8">
        <v>-74.356405499999994</v>
      </c>
    </row>
    <row r="9600" spans="1:10" x14ac:dyDescent="0.35">
      <c r="A9600" s="5" t="s">
        <v>10</v>
      </c>
      <c r="B9600" s="6">
        <v>187500</v>
      </c>
      <c r="C9600" s="6" t="s">
        <v>68</v>
      </c>
      <c r="D9600" s="6" t="s">
        <v>69</v>
      </c>
      <c r="E9600" s="6">
        <v>11001</v>
      </c>
      <c r="F9600" s="6" t="s">
        <v>13</v>
      </c>
      <c r="G9600" s="6" t="s">
        <v>3081</v>
      </c>
      <c r="H9600" s="6" t="s">
        <v>3082</v>
      </c>
      <c r="I9600" s="7">
        <v>4.6146814999999997</v>
      </c>
      <c r="J9600" s="8">
        <v>-74.125326999999999</v>
      </c>
    </row>
    <row r="9601" spans="1:10" x14ac:dyDescent="0.35">
      <c r="A9601" s="5" t="s">
        <v>10</v>
      </c>
      <c r="B9601" s="6">
        <v>130157</v>
      </c>
      <c r="C9601" s="6" t="s">
        <v>24</v>
      </c>
      <c r="D9601" s="6" t="s">
        <v>168</v>
      </c>
      <c r="E9601" s="6">
        <v>15572</v>
      </c>
      <c r="F9601" s="6" t="s">
        <v>18</v>
      </c>
      <c r="G9601" s="6" t="s">
        <v>18816</v>
      </c>
      <c r="H9601" s="6" t="s">
        <v>18817</v>
      </c>
      <c r="I9601" s="7">
        <v>5.9756766999999904</v>
      </c>
      <c r="J9601" s="8">
        <v>-74.5922391</v>
      </c>
    </row>
    <row r="9602" spans="1:10" x14ac:dyDescent="0.35">
      <c r="A9602" s="5" t="s">
        <v>10</v>
      </c>
      <c r="B9602" s="6">
        <v>142136</v>
      </c>
      <c r="C9602" s="6" t="s">
        <v>28</v>
      </c>
      <c r="D9602" s="6" t="s">
        <v>29</v>
      </c>
      <c r="E9602" s="6">
        <v>54001</v>
      </c>
      <c r="F9602" s="6" t="s">
        <v>18</v>
      </c>
      <c r="G9602" s="6" t="s">
        <v>2552</v>
      </c>
      <c r="H9602" s="6" t="s">
        <v>2553</v>
      </c>
      <c r="I9602" s="7">
        <v>7.8851521</v>
      </c>
      <c r="J9602" s="8">
        <v>-72.506986900000001</v>
      </c>
    </row>
    <row r="9603" spans="1:10" x14ac:dyDescent="0.35">
      <c r="A9603" s="5" t="s">
        <v>10</v>
      </c>
      <c r="B9603" s="6">
        <v>163142</v>
      </c>
      <c r="C9603" s="6" t="s">
        <v>68</v>
      </c>
      <c r="D9603" s="6" t="s">
        <v>69</v>
      </c>
      <c r="E9603" s="6">
        <v>11001</v>
      </c>
      <c r="F9603" s="6" t="s">
        <v>18</v>
      </c>
      <c r="G9603" s="6" t="s">
        <v>17728</v>
      </c>
      <c r="H9603" s="6" t="s">
        <v>17729</v>
      </c>
      <c r="I9603" s="7">
        <v>4.6858886999999996</v>
      </c>
      <c r="J9603" s="8">
        <v>-74.052908599999995</v>
      </c>
    </row>
    <row r="9604" spans="1:10" x14ac:dyDescent="0.35">
      <c r="A9604" s="5" t="s">
        <v>10</v>
      </c>
      <c r="B9604" s="6">
        <v>217069</v>
      </c>
      <c r="C9604" s="6" t="s">
        <v>11</v>
      </c>
      <c r="D9604" s="6" t="s">
        <v>1547</v>
      </c>
      <c r="E9604" s="6">
        <v>25817</v>
      </c>
      <c r="F9604" s="6" t="s">
        <v>2161</v>
      </c>
      <c r="G9604" s="6" t="s">
        <v>18818</v>
      </c>
      <c r="H9604" s="6" t="s">
        <v>18819</v>
      </c>
      <c r="I9604" s="7">
        <v>4.9608400000000001</v>
      </c>
      <c r="J9604" s="8">
        <v>-73.890270000000001</v>
      </c>
    </row>
    <row r="9605" spans="1:10" x14ac:dyDescent="0.35">
      <c r="A9605" s="5" t="s">
        <v>10</v>
      </c>
      <c r="B9605" s="6">
        <v>221927</v>
      </c>
      <c r="C9605" s="6" t="s">
        <v>24</v>
      </c>
      <c r="D9605" s="6" t="s">
        <v>18820</v>
      </c>
      <c r="E9605" s="6">
        <v>15810</v>
      </c>
      <c r="F9605" s="6" t="s">
        <v>18</v>
      </c>
      <c r="G9605" s="6" t="s">
        <v>18821</v>
      </c>
      <c r="H9605" s="6" t="s">
        <v>18822</v>
      </c>
      <c r="I9605" s="7">
        <v>6.4194658000000002</v>
      </c>
      <c r="J9605" s="8">
        <v>-72.692344399999996</v>
      </c>
    </row>
    <row r="9606" spans="1:10" x14ac:dyDescent="0.35">
      <c r="A9606" s="5" t="s">
        <v>10</v>
      </c>
      <c r="B9606" s="6">
        <v>237370</v>
      </c>
      <c r="C9606" s="6" t="s">
        <v>42</v>
      </c>
      <c r="D9606" s="6" t="s">
        <v>1947</v>
      </c>
      <c r="E9606" s="6">
        <v>17050</v>
      </c>
      <c r="F9606" s="6" t="s">
        <v>18</v>
      </c>
      <c r="G9606" s="6" t="s">
        <v>18823</v>
      </c>
      <c r="H9606" s="6" t="s">
        <v>18824</v>
      </c>
      <c r="I9606" s="7">
        <v>5.2718486999999996</v>
      </c>
      <c r="J9606" s="8">
        <v>-75.491163700000001</v>
      </c>
    </row>
    <row r="9607" spans="1:10" x14ac:dyDescent="0.35">
      <c r="A9607" s="5" t="s">
        <v>10</v>
      </c>
      <c r="B9607" s="6">
        <v>184120</v>
      </c>
      <c r="C9607" s="6" t="s">
        <v>68</v>
      </c>
      <c r="D9607" s="6" t="s">
        <v>69</v>
      </c>
      <c r="E9607" s="6">
        <v>11001</v>
      </c>
      <c r="F9607" s="6" t="s">
        <v>18</v>
      </c>
      <c r="G9607" s="6" t="s">
        <v>17705</v>
      </c>
      <c r="H9607" s="6" t="s">
        <v>17706</v>
      </c>
      <c r="I9607" s="7">
        <v>4.6856081999999999</v>
      </c>
      <c r="J9607" s="8">
        <v>-74.052892999999997</v>
      </c>
    </row>
    <row r="9608" spans="1:10" x14ac:dyDescent="0.35">
      <c r="A9608" s="5" t="s">
        <v>10</v>
      </c>
      <c r="B9608" s="6">
        <v>202169</v>
      </c>
      <c r="C9608" s="6" t="s">
        <v>278</v>
      </c>
      <c r="D9608" s="6" t="s">
        <v>279</v>
      </c>
      <c r="E9608" s="6">
        <v>50001</v>
      </c>
      <c r="F9608" s="6" t="s">
        <v>18</v>
      </c>
      <c r="G9608" s="6" t="s">
        <v>186</v>
      </c>
      <c r="H9608" s="6" t="s">
        <v>18825</v>
      </c>
      <c r="I9608" s="7">
        <v>4.1226400999999999</v>
      </c>
      <c r="J9608" s="8">
        <v>-73.6227892</v>
      </c>
    </row>
    <row r="9609" spans="1:10" x14ac:dyDescent="0.35">
      <c r="A9609" s="5" t="s">
        <v>10</v>
      </c>
      <c r="B9609" s="6">
        <v>208941</v>
      </c>
      <c r="C9609" s="6" t="s">
        <v>457</v>
      </c>
      <c r="D9609" s="6" t="s">
        <v>15027</v>
      </c>
      <c r="E9609" s="6">
        <v>52240</v>
      </c>
      <c r="F9609" s="6" t="s">
        <v>2161</v>
      </c>
      <c r="G9609" s="6" t="s">
        <v>18826</v>
      </c>
      <c r="H9609" s="6" t="s">
        <v>18827</v>
      </c>
      <c r="I9609" s="7">
        <v>1.359869</v>
      </c>
      <c r="J9609" s="8">
        <v>-77.282840999999905</v>
      </c>
    </row>
    <row r="9610" spans="1:10" x14ac:dyDescent="0.35">
      <c r="A9610" s="5" t="s">
        <v>10</v>
      </c>
      <c r="B9610" s="6">
        <v>208956</v>
      </c>
      <c r="C9610" s="6" t="s">
        <v>11</v>
      </c>
      <c r="D9610" s="6" t="s">
        <v>6667</v>
      </c>
      <c r="E9610" s="6">
        <v>25295</v>
      </c>
      <c r="F9610" s="6" t="s">
        <v>2161</v>
      </c>
      <c r="G9610" s="6" t="s">
        <v>18828</v>
      </c>
      <c r="H9610" s="6" t="s">
        <v>18829</v>
      </c>
      <c r="I9610" s="7">
        <v>4.8091545999999896</v>
      </c>
      <c r="J9610" s="8">
        <v>-74.352886999999996</v>
      </c>
    </row>
    <row r="9611" spans="1:10" x14ac:dyDescent="0.35">
      <c r="A9611" s="5" t="s">
        <v>10</v>
      </c>
      <c r="B9611" s="6">
        <v>236290</v>
      </c>
      <c r="C9611" s="6" t="s">
        <v>2130</v>
      </c>
      <c r="D9611" s="6" t="s">
        <v>2131</v>
      </c>
      <c r="E9611" s="6">
        <v>85001</v>
      </c>
      <c r="F9611" s="6" t="s">
        <v>13</v>
      </c>
      <c r="G9611" s="6" t="s">
        <v>18830</v>
      </c>
      <c r="H9611" s="6" t="s">
        <v>18831</v>
      </c>
      <c r="I9611" s="7">
        <v>5.348903</v>
      </c>
      <c r="J9611" s="8">
        <v>-72.400523000000007</v>
      </c>
    </row>
    <row r="9612" spans="1:10" x14ac:dyDescent="0.35">
      <c r="A9612" s="5" t="s">
        <v>10</v>
      </c>
      <c r="B9612" s="6">
        <v>183968</v>
      </c>
      <c r="C9612" s="6" t="s">
        <v>11</v>
      </c>
      <c r="D9612" s="6" t="s">
        <v>159</v>
      </c>
      <c r="E9612" s="6">
        <v>25175</v>
      </c>
      <c r="F9612" s="6" t="s">
        <v>13</v>
      </c>
      <c r="G9612" s="6" t="s">
        <v>160</v>
      </c>
      <c r="H9612" s="6" t="s">
        <v>161</v>
      </c>
      <c r="I9612" s="7">
        <v>4.8611145000000002</v>
      </c>
      <c r="J9612" s="8">
        <v>-74.062570699999995</v>
      </c>
    </row>
    <row r="9613" spans="1:10" x14ac:dyDescent="0.35">
      <c r="A9613" s="5" t="s">
        <v>10</v>
      </c>
      <c r="B9613" s="6">
        <v>245750</v>
      </c>
      <c r="C9613" s="6" t="s">
        <v>11</v>
      </c>
      <c r="D9613" s="6" t="s">
        <v>21</v>
      </c>
      <c r="E9613" s="6">
        <v>25386</v>
      </c>
      <c r="F9613" s="6" t="s">
        <v>18</v>
      </c>
      <c r="G9613" s="6" t="s">
        <v>18832</v>
      </c>
      <c r="H9613" s="6" t="s">
        <v>18833</v>
      </c>
      <c r="I9613" s="7">
        <v>4.6321469999999998</v>
      </c>
      <c r="J9613" s="8">
        <v>-74.463014000000001</v>
      </c>
    </row>
    <row r="9614" spans="1:10" x14ac:dyDescent="0.35">
      <c r="A9614" s="5" t="s">
        <v>10</v>
      </c>
      <c r="B9614" s="6">
        <v>234653</v>
      </c>
      <c r="C9614" s="6" t="s">
        <v>94</v>
      </c>
      <c r="D9614" s="6" t="s">
        <v>242</v>
      </c>
      <c r="E9614" s="6">
        <v>66682</v>
      </c>
      <c r="F9614" s="6" t="s">
        <v>18</v>
      </c>
      <c r="G9614" s="6" t="s">
        <v>18834</v>
      </c>
      <c r="H9614" s="6" t="s">
        <v>18835</v>
      </c>
      <c r="I9614" s="7">
        <v>4.8869920999999996</v>
      </c>
      <c r="J9614" s="8">
        <v>-75.624552899999998</v>
      </c>
    </row>
    <row r="9615" spans="1:10" x14ac:dyDescent="0.35">
      <c r="A9615" s="5" t="s">
        <v>10</v>
      </c>
      <c r="B9615" s="6">
        <v>219348</v>
      </c>
      <c r="C9615" s="6" t="s">
        <v>278</v>
      </c>
      <c r="D9615" s="6" t="s">
        <v>279</v>
      </c>
      <c r="E9615" s="6">
        <v>50001</v>
      </c>
      <c r="F9615" s="6" t="s">
        <v>18</v>
      </c>
      <c r="G9615" s="6" t="s">
        <v>18836</v>
      </c>
      <c r="H9615" s="6" t="s">
        <v>18837</v>
      </c>
      <c r="I9615" s="7">
        <v>2.1831928999999999</v>
      </c>
      <c r="J9615" s="8">
        <v>-73.7843783</v>
      </c>
    </row>
    <row r="9616" spans="1:10" x14ac:dyDescent="0.35">
      <c r="A9616" s="5" t="s">
        <v>10</v>
      </c>
      <c r="B9616" s="6">
        <v>228511</v>
      </c>
      <c r="C9616" s="6" t="s">
        <v>457</v>
      </c>
      <c r="D9616" s="6" t="s">
        <v>4400</v>
      </c>
      <c r="E9616" s="6">
        <v>52001</v>
      </c>
      <c r="F9616" s="6" t="s">
        <v>2161</v>
      </c>
      <c r="G9616" s="6" t="s">
        <v>18838</v>
      </c>
      <c r="H9616" s="6" t="s">
        <v>18839</v>
      </c>
      <c r="I9616" s="7">
        <v>1.2062706000000001</v>
      </c>
      <c r="J9616" s="8">
        <v>-77.283252099999999</v>
      </c>
    </row>
    <row r="9617" spans="1:10" x14ac:dyDescent="0.35">
      <c r="A9617" s="5" t="s">
        <v>10</v>
      </c>
      <c r="B9617" s="6">
        <v>228194</v>
      </c>
      <c r="C9617" s="6" t="s">
        <v>551</v>
      </c>
      <c r="D9617" s="6" t="s">
        <v>3868</v>
      </c>
      <c r="E9617" s="6">
        <v>20001</v>
      </c>
      <c r="F9617" s="6" t="s">
        <v>2161</v>
      </c>
      <c r="G9617" s="6" t="s">
        <v>18840</v>
      </c>
      <c r="H9617" s="6" t="s">
        <v>18841</v>
      </c>
      <c r="I9617" s="7">
        <v>10.462598</v>
      </c>
      <c r="J9617" s="8">
        <v>-73.230529199999907</v>
      </c>
    </row>
    <row r="9618" spans="1:10" x14ac:dyDescent="0.35">
      <c r="A9618" s="5" t="s">
        <v>10</v>
      </c>
      <c r="B9618" s="6">
        <v>141709</v>
      </c>
      <c r="C9618" s="6" t="s">
        <v>11</v>
      </c>
      <c r="D9618" s="6" t="s">
        <v>1752</v>
      </c>
      <c r="E9618" s="6">
        <v>25799</v>
      </c>
      <c r="F9618" s="6" t="s">
        <v>13</v>
      </c>
      <c r="G9618" s="6" t="s">
        <v>1753</v>
      </c>
      <c r="H9618" s="6" t="s">
        <v>1754</v>
      </c>
      <c r="I9618" s="7">
        <v>4.8727109999999998</v>
      </c>
      <c r="J9618" s="8">
        <v>-74.144870100000006</v>
      </c>
    </row>
    <row r="9619" spans="1:10" x14ac:dyDescent="0.35">
      <c r="A9619" s="5" t="s">
        <v>10</v>
      </c>
      <c r="B9619" s="6">
        <v>141718</v>
      </c>
      <c r="C9619" s="6" t="s">
        <v>11</v>
      </c>
      <c r="D9619" s="6" t="s">
        <v>4944</v>
      </c>
      <c r="E9619" s="6">
        <v>25878</v>
      </c>
      <c r="F9619" s="6" t="s">
        <v>13</v>
      </c>
      <c r="G9619" s="6" t="s">
        <v>17967</v>
      </c>
      <c r="H9619" s="6" t="s">
        <v>17968</v>
      </c>
      <c r="I9619" s="7">
        <v>4.5170998999999998</v>
      </c>
      <c r="J9619" s="8">
        <v>-74.591110599999993</v>
      </c>
    </row>
    <row r="9620" spans="1:10" x14ac:dyDescent="0.35">
      <c r="A9620" s="5" t="s">
        <v>10</v>
      </c>
      <c r="B9620" s="6">
        <v>204768</v>
      </c>
      <c r="C9620" s="6" t="s">
        <v>38</v>
      </c>
      <c r="D9620" s="6" t="s">
        <v>39</v>
      </c>
      <c r="E9620" s="6">
        <v>19001</v>
      </c>
      <c r="F9620" s="6" t="s">
        <v>18</v>
      </c>
      <c r="G9620" s="6" t="s">
        <v>3528</v>
      </c>
      <c r="H9620" s="6" t="s">
        <v>3529</v>
      </c>
      <c r="I9620" s="7">
        <v>2.4451255000000001</v>
      </c>
      <c r="J9620" s="8">
        <v>-76.614928000000006</v>
      </c>
    </row>
    <row r="9621" spans="1:10" x14ac:dyDescent="0.35">
      <c r="A9621" s="5" t="s">
        <v>10</v>
      </c>
      <c r="B9621" s="6">
        <v>217664</v>
      </c>
      <c r="C9621" s="6" t="s">
        <v>294</v>
      </c>
      <c r="D9621" s="6" t="s">
        <v>4244</v>
      </c>
      <c r="E9621" s="6">
        <v>41298</v>
      </c>
      <c r="F9621" s="6" t="s">
        <v>2161</v>
      </c>
      <c r="G9621" s="6" t="s">
        <v>18842</v>
      </c>
      <c r="H9621" s="6" t="s">
        <v>18843</v>
      </c>
      <c r="I9621" s="7">
        <v>2.1945948</v>
      </c>
      <c r="J9621" s="8">
        <v>-75.629736600000001</v>
      </c>
    </row>
    <row r="9622" spans="1:10" x14ac:dyDescent="0.35">
      <c r="A9622" s="5" t="s">
        <v>10</v>
      </c>
      <c r="B9622" s="6">
        <v>230717</v>
      </c>
      <c r="C9622" s="6" t="s">
        <v>457</v>
      </c>
      <c r="D9622" s="6" t="s">
        <v>16551</v>
      </c>
      <c r="E9622" s="6">
        <v>52405</v>
      </c>
      <c r="F9622" s="6" t="s">
        <v>2161</v>
      </c>
      <c r="G9622" s="6" t="s">
        <v>18844</v>
      </c>
      <c r="H9622" s="6" t="s">
        <v>18845</v>
      </c>
      <c r="I9622" s="7">
        <v>1.9354157000000001</v>
      </c>
      <c r="J9622" s="8">
        <v>-77.303562299999996</v>
      </c>
    </row>
    <row r="9623" spans="1:10" x14ac:dyDescent="0.35">
      <c r="A9623" s="5" t="s">
        <v>10</v>
      </c>
      <c r="B9623" s="6">
        <v>141693</v>
      </c>
      <c r="C9623" s="6" t="s">
        <v>11</v>
      </c>
      <c r="D9623" s="6" t="s">
        <v>4073</v>
      </c>
      <c r="E9623" s="6">
        <v>25740</v>
      </c>
      <c r="F9623" s="6" t="s">
        <v>13</v>
      </c>
      <c r="G9623" s="6" t="s">
        <v>18846</v>
      </c>
      <c r="H9623" s="6" t="s">
        <v>18847</v>
      </c>
      <c r="I9623" s="7">
        <v>4.4874128999999998</v>
      </c>
      <c r="J9623" s="8">
        <v>-74.259271900000002</v>
      </c>
    </row>
    <row r="9624" spans="1:10" x14ac:dyDescent="0.35">
      <c r="A9624" s="5" t="s">
        <v>10</v>
      </c>
      <c r="B9624" s="6">
        <v>132007</v>
      </c>
      <c r="C9624" s="6" t="s">
        <v>28</v>
      </c>
      <c r="D9624" s="6" t="s">
        <v>49</v>
      </c>
      <c r="E9624" s="6">
        <v>54498</v>
      </c>
      <c r="F9624" s="6" t="s">
        <v>13</v>
      </c>
      <c r="G9624" s="6" t="s">
        <v>50</v>
      </c>
      <c r="H9624" s="6" t="s">
        <v>18848</v>
      </c>
      <c r="I9624" s="7">
        <v>8.2694939999999999</v>
      </c>
      <c r="J9624" s="8">
        <v>-73.365460999999996</v>
      </c>
    </row>
    <row r="9625" spans="1:10" x14ac:dyDescent="0.35">
      <c r="A9625" s="5" t="s">
        <v>10</v>
      </c>
      <c r="B9625" s="6">
        <v>184120</v>
      </c>
      <c r="C9625" s="6" t="s">
        <v>68</v>
      </c>
      <c r="D9625" s="6" t="s">
        <v>69</v>
      </c>
      <c r="E9625" s="6">
        <v>11001</v>
      </c>
      <c r="F9625" s="6" t="s">
        <v>18</v>
      </c>
      <c r="G9625" s="6" t="s">
        <v>17705</v>
      </c>
      <c r="H9625" s="6" t="s">
        <v>17706</v>
      </c>
      <c r="I9625" s="7">
        <v>4.6856081999999999</v>
      </c>
      <c r="J9625" s="8">
        <v>-74.052892999999997</v>
      </c>
    </row>
    <row r="9626" spans="1:10" x14ac:dyDescent="0.35">
      <c r="A9626" s="5" t="s">
        <v>10</v>
      </c>
      <c r="B9626" s="6">
        <v>220734</v>
      </c>
      <c r="C9626" s="6" t="s">
        <v>11</v>
      </c>
      <c r="D9626" s="6" t="s">
        <v>12</v>
      </c>
      <c r="E9626" s="6">
        <v>25899</v>
      </c>
      <c r="F9626" s="6" t="s">
        <v>2161</v>
      </c>
      <c r="G9626" s="6" t="s">
        <v>18849</v>
      </c>
      <c r="H9626" s="6" t="s">
        <v>18850</v>
      </c>
      <c r="I9626" s="7">
        <v>5.0143599999999999</v>
      </c>
      <c r="J9626" s="8">
        <v>-73.994907799999993</v>
      </c>
    </row>
    <row r="9627" spans="1:10" x14ac:dyDescent="0.35">
      <c r="A9627" s="5" t="s">
        <v>10</v>
      </c>
      <c r="B9627" s="6">
        <v>233664</v>
      </c>
      <c r="C9627" s="6" t="s">
        <v>16</v>
      </c>
      <c r="D9627" s="6" t="s">
        <v>78</v>
      </c>
      <c r="E9627" s="6">
        <v>68001</v>
      </c>
      <c r="F9627" s="6" t="s">
        <v>2161</v>
      </c>
      <c r="G9627" s="6" t="s">
        <v>18851</v>
      </c>
      <c r="H9627" s="6" t="s">
        <v>18852</v>
      </c>
      <c r="I9627" s="7">
        <v>7.1127599999999997</v>
      </c>
      <c r="J9627" s="8">
        <v>-73.111999999999995</v>
      </c>
    </row>
    <row r="9628" spans="1:10" x14ac:dyDescent="0.35">
      <c r="A9628" s="5" t="s">
        <v>10</v>
      </c>
      <c r="B9628" s="6">
        <v>234910</v>
      </c>
      <c r="C9628" s="6" t="s">
        <v>4364</v>
      </c>
      <c r="D9628" s="6" t="s">
        <v>4365</v>
      </c>
      <c r="E9628" s="6">
        <v>70001</v>
      </c>
      <c r="F9628" s="6" t="s">
        <v>2161</v>
      </c>
      <c r="G9628" s="6" t="s">
        <v>18853</v>
      </c>
      <c r="H9628" s="6" t="s">
        <v>18854</v>
      </c>
      <c r="I9628" s="7">
        <v>9.3045773000000001</v>
      </c>
      <c r="J9628" s="8">
        <v>-75.390556700000005</v>
      </c>
    </row>
    <row r="9629" spans="1:10" x14ac:dyDescent="0.35">
      <c r="A9629" s="5" t="s">
        <v>10</v>
      </c>
      <c r="B9629" s="6">
        <v>190309</v>
      </c>
      <c r="C9629" s="6" t="s">
        <v>68</v>
      </c>
      <c r="D9629" s="6" t="s">
        <v>69</v>
      </c>
      <c r="E9629" s="6">
        <v>11001</v>
      </c>
      <c r="F9629" s="6" t="s">
        <v>13</v>
      </c>
      <c r="G9629" s="6" t="s">
        <v>18855</v>
      </c>
      <c r="H9629" s="6" t="s">
        <v>18856</v>
      </c>
      <c r="I9629" s="7">
        <v>4.6220220999999997</v>
      </c>
      <c r="J9629" s="8">
        <v>-74.189908000000003</v>
      </c>
    </row>
    <row r="9630" spans="1:10" x14ac:dyDescent="0.35">
      <c r="A9630" s="5" t="s">
        <v>10</v>
      </c>
      <c r="B9630" s="6">
        <v>243913</v>
      </c>
      <c r="C9630" s="6" t="s">
        <v>28</v>
      </c>
      <c r="D9630" s="6" t="s">
        <v>153</v>
      </c>
      <c r="E9630" s="6">
        <v>54518</v>
      </c>
      <c r="F9630" s="6" t="s">
        <v>18</v>
      </c>
      <c r="G9630" s="6" t="s">
        <v>18857</v>
      </c>
      <c r="H9630" s="6" t="s">
        <v>18858</v>
      </c>
      <c r="I9630" s="7">
        <v>7.3751765999999996</v>
      </c>
      <c r="J9630" s="8">
        <v>-72.648771100000005</v>
      </c>
    </row>
    <row r="9631" spans="1:10" x14ac:dyDescent="0.35">
      <c r="A9631" s="5" t="s">
        <v>10</v>
      </c>
      <c r="B9631" s="6">
        <v>182574</v>
      </c>
      <c r="C9631" s="6" t="s">
        <v>42</v>
      </c>
      <c r="D9631" s="6" t="s">
        <v>396</v>
      </c>
      <c r="E9631" s="6">
        <v>17380</v>
      </c>
      <c r="F9631" s="6" t="s">
        <v>18</v>
      </c>
      <c r="G9631" s="6" t="s">
        <v>18859</v>
      </c>
      <c r="H9631" s="6" t="s">
        <v>18860</v>
      </c>
      <c r="I9631" s="7">
        <v>5.4538935000000004</v>
      </c>
      <c r="J9631" s="8">
        <v>-74.664968500000001</v>
      </c>
    </row>
    <row r="9632" spans="1:10" x14ac:dyDescent="0.35">
      <c r="A9632" s="5" t="s">
        <v>10</v>
      </c>
      <c r="B9632" s="6">
        <v>230363</v>
      </c>
      <c r="C9632" s="6" t="s">
        <v>68</v>
      </c>
      <c r="D9632" s="6" t="s">
        <v>69</v>
      </c>
      <c r="E9632" s="6">
        <v>11001</v>
      </c>
      <c r="F9632" s="6" t="s">
        <v>2161</v>
      </c>
      <c r="G9632" s="6" t="s">
        <v>18861</v>
      </c>
      <c r="H9632" s="6" t="s">
        <v>18862</v>
      </c>
      <c r="I9632" s="7">
        <v>4.6007043000000003</v>
      </c>
      <c r="J9632" s="8">
        <v>-74.131967299999999</v>
      </c>
    </row>
    <row r="9633" spans="1:10" x14ac:dyDescent="0.35">
      <c r="A9633" s="5" t="s">
        <v>10</v>
      </c>
      <c r="B9633" s="6">
        <v>233670</v>
      </c>
      <c r="C9633" s="6" t="s">
        <v>24</v>
      </c>
      <c r="D9633" s="6" t="s">
        <v>88</v>
      </c>
      <c r="E9633" s="6">
        <v>15001</v>
      </c>
      <c r="F9633" s="6" t="s">
        <v>2161</v>
      </c>
      <c r="G9633" s="6" t="s">
        <v>18863</v>
      </c>
      <c r="H9633" s="6" t="s">
        <v>18864</v>
      </c>
      <c r="I9633" s="7">
        <v>5.5719599999999998</v>
      </c>
      <c r="J9633" s="8">
        <v>-73.337789999999998</v>
      </c>
    </row>
    <row r="9634" spans="1:10" x14ac:dyDescent="0.35">
      <c r="A9634" s="5" t="s">
        <v>10</v>
      </c>
      <c r="B9634" s="6">
        <v>221148</v>
      </c>
      <c r="C9634" s="6" t="s">
        <v>2130</v>
      </c>
      <c r="D9634" s="6" t="s">
        <v>2131</v>
      </c>
      <c r="E9634" s="6">
        <v>85001</v>
      </c>
      <c r="F9634" s="6" t="s">
        <v>2161</v>
      </c>
      <c r="G9634" s="6" t="s">
        <v>18865</v>
      </c>
      <c r="H9634" s="6" t="s">
        <v>18866</v>
      </c>
      <c r="I9634" s="7">
        <v>5.3407418</v>
      </c>
      <c r="J9634" s="8">
        <v>-72.386095400000002</v>
      </c>
    </row>
    <row r="9635" spans="1:10" x14ac:dyDescent="0.35">
      <c r="A9635" s="5" t="s">
        <v>10</v>
      </c>
      <c r="B9635" s="6">
        <v>41267</v>
      </c>
      <c r="C9635" s="6" t="s">
        <v>308</v>
      </c>
      <c r="D9635" s="6" t="s">
        <v>7715</v>
      </c>
      <c r="E9635" s="6">
        <v>23189</v>
      </c>
      <c r="F9635" s="6" t="s">
        <v>13</v>
      </c>
      <c r="G9635" s="6" t="s">
        <v>18867</v>
      </c>
      <c r="H9635" s="6" t="s">
        <v>18868</v>
      </c>
      <c r="I9635" s="7">
        <v>8.8792150000000003</v>
      </c>
      <c r="J9635" s="8">
        <v>-75.621331999999995</v>
      </c>
    </row>
    <row r="9636" spans="1:10" x14ac:dyDescent="0.35">
      <c r="A9636" s="5" t="s">
        <v>10</v>
      </c>
      <c r="B9636" s="6">
        <v>98820</v>
      </c>
      <c r="C9636" s="6" t="s">
        <v>294</v>
      </c>
      <c r="D9636" s="6" t="s">
        <v>295</v>
      </c>
      <c r="E9636" s="6">
        <v>41359</v>
      </c>
      <c r="F9636" s="6" t="s">
        <v>13</v>
      </c>
      <c r="G9636" s="6" t="s">
        <v>544</v>
      </c>
      <c r="H9636" s="6" t="s">
        <v>18869</v>
      </c>
      <c r="I9636" s="7">
        <v>1.8508328999999999</v>
      </c>
      <c r="J9636" s="8">
        <v>-76.046175399999996</v>
      </c>
    </row>
    <row r="9637" spans="1:10" x14ac:dyDescent="0.35">
      <c r="A9637" s="5" t="s">
        <v>10</v>
      </c>
      <c r="B9637" s="6">
        <v>223796</v>
      </c>
      <c r="C9637" s="6" t="s">
        <v>2821</v>
      </c>
      <c r="D9637" s="6" t="s">
        <v>2822</v>
      </c>
      <c r="E9637" s="6">
        <v>47001</v>
      </c>
      <c r="F9637" s="6" t="s">
        <v>13</v>
      </c>
      <c r="G9637" s="6" t="s">
        <v>18870</v>
      </c>
      <c r="H9637" s="6" t="s">
        <v>18871</v>
      </c>
      <c r="I9637" s="7">
        <v>11.2315276</v>
      </c>
      <c r="J9637" s="8">
        <v>-74.200722099999993</v>
      </c>
    </row>
    <row r="9638" spans="1:10" x14ac:dyDescent="0.35">
      <c r="A9638" s="5" t="s">
        <v>10</v>
      </c>
      <c r="B9638" s="6">
        <v>223764</v>
      </c>
      <c r="C9638" s="6" t="s">
        <v>302</v>
      </c>
      <c r="D9638" s="6" t="s">
        <v>359</v>
      </c>
      <c r="E9638" s="6">
        <v>8001</v>
      </c>
      <c r="F9638" s="6" t="s">
        <v>13</v>
      </c>
      <c r="G9638" s="6" t="s">
        <v>18872</v>
      </c>
      <c r="H9638" s="6" t="s">
        <v>18873</v>
      </c>
      <c r="I9638" s="7">
        <v>11.0015163</v>
      </c>
      <c r="J9638" s="8">
        <v>-74.803535400000001</v>
      </c>
    </row>
    <row r="9639" spans="1:10" x14ac:dyDescent="0.35">
      <c r="A9639" s="5" t="s">
        <v>10</v>
      </c>
      <c r="B9639" s="6">
        <v>214845</v>
      </c>
      <c r="C9639" s="6" t="s">
        <v>24</v>
      </c>
      <c r="D9639" s="6" t="s">
        <v>609</v>
      </c>
      <c r="E9639" s="6">
        <v>15455</v>
      </c>
      <c r="F9639" s="6" t="s">
        <v>18</v>
      </c>
      <c r="G9639" s="6" t="s">
        <v>18874</v>
      </c>
      <c r="H9639" s="6" t="s">
        <v>18875</v>
      </c>
      <c r="I9639" s="7">
        <v>5.1957198999999896</v>
      </c>
      <c r="J9639" s="8">
        <v>-73.142323099999999</v>
      </c>
    </row>
    <row r="9640" spans="1:10" x14ac:dyDescent="0.35">
      <c r="A9640" s="5" t="s">
        <v>10</v>
      </c>
      <c r="B9640" s="6">
        <v>235790</v>
      </c>
      <c r="C9640" s="6" t="s">
        <v>28</v>
      </c>
      <c r="D9640" s="6" t="s">
        <v>29</v>
      </c>
      <c r="E9640" s="6">
        <v>54001</v>
      </c>
      <c r="F9640" s="6" t="s">
        <v>18</v>
      </c>
      <c r="G9640" s="6" t="s">
        <v>18876</v>
      </c>
      <c r="H9640" s="6" t="s">
        <v>18877</v>
      </c>
      <c r="I9640" s="7">
        <v>7.9179089999999999</v>
      </c>
      <c r="J9640" s="8">
        <v>-72.533676999999997</v>
      </c>
    </row>
    <row r="9641" spans="1:10" x14ac:dyDescent="0.35">
      <c r="A9641" s="5" t="s">
        <v>10</v>
      </c>
      <c r="B9641" s="6">
        <v>219149</v>
      </c>
      <c r="C9641" s="6" t="s">
        <v>42</v>
      </c>
      <c r="D9641" s="6" t="s">
        <v>212</v>
      </c>
      <c r="E9641" s="6">
        <v>17495</v>
      </c>
      <c r="F9641" s="6" t="s">
        <v>18</v>
      </c>
      <c r="G9641" s="6" t="s">
        <v>1032</v>
      </c>
      <c r="H9641" s="6" t="s">
        <v>1033</v>
      </c>
      <c r="I9641" s="7">
        <v>2.4405233000000002</v>
      </c>
      <c r="J9641" s="8">
        <v>-76.608055399999998</v>
      </c>
    </row>
    <row r="9642" spans="1:10" x14ac:dyDescent="0.35">
      <c r="A9642" s="5" t="s">
        <v>10</v>
      </c>
      <c r="B9642" s="6">
        <v>209977</v>
      </c>
      <c r="C9642" s="6" t="s">
        <v>278</v>
      </c>
      <c r="D9642" s="6" t="s">
        <v>279</v>
      </c>
      <c r="E9642" s="6">
        <v>50001</v>
      </c>
      <c r="F9642" s="6" t="s">
        <v>18</v>
      </c>
      <c r="G9642" s="6" t="s">
        <v>3392</v>
      </c>
      <c r="H9642" s="6" t="s">
        <v>18878</v>
      </c>
      <c r="I9642" s="7">
        <v>4.1465299999999896</v>
      </c>
      <c r="J9642" s="8">
        <v>-73.623966999999993</v>
      </c>
    </row>
    <row r="9643" spans="1:10" x14ac:dyDescent="0.35">
      <c r="A9643" s="5" t="s">
        <v>10</v>
      </c>
      <c r="B9643" s="6">
        <v>216578</v>
      </c>
      <c r="C9643" s="6" t="s">
        <v>11</v>
      </c>
      <c r="D9643" s="6" t="s">
        <v>221</v>
      </c>
      <c r="E9643" s="6">
        <v>25430</v>
      </c>
      <c r="F9643" s="6" t="s">
        <v>2161</v>
      </c>
      <c r="G9643" s="6" t="s">
        <v>18879</v>
      </c>
      <c r="H9643" s="6" t="s">
        <v>18880</v>
      </c>
      <c r="I9643" s="7">
        <v>4.7332745999999997</v>
      </c>
      <c r="J9643" s="8">
        <v>-74.278865099999905</v>
      </c>
    </row>
    <row r="9644" spans="1:10" x14ac:dyDescent="0.35">
      <c r="A9644" s="5" t="s">
        <v>10</v>
      </c>
      <c r="B9644" s="6">
        <v>240315</v>
      </c>
      <c r="C9644" s="6" t="s">
        <v>38</v>
      </c>
      <c r="D9644" s="6" t="s">
        <v>11577</v>
      </c>
      <c r="E9644" s="6">
        <v>19845</v>
      </c>
      <c r="F9644" s="6" t="s">
        <v>2161</v>
      </c>
      <c r="G9644" s="6" t="s">
        <v>18881</v>
      </c>
      <c r="H9644" s="6" t="s">
        <v>18882</v>
      </c>
      <c r="I9644" s="7">
        <v>2.5136400000000001</v>
      </c>
      <c r="J9644" s="8">
        <v>-76.847740000000002</v>
      </c>
    </row>
    <row r="9645" spans="1:10" x14ac:dyDescent="0.35">
      <c r="A9645" s="5" t="s">
        <v>10</v>
      </c>
      <c r="B9645" s="6">
        <v>232728</v>
      </c>
      <c r="C9645" s="6" t="s">
        <v>294</v>
      </c>
      <c r="D9645" s="6" t="s">
        <v>4244</v>
      </c>
      <c r="E9645" s="6">
        <v>41298</v>
      </c>
      <c r="F9645" s="6" t="s">
        <v>2161</v>
      </c>
      <c r="G9645" s="6" t="s">
        <v>18883</v>
      </c>
      <c r="H9645" s="6" t="s">
        <v>18884</v>
      </c>
      <c r="I9645" s="7">
        <v>2.1785299999999999</v>
      </c>
      <c r="J9645" s="8">
        <v>-75.533090000000001</v>
      </c>
    </row>
    <row r="9646" spans="1:10" x14ac:dyDescent="0.35">
      <c r="A9646" s="5" t="s">
        <v>10</v>
      </c>
      <c r="B9646" s="6">
        <v>228215</v>
      </c>
      <c r="C9646" s="6" t="s">
        <v>551</v>
      </c>
      <c r="D9646" s="6" t="s">
        <v>3868</v>
      </c>
      <c r="E9646" s="6">
        <v>20001</v>
      </c>
      <c r="F9646" s="6" t="s">
        <v>2161</v>
      </c>
      <c r="G9646" s="6" t="s">
        <v>18885</v>
      </c>
      <c r="H9646" s="6" t="s">
        <v>18886</v>
      </c>
      <c r="I9646" s="7">
        <v>10.440306400000001</v>
      </c>
      <c r="J9646" s="8">
        <v>-73.256387899999993</v>
      </c>
    </row>
    <row r="9647" spans="1:10" x14ac:dyDescent="0.35">
      <c r="A9647" s="5" t="s">
        <v>10</v>
      </c>
      <c r="B9647" s="6">
        <v>144142</v>
      </c>
      <c r="C9647" s="6" t="s">
        <v>28</v>
      </c>
      <c r="D9647" s="6" t="s">
        <v>29</v>
      </c>
      <c r="E9647" s="6">
        <v>54001</v>
      </c>
      <c r="F9647" s="6" t="s">
        <v>13</v>
      </c>
      <c r="G9647" s="6" t="s">
        <v>50</v>
      </c>
      <c r="H9647" s="6" t="s">
        <v>18887</v>
      </c>
      <c r="I9647" s="7">
        <v>7.9514619</v>
      </c>
      <c r="J9647" s="8">
        <v>-72.520972799999996</v>
      </c>
    </row>
    <row r="9648" spans="1:10" x14ac:dyDescent="0.35">
      <c r="A9648" s="5" t="s">
        <v>10</v>
      </c>
      <c r="B9648" s="6">
        <v>226203</v>
      </c>
      <c r="C9648" s="6" t="s">
        <v>68</v>
      </c>
      <c r="D9648" s="6" t="s">
        <v>69</v>
      </c>
      <c r="E9648" s="6">
        <v>11001</v>
      </c>
      <c r="F9648" s="6" t="s">
        <v>18</v>
      </c>
      <c r="G9648" s="6" t="s">
        <v>18888</v>
      </c>
      <c r="H9648" s="6" t="s">
        <v>18889</v>
      </c>
      <c r="I9648" s="7">
        <v>4.7034900000000004</v>
      </c>
      <c r="J9648" s="8">
        <v>-74.102787199999995</v>
      </c>
    </row>
    <row r="9649" spans="1:10" x14ac:dyDescent="0.35">
      <c r="A9649" s="5" t="s">
        <v>10</v>
      </c>
      <c r="B9649" s="6">
        <v>130157</v>
      </c>
      <c r="C9649" s="6" t="s">
        <v>24</v>
      </c>
      <c r="D9649" s="6" t="s">
        <v>168</v>
      </c>
      <c r="E9649" s="6">
        <v>15572</v>
      </c>
      <c r="F9649" s="6" t="s">
        <v>18</v>
      </c>
      <c r="G9649" s="6" t="s">
        <v>18816</v>
      </c>
      <c r="H9649" s="6" t="s">
        <v>18817</v>
      </c>
      <c r="I9649" s="7">
        <v>5.9756766999999904</v>
      </c>
      <c r="J9649" s="8">
        <v>-74.5922391</v>
      </c>
    </row>
    <row r="9650" spans="1:10" x14ac:dyDescent="0.35">
      <c r="A9650" s="5" t="s">
        <v>10</v>
      </c>
      <c r="B9650" s="6">
        <v>224203</v>
      </c>
      <c r="C9650" s="6" t="s">
        <v>28</v>
      </c>
      <c r="D9650" s="6" t="s">
        <v>29</v>
      </c>
      <c r="E9650" s="6">
        <v>54001</v>
      </c>
      <c r="F9650" s="6" t="s">
        <v>18</v>
      </c>
      <c r="G9650" s="6" t="s">
        <v>18890</v>
      </c>
      <c r="H9650" s="6" t="s">
        <v>18891</v>
      </c>
      <c r="I9650" s="7">
        <v>7.8999102999999904</v>
      </c>
      <c r="J9650" s="8">
        <v>-72.535485600000001</v>
      </c>
    </row>
    <row r="9651" spans="1:10" x14ac:dyDescent="0.35">
      <c r="A9651" s="5" t="s">
        <v>10</v>
      </c>
      <c r="B9651" s="6">
        <v>110495</v>
      </c>
      <c r="C9651" s="6" t="s">
        <v>38</v>
      </c>
      <c r="D9651" s="6" t="s">
        <v>39</v>
      </c>
      <c r="E9651" s="6">
        <v>19001</v>
      </c>
      <c r="F9651" s="6" t="s">
        <v>18</v>
      </c>
      <c r="G9651" s="6" t="s">
        <v>18892</v>
      </c>
      <c r="H9651" s="6" t="s">
        <v>18893</v>
      </c>
      <c r="I9651" s="7">
        <v>2.4596187</v>
      </c>
      <c r="J9651" s="8">
        <v>-76.590366900000006</v>
      </c>
    </row>
    <row r="9652" spans="1:10" x14ac:dyDescent="0.35">
      <c r="A9652" s="5" t="s">
        <v>10</v>
      </c>
      <c r="B9652" s="6">
        <v>232293</v>
      </c>
      <c r="C9652" s="6" t="s">
        <v>94</v>
      </c>
      <c r="D9652" s="6" t="s">
        <v>3196</v>
      </c>
      <c r="E9652" s="6">
        <v>66687</v>
      </c>
      <c r="F9652" s="6" t="s">
        <v>18</v>
      </c>
      <c r="G9652" s="6" t="s">
        <v>18894</v>
      </c>
      <c r="H9652" s="6" t="s">
        <v>18895</v>
      </c>
      <c r="I9652" s="7">
        <v>5.0724309999999999</v>
      </c>
      <c r="J9652" s="8">
        <v>-75.962148999999997</v>
      </c>
    </row>
    <row r="9653" spans="1:10" x14ac:dyDescent="0.35">
      <c r="A9653" s="5" t="s">
        <v>10</v>
      </c>
      <c r="B9653" s="6">
        <v>226673</v>
      </c>
      <c r="C9653" s="6" t="s">
        <v>11</v>
      </c>
      <c r="D9653" s="6" t="s">
        <v>4849</v>
      </c>
      <c r="E9653" s="6">
        <v>25839</v>
      </c>
      <c r="F9653" s="6" t="s">
        <v>2161</v>
      </c>
      <c r="G9653" s="6" t="s">
        <v>18896</v>
      </c>
      <c r="H9653" s="6" t="s">
        <v>18897</v>
      </c>
      <c r="I9653" s="7">
        <v>4.8088449000000004</v>
      </c>
      <c r="J9653" s="8">
        <v>-74.352393300000003</v>
      </c>
    </row>
    <row r="9654" spans="1:10" x14ac:dyDescent="0.35">
      <c r="A9654" s="5" t="s">
        <v>10</v>
      </c>
      <c r="B9654" s="6">
        <v>130962</v>
      </c>
      <c r="C9654" s="6" t="s">
        <v>28</v>
      </c>
      <c r="D9654" s="6" t="s">
        <v>91</v>
      </c>
      <c r="E9654" s="6">
        <v>54874</v>
      </c>
      <c r="F9654" s="6" t="s">
        <v>13</v>
      </c>
      <c r="G9654" s="6" t="s">
        <v>50</v>
      </c>
      <c r="H9654" s="6" t="s">
        <v>18898</v>
      </c>
      <c r="I9654" s="7">
        <v>7.8331958999999998</v>
      </c>
      <c r="J9654" s="8">
        <v>-72.472956400000001</v>
      </c>
    </row>
    <row r="9655" spans="1:10" x14ac:dyDescent="0.35">
      <c r="A9655" s="5" t="s">
        <v>10</v>
      </c>
      <c r="B9655" s="6">
        <v>141698</v>
      </c>
      <c r="C9655" s="6" t="s">
        <v>11</v>
      </c>
      <c r="D9655" s="6" t="s">
        <v>1755</v>
      </c>
      <c r="E9655" s="6">
        <v>25001</v>
      </c>
      <c r="F9655" s="6" t="s">
        <v>13</v>
      </c>
      <c r="G9655" s="6" t="s">
        <v>1756</v>
      </c>
      <c r="H9655" s="6" t="s">
        <v>1757</v>
      </c>
      <c r="I9655" s="7">
        <v>4.3766334000000002</v>
      </c>
      <c r="J9655" s="8">
        <v>-74.669945499999997</v>
      </c>
    </row>
    <row r="9656" spans="1:10" x14ac:dyDescent="0.35">
      <c r="A9656" s="5" t="s">
        <v>10</v>
      </c>
      <c r="B9656" s="6">
        <v>208165</v>
      </c>
      <c r="C9656" s="6" t="s">
        <v>28</v>
      </c>
      <c r="D9656" s="6" t="s">
        <v>49</v>
      </c>
      <c r="E9656" s="6">
        <v>54498</v>
      </c>
      <c r="F9656" s="6" t="s">
        <v>13</v>
      </c>
      <c r="G9656" s="6" t="s">
        <v>18899</v>
      </c>
      <c r="H9656" s="6" t="s">
        <v>18900</v>
      </c>
      <c r="I9656" s="7">
        <v>8.2678624999999997</v>
      </c>
      <c r="J9656" s="8">
        <v>-73.3631283</v>
      </c>
    </row>
    <row r="9657" spans="1:10" x14ac:dyDescent="0.35">
      <c r="A9657" s="5" t="s">
        <v>10</v>
      </c>
      <c r="B9657" s="6">
        <v>231318</v>
      </c>
      <c r="C9657" s="6" t="s">
        <v>109</v>
      </c>
      <c r="D9657" s="6" t="s">
        <v>956</v>
      </c>
      <c r="E9657" s="6">
        <v>13160</v>
      </c>
      <c r="F9657" s="6" t="s">
        <v>18</v>
      </c>
      <c r="G9657" s="6" t="s">
        <v>18901</v>
      </c>
      <c r="H9657" s="6" t="s">
        <v>18902</v>
      </c>
      <c r="I9657" s="7">
        <v>7.3765811000000001</v>
      </c>
      <c r="J9657" s="8">
        <v>-73.915147599999997</v>
      </c>
    </row>
    <row r="9658" spans="1:10" x14ac:dyDescent="0.35">
      <c r="A9658" s="5" t="s">
        <v>10</v>
      </c>
      <c r="B9658" s="6">
        <v>152357</v>
      </c>
      <c r="C9658" s="6" t="s">
        <v>42</v>
      </c>
      <c r="D9658" s="6" t="s">
        <v>46</v>
      </c>
      <c r="E9658" s="6">
        <v>17174</v>
      </c>
      <c r="F9658" s="6" t="s">
        <v>18</v>
      </c>
      <c r="G9658" s="6" t="s">
        <v>18903</v>
      </c>
      <c r="H9658" s="6" t="s">
        <v>18904</v>
      </c>
      <c r="I9658" s="7">
        <v>4.9827300000000001</v>
      </c>
      <c r="J9658" s="8">
        <v>-75.605260000000001</v>
      </c>
    </row>
    <row r="9659" spans="1:10" x14ac:dyDescent="0.35">
      <c r="A9659" s="5" t="s">
        <v>10</v>
      </c>
      <c r="B9659" s="6">
        <v>237647</v>
      </c>
      <c r="C9659" s="6" t="s">
        <v>42</v>
      </c>
      <c r="D9659" s="6" t="s">
        <v>43</v>
      </c>
      <c r="E9659" s="6">
        <v>17001</v>
      </c>
      <c r="F9659" s="6" t="s">
        <v>18</v>
      </c>
      <c r="G9659" s="6" t="s">
        <v>18905</v>
      </c>
      <c r="H9659" s="6" t="s">
        <v>18906</v>
      </c>
      <c r="I9659" s="7">
        <v>5.0428021000000003</v>
      </c>
      <c r="J9659" s="8">
        <v>-75.540482100000006</v>
      </c>
    </row>
    <row r="9660" spans="1:10" x14ac:dyDescent="0.35">
      <c r="A9660" s="5" t="s">
        <v>10</v>
      </c>
      <c r="B9660" s="6">
        <v>223789</v>
      </c>
      <c r="C9660" s="6" t="s">
        <v>24</v>
      </c>
      <c r="D9660" s="6" t="s">
        <v>88</v>
      </c>
      <c r="E9660" s="6">
        <v>15001</v>
      </c>
      <c r="F9660" s="6" t="s">
        <v>2161</v>
      </c>
      <c r="G9660" s="6" t="s">
        <v>18907</v>
      </c>
      <c r="H9660" s="6" t="s">
        <v>18908</v>
      </c>
      <c r="I9660" s="7">
        <v>5.5340439999999997</v>
      </c>
      <c r="J9660" s="8">
        <v>-73.362579699999998</v>
      </c>
    </row>
    <row r="9661" spans="1:10" x14ac:dyDescent="0.35">
      <c r="A9661" s="5" t="s">
        <v>10</v>
      </c>
      <c r="B9661" s="6">
        <v>232869</v>
      </c>
      <c r="C9661" s="6" t="s">
        <v>11</v>
      </c>
      <c r="D9661" s="6" t="s">
        <v>337</v>
      </c>
      <c r="E9661" s="6">
        <v>25290</v>
      </c>
      <c r="F9661" s="6" t="s">
        <v>18</v>
      </c>
      <c r="G9661" s="6" t="s">
        <v>18909</v>
      </c>
      <c r="H9661" s="6" t="s">
        <v>18910</v>
      </c>
      <c r="I9661" s="7">
        <v>4.3426200000000001</v>
      </c>
      <c r="J9661" s="8">
        <v>-74.356780000000001</v>
      </c>
    </row>
    <row r="9662" spans="1:10" x14ac:dyDescent="0.35">
      <c r="A9662" s="5" t="s">
        <v>10</v>
      </c>
      <c r="B9662" s="6">
        <v>225343</v>
      </c>
      <c r="C9662" s="6" t="s">
        <v>94</v>
      </c>
      <c r="D9662" s="6" t="s">
        <v>98</v>
      </c>
      <c r="E9662" s="6">
        <v>66001</v>
      </c>
      <c r="F9662" s="6" t="s">
        <v>13</v>
      </c>
      <c r="G9662" s="6" t="s">
        <v>18911</v>
      </c>
      <c r="H9662" s="6" t="s">
        <v>18912</v>
      </c>
      <c r="I9662" s="7">
        <v>4.8150867000000002</v>
      </c>
      <c r="J9662" s="8">
        <v>-75.697027000000006</v>
      </c>
    </row>
    <row r="9663" spans="1:10" x14ac:dyDescent="0.35">
      <c r="A9663" s="5" t="s">
        <v>10</v>
      </c>
      <c r="B9663" s="6">
        <v>141692</v>
      </c>
      <c r="C9663" s="6" t="s">
        <v>11</v>
      </c>
      <c r="D9663" s="6" t="s">
        <v>3104</v>
      </c>
      <c r="E9663" s="6">
        <v>25245</v>
      </c>
      <c r="F9663" s="6" t="s">
        <v>13</v>
      </c>
      <c r="G9663" s="6" t="s">
        <v>3507</v>
      </c>
      <c r="H9663" s="6" t="s">
        <v>3508</v>
      </c>
      <c r="I9663" s="7">
        <v>4.5744106000000002</v>
      </c>
      <c r="J9663" s="8">
        <v>-74.305294399999994</v>
      </c>
    </row>
    <row r="9664" spans="1:10" x14ac:dyDescent="0.35">
      <c r="A9664" s="5" t="s">
        <v>10</v>
      </c>
      <c r="B9664" s="6">
        <v>238174</v>
      </c>
      <c r="C9664" s="6" t="s">
        <v>109</v>
      </c>
      <c r="D9664" s="6" t="s">
        <v>9534</v>
      </c>
      <c r="E9664" s="6">
        <v>13620</v>
      </c>
      <c r="F9664" s="6" t="s">
        <v>18</v>
      </c>
      <c r="G9664" s="6" t="s">
        <v>18913</v>
      </c>
      <c r="H9664" s="6" t="s">
        <v>18914</v>
      </c>
      <c r="I9664" s="7">
        <v>6.2723139000000003</v>
      </c>
      <c r="J9664" s="8">
        <v>-75.637057100000007</v>
      </c>
    </row>
    <row r="9665" spans="1:10" x14ac:dyDescent="0.35">
      <c r="A9665" s="5" t="s">
        <v>10</v>
      </c>
      <c r="B9665" s="6">
        <v>229827</v>
      </c>
      <c r="C9665" s="6" t="s">
        <v>55</v>
      </c>
      <c r="D9665" s="6" t="s">
        <v>56</v>
      </c>
      <c r="E9665" s="6">
        <v>73001</v>
      </c>
      <c r="F9665" s="6" t="s">
        <v>18</v>
      </c>
      <c r="G9665" s="6" t="s">
        <v>18915</v>
      </c>
      <c r="H9665" s="6" t="s">
        <v>18916</v>
      </c>
      <c r="I9665" s="7">
        <v>4.4424190000000001</v>
      </c>
      <c r="J9665" s="8">
        <v>-75.1711904</v>
      </c>
    </row>
    <row r="9666" spans="1:10" x14ac:dyDescent="0.35">
      <c r="A9666" s="5" t="s">
        <v>10</v>
      </c>
      <c r="B9666" s="6">
        <v>205883</v>
      </c>
      <c r="C9666" s="6" t="s">
        <v>55</v>
      </c>
      <c r="D9666" s="6" t="s">
        <v>56</v>
      </c>
      <c r="E9666" s="6">
        <v>73001</v>
      </c>
      <c r="F9666" s="6" t="s">
        <v>18</v>
      </c>
      <c r="G9666" s="6" t="s">
        <v>18917</v>
      </c>
      <c r="H9666" s="6" t="s">
        <v>18918</v>
      </c>
      <c r="I9666" s="7">
        <v>4.4524224999999999</v>
      </c>
      <c r="J9666" s="8">
        <v>-75.239853400000001</v>
      </c>
    </row>
    <row r="9667" spans="1:10" x14ac:dyDescent="0.35">
      <c r="A9667" s="5" t="s">
        <v>10</v>
      </c>
      <c r="B9667" s="6">
        <v>230788</v>
      </c>
      <c r="C9667" s="6" t="s">
        <v>24</v>
      </c>
      <c r="D9667" s="6" t="s">
        <v>1667</v>
      </c>
      <c r="E9667" s="6">
        <v>15822</v>
      </c>
      <c r="F9667" s="6" t="s">
        <v>18</v>
      </c>
      <c r="G9667" s="6" t="s">
        <v>18919</v>
      </c>
      <c r="H9667" s="6" t="s">
        <v>18920</v>
      </c>
      <c r="I9667" s="7">
        <v>5.5601763999999996</v>
      </c>
      <c r="J9667" s="8">
        <v>-72.986154600000006</v>
      </c>
    </row>
    <row r="9668" spans="1:10" x14ac:dyDescent="0.35">
      <c r="A9668" s="5" t="s">
        <v>10</v>
      </c>
      <c r="B9668" s="6">
        <v>214066</v>
      </c>
      <c r="C9668" s="6" t="s">
        <v>466</v>
      </c>
      <c r="D9668" s="6" t="s">
        <v>467</v>
      </c>
      <c r="E9668" s="6">
        <v>81736</v>
      </c>
      <c r="F9668" s="6" t="s">
        <v>18</v>
      </c>
      <c r="G9668" s="6" t="s">
        <v>18921</v>
      </c>
      <c r="H9668" s="6" t="s">
        <v>18922</v>
      </c>
      <c r="I9668" s="7">
        <v>6.9561756999999904</v>
      </c>
      <c r="J9668" s="8">
        <v>-71.872478200000003</v>
      </c>
    </row>
    <row r="9669" spans="1:10" x14ac:dyDescent="0.35">
      <c r="A9669" s="5" t="s">
        <v>10</v>
      </c>
      <c r="B9669" s="6">
        <v>211352</v>
      </c>
      <c r="C9669" s="6" t="s">
        <v>11</v>
      </c>
      <c r="D9669" s="6" t="s">
        <v>12</v>
      </c>
      <c r="E9669" s="6">
        <v>25899</v>
      </c>
      <c r="F9669" s="6" t="s">
        <v>2161</v>
      </c>
      <c r="G9669" s="6" t="s">
        <v>8539</v>
      </c>
      <c r="H9669" s="6" t="s">
        <v>18923</v>
      </c>
      <c r="I9669" s="7">
        <v>5.0214759999999998</v>
      </c>
      <c r="J9669" s="8">
        <v>-73.990955</v>
      </c>
    </row>
    <row r="9670" spans="1:10" x14ac:dyDescent="0.35">
      <c r="A9670" s="5" t="s">
        <v>10</v>
      </c>
      <c r="B9670" s="6">
        <v>141709</v>
      </c>
      <c r="C9670" s="6" t="s">
        <v>11</v>
      </c>
      <c r="D9670" s="6" t="s">
        <v>1752</v>
      </c>
      <c r="E9670" s="6">
        <v>25799</v>
      </c>
      <c r="F9670" s="6" t="s">
        <v>13</v>
      </c>
      <c r="G9670" s="6" t="s">
        <v>1753</v>
      </c>
      <c r="H9670" s="6" t="s">
        <v>1754</v>
      </c>
      <c r="I9670" s="7">
        <v>4.8727109999999998</v>
      </c>
      <c r="J9670" s="8">
        <v>-74.144870100000006</v>
      </c>
    </row>
    <row r="9671" spans="1:10" x14ac:dyDescent="0.35">
      <c r="A9671" s="5" t="s">
        <v>10</v>
      </c>
      <c r="B9671" s="6">
        <v>236056</v>
      </c>
      <c r="C9671" s="6" t="s">
        <v>28</v>
      </c>
      <c r="D9671" s="6" t="s">
        <v>18924</v>
      </c>
      <c r="E9671" s="6">
        <v>54223</v>
      </c>
      <c r="F9671" s="6" t="s">
        <v>18</v>
      </c>
      <c r="G9671" s="6" t="s">
        <v>18925</v>
      </c>
      <c r="H9671" s="6" t="s">
        <v>18926</v>
      </c>
      <c r="I9671" s="7">
        <v>7.5371328999999996</v>
      </c>
      <c r="J9671" s="8">
        <v>-72.771821099999997</v>
      </c>
    </row>
    <row r="9672" spans="1:10" x14ac:dyDescent="0.35">
      <c r="A9672" s="5" t="s">
        <v>10</v>
      </c>
      <c r="B9672" s="6">
        <v>209535</v>
      </c>
      <c r="C9672" s="6" t="s">
        <v>109</v>
      </c>
      <c r="D9672" s="6" t="s">
        <v>18927</v>
      </c>
      <c r="E9672" s="6">
        <v>13052</v>
      </c>
      <c r="F9672" s="6" t="s">
        <v>2161</v>
      </c>
      <c r="G9672" s="6" t="s">
        <v>18928</v>
      </c>
      <c r="H9672" s="6" t="s">
        <v>18929</v>
      </c>
      <c r="I9672" s="7">
        <v>10.259879700000001</v>
      </c>
      <c r="J9672" s="8">
        <v>-75.350656799999996</v>
      </c>
    </row>
    <row r="9673" spans="1:10" x14ac:dyDescent="0.35">
      <c r="A9673" s="5" t="s">
        <v>10</v>
      </c>
      <c r="B9673" s="6">
        <v>147868</v>
      </c>
      <c r="C9673" s="6" t="s">
        <v>11</v>
      </c>
      <c r="D9673" s="6" t="s">
        <v>3054</v>
      </c>
      <c r="E9673" s="6">
        <v>25269</v>
      </c>
      <c r="F9673" s="6" t="s">
        <v>13</v>
      </c>
      <c r="G9673" s="6" t="s">
        <v>17788</v>
      </c>
      <c r="H9673" s="6" t="s">
        <v>17789</v>
      </c>
      <c r="I9673" s="7">
        <v>4.8097642</v>
      </c>
      <c r="J9673" s="8">
        <v>-74.356405499999994</v>
      </c>
    </row>
    <row r="9674" spans="1:10" x14ac:dyDescent="0.35">
      <c r="A9674" s="5" t="s">
        <v>10</v>
      </c>
      <c r="B9674" s="6">
        <v>189254</v>
      </c>
      <c r="C9674" s="6" t="s">
        <v>94</v>
      </c>
      <c r="D9674" s="6" t="s">
        <v>178</v>
      </c>
      <c r="E9674" s="6">
        <v>66318</v>
      </c>
      <c r="F9674" s="6" t="s">
        <v>18</v>
      </c>
      <c r="G9674" s="6" t="s">
        <v>18930</v>
      </c>
      <c r="H9674" s="6" t="s">
        <v>18931</v>
      </c>
      <c r="I9674" s="7">
        <v>5.3180740000000002</v>
      </c>
      <c r="J9674" s="8">
        <v>-75.786411000000001</v>
      </c>
    </row>
    <row r="9675" spans="1:10" x14ac:dyDescent="0.35">
      <c r="A9675" s="5" t="s">
        <v>10</v>
      </c>
      <c r="B9675" s="6">
        <v>234895</v>
      </c>
      <c r="C9675" s="6" t="s">
        <v>11</v>
      </c>
      <c r="D9675" s="6" t="s">
        <v>1547</v>
      </c>
      <c r="E9675" s="6">
        <v>25817</v>
      </c>
      <c r="F9675" s="6" t="s">
        <v>2161</v>
      </c>
      <c r="G9675" s="6" t="s">
        <v>18932</v>
      </c>
      <c r="H9675" s="6" t="s">
        <v>18933</v>
      </c>
      <c r="I9675" s="7">
        <v>4.9966299999999997</v>
      </c>
      <c r="J9675" s="8">
        <v>-73.920479999999998</v>
      </c>
    </row>
    <row r="9676" spans="1:10" x14ac:dyDescent="0.35">
      <c r="A9676" s="5" t="s">
        <v>10</v>
      </c>
      <c r="B9676" s="6">
        <v>211354</v>
      </c>
      <c r="C9676" s="6" t="s">
        <v>11</v>
      </c>
      <c r="D9676" s="6" t="s">
        <v>407</v>
      </c>
      <c r="E9676" s="6">
        <v>25126</v>
      </c>
      <c r="F9676" s="6" t="s">
        <v>2161</v>
      </c>
      <c r="G9676" s="6" t="s">
        <v>18934</v>
      </c>
      <c r="H9676" s="6" t="s">
        <v>18935</v>
      </c>
      <c r="I9676" s="7">
        <v>4.9204211999999998</v>
      </c>
      <c r="J9676" s="8">
        <v>-74.033011599999995</v>
      </c>
    </row>
    <row r="9677" spans="1:10" x14ac:dyDescent="0.35">
      <c r="A9677" s="5" t="s">
        <v>10</v>
      </c>
      <c r="B9677" s="6">
        <v>232705</v>
      </c>
      <c r="C9677" s="6" t="s">
        <v>457</v>
      </c>
      <c r="D9677" s="6" t="s">
        <v>4400</v>
      </c>
      <c r="E9677" s="6">
        <v>52001</v>
      </c>
      <c r="F9677" s="6" t="s">
        <v>2161</v>
      </c>
      <c r="G9677" s="6" t="s">
        <v>18936</v>
      </c>
      <c r="H9677" s="6" t="s">
        <v>18937</v>
      </c>
      <c r="I9677" s="7">
        <v>1.2011461000000001</v>
      </c>
      <c r="J9677" s="8">
        <v>-77.269418599999995</v>
      </c>
    </row>
    <row r="9678" spans="1:10" x14ac:dyDescent="0.35">
      <c r="A9678" s="5" t="s">
        <v>10</v>
      </c>
      <c r="B9678" s="6">
        <v>141688</v>
      </c>
      <c r="C9678" s="6" t="s">
        <v>11</v>
      </c>
      <c r="D9678" s="6" t="s">
        <v>513</v>
      </c>
      <c r="E9678" s="6">
        <v>25286</v>
      </c>
      <c r="F9678" s="6" t="s">
        <v>13</v>
      </c>
      <c r="G9678" s="6" t="s">
        <v>1650</v>
      </c>
      <c r="H9678" s="6" t="s">
        <v>1651</v>
      </c>
      <c r="I9678" s="7">
        <v>4.7162769999999998</v>
      </c>
      <c r="J9678" s="8">
        <v>-74.213265300000003</v>
      </c>
    </row>
    <row r="9679" spans="1:10" x14ac:dyDescent="0.35">
      <c r="A9679" s="5" t="s">
        <v>10</v>
      </c>
      <c r="B9679" s="6">
        <v>246083</v>
      </c>
      <c r="C9679" s="6" t="s">
        <v>68</v>
      </c>
      <c r="D9679" s="6" t="s">
        <v>69</v>
      </c>
      <c r="E9679" s="6">
        <v>11001</v>
      </c>
      <c r="F9679" s="6" t="s">
        <v>13</v>
      </c>
      <c r="G9679" s="6" t="s">
        <v>18938</v>
      </c>
      <c r="H9679" s="6" t="s">
        <v>18939</v>
      </c>
      <c r="I9679" s="7">
        <v>4.5144808999999997</v>
      </c>
      <c r="J9679" s="8">
        <v>-74.116697900000005</v>
      </c>
    </row>
    <row r="9680" spans="1:10" x14ac:dyDescent="0.35">
      <c r="A9680" s="5" t="s">
        <v>10</v>
      </c>
      <c r="B9680" s="6">
        <v>184815</v>
      </c>
      <c r="C9680" s="6" t="s">
        <v>308</v>
      </c>
      <c r="D9680" s="6" t="s">
        <v>309</v>
      </c>
      <c r="E9680" s="6">
        <v>23001</v>
      </c>
      <c r="F9680" s="6" t="s">
        <v>13</v>
      </c>
      <c r="G9680" s="6" t="s">
        <v>160</v>
      </c>
      <c r="H9680" s="6" t="s">
        <v>310</v>
      </c>
      <c r="I9680" s="7">
        <v>8.7453120000000002</v>
      </c>
      <c r="J9680" s="8">
        <v>-75.893833599999994</v>
      </c>
    </row>
    <row r="9681" spans="1:10" x14ac:dyDescent="0.35">
      <c r="A9681" s="5" t="s">
        <v>10</v>
      </c>
      <c r="B9681" s="6">
        <v>236309</v>
      </c>
      <c r="C9681" s="6" t="s">
        <v>2130</v>
      </c>
      <c r="D9681" s="6" t="s">
        <v>370</v>
      </c>
      <c r="E9681" s="6">
        <v>85440</v>
      </c>
      <c r="F9681" s="6" t="s">
        <v>13</v>
      </c>
      <c r="G9681" s="6" t="s">
        <v>18940</v>
      </c>
      <c r="H9681" s="6" t="s">
        <v>18941</v>
      </c>
      <c r="I9681" s="7">
        <v>4.6034877999999999</v>
      </c>
      <c r="J9681" s="8">
        <v>-72.9327763</v>
      </c>
    </row>
    <row r="9682" spans="1:10" x14ac:dyDescent="0.35">
      <c r="A9682" s="5" t="s">
        <v>10</v>
      </c>
      <c r="B9682" s="6">
        <v>69597</v>
      </c>
      <c r="C9682" s="6" t="s">
        <v>16</v>
      </c>
      <c r="D9682" s="6" t="s">
        <v>11391</v>
      </c>
      <c r="E9682" s="6">
        <v>68250</v>
      </c>
      <c r="F9682" s="6" t="s">
        <v>18</v>
      </c>
      <c r="G9682" s="6" t="s">
        <v>18942</v>
      </c>
      <c r="H9682" s="6" t="s">
        <v>18943</v>
      </c>
      <c r="I9682" s="7">
        <v>6.0547173999999897</v>
      </c>
      <c r="J9682" s="8">
        <v>-73.815910899999906</v>
      </c>
    </row>
    <row r="9683" spans="1:10" x14ac:dyDescent="0.35">
      <c r="A9683" s="5" t="s">
        <v>10</v>
      </c>
      <c r="B9683" s="6">
        <v>233960</v>
      </c>
      <c r="C9683" s="6" t="s">
        <v>42</v>
      </c>
      <c r="D9683" s="6" t="s">
        <v>46</v>
      </c>
      <c r="E9683" s="6">
        <v>17174</v>
      </c>
      <c r="F9683" s="6" t="s">
        <v>18</v>
      </c>
      <c r="G9683" s="6" t="s">
        <v>18944</v>
      </c>
      <c r="H9683" s="6" t="s">
        <v>18945</v>
      </c>
      <c r="I9683" s="7">
        <v>4.9852442999999997</v>
      </c>
      <c r="J9683" s="8">
        <v>-75.605827099999999</v>
      </c>
    </row>
    <row r="9684" spans="1:10" x14ac:dyDescent="0.35">
      <c r="A9684" s="5" t="s">
        <v>10</v>
      </c>
      <c r="B9684" s="6">
        <v>216572</v>
      </c>
      <c r="C9684" s="6" t="s">
        <v>2821</v>
      </c>
      <c r="D9684" s="6" t="s">
        <v>9495</v>
      </c>
      <c r="E9684" s="6">
        <v>47245</v>
      </c>
      <c r="F9684" s="6" t="s">
        <v>2161</v>
      </c>
      <c r="G9684" s="6" t="s">
        <v>18946</v>
      </c>
      <c r="H9684" s="6" t="s">
        <v>18947</v>
      </c>
      <c r="I9684" s="7">
        <v>9.0035069999999902</v>
      </c>
      <c r="J9684" s="8">
        <v>-73.973863999999907</v>
      </c>
    </row>
    <row r="9685" spans="1:10" x14ac:dyDescent="0.35">
      <c r="A9685" s="5" t="s">
        <v>10</v>
      </c>
      <c r="B9685" s="6">
        <v>220741</v>
      </c>
      <c r="C9685" s="6" t="s">
        <v>11</v>
      </c>
      <c r="D9685" s="6" t="s">
        <v>221</v>
      </c>
      <c r="E9685" s="6">
        <v>25430</v>
      </c>
      <c r="F9685" s="6" t="s">
        <v>2161</v>
      </c>
      <c r="G9685" s="6" t="s">
        <v>18948</v>
      </c>
      <c r="H9685" s="6" t="s">
        <v>18949</v>
      </c>
      <c r="I9685" s="7">
        <v>4.7362820000000001</v>
      </c>
      <c r="J9685" s="8">
        <v>-74.261309799999907</v>
      </c>
    </row>
    <row r="9686" spans="1:10" x14ac:dyDescent="0.35">
      <c r="A9686" s="5" t="s">
        <v>10</v>
      </c>
      <c r="B9686" s="6">
        <v>220749</v>
      </c>
      <c r="C9686" s="6" t="s">
        <v>16</v>
      </c>
      <c r="D9686" s="6" t="s">
        <v>510</v>
      </c>
      <c r="E9686" s="6">
        <v>68547</v>
      </c>
      <c r="F9686" s="6" t="s">
        <v>2161</v>
      </c>
      <c r="G9686" s="6" t="s">
        <v>18950</v>
      </c>
      <c r="H9686" s="6" t="s">
        <v>18951</v>
      </c>
      <c r="I9686" s="7">
        <v>6.9918934999999998</v>
      </c>
      <c r="J9686" s="8">
        <v>-73.062920300000002</v>
      </c>
    </row>
    <row r="9687" spans="1:10" x14ac:dyDescent="0.35">
      <c r="A9687" s="5" t="s">
        <v>10</v>
      </c>
      <c r="B9687" s="6">
        <v>141690</v>
      </c>
      <c r="C9687" s="6" t="s">
        <v>11</v>
      </c>
      <c r="D9687" s="6" t="s">
        <v>101</v>
      </c>
      <c r="E9687" s="6">
        <v>25473</v>
      </c>
      <c r="F9687" s="6" t="s">
        <v>13</v>
      </c>
      <c r="G9687" s="6" t="s">
        <v>403</v>
      </c>
      <c r="H9687" s="6" t="s">
        <v>404</v>
      </c>
      <c r="I9687" s="7">
        <v>4.6802367</v>
      </c>
      <c r="J9687" s="8">
        <v>-74.229671300000007</v>
      </c>
    </row>
    <row r="9688" spans="1:10" x14ac:dyDescent="0.35">
      <c r="A9688" s="5" t="s">
        <v>10</v>
      </c>
      <c r="B9688" s="6">
        <v>147868</v>
      </c>
      <c r="C9688" s="6" t="s">
        <v>11</v>
      </c>
      <c r="D9688" s="6" t="s">
        <v>3054</v>
      </c>
      <c r="E9688" s="6">
        <v>25269</v>
      </c>
      <c r="F9688" s="6" t="s">
        <v>13</v>
      </c>
      <c r="G9688" s="6" t="s">
        <v>17788</v>
      </c>
      <c r="H9688" s="6" t="s">
        <v>17789</v>
      </c>
      <c r="I9688" s="7">
        <v>4.8097642</v>
      </c>
      <c r="J9688" s="8">
        <v>-74.356405499999994</v>
      </c>
    </row>
    <row r="9689" spans="1:10" x14ac:dyDescent="0.35">
      <c r="A9689" s="5" t="s">
        <v>10</v>
      </c>
      <c r="B9689" s="6">
        <v>225349</v>
      </c>
      <c r="C9689" s="6" t="s">
        <v>42</v>
      </c>
      <c r="D9689" s="6" t="s">
        <v>43</v>
      </c>
      <c r="E9689" s="6">
        <v>17001</v>
      </c>
      <c r="F9689" s="6" t="s">
        <v>13</v>
      </c>
      <c r="G9689" s="6" t="s">
        <v>18952</v>
      </c>
      <c r="H9689" s="6" t="s">
        <v>18953</v>
      </c>
      <c r="I9689" s="7">
        <v>5.0629742999999996</v>
      </c>
      <c r="J9689" s="8">
        <v>-75.502769799999996</v>
      </c>
    </row>
    <row r="9690" spans="1:10" x14ac:dyDescent="0.35">
      <c r="A9690" s="5" t="s">
        <v>10</v>
      </c>
      <c r="B9690" s="6">
        <v>209583</v>
      </c>
      <c r="C9690" s="6" t="s">
        <v>61</v>
      </c>
      <c r="D9690" s="6" t="s">
        <v>62</v>
      </c>
      <c r="E9690" s="6">
        <v>63001</v>
      </c>
      <c r="F9690" s="6" t="s">
        <v>18</v>
      </c>
      <c r="G9690" s="6" t="s">
        <v>18954</v>
      </c>
      <c r="H9690" s="6" t="s">
        <v>18955</v>
      </c>
      <c r="I9690" s="7">
        <v>4.5161936999999996</v>
      </c>
      <c r="J9690" s="8">
        <v>-75.712137299999995</v>
      </c>
    </row>
    <row r="9691" spans="1:10" x14ac:dyDescent="0.35">
      <c r="A9691" s="5" t="s">
        <v>10</v>
      </c>
      <c r="B9691" s="6">
        <v>98871</v>
      </c>
      <c r="C9691" s="6" t="s">
        <v>294</v>
      </c>
      <c r="D9691" s="6" t="s">
        <v>3774</v>
      </c>
      <c r="E9691" s="6">
        <v>41518</v>
      </c>
      <c r="F9691" s="6" t="s">
        <v>13</v>
      </c>
      <c r="G9691" s="6" t="s">
        <v>18956</v>
      </c>
      <c r="H9691" s="6" t="s">
        <v>18957</v>
      </c>
      <c r="I9691" s="7">
        <v>2.4405233000000002</v>
      </c>
      <c r="J9691" s="8">
        <v>-76.608055399999998</v>
      </c>
    </row>
    <row r="9692" spans="1:10" x14ac:dyDescent="0.35">
      <c r="A9692" s="5" t="s">
        <v>10</v>
      </c>
      <c r="B9692" s="6">
        <v>173765</v>
      </c>
      <c r="C9692" s="6" t="s">
        <v>28</v>
      </c>
      <c r="D9692" s="6" t="s">
        <v>29</v>
      </c>
      <c r="E9692" s="6">
        <v>54001</v>
      </c>
      <c r="F9692" s="6" t="s">
        <v>13</v>
      </c>
      <c r="G9692" s="6" t="s">
        <v>1087</v>
      </c>
      <c r="H9692" s="6" t="s">
        <v>18539</v>
      </c>
      <c r="I9692" s="7">
        <v>7.8853853999999997</v>
      </c>
      <c r="J9692" s="8">
        <v>-72.502399800000006</v>
      </c>
    </row>
    <row r="9693" spans="1:10" x14ac:dyDescent="0.35">
      <c r="A9693" s="5" t="s">
        <v>10</v>
      </c>
      <c r="B9693" s="6">
        <v>158369</v>
      </c>
      <c r="C9693" s="6" t="s">
        <v>94</v>
      </c>
      <c r="D9693" s="6" t="s">
        <v>98</v>
      </c>
      <c r="E9693" s="6">
        <v>66001</v>
      </c>
      <c r="F9693" s="6" t="s">
        <v>13</v>
      </c>
      <c r="G9693" s="6" t="s">
        <v>306</v>
      </c>
      <c r="H9693" s="6" t="s">
        <v>307</v>
      </c>
      <c r="I9693" s="7">
        <v>4.8058074</v>
      </c>
      <c r="J9693" s="8">
        <v>-75.694122800000002</v>
      </c>
    </row>
    <row r="9694" spans="1:10" x14ac:dyDescent="0.35">
      <c r="A9694" s="5" t="s">
        <v>10</v>
      </c>
      <c r="B9694" s="6">
        <v>212723</v>
      </c>
      <c r="C9694" s="6" t="s">
        <v>16</v>
      </c>
      <c r="D9694" s="6" t="s">
        <v>1783</v>
      </c>
      <c r="E9694" s="6">
        <v>68745</v>
      </c>
      <c r="F9694" s="6" t="s">
        <v>18</v>
      </c>
      <c r="G9694" s="6" t="s">
        <v>1920</v>
      </c>
      <c r="H9694" s="6" t="s">
        <v>1921</v>
      </c>
      <c r="I9694" s="7">
        <v>6.4435880000000001</v>
      </c>
      <c r="J9694" s="8">
        <v>-73.337533999999906</v>
      </c>
    </row>
    <row r="9695" spans="1:10" x14ac:dyDescent="0.35">
      <c r="A9695" s="5" t="s">
        <v>10</v>
      </c>
      <c r="B9695" s="6">
        <v>79450</v>
      </c>
      <c r="C9695" s="6" t="s">
        <v>11</v>
      </c>
      <c r="D9695" s="6" t="s">
        <v>1997</v>
      </c>
      <c r="E9695" s="6">
        <v>25797</v>
      </c>
      <c r="F9695" s="6" t="s">
        <v>18</v>
      </c>
      <c r="G9695" s="6" t="s">
        <v>18958</v>
      </c>
      <c r="H9695" s="6" t="s">
        <v>18959</v>
      </c>
      <c r="I9695" s="7">
        <v>4.8084141999999996</v>
      </c>
      <c r="J9695" s="8">
        <v>-74.354868099999905</v>
      </c>
    </row>
    <row r="9696" spans="1:10" x14ac:dyDescent="0.35">
      <c r="A9696" s="5" t="s">
        <v>10</v>
      </c>
      <c r="B9696" s="6">
        <v>224558</v>
      </c>
      <c r="C9696" s="6" t="s">
        <v>11</v>
      </c>
      <c r="D9696" s="6" t="s">
        <v>3054</v>
      </c>
      <c r="E9696" s="6">
        <v>25269</v>
      </c>
      <c r="F9696" s="6" t="s">
        <v>2161</v>
      </c>
      <c r="G9696" s="6" t="s">
        <v>18960</v>
      </c>
      <c r="H9696" s="6" t="s">
        <v>18961</v>
      </c>
      <c r="I9696" s="7">
        <v>4.8071671</v>
      </c>
      <c r="J9696" s="8">
        <v>-74.349837699999995</v>
      </c>
    </row>
    <row r="9697" spans="1:10" x14ac:dyDescent="0.35">
      <c r="A9697" s="5" t="s">
        <v>10</v>
      </c>
      <c r="B9697" s="6">
        <v>141701</v>
      </c>
      <c r="C9697" s="6" t="s">
        <v>11</v>
      </c>
      <c r="D9697" s="6" t="s">
        <v>1206</v>
      </c>
      <c r="E9697" s="6">
        <v>25875</v>
      </c>
      <c r="F9697" s="6" t="s">
        <v>13</v>
      </c>
      <c r="G9697" s="6" t="s">
        <v>18180</v>
      </c>
      <c r="H9697" s="6" t="s">
        <v>18181</v>
      </c>
      <c r="I9697" s="7">
        <v>5.0113294000000002</v>
      </c>
      <c r="J9697" s="8">
        <v>-74.470791000000006</v>
      </c>
    </row>
    <row r="9698" spans="1:10" x14ac:dyDescent="0.35">
      <c r="A9698" s="5" t="s">
        <v>10</v>
      </c>
      <c r="B9698" s="6">
        <v>153923</v>
      </c>
      <c r="C9698" s="6" t="s">
        <v>16</v>
      </c>
      <c r="D9698" s="6" t="s">
        <v>1257</v>
      </c>
      <c r="E9698" s="6">
        <v>68770</v>
      </c>
      <c r="F9698" s="6" t="s">
        <v>18</v>
      </c>
      <c r="G9698" s="6" t="s">
        <v>2883</v>
      </c>
      <c r="H9698" s="6" t="s">
        <v>2884</v>
      </c>
      <c r="I9698" s="7">
        <v>6.0993532999999998</v>
      </c>
      <c r="J9698" s="8">
        <v>-73.443174999999997</v>
      </c>
    </row>
    <row r="9699" spans="1:10" x14ac:dyDescent="0.35">
      <c r="A9699" s="5" t="s">
        <v>10</v>
      </c>
      <c r="B9699" s="6">
        <v>230853</v>
      </c>
      <c r="C9699" s="6" t="s">
        <v>11</v>
      </c>
      <c r="D9699" s="6" t="s">
        <v>997</v>
      </c>
      <c r="E9699" s="6">
        <v>25599</v>
      </c>
      <c r="F9699" s="6" t="s">
        <v>18</v>
      </c>
      <c r="G9699" s="6" t="s">
        <v>18962</v>
      </c>
      <c r="H9699" s="6" t="s">
        <v>18963</v>
      </c>
      <c r="I9699" s="7">
        <v>4.5572518999999998</v>
      </c>
      <c r="J9699" s="8">
        <v>-74.528656699999999</v>
      </c>
    </row>
    <row r="9700" spans="1:10" x14ac:dyDescent="0.35">
      <c r="A9700" s="5" t="s">
        <v>10</v>
      </c>
      <c r="B9700" s="6">
        <v>239033</v>
      </c>
      <c r="C9700" s="6" t="s">
        <v>24</v>
      </c>
      <c r="D9700" s="6" t="s">
        <v>317</v>
      </c>
      <c r="E9700" s="6">
        <v>15176</v>
      </c>
      <c r="F9700" s="6" t="s">
        <v>18</v>
      </c>
      <c r="G9700" s="6" t="s">
        <v>18964</v>
      </c>
      <c r="H9700" s="6" t="s">
        <v>18965</v>
      </c>
      <c r="I9700" s="7">
        <v>5.6109251999999996</v>
      </c>
      <c r="J9700" s="8">
        <v>-73.822194999999994</v>
      </c>
    </row>
    <row r="9701" spans="1:10" x14ac:dyDescent="0.35">
      <c r="A9701" s="5" t="s">
        <v>10</v>
      </c>
      <c r="B9701" s="6">
        <v>192793</v>
      </c>
      <c r="C9701" s="6" t="s">
        <v>28</v>
      </c>
      <c r="D9701" s="6" t="s">
        <v>29</v>
      </c>
      <c r="E9701" s="6">
        <v>54001</v>
      </c>
      <c r="F9701" s="6" t="s">
        <v>18</v>
      </c>
      <c r="G9701" s="6" t="s">
        <v>18966</v>
      </c>
      <c r="H9701" s="6" t="s">
        <v>18967</v>
      </c>
      <c r="I9701" s="7">
        <v>7.8951100999999904</v>
      </c>
      <c r="J9701" s="8">
        <v>-72.510869499999998</v>
      </c>
    </row>
    <row r="9702" spans="1:10" x14ac:dyDescent="0.35">
      <c r="A9702" s="5" t="s">
        <v>10</v>
      </c>
      <c r="B9702" s="6">
        <v>230366</v>
      </c>
      <c r="C9702" s="6" t="s">
        <v>11</v>
      </c>
      <c r="D9702" s="6" t="s">
        <v>101</v>
      </c>
      <c r="E9702" s="6">
        <v>25473</v>
      </c>
      <c r="F9702" s="6" t="s">
        <v>2161</v>
      </c>
      <c r="G9702" s="6" t="s">
        <v>18968</v>
      </c>
      <c r="H9702" s="6" t="s">
        <v>18969</v>
      </c>
      <c r="I9702" s="7">
        <v>4.7141481000000001</v>
      </c>
      <c r="J9702" s="8">
        <v>-74.230301799999907</v>
      </c>
    </row>
    <row r="9703" spans="1:10" x14ac:dyDescent="0.35">
      <c r="A9703" s="5" t="s">
        <v>10</v>
      </c>
      <c r="B9703" s="6">
        <v>141704</v>
      </c>
      <c r="C9703" s="6" t="s">
        <v>11</v>
      </c>
      <c r="D9703" s="6" t="s">
        <v>4030</v>
      </c>
      <c r="E9703" s="6">
        <v>25183</v>
      </c>
      <c r="F9703" s="6" t="s">
        <v>13</v>
      </c>
      <c r="G9703" s="6" t="s">
        <v>17808</v>
      </c>
      <c r="H9703" s="6" t="s">
        <v>17809</v>
      </c>
      <c r="I9703" s="7">
        <v>5.1455035000000002</v>
      </c>
      <c r="J9703" s="8">
        <v>-73.6851901</v>
      </c>
    </row>
    <row r="9704" spans="1:10" x14ac:dyDescent="0.35">
      <c r="A9704" s="5" t="s">
        <v>10</v>
      </c>
      <c r="B9704" s="6">
        <v>189212</v>
      </c>
      <c r="C9704" s="6" t="s">
        <v>16</v>
      </c>
      <c r="D9704" s="6" t="s">
        <v>224</v>
      </c>
      <c r="E9704" s="6">
        <v>68755</v>
      </c>
      <c r="F9704" s="6" t="s">
        <v>18</v>
      </c>
      <c r="G9704" s="6" t="s">
        <v>18573</v>
      </c>
      <c r="H9704" s="6" t="s">
        <v>18574</v>
      </c>
      <c r="I9704" s="7">
        <v>6.4726257999999897</v>
      </c>
      <c r="J9704" s="8">
        <v>-73.260164500000002</v>
      </c>
    </row>
    <row r="9705" spans="1:10" x14ac:dyDescent="0.35">
      <c r="A9705" s="5" t="s">
        <v>10</v>
      </c>
      <c r="B9705" s="6">
        <v>245652</v>
      </c>
      <c r="C9705" s="6" t="s">
        <v>42</v>
      </c>
      <c r="D9705" s="6" t="s">
        <v>18589</v>
      </c>
      <c r="E9705" s="6">
        <v>17867</v>
      </c>
      <c r="F9705" s="6" t="s">
        <v>18</v>
      </c>
      <c r="G9705" s="6" t="s">
        <v>18970</v>
      </c>
      <c r="H9705" s="6" t="s">
        <v>18971</v>
      </c>
      <c r="I9705" s="7">
        <v>5.3163321000000003</v>
      </c>
      <c r="J9705" s="8">
        <v>-74.911302599999999</v>
      </c>
    </row>
    <row r="9706" spans="1:10" x14ac:dyDescent="0.35">
      <c r="A9706" s="5" t="s">
        <v>10</v>
      </c>
      <c r="B9706" s="6">
        <v>235366</v>
      </c>
      <c r="C9706" s="6" t="s">
        <v>55</v>
      </c>
      <c r="D9706" s="6" t="s">
        <v>56</v>
      </c>
      <c r="E9706" s="6">
        <v>73001</v>
      </c>
      <c r="F9706" s="6" t="s">
        <v>18</v>
      </c>
      <c r="G9706" s="6" t="s">
        <v>18972</v>
      </c>
      <c r="H9706" s="6" t="s">
        <v>18973</v>
      </c>
      <c r="I9706" s="7">
        <v>4.4473237000000001</v>
      </c>
      <c r="J9706" s="8">
        <v>-75.2480434</v>
      </c>
    </row>
    <row r="9707" spans="1:10" x14ac:dyDescent="0.35">
      <c r="A9707" s="5" t="s">
        <v>10</v>
      </c>
      <c r="B9707" s="6">
        <v>212128</v>
      </c>
      <c r="C9707" s="6" t="s">
        <v>11</v>
      </c>
      <c r="D9707" s="6" t="s">
        <v>221</v>
      </c>
      <c r="E9707" s="6">
        <v>25430</v>
      </c>
      <c r="F9707" s="6" t="s">
        <v>2161</v>
      </c>
      <c r="G9707" s="6" t="s">
        <v>18974</v>
      </c>
      <c r="H9707" s="6" t="s">
        <v>18975</v>
      </c>
      <c r="I9707" s="7">
        <v>4.7337220999999996</v>
      </c>
      <c r="J9707" s="8">
        <v>-74.262795099999906</v>
      </c>
    </row>
    <row r="9708" spans="1:10" x14ac:dyDescent="0.35">
      <c r="A9708" s="5" t="s">
        <v>10</v>
      </c>
      <c r="B9708" s="6">
        <v>212954</v>
      </c>
      <c r="C9708" s="6" t="s">
        <v>24</v>
      </c>
      <c r="D9708" s="6" t="s">
        <v>88</v>
      </c>
      <c r="E9708" s="6">
        <v>15001</v>
      </c>
      <c r="F9708" s="6" t="s">
        <v>2161</v>
      </c>
      <c r="G9708" s="6" t="s">
        <v>18976</v>
      </c>
      <c r="H9708" s="6" t="s">
        <v>18977</v>
      </c>
      <c r="I9708" s="7">
        <v>5.5339897999999996</v>
      </c>
      <c r="J9708" s="8">
        <v>-73.352323900000002</v>
      </c>
    </row>
    <row r="9709" spans="1:10" x14ac:dyDescent="0.35">
      <c r="A9709" s="5" t="s">
        <v>10</v>
      </c>
      <c r="B9709" s="6">
        <v>239512</v>
      </c>
      <c r="C9709" s="6" t="s">
        <v>16</v>
      </c>
      <c r="D9709" s="6" t="s">
        <v>78</v>
      </c>
      <c r="E9709" s="6">
        <v>68001</v>
      </c>
      <c r="F9709" s="6" t="s">
        <v>2161</v>
      </c>
      <c r="G9709" s="6" t="s">
        <v>18978</v>
      </c>
      <c r="H9709" s="6" t="s">
        <v>18979</v>
      </c>
      <c r="I9709" s="7">
        <v>7.1216419000000002</v>
      </c>
      <c r="J9709" s="8">
        <v>-73.112093200000004</v>
      </c>
    </row>
    <row r="9710" spans="1:10" x14ac:dyDescent="0.35">
      <c r="A9710" s="5" t="s">
        <v>10</v>
      </c>
      <c r="B9710" s="6">
        <v>169661</v>
      </c>
      <c r="C9710" s="6" t="s">
        <v>68</v>
      </c>
      <c r="D9710" s="6" t="s">
        <v>69</v>
      </c>
      <c r="E9710" s="6">
        <v>11001</v>
      </c>
      <c r="F9710" s="6" t="s">
        <v>13</v>
      </c>
      <c r="G9710" s="6" t="s">
        <v>1087</v>
      </c>
      <c r="H9710" s="6" t="s">
        <v>18163</v>
      </c>
      <c r="I9710" s="7">
        <v>4.6626272000000002</v>
      </c>
      <c r="J9710" s="8">
        <v>-74.065611500000003</v>
      </c>
    </row>
    <row r="9711" spans="1:10" x14ac:dyDescent="0.35">
      <c r="A9711" s="5" t="s">
        <v>10</v>
      </c>
      <c r="B9711" s="6">
        <v>73889</v>
      </c>
      <c r="C9711" s="6" t="s">
        <v>16</v>
      </c>
      <c r="D9711" s="6" t="s">
        <v>17</v>
      </c>
      <c r="E9711" s="6">
        <v>68679</v>
      </c>
      <c r="F9711" s="6" t="s">
        <v>18</v>
      </c>
      <c r="G9711" s="6" t="s">
        <v>18980</v>
      </c>
      <c r="H9711" s="6" t="s">
        <v>1374</v>
      </c>
      <c r="I9711" s="7">
        <v>6.554824</v>
      </c>
      <c r="J9711" s="8">
        <v>-73.134119999999996</v>
      </c>
    </row>
    <row r="9712" spans="1:10" x14ac:dyDescent="0.35">
      <c r="A9712" s="5" t="s">
        <v>10</v>
      </c>
      <c r="B9712" s="6">
        <v>225321</v>
      </c>
      <c r="C9712" s="6" t="s">
        <v>11</v>
      </c>
      <c r="D9712" s="6" t="s">
        <v>5492</v>
      </c>
      <c r="E9712" s="6">
        <v>25019</v>
      </c>
      <c r="F9712" s="6" t="s">
        <v>2161</v>
      </c>
      <c r="G9712" s="6" t="s">
        <v>18981</v>
      </c>
      <c r="H9712" s="6" t="s">
        <v>18982</v>
      </c>
      <c r="I9712" s="7">
        <v>4.9001739999999998</v>
      </c>
      <c r="J9712" s="8">
        <v>-74.457222000000002</v>
      </c>
    </row>
    <row r="9713" spans="1:10" x14ac:dyDescent="0.35">
      <c r="A9713" s="5" t="s">
        <v>10</v>
      </c>
      <c r="B9713" s="6">
        <v>237181</v>
      </c>
      <c r="C9713" s="6" t="s">
        <v>11</v>
      </c>
      <c r="D9713" s="6" t="s">
        <v>159</v>
      </c>
      <c r="E9713" s="6">
        <v>25175</v>
      </c>
      <c r="F9713" s="6" t="s">
        <v>2161</v>
      </c>
      <c r="G9713" s="6" t="s">
        <v>18983</v>
      </c>
      <c r="H9713" s="6" t="s">
        <v>18984</v>
      </c>
      <c r="I9713" s="7">
        <v>4.8709420000000003</v>
      </c>
      <c r="J9713" s="8">
        <v>-74.067194200000003</v>
      </c>
    </row>
    <row r="9714" spans="1:10" x14ac:dyDescent="0.35">
      <c r="A9714" s="5" t="s">
        <v>10</v>
      </c>
      <c r="B9714" s="6">
        <v>228787</v>
      </c>
      <c r="C9714" s="6" t="s">
        <v>551</v>
      </c>
      <c r="D9714" s="6" t="s">
        <v>977</v>
      </c>
      <c r="E9714" s="6">
        <v>20011</v>
      </c>
      <c r="F9714" s="6" t="s">
        <v>2161</v>
      </c>
      <c r="G9714" s="6" t="s">
        <v>18985</v>
      </c>
      <c r="H9714" s="6" t="s">
        <v>18986</v>
      </c>
      <c r="I9714" s="7">
        <v>8.3115220999999995</v>
      </c>
      <c r="J9714" s="8">
        <v>-73.6308717</v>
      </c>
    </row>
    <row r="9715" spans="1:10" x14ac:dyDescent="0.35">
      <c r="A9715" s="5" t="s">
        <v>10</v>
      </c>
      <c r="B9715" s="6">
        <v>247312</v>
      </c>
      <c r="C9715" s="6" t="s">
        <v>68</v>
      </c>
      <c r="D9715" s="6" t="s">
        <v>69</v>
      </c>
      <c r="E9715" s="6">
        <v>11001</v>
      </c>
      <c r="F9715" s="6" t="s">
        <v>13</v>
      </c>
      <c r="G9715" s="6" t="s">
        <v>17752</v>
      </c>
      <c r="H9715" s="6" t="s">
        <v>18987</v>
      </c>
      <c r="I9715" s="7">
        <v>4.6494315000000004</v>
      </c>
      <c r="J9715" s="8">
        <v>-74.063546299999999</v>
      </c>
    </row>
    <row r="9716" spans="1:10" x14ac:dyDescent="0.35">
      <c r="A9716" s="5" t="s">
        <v>10</v>
      </c>
      <c r="B9716" s="6">
        <v>197981</v>
      </c>
      <c r="C9716" s="6" t="s">
        <v>55</v>
      </c>
      <c r="D9716" s="6" t="s">
        <v>56</v>
      </c>
      <c r="E9716" s="6">
        <v>73001</v>
      </c>
      <c r="F9716" s="6" t="s">
        <v>13</v>
      </c>
      <c r="G9716" s="6" t="s">
        <v>160</v>
      </c>
      <c r="H9716" s="6" t="s">
        <v>18364</v>
      </c>
      <c r="I9716" s="7">
        <v>4.4442002</v>
      </c>
      <c r="J9716" s="8">
        <v>-75.238916000000003</v>
      </c>
    </row>
    <row r="9717" spans="1:10" x14ac:dyDescent="0.35">
      <c r="A9717" s="5" t="s">
        <v>10</v>
      </c>
      <c r="B9717" s="6">
        <v>184814</v>
      </c>
      <c r="C9717" s="6" t="s">
        <v>4364</v>
      </c>
      <c r="D9717" s="6" t="s">
        <v>4365</v>
      </c>
      <c r="E9717" s="6">
        <v>70001</v>
      </c>
      <c r="F9717" s="6" t="s">
        <v>13</v>
      </c>
      <c r="G9717" s="6" t="s">
        <v>160</v>
      </c>
      <c r="H9717" s="6" t="s">
        <v>18988</v>
      </c>
      <c r="I9717" s="7">
        <v>9.3008717000000001</v>
      </c>
      <c r="J9717" s="8">
        <v>-75.3969247</v>
      </c>
    </row>
    <row r="9718" spans="1:10" x14ac:dyDescent="0.35">
      <c r="A9718" s="5" t="s">
        <v>10</v>
      </c>
      <c r="B9718" s="6">
        <v>191490</v>
      </c>
      <c r="C9718" s="6" t="s">
        <v>55</v>
      </c>
      <c r="D9718" s="6" t="s">
        <v>56</v>
      </c>
      <c r="E9718" s="6">
        <v>73001</v>
      </c>
      <c r="F9718" s="6" t="s">
        <v>13</v>
      </c>
      <c r="G9718" s="6" t="s">
        <v>18746</v>
      </c>
      <c r="H9718" s="6" t="s">
        <v>18747</v>
      </c>
      <c r="I9718" s="7">
        <v>4.4417951000000002</v>
      </c>
      <c r="J9718" s="8">
        <v>-75.177502399999995</v>
      </c>
    </row>
    <row r="9719" spans="1:10" x14ac:dyDescent="0.35">
      <c r="A9719" s="5" t="s">
        <v>10</v>
      </c>
      <c r="B9719" s="6">
        <v>181193</v>
      </c>
      <c r="C9719" s="6" t="s">
        <v>55</v>
      </c>
      <c r="D9719" s="6" t="s">
        <v>56</v>
      </c>
      <c r="E9719" s="6">
        <v>73001</v>
      </c>
      <c r="F9719" s="6" t="s">
        <v>18</v>
      </c>
      <c r="G9719" s="6" t="s">
        <v>1017</v>
      </c>
      <c r="H9719" s="6" t="s">
        <v>1018</v>
      </c>
      <c r="I9719" s="7">
        <v>4.4505290000000004</v>
      </c>
      <c r="J9719" s="8">
        <v>-75.200468900000004</v>
      </c>
    </row>
    <row r="9720" spans="1:10" x14ac:dyDescent="0.35">
      <c r="A9720" s="5" t="s">
        <v>10</v>
      </c>
      <c r="B9720" s="6">
        <v>177210</v>
      </c>
      <c r="C9720" s="6" t="s">
        <v>28</v>
      </c>
      <c r="D9720" s="6" t="s">
        <v>18989</v>
      </c>
      <c r="E9720" s="6">
        <v>54109</v>
      </c>
      <c r="F9720" s="6" t="s">
        <v>18</v>
      </c>
      <c r="G9720" s="6" t="s">
        <v>18990</v>
      </c>
      <c r="H9720" s="6" t="s">
        <v>18991</v>
      </c>
      <c r="I9720" s="7">
        <v>8.0395509999999994</v>
      </c>
      <c r="J9720" s="8">
        <v>-72.866872000000001</v>
      </c>
    </row>
    <row r="9721" spans="1:10" x14ac:dyDescent="0.35">
      <c r="A9721" s="5" t="s">
        <v>10</v>
      </c>
      <c r="B9721" s="6">
        <v>235354</v>
      </c>
      <c r="C9721" s="6" t="s">
        <v>42</v>
      </c>
      <c r="D9721" s="6" t="s">
        <v>327</v>
      </c>
      <c r="E9721" s="6">
        <v>17042</v>
      </c>
      <c r="F9721" s="6" t="s">
        <v>18</v>
      </c>
      <c r="G9721" s="6" t="s">
        <v>18992</v>
      </c>
      <c r="H9721" s="6" t="s">
        <v>18993</v>
      </c>
      <c r="I9721" s="7">
        <v>5.2309356999999999</v>
      </c>
      <c r="J9721" s="8">
        <v>-75.787458599999994</v>
      </c>
    </row>
    <row r="9722" spans="1:10" x14ac:dyDescent="0.35">
      <c r="A9722" s="5" t="s">
        <v>10</v>
      </c>
      <c r="B9722" s="6">
        <v>209421</v>
      </c>
      <c r="C9722" s="6" t="s">
        <v>61</v>
      </c>
      <c r="D9722" s="6" t="s">
        <v>62</v>
      </c>
      <c r="E9722" s="6">
        <v>63001</v>
      </c>
      <c r="F9722" s="6" t="s">
        <v>18</v>
      </c>
      <c r="G9722" s="6" t="s">
        <v>18994</v>
      </c>
      <c r="H9722" s="6" t="s">
        <v>18995</v>
      </c>
      <c r="I9722" s="7">
        <v>4.5338731000000001</v>
      </c>
      <c r="J9722" s="8">
        <v>-75.7049485</v>
      </c>
    </row>
    <row r="9723" spans="1:10" x14ac:dyDescent="0.35">
      <c r="A9723" s="5" t="s">
        <v>10</v>
      </c>
      <c r="B9723" s="6">
        <v>211014</v>
      </c>
      <c r="C9723" s="6" t="s">
        <v>294</v>
      </c>
      <c r="D9723" s="6" t="s">
        <v>4244</v>
      </c>
      <c r="E9723" s="6">
        <v>41298</v>
      </c>
      <c r="F9723" s="6" t="s">
        <v>2161</v>
      </c>
      <c r="G9723" s="6" t="s">
        <v>18996</v>
      </c>
      <c r="H9723" s="6" t="s">
        <v>18997</v>
      </c>
      <c r="I9723" s="7">
        <v>2.1954441</v>
      </c>
      <c r="J9723" s="8">
        <v>-75.638121599999906</v>
      </c>
    </row>
    <row r="9724" spans="1:10" x14ac:dyDescent="0.35">
      <c r="A9724" s="5" t="s">
        <v>10</v>
      </c>
      <c r="B9724" s="6">
        <v>218989</v>
      </c>
      <c r="C9724" s="6" t="s">
        <v>24</v>
      </c>
      <c r="D9724" s="6" t="s">
        <v>88</v>
      </c>
      <c r="E9724" s="6">
        <v>15001</v>
      </c>
      <c r="F9724" s="6" t="s">
        <v>2161</v>
      </c>
      <c r="G9724" s="6" t="s">
        <v>18998</v>
      </c>
      <c r="H9724" s="6" t="s">
        <v>18999</v>
      </c>
      <c r="I9724" s="7">
        <v>5.5505598999999997</v>
      </c>
      <c r="J9724" s="8">
        <v>-73.348763899999994</v>
      </c>
    </row>
    <row r="9725" spans="1:10" x14ac:dyDescent="0.35">
      <c r="A9725" s="5" t="s">
        <v>10</v>
      </c>
      <c r="B9725" s="6">
        <v>237977</v>
      </c>
      <c r="C9725" s="6" t="s">
        <v>2821</v>
      </c>
      <c r="D9725" s="6" t="s">
        <v>19000</v>
      </c>
      <c r="E9725" s="6">
        <v>47258</v>
      </c>
      <c r="F9725" s="6" t="s">
        <v>2161</v>
      </c>
      <c r="G9725" s="6" t="s">
        <v>19001</v>
      </c>
      <c r="H9725" s="6" t="s">
        <v>19002</v>
      </c>
      <c r="I9725" s="7">
        <v>10.404038</v>
      </c>
      <c r="J9725" s="8">
        <v>-74.823768999999999</v>
      </c>
    </row>
    <row r="9726" spans="1:10" x14ac:dyDescent="0.35">
      <c r="A9726" s="5" t="s">
        <v>10</v>
      </c>
      <c r="B9726" s="6">
        <v>240317</v>
      </c>
      <c r="C9726" s="6" t="s">
        <v>302</v>
      </c>
      <c r="D9726" s="6" t="s">
        <v>359</v>
      </c>
      <c r="E9726" s="6">
        <v>8001</v>
      </c>
      <c r="F9726" s="6" t="s">
        <v>2161</v>
      </c>
      <c r="G9726" s="6" t="s">
        <v>19003</v>
      </c>
      <c r="H9726" s="6" t="s">
        <v>19004</v>
      </c>
      <c r="I9726" s="7">
        <v>10.9974799</v>
      </c>
      <c r="J9726" s="8">
        <v>-74.800865799999997</v>
      </c>
    </row>
    <row r="9727" spans="1:10" x14ac:dyDescent="0.35">
      <c r="A9727" s="5" t="s">
        <v>10</v>
      </c>
      <c r="B9727" s="6">
        <v>224172</v>
      </c>
      <c r="C9727" s="6" t="s">
        <v>16</v>
      </c>
      <c r="D9727" s="6" t="s">
        <v>78</v>
      </c>
      <c r="E9727" s="6">
        <v>68001</v>
      </c>
      <c r="F9727" s="6" t="s">
        <v>2161</v>
      </c>
      <c r="G9727" s="6" t="s">
        <v>8446</v>
      </c>
      <c r="H9727" s="6" t="s">
        <v>19005</v>
      </c>
      <c r="I9727" s="7">
        <v>7.1358705999999996</v>
      </c>
      <c r="J9727" s="8">
        <v>-73.123368299999996</v>
      </c>
    </row>
    <row r="9728" spans="1:10" x14ac:dyDescent="0.35">
      <c r="A9728" s="5" t="s">
        <v>10</v>
      </c>
      <c r="B9728" s="6">
        <v>143495</v>
      </c>
      <c r="C9728" s="6" t="s">
        <v>278</v>
      </c>
      <c r="D9728" s="6" t="s">
        <v>3651</v>
      </c>
      <c r="E9728" s="6">
        <v>50313</v>
      </c>
      <c r="F9728" s="6" t="s">
        <v>13</v>
      </c>
      <c r="G9728" s="6" t="s">
        <v>3652</v>
      </c>
      <c r="H9728" s="6" t="s">
        <v>3653</v>
      </c>
      <c r="I9728" s="7">
        <v>3.5436442000000001</v>
      </c>
      <c r="J9728" s="8">
        <v>-73.702810700000001</v>
      </c>
    </row>
    <row r="9729" spans="1:10" x14ac:dyDescent="0.35">
      <c r="A9729" s="5" t="s">
        <v>10</v>
      </c>
      <c r="B9729" s="6">
        <v>147868</v>
      </c>
      <c r="C9729" s="6" t="s">
        <v>11</v>
      </c>
      <c r="D9729" s="6" t="s">
        <v>3054</v>
      </c>
      <c r="E9729" s="6">
        <v>25269</v>
      </c>
      <c r="F9729" s="6" t="s">
        <v>13</v>
      </c>
      <c r="G9729" s="6" t="s">
        <v>17788</v>
      </c>
      <c r="H9729" s="6" t="s">
        <v>17789</v>
      </c>
      <c r="I9729" s="7">
        <v>4.8097642</v>
      </c>
      <c r="J9729" s="8">
        <v>-74.356405499999994</v>
      </c>
    </row>
    <row r="9730" spans="1:10" x14ac:dyDescent="0.35">
      <c r="A9730" s="5" t="s">
        <v>10</v>
      </c>
      <c r="B9730" s="6">
        <v>190314</v>
      </c>
      <c r="C9730" s="6" t="s">
        <v>11</v>
      </c>
      <c r="D9730" s="6" t="s">
        <v>5259</v>
      </c>
      <c r="E9730" s="6">
        <v>25320</v>
      </c>
      <c r="F9730" s="6" t="s">
        <v>13</v>
      </c>
      <c r="G9730" s="6" t="s">
        <v>19006</v>
      </c>
      <c r="H9730" s="6" t="s">
        <v>19007</v>
      </c>
      <c r="I9730" s="7">
        <v>5.0679067</v>
      </c>
      <c r="J9730" s="8">
        <v>-74.595619200000002</v>
      </c>
    </row>
    <row r="9731" spans="1:10" x14ac:dyDescent="0.35">
      <c r="A9731" s="5" t="s">
        <v>10</v>
      </c>
      <c r="B9731" s="6">
        <v>190315</v>
      </c>
      <c r="C9731" s="6" t="s">
        <v>11</v>
      </c>
      <c r="D9731" s="6" t="s">
        <v>334</v>
      </c>
      <c r="E9731" s="6">
        <v>25754</v>
      </c>
      <c r="F9731" s="6" t="s">
        <v>13</v>
      </c>
      <c r="G9731" s="6" t="s">
        <v>2020</v>
      </c>
      <c r="H9731" s="6" t="s">
        <v>2021</v>
      </c>
      <c r="I9731" s="7">
        <v>4.5834733999999999</v>
      </c>
      <c r="J9731" s="8">
        <v>-74.219331199999999</v>
      </c>
    </row>
    <row r="9732" spans="1:10" x14ac:dyDescent="0.35">
      <c r="A9732" s="5" t="s">
        <v>10</v>
      </c>
      <c r="B9732" s="6">
        <v>165814</v>
      </c>
      <c r="C9732" s="6" t="s">
        <v>11</v>
      </c>
      <c r="D9732" s="6" t="s">
        <v>407</v>
      </c>
      <c r="E9732" s="6">
        <v>25126</v>
      </c>
      <c r="F9732" s="6" t="s">
        <v>18</v>
      </c>
      <c r="G9732" s="6" t="s">
        <v>262</v>
      </c>
      <c r="H9732" s="6" t="s">
        <v>19008</v>
      </c>
      <c r="I9732" s="7">
        <v>4.9187216999999999</v>
      </c>
      <c r="J9732" s="8">
        <v>-74.022557000000006</v>
      </c>
    </row>
    <row r="9733" spans="1:10" x14ac:dyDescent="0.35">
      <c r="A9733" s="5" t="s">
        <v>10</v>
      </c>
      <c r="B9733" s="6">
        <v>191770</v>
      </c>
      <c r="C9733" s="6" t="s">
        <v>68</v>
      </c>
      <c r="D9733" s="6" t="s">
        <v>69</v>
      </c>
      <c r="E9733" s="6">
        <v>11001</v>
      </c>
      <c r="F9733" s="6" t="s">
        <v>13</v>
      </c>
      <c r="G9733" s="6" t="s">
        <v>2357</v>
      </c>
      <c r="H9733" s="6" t="s">
        <v>2358</v>
      </c>
      <c r="I9733" s="7">
        <v>4.7470920000000003</v>
      </c>
      <c r="J9733" s="8">
        <v>-74.1159119</v>
      </c>
    </row>
    <row r="9734" spans="1:10" x14ac:dyDescent="0.35">
      <c r="A9734" s="5" t="s">
        <v>10</v>
      </c>
      <c r="B9734" s="6">
        <v>206914</v>
      </c>
      <c r="C9734" s="6" t="s">
        <v>42</v>
      </c>
      <c r="D9734" s="6" t="s">
        <v>396</v>
      </c>
      <c r="E9734" s="6">
        <v>17380</v>
      </c>
      <c r="F9734" s="6" t="s">
        <v>18</v>
      </c>
      <c r="G9734" s="6" t="s">
        <v>19009</v>
      </c>
      <c r="H9734" s="6" t="s">
        <v>19010</v>
      </c>
      <c r="I9734" s="7">
        <v>5.4768229000000002</v>
      </c>
      <c r="J9734" s="8">
        <v>-74.676709199999905</v>
      </c>
    </row>
    <row r="9735" spans="1:10" x14ac:dyDescent="0.35">
      <c r="A9735" s="5" t="s">
        <v>10</v>
      </c>
      <c r="B9735" s="6">
        <v>225318</v>
      </c>
      <c r="C9735" s="6" t="s">
        <v>55</v>
      </c>
      <c r="D9735" s="6" t="s">
        <v>1705</v>
      </c>
      <c r="E9735" s="6">
        <v>73443</v>
      </c>
      <c r="F9735" s="6" t="s">
        <v>2161</v>
      </c>
      <c r="G9735" s="6" t="s">
        <v>19011</v>
      </c>
      <c r="H9735" s="6" t="s">
        <v>19012</v>
      </c>
      <c r="I9735" s="7">
        <v>10.9796519</v>
      </c>
      <c r="J9735" s="8">
        <v>-74.777333100000007</v>
      </c>
    </row>
    <row r="9736" spans="1:10" x14ac:dyDescent="0.35">
      <c r="A9736" s="5" t="s">
        <v>10</v>
      </c>
      <c r="B9736" s="6">
        <v>223051</v>
      </c>
      <c r="C9736" s="6" t="s">
        <v>457</v>
      </c>
      <c r="D9736" s="6" t="s">
        <v>19013</v>
      </c>
      <c r="E9736" s="6">
        <v>52683</v>
      </c>
      <c r="F9736" s="6" t="s">
        <v>2161</v>
      </c>
      <c r="G9736" s="6" t="s">
        <v>16797</v>
      </c>
      <c r="H9736" s="6" t="s">
        <v>19014</v>
      </c>
      <c r="I9736" s="7">
        <v>3.4487890999999999</v>
      </c>
      <c r="J9736" s="8">
        <v>-76.537375400000002</v>
      </c>
    </row>
    <row r="9737" spans="1:10" x14ac:dyDescent="0.35">
      <c r="A9737" s="5" t="s">
        <v>10</v>
      </c>
      <c r="B9737" s="6">
        <v>212948</v>
      </c>
      <c r="C9737" s="6" t="s">
        <v>11</v>
      </c>
      <c r="D9737" s="6" t="s">
        <v>159</v>
      </c>
      <c r="E9737" s="6">
        <v>25175</v>
      </c>
      <c r="F9737" s="6" t="s">
        <v>2161</v>
      </c>
      <c r="G9737" s="6" t="s">
        <v>19015</v>
      </c>
      <c r="H9737" s="6" t="s">
        <v>19016</v>
      </c>
      <c r="I9737" s="7">
        <v>5.0267099000000002</v>
      </c>
      <c r="J9737" s="8">
        <v>-73.996150099999994</v>
      </c>
    </row>
    <row r="9738" spans="1:10" x14ac:dyDescent="0.35">
      <c r="A9738" s="5" t="s">
        <v>10</v>
      </c>
      <c r="B9738" s="6">
        <v>226058</v>
      </c>
      <c r="C9738" s="6" t="s">
        <v>302</v>
      </c>
      <c r="D9738" s="6" t="s">
        <v>359</v>
      </c>
      <c r="E9738" s="6">
        <v>8001</v>
      </c>
      <c r="F9738" s="6" t="s">
        <v>2161</v>
      </c>
      <c r="G9738" s="6" t="s">
        <v>19017</v>
      </c>
      <c r="H9738" s="6" t="s">
        <v>19018</v>
      </c>
      <c r="I9738" s="7">
        <v>10.967598799999999</v>
      </c>
      <c r="J9738" s="8">
        <v>-74.826959299999999</v>
      </c>
    </row>
    <row r="9739" spans="1:10" x14ac:dyDescent="0.35">
      <c r="A9739" s="5" t="s">
        <v>10</v>
      </c>
      <c r="B9739" s="6">
        <v>158369</v>
      </c>
      <c r="C9739" s="6" t="s">
        <v>94</v>
      </c>
      <c r="D9739" s="6" t="s">
        <v>98</v>
      </c>
      <c r="E9739" s="6">
        <v>66001</v>
      </c>
      <c r="F9739" s="6" t="s">
        <v>13</v>
      </c>
      <c r="G9739" s="6" t="s">
        <v>306</v>
      </c>
      <c r="H9739" s="6" t="s">
        <v>307</v>
      </c>
      <c r="I9739" s="7">
        <v>4.8058074</v>
      </c>
      <c r="J9739" s="8">
        <v>-75.694122800000002</v>
      </c>
    </row>
    <row r="9740" spans="1:10" x14ac:dyDescent="0.35">
      <c r="A9740" s="5" t="s">
        <v>10</v>
      </c>
      <c r="B9740" s="6">
        <v>191770</v>
      </c>
      <c r="C9740" s="6" t="s">
        <v>68</v>
      </c>
      <c r="D9740" s="6" t="s">
        <v>69</v>
      </c>
      <c r="E9740" s="6">
        <v>11001</v>
      </c>
      <c r="F9740" s="6" t="s">
        <v>13</v>
      </c>
      <c r="G9740" s="6" t="s">
        <v>2357</v>
      </c>
      <c r="H9740" s="6" t="s">
        <v>2358</v>
      </c>
      <c r="I9740" s="7">
        <v>4.7470920000000003</v>
      </c>
      <c r="J9740" s="8">
        <v>-74.1159119</v>
      </c>
    </row>
    <row r="9741" spans="1:10" x14ac:dyDescent="0.35">
      <c r="A9741" s="5" t="s">
        <v>10</v>
      </c>
      <c r="B9741" s="6">
        <v>247309</v>
      </c>
      <c r="C9741" s="6" t="s">
        <v>68</v>
      </c>
      <c r="D9741" s="6" t="s">
        <v>69</v>
      </c>
      <c r="E9741" s="6">
        <v>11001</v>
      </c>
      <c r="F9741" s="6" t="s">
        <v>13</v>
      </c>
      <c r="G9741" s="6" t="s">
        <v>17752</v>
      </c>
      <c r="H9741" s="6" t="s">
        <v>19019</v>
      </c>
      <c r="I9741" s="7">
        <v>4.6404306000000002</v>
      </c>
      <c r="J9741" s="8">
        <v>-74.066405700000004</v>
      </c>
    </row>
    <row r="9742" spans="1:10" x14ac:dyDescent="0.35">
      <c r="A9742" s="5" t="s">
        <v>10</v>
      </c>
      <c r="B9742" s="6">
        <v>243710</v>
      </c>
      <c r="C9742" s="6" t="s">
        <v>55</v>
      </c>
      <c r="D9742" s="6" t="s">
        <v>56</v>
      </c>
      <c r="E9742" s="6">
        <v>73001</v>
      </c>
      <c r="F9742" s="6" t="s">
        <v>18</v>
      </c>
      <c r="G9742" s="6" t="s">
        <v>19020</v>
      </c>
      <c r="H9742" s="6" t="s">
        <v>19021</v>
      </c>
      <c r="I9742" s="7">
        <v>4.4091516000000004</v>
      </c>
      <c r="J9742" s="8">
        <v>-75.168123300000005</v>
      </c>
    </row>
    <row r="9743" spans="1:10" x14ac:dyDescent="0.35">
      <c r="A9743" s="5" t="s">
        <v>10</v>
      </c>
      <c r="B9743" s="6">
        <v>226754</v>
      </c>
      <c r="C9743" s="6" t="s">
        <v>28</v>
      </c>
      <c r="D9743" s="6" t="s">
        <v>91</v>
      </c>
      <c r="E9743" s="6">
        <v>54874</v>
      </c>
      <c r="F9743" s="6" t="s">
        <v>18</v>
      </c>
      <c r="G9743" s="6" t="s">
        <v>19022</v>
      </c>
      <c r="H9743" s="6" t="s">
        <v>19023</v>
      </c>
      <c r="I9743" s="7">
        <v>7.8399394999999998</v>
      </c>
      <c r="J9743" s="8">
        <v>-72.469866999999994</v>
      </c>
    </row>
    <row r="9744" spans="1:10" x14ac:dyDescent="0.35">
      <c r="A9744" s="5" t="s">
        <v>10</v>
      </c>
      <c r="B9744" s="6">
        <v>184120</v>
      </c>
      <c r="C9744" s="6" t="s">
        <v>68</v>
      </c>
      <c r="D9744" s="6" t="s">
        <v>69</v>
      </c>
      <c r="E9744" s="6">
        <v>11001</v>
      </c>
      <c r="F9744" s="6" t="s">
        <v>18</v>
      </c>
      <c r="G9744" s="6" t="s">
        <v>17705</v>
      </c>
      <c r="H9744" s="6" t="s">
        <v>17706</v>
      </c>
      <c r="I9744" s="7">
        <v>4.6856081999999999</v>
      </c>
      <c r="J9744" s="8">
        <v>-74.052892999999997</v>
      </c>
    </row>
    <row r="9745" spans="1:10" x14ac:dyDescent="0.35">
      <c r="A9745" s="5" t="s">
        <v>10</v>
      </c>
      <c r="B9745" s="6">
        <v>217092</v>
      </c>
      <c r="C9745" s="6" t="s">
        <v>11</v>
      </c>
      <c r="D9745" s="6" t="s">
        <v>3724</v>
      </c>
      <c r="E9745" s="6">
        <v>25513</v>
      </c>
      <c r="F9745" s="6" t="s">
        <v>2161</v>
      </c>
      <c r="G9745" s="6" t="s">
        <v>19024</v>
      </c>
      <c r="H9745" s="6" t="s">
        <v>19025</v>
      </c>
      <c r="I9745" s="7">
        <v>5.1302604999999897</v>
      </c>
      <c r="J9745" s="8">
        <v>-74.155675599999995</v>
      </c>
    </row>
    <row r="9746" spans="1:10" x14ac:dyDescent="0.35">
      <c r="A9746" s="5" t="s">
        <v>10</v>
      </c>
      <c r="B9746" s="6">
        <v>226046</v>
      </c>
      <c r="C9746" s="6" t="s">
        <v>278</v>
      </c>
      <c r="D9746" s="6" t="s">
        <v>19026</v>
      </c>
      <c r="E9746" s="6">
        <v>50330</v>
      </c>
      <c r="F9746" s="6" t="s">
        <v>2161</v>
      </c>
      <c r="G9746" s="6" t="s">
        <v>19027</v>
      </c>
      <c r="H9746" s="6" t="s">
        <v>19028</v>
      </c>
      <c r="I9746" s="7">
        <v>3.3819949999999999</v>
      </c>
      <c r="J9746" s="8">
        <v>-74.043801000000002</v>
      </c>
    </row>
    <row r="9747" spans="1:10" x14ac:dyDescent="0.35">
      <c r="A9747" s="5" t="s">
        <v>10</v>
      </c>
      <c r="B9747" s="6">
        <v>232709</v>
      </c>
      <c r="C9747" s="6" t="s">
        <v>308</v>
      </c>
      <c r="D9747" s="6" t="s">
        <v>10453</v>
      </c>
      <c r="E9747" s="6">
        <v>23807</v>
      </c>
      <c r="F9747" s="6" t="s">
        <v>2161</v>
      </c>
      <c r="G9747" s="6" t="s">
        <v>19029</v>
      </c>
      <c r="H9747" s="6" t="s">
        <v>19030</v>
      </c>
      <c r="I9747" s="7">
        <v>8.1715710000000001</v>
      </c>
      <c r="J9747" s="8">
        <v>-76.062313000000003</v>
      </c>
    </row>
    <row r="9748" spans="1:10" x14ac:dyDescent="0.35">
      <c r="A9748" s="5" t="s">
        <v>10</v>
      </c>
      <c r="B9748" s="6">
        <v>141693</v>
      </c>
      <c r="C9748" s="6" t="s">
        <v>11</v>
      </c>
      <c r="D9748" s="6" t="s">
        <v>4073</v>
      </c>
      <c r="E9748" s="6">
        <v>25740</v>
      </c>
      <c r="F9748" s="6" t="s">
        <v>13</v>
      </c>
      <c r="G9748" s="6" t="s">
        <v>18846</v>
      </c>
      <c r="H9748" s="6" t="s">
        <v>18847</v>
      </c>
      <c r="I9748" s="7">
        <v>4.4874128999999998</v>
      </c>
      <c r="J9748" s="8">
        <v>-74.259271900000002</v>
      </c>
    </row>
    <row r="9749" spans="1:10" x14ac:dyDescent="0.35">
      <c r="A9749" s="5" t="s">
        <v>10</v>
      </c>
      <c r="B9749" s="6">
        <v>141689</v>
      </c>
      <c r="C9749" s="6" t="s">
        <v>11</v>
      </c>
      <c r="D9749" s="6" t="s">
        <v>407</v>
      </c>
      <c r="E9749" s="6">
        <v>25126</v>
      </c>
      <c r="F9749" s="6" t="s">
        <v>13</v>
      </c>
      <c r="G9749" s="6" t="s">
        <v>408</v>
      </c>
      <c r="H9749" s="6" t="s">
        <v>409</v>
      </c>
      <c r="I9749" s="7">
        <v>4.9167299</v>
      </c>
      <c r="J9749" s="8">
        <v>-74.025903999999997</v>
      </c>
    </row>
    <row r="9750" spans="1:10" x14ac:dyDescent="0.35">
      <c r="A9750" s="5" t="s">
        <v>10</v>
      </c>
      <c r="B9750" s="6">
        <v>141699</v>
      </c>
      <c r="C9750" s="6" t="s">
        <v>11</v>
      </c>
      <c r="D9750" s="6" t="s">
        <v>1547</v>
      </c>
      <c r="E9750" s="6">
        <v>25817</v>
      </c>
      <c r="F9750" s="6" t="s">
        <v>13</v>
      </c>
      <c r="G9750" s="6" t="s">
        <v>3451</v>
      </c>
      <c r="H9750" s="6" t="s">
        <v>3452</v>
      </c>
      <c r="I9750" s="7">
        <v>4.9650919</v>
      </c>
      <c r="J9750" s="8">
        <v>-73.912004400000001</v>
      </c>
    </row>
    <row r="9751" spans="1:10" x14ac:dyDescent="0.35">
      <c r="A9751" s="5" t="s">
        <v>10</v>
      </c>
      <c r="B9751" s="6">
        <v>138523</v>
      </c>
      <c r="C9751" s="6" t="s">
        <v>55</v>
      </c>
      <c r="D9751" s="6" t="s">
        <v>56</v>
      </c>
      <c r="E9751" s="6">
        <v>73001</v>
      </c>
      <c r="F9751" s="6" t="s">
        <v>18</v>
      </c>
      <c r="G9751" s="6" t="s">
        <v>19031</v>
      </c>
      <c r="H9751" s="6" t="s">
        <v>19032</v>
      </c>
      <c r="I9751" s="7">
        <v>4.4409083000000003</v>
      </c>
      <c r="J9751" s="8">
        <v>-75.216515599999994</v>
      </c>
    </row>
    <row r="9752" spans="1:10" x14ac:dyDescent="0.35">
      <c r="A9752" s="5" t="s">
        <v>10</v>
      </c>
      <c r="B9752" s="6">
        <v>235972</v>
      </c>
      <c r="C9752" s="6" t="s">
        <v>55</v>
      </c>
      <c r="D9752" s="6" t="s">
        <v>56</v>
      </c>
      <c r="E9752" s="6">
        <v>73001</v>
      </c>
      <c r="F9752" s="6" t="s">
        <v>18</v>
      </c>
      <c r="G9752" s="6" t="s">
        <v>19033</v>
      </c>
      <c r="H9752" s="6" t="s">
        <v>19034</v>
      </c>
      <c r="I9752" s="7">
        <v>4.4404941999999998</v>
      </c>
      <c r="J9752" s="8">
        <v>-75.193393499999999</v>
      </c>
    </row>
    <row r="9753" spans="1:10" x14ac:dyDescent="0.35">
      <c r="A9753" s="5" t="s">
        <v>10</v>
      </c>
      <c r="B9753" s="6">
        <v>120651</v>
      </c>
      <c r="C9753" s="6" t="s">
        <v>11</v>
      </c>
      <c r="D9753" s="6" t="s">
        <v>21</v>
      </c>
      <c r="E9753" s="6">
        <v>25386</v>
      </c>
      <c r="F9753" s="6" t="s">
        <v>18</v>
      </c>
      <c r="G9753" s="6" t="s">
        <v>19035</v>
      </c>
      <c r="H9753" s="6" t="s">
        <v>19036</v>
      </c>
      <c r="I9753" s="7">
        <v>4.6321469999999998</v>
      </c>
      <c r="J9753" s="8">
        <v>-74.463014000000001</v>
      </c>
    </row>
    <row r="9754" spans="1:10" x14ac:dyDescent="0.35">
      <c r="A9754" s="5" t="s">
        <v>10</v>
      </c>
      <c r="B9754" s="6">
        <v>221230</v>
      </c>
      <c r="C9754" s="6" t="s">
        <v>55</v>
      </c>
      <c r="D9754" s="6" t="s">
        <v>731</v>
      </c>
      <c r="E9754" s="6">
        <v>73268</v>
      </c>
      <c r="F9754" s="6" t="s">
        <v>18</v>
      </c>
      <c r="G9754" s="6" t="s">
        <v>19037</v>
      </c>
      <c r="H9754" s="6" t="s">
        <v>19038</v>
      </c>
      <c r="I9754" s="7">
        <v>4.4404750999999996</v>
      </c>
      <c r="J9754" s="8">
        <v>-75.226019499999893</v>
      </c>
    </row>
    <row r="9755" spans="1:10" x14ac:dyDescent="0.35">
      <c r="A9755" s="5" t="s">
        <v>10</v>
      </c>
      <c r="B9755" s="6">
        <v>226548</v>
      </c>
      <c r="C9755" s="6" t="s">
        <v>55</v>
      </c>
      <c r="D9755" s="6" t="s">
        <v>56</v>
      </c>
      <c r="E9755" s="6">
        <v>73001</v>
      </c>
      <c r="F9755" s="6" t="s">
        <v>18</v>
      </c>
      <c r="G9755" s="6" t="s">
        <v>19039</v>
      </c>
      <c r="H9755" s="6" t="s">
        <v>19040</v>
      </c>
      <c r="I9755" s="7">
        <v>4.4544233000000002</v>
      </c>
      <c r="J9755" s="8">
        <v>-75.1319759</v>
      </c>
    </row>
    <row r="9756" spans="1:10" x14ac:dyDescent="0.35">
      <c r="A9756" s="5" t="s">
        <v>10</v>
      </c>
      <c r="B9756" s="6">
        <v>207029</v>
      </c>
      <c r="C9756" s="6" t="s">
        <v>24</v>
      </c>
      <c r="D9756" s="6" t="s">
        <v>387</v>
      </c>
      <c r="E9756" s="6">
        <v>15681</v>
      </c>
      <c r="F9756" s="6" t="s">
        <v>18</v>
      </c>
      <c r="G9756" s="6" t="s">
        <v>19041</v>
      </c>
      <c r="H9756" s="6" t="s">
        <v>19042</v>
      </c>
      <c r="I9756" s="7">
        <v>5.6586179999999997</v>
      </c>
      <c r="J9756" s="8">
        <v>-74.066733999999997</v>
      </c>
    </row>
    <row r="9757" spans="1:10" x14ac:dyDescent="0.35">
      <c r="A9757" s="5" t="s">
        <v>10</v>
      </c>
      <c r="B9757" s="6">
        <v>231220</v>
      </c>
      <c r="C9757" s="6" t="s">
        <v>55</v>
      </c>
      <c r="D9757" s="6" t="s">
        <v>1162</v>
      </c>
      <c r="E9757" s="6">
        <v>73411</v>
      </c>
      <c r="F9757" s="6" t="s">
        <v>18</v>
      </c>
      <c r="G9757" s="6" t="s">
        <v>19043</v>
      </c>
      <c r="H9757" s="6" t="s">
        <v>19044</v>
      </c>
      <c r="I9757" s="7">
        <v>4.9224600000000001</v>
      </c>
      <c r="J9757" s="8">
        <v>-75.064223999999996</v>
      </c>
    </row>
    <row r="9758" spans="1:10" x14ac:dyDescent="0.35">
      <c r="A9758" s="5" t="s">
        <v>10</v>
      </c>
      <c r="B9758" s="6">
        <v>210488</v>
      </c>
      <c r="C9758" s="6" t="s">
        <v>278</v>
      </c>
      <c r="D9758" s="6" t="s">
        <v>279</v>
      </c>
      <c r="E9758" s="6">
        <v>50001</v>
      </c>
      <c r="F9758" s="6" t="s">
        <v>2161</v>
      </c>
      <c r="G9758" s="6" t="s">
        <v>19045</v>
      </c>
      <c r="H9758" s="6" t="s">
        <v>19046</v>
      </c>
      <c r="I9758" s="7">
        <v>4.1477157</v>
      </c>
      <c r="J9758" s="8">
        <v>-73.605169599999996</v>
      </c>
    </row>
    <row r="9759" spans="1:10" x14ac:dyDescent="0.35">
      <c r="A9759" s="5" t="s">
        <v>10</v>
      </c>
      <c r="B9759" s="6">
        <v>229253</v>
      </c>
      <c r="C9759" s="6" t="s">
        <v>55</v>
      </c>
      <c r="D9759" s="6" t="s">
        <v>56</v>
      </c>
      <c r="E9759" s="6">
        <v>73001</v>
      </c>
      <c r="F9759" s="6" t="s">
        <v>2161</v>
      </c>
      <c r="G9759" s="6" t="s">
        <v>19047</v>
      </c>
      <c r="H9759" s="6" t="s">
        <v>19048</v>
      </c>
      <c r="I9759" s="7">
        <v>4.4454209999999996</v>
      </c>
      <c r="J9759" s="8">
        <v>-75.187868899999998</v>
      </c>
    </row>
    <row r="9760" spans="1:10" x14ac:dyDescent="0.35">
      <c r="A9760" s="5" t="s">
        <v>10</v>
      </c>
      <c r="B9760" s="6">
        <v>230370</v>
      </c>
      <c r="C9760" s="6" t="s">
        <v>38</v>
      </c>
      <c r="D9760" s="6" t="s">
        <v>39</v>
      </c>
      <c r="E9760" s="6">
        <v>19001</v>
      </c>
      <c r="F9760" s="6" t="s">
        <v>2161</v>
      </c>
      <c r="G9760" s="6" t="s">
        <v>19049</v>
      </c>
      <c r="H9760" s="6" t="s">
        <v>19050</v>
      </c>
      <c r="I9760" s="7">
        <v>2.4602510999999998</v>
      </c>
      <c r="J9760" s="8">
        <v>-76.637781700000005</v>
      </c>
    </row>
    <row r="9761" spans="1:10" x14ac:dyDescent="0.35">
      <c r="A9761" s="5" t="s">
        <v>10</v>
      </c>
      <c r="B9761" s="6">
        <v>235771</v>
      </c>
      <c r="C9761" s="6" t="s">
        <v>16</v>
      </c>
      <c r="D9761" s="6" t="s">
        <v>790</v>
      </c>
      <c r="E9761" s="6">
        <v>68229</v>
      </c>
      <c r="F9761" s="6" t="s">
        <v>18</v>
      </c>
      <c r="G9761" s="6" t="s">
        <v>19051</v>
      </c>
      <c r="H9761" s="6" t="s">
        <v>19052</v>
      </c>
      <c r="I9761" s="7">
        <v>6.6063320000000001</v>
      </c>
      <c r="J9761" s="8">
        <v>-73.068749299999993</v>
      </c>
    </row>
    <row r="9762" spans="1:10" x14ac:dyDescent="0.35">
      <c r="A9762" s="5" t="s">
        <v>10</v>
      </c>
      <c r="B9762" s="6">
        <v>215793</v>
      </c>
      <c r="C9762" s="6" t="s">
        <v>28</v>
      </c>
      <c r="D9762" s="6" t="s">
        <v>29</v>
      </c>
      <c r="E9762" s="6">
        <v>54001</v>
      </c>
      <c r="F9762" s="6" t="s">
        <v>18</v>
      </c>
      <c r="G9762" s="6" t="s">
        <v>19053</v>
      </c>
      <c r="H9762" s="6" t="s">
        <v>19054</v>
      </c>
      <c r="I9762" s="7">
        <v>8.2346623999999995</v>
      </c>
      <c r="J9762" s="8">
        <v>-72.422484400000002</v>
      </c>
    </row>
    <row r="9763" spans="1:10" x14ac:dyDescent="0.35">
      <c r="A9763" s="5" t="s">
        <v>10</v>
      </c>
      <c r="B9763" s="6">
        <v>189563</v>
      </c>
      <c r="C9763" s="6" t="s">
        <v>61</v>
      </c>
      <c r="D9763" s="6" t="s">
        <v>19055</v>
      </c>
      <c r="E9763" s="6">
        <v>63690</v>
      </c>
      <c r="F9763" s="6" t="s">
        <v>18</v>
      </c>
      <c r="G9763" s="6" t="s">
        <v>19056</v>
      </c>
      <c r="H9763" s="6" t="s">
        <v>19057</v>
      </c>
      <c r="I9763" s="7">
        <v>4.637365</v>
      </c>
      <c r="J9763" s="8">
        <v>-75.570310699999993</v>
      </c>
    </row>
    <row r="9764" spans="1:10" x14ac:dyDescent="0.35">
      <c r="A9764" s="5" t="s">
        <v>10</v>
      </c>
      <c r="B9764" s="6">
        <v>229249</v>
      </c>
      <c r="C9764" s="6" t="s">
        <v>68</v>
      </c>
      <c r="D9764" s="6" t="s">
        <v>69</v>
      </c>
      <c r="E9764" s="6">
        <v>11001</v>
      </c>
      <c r="F9764" s="6" t="s">
        <v>2161</v>
      </c>
      <c r="G9764" s="6" t="s">
        <v>15202</v>
      </c>
      <c r="H9764" s="6" t="s">
        <v>19058</v>
      </c>
      <c r="I9764" s="7">
        <v>4.5660059000000004</v>
      </c>
      <c r="J9764" s="8">
        <v>-74.094226499999905</v>
      </c>
    </row>
    <row r="9765" spans="1:10" x14ac:dyDescent="0.35">
      <c r="A9765" s="5" t="s">
        <v>10</v>
      </c>
      <c r="B9765" s="6">
        <v>229968</v>
      </c>
      <c r="C9765" s="6" t="s">
        <v>68</v>
      </c>
      <c r="D9765" s="6" t="s">
        <v>69</v>
      </c>
      <c r="E9765" s="6">
        <v>11001</v>
      </c>
      <c r="F9765" s="6" t="s">
        <v>2161</v>
      </c>
      <c r="G9765" s="6" t="s">
        <v>19059</v>
      </c>
      <c r="H9765" s="6" t="s">
        <v>19060</v>
      </c>
      <c r="I9765" s="7">
        <v>4.6044774999999998</v>
      </c>
      <c r="J9765" s="8">
        <v>-74.089558400000001</v>
      </c>
    </row>
    <row r="9766" spans="1:10" x14ac:dyDescent="0.35">
      <c r="A9766" s="5" t="s">
        <v>10</v>
      </c>
      <c r="B9766" s="6">
        <v>232733</v>
      </c>
      <c r="C9766" s="6" t="s">
        <v>16</v>
      </c>
      <c r="D9766" s="6" t="s">
        <v>78</v>
      </c>
      <c r="E9766" s="6">
        <v>68001</v>
      </c>
      <c r="F9766" s="6" t="s">
        <v>2161</v>
      </c>
      <c r="G9766" s="6" t="s">
        <v>19061</v>
      </c>
      <c r="H9766" s="6" t="s">
        <v>19062</v>
      </c>
      <c r="I9766" s="7">
        <v>7.1162361000000001</v>
      </c>
      <c r="J9766" s="8">
        <v>-73.1265456</v>
      </c>
    </row>
    <row r="9767" spans="1:10" x14ac:dyDescent="0.35">
      <c r="A9767" s="5" t="s">
        <v>10</v>
      </c>
      <c r="B9767" s="6">
        <v>211356</v>
      </c>
      <c r="C9767" s="6" t="s">
        <v>68</v>
      </c>
      <c r="D9767" s="6" t="s">
        <v>69</v>
      </c>
      <c r="E9767" s="6">
        <v>11001</v>
      </c>
      <c r="F9767" s="6" t="s">
        <v>2161</v>
      </c>
      <c r="G9767" s="6" t="s">
        <v>19063</v>
      </c>
      <c r="H9767" s="6" t="s">
        <v>19064</v>
      </c>
      <c r="I9767" s="7">
        <v>4.7092377000000001</v>
      </c>
      <c r="J9767" s="8">
        <v>-74.098246699999905</v>
      </c>
    </row>
    <row r="9768" spans="1:10" x14ac:dyDescent="0.35">
      <c r="A9768" s="5" t="s">
        <v>10</v>
      </c>
      <c r="B9768" s="6">
        <v>238773</v>
      </c>
      <c r="C9768" s="6" t="s">
        <v>68</v>
      </c>
      <c r="D9768" s="6" t="s">
        <v>69</v>
      </c>
      <c r="E9768" s="6">
        <v>11001</v>
      </c>
      <c r="F9768" s="6" t="s">
        <v>2161</v>
      </c>
      <c r="G9768" s="6" t="s">
        <v>19065</v>
      </c>
      <c r="H9768" s="6" t="s">
        <v>19066</v>
      </c>
      <c r="I9768" s="7">
        <v>4.7559858000000004</v>
      </c>
      <c r="J9768" s="8">
        <v>-74.115733899999995</v>
      </c>
    </row>
    <row r="9769" spans="1:10" x14ac:dyDescent="0.35">
      <c r="A9769" s="5" t="s">
        <v>10</v>
      </c>
      <c r="B9769" s="6">
        <v>246077</v>
      </c>
      <c r="C9769" s="6" t="s">
        <v>294</v>
      </c>
      <c r="D9769" s="6" t="s">
        <v>3777</v>
      </c>
      <c r="E9769" s="6">
        <v>41132</v>
      </c>
      <c r="F9769" s="6" t="s">
        <v>13</v>
      </c>
      <c r="G9769" s="6" t="s">
        <v>19067</v>
      </c>
      <c r="H9769" s="6" t="s">
        <v>19068</v>
      </c>
      <c r="I9769" s="7">
        <v>2.6851058000000001</v>
      </c>
      <c r="J9769" s="8">
        <v>-75.326641600000002</v>
      </c>
    </row>
    <row r="9770" spans="1:10" x14ac:dyDescent="0.35">
      <c r="A9770" s="5" t="s">
        <v>10</v>
      </c>
      <c r="B9770" s="6">
        <v>180546</v>
      </c>
      <c r="C9770" s="6" t="s">
        <v>11</v>
      </c>
      <c r="D9770" s="6" t="s">
        <v>221</v>
      </c>
      <c r="E9770" s="6">
        <v>25430</v>
      </c>
      <c r="F9770" s="6" t="s">
        <v>13</v>
      </c>
      <c r="G9770" s="6" t="s">
        <v>222</v>
      </c>
      <c r="H9770" s="6" t="s">
        <v>223</v>
      </c>
      <c r="I9770" s="7">
        <v>4.7269186000000003</v>
      </c>
      <c r="J9770" s="8">
        <v>-74.256828900000002</v>
      </c>
    </row>
    <row r="9771" spans="1:10" x14ac:dyDescent="0.35">
      <c r="A9771" s="5" t="s">
        <v>10</v>
      </c>
      <c r="B9771" s="6">
        <v>245194</v>
      </c>
      <c r="C9771" s="6" t="s">
        <v>28</v>
      </c>
      <c r="D9771" s="6" t="s">
        <v>18471</v>
      </c>
      <c r="E9771" s="6">
        <v>54520</v>
      </c>
      <c r="F9771" s="6" t="s">
        <v>18</v>
      </c>
      <c r="G9771" s="6" t="s">
        <v>19069</v>
      </c>
      <c r="H9771" s="6" t="s">
        <v>19070</v>
      </c>
      <c r="I9771" s="7">
        <v>7.5666599999999997</v>
      </c>
      <c r="J9771" s="8">
        <v>-72.633359999999996</v>
      </c>
    </row>
    <row r="9772" spans="1:10" x14ac:dyDescent="0.35">
      <c r="A9772" s="5" t="s">
        <v>10</v>
      </c>
      <c r="B9772" s="6">
        <v>210142</v>
      </c>
      <c r="C9772" s="6" t="s">
        <v>3788</v>
      </c>
      <c r="D9772" s="6" t="s">
        <v>19071</v>
      </c>
      <c r="E9772" s="6">
        <v>18460</v>
      </c>
      <c r="F9772" s="6" t="s">
        <v>2161</v>
      </c>
      <c r="G9772" s="6" t="s">
        <v>19072</v>
      </c>
      <c r="H9772" s="6" t="s">
        <v>19073</v>
      </c>
      <c r="I9772" s="7">
        <v>1.1032918</v>
      </c>
      <c r="J9772" s="8">
        <v>-75.400889599999999</v>
      </c>
    </row>
    <row r="9773" spans="1:10" x14ac:dyDescent="0.35">
      <c r="A9773" s="5" t="s">
        <v>10</v>
      </c>
      <c r="B9773" s="6">
        <v>238778</v>
      </c>
      <c r="C9773" s="6" t="s">
        <v>11</v>
      </c>
      <c r="D9773" s="6" t="s">
        <v>251</v>
      </c>
      <c r="E9773" s="6">
        <v>25214</v>
      </c>
      <c r="F9773" s="6" t="s">
        <v>2161</v>
      </c>
      <c r="G9773" s="6" t="s">
        <v>19074</v>
      </c>
      <c r="H9773" s="6" t="s">
        <v>19075</v>
      </c>
      <c r="I9773" s="7">
        <v>4.8043405999999997</v>
      </c>
      <c r="J9773" s="8">
        <v>-74.106800699999994</v>
      </c>
    </row>
    <row r="9774" spans="1:10" x14ac:dyDescent="0.35">
      <c r="A9774" s="5" t="s">
        <v>10</v>
      </c>
      <c r="B9774" s="6">
        <v>230361</v>
      </c>
      <c r="C9774" s="6" t="s">
        <v>68</v>
      </c>
      <c r="D9774" s="6" t="s">
        <v>69</v>
      </c>
      <c r="E9774" s="6">
        <v>11001</v>
      </c>
      <c r="F9774" s="6" t="s">
        <v>2161</v>
      </c>
      <c r="G9774" s="6" t="s">
        <v>19076</v>
      </c>
      <c r="H9774" s="6" t="s">
        <v>19077</v>
      </c>
      <c r="I9774" s="7">
        <v>4.6341749999999999</v>
      </c>
      <c r="J9774" s="8">
        <v>-74.197952899999905</v>
      </c>
    </row>
    <row r="9775" spans="1:10" x14ac:dyDescent="0.35">
      <c r="A9775" s="5" t="s">
        <v>10</v>
      </c>
      <c r="B9775" s="6">
        <v>219063</v>
      </c>
      <c r="C9775" s="6" t="s">
        <v>551</v>
      </c>
      <c r="D9775" s="6" t="s">
        <v>3868</v>
      </c>
      <c r="E9775" s="6">
        <v>20001</v>
      </c>
      <c r="F9775" s="6" t="s">
        <v>2161</v>
      </c>
      <c r="G9775" s="6" t="s">
        <v>19078</v>
      </c>
      <c r="H9775" s="6" t="s">
        <v>19079</v>
      </c>
      <c r="I9775" s="7">
        <v>10.4507659</v>
      </c>
      <c r="J9775" s="8">
        <v>-73.262301100000002</v>
      </c>
    </row>
    <row r="9776" spans="1:10" x14ac:dyDescent="0.35">
      <c r="A9776" s="5" t="s">
        <v>10</v>
      </c>
      <c r="B9776" s="6">
        <v>220768</v>
      </c>
      <c r="C9776" s="6" t="s">
        <v>11</v>
      </c>
      <c r="D9776" s="6" t="s">
        <v>1547</v>
      </c>
      <c r="E9776" s="6">
        <v>25817</v>
      </c>
      <c r="F9776" s="6" t="s">
        <v>2161</v>
      </c>
      <c r="G9776" s="6" t="s">
        <v>19080</v>
      </c>
      <c r="H9776" s="6" t="s">
        <v>19081</v>
      </c>
      <c r="I9776" s="7">
        <v>4.9665419000000002</v>
      </c>
      <c r="J9776" s="8">
        <v>-73.912435500000001</v>
      </c>
    </row>
    <row r="9777" spans="1:10" x14ac:dyDescent="0.35">
      <c r="A9777" s="5" t="s">
        <v>10</v>
      </c>
      <c r="B9777" s="6">
        <v>172849</v>
      </c>
      <c r="C9777" s="6" t="s">
        <v>3788</v>
      </c>
      <c r="D9777" s="6" t="s">
        <v>3974</v>
      </c>
      <c r="E9777" s="6">
        <v>18001</v>
      </c>
      <c r="F9777" s="6" t="s">
        <v>13</v>
      </c>
      <c r="G9777" s="6" t="s">
        <v>19082</v>
      </c>
      <c r="H9777" s="6" t="s">
        <v>19083</v>
      </c>
      <c r="I9777" s="7">
        <v>1.6143121</v>
      </c>
      <c r="J9777" s="8">
        <v>-75.613803599999997</v>
      </c>
    </row>
    <row r="9778" spans="1:10" x14ac:dyDescent="0.35">
      <c r="A9778" s="5" t="s">
        <v>10</v>
      </c>
      <c r="B9778" s="6">
        <v>241823</v>
      </c>
      <c r="C9778" s="6" t="s">
        <v>109</v>
      </c>
      <c r="D9778" s="6" t="s">
        <v>19084</v>
      </c>
      <c r="E9778" s="6">
        <v>13744</v>
      </c>
      <c r="F9778" s="6" t="s">
        <v>18</v>
      </c>
      <c r="G9778" s="6" t="s">
        <v>19085</v>
      </c>
      <c r="H9778" s="6" t="s">
        <v>19086</v>
      </c>
      <c r="I9778" s="7">
        <v>8.7014779999999998</v>
      </c>
      <c r="J9778" s="8">
        <v>-74.516619000000006</v>
      </c>
    </row>
    <row r="9779" spans="1:10" x14ac:dyDescent="0.35">
      <c r="A9779" s="5" t="s">
        <v>10</v>
      </c>
      <c r="B9779" s="6">
        <v>232225</v>
      </c>
      <c r="C9779" s="6" t="s">
        <v>24</v>
      </c>
      <c r="D9779" s="6" t="s">
        <v>88</v>
      </c>
      <c r="E9779" s="6">
        <v>15001</v>
      </c>
      <c r="F9779" s="6" t="s">
        <v>18</v>
      </c>
      <c r="G9779" s="6" t="s">
        <v>19087</v>
      </c>
      <c r="H9779" s="6" t="s">
        <v>19088</v>
      </c>
      <c r="I9779" s="7">
        <v>5.5368655000000002</v>
      </c>
      <c r="J9779" s="8">
        <v>-73.349709500000003</v>
      </c>
    </row>
    <row r="9780" spans="1:10" x14ac:dyDescent="0.35">
      <c r="A9780" s="5" t="s">
        <v>10</v>
      </c>
      <c r="B9780" s="6">
        <v>243917</v>
      </c>
      <c r="C9780" s="6" t="s">
        <v>28</v>
      </c>
      <c r="D9780" s="6" t="s">
        <v>91</v>
      </c>
      <c r="E9780" s="6">
        <v>54874</v>
      </c>
      <c r="F9780" s="6" t="s">
        <v>18</v>
      </c>
      <c r="G9780" s="6" t="s">
        <v>19089</v>
      </c>
      <c r="H9780" s="6" t="s">
        <v>19090</v>
      </c>
      <c r="I9780" s="7">
        <v>7.8326718</v>
      </c>
      <c r="J9780" s="8">
        <v>-72.472447799999998</v>
      </c>
    </row>
    <row r="9781" spans="1:10" x14ac:dyDescent="0.35">
      <c r="A9781" s="5" t="s">
        <v>10</v>
      </c>
      <c r="B9781" s="6">
        <v>184120</v>
      </c>
      <c r="C9781" s="6" t="s">
        <v>68</v>
      </c>
      <c r="D9781" s="6" t="s">
        <v>69</v>
      </c>
      <c r="E9781" s="6">
        <v>11001</v>
      </c>
      <c r="F9781" s="6" t="s">
        <v>18</v>
      </c>
      <c r="G9781" s="6" t="s">
        <v>17705</v>
      </c>
      <c r="H9781" s="6" t="s">
        <v>17706</v>
      </c>
      <c r="I9781" s="7">
        <v>4.6856081999999999</v>
      </c>
      <c r="J9781" s="8">
        <v>-74.052892999999997</v>
      </c>
    </row>
    <row r="9782" spans="1:10" x14ac:dyDescent="0.35">
      <c r="A9782" s="5" t="s">
        <v>10</v>
      </c>
      <c r="B9782" s="6">
        <v>225692</v>
      </c>
      <c r="C9782" s="6" t="s">
        <v>28</v>
      </c>
      <c r="D9782" s="6" t="s">
        <v>29</v>
      </c>
      <c r="E9782" s="6">
        <v>54001</v>
      </c>
      <c r="F9782" s="6" t="s">
        <v>2161</v>
      </c>
      <c r="G9782" s="6" t="s">
        <v>19091</v>
      </c>
      <c r="H9782" s="6" t="s">
        <v>19092</v>
      </c>
      <c r="I9782" s="7">
        <v>7.8803142999999896</v>
      </c>
      <c r="J9782" s="8">
        <v>-72.515221299999993</v>
      </c>
    </row>
    <row r="9783" spans="1:10" x14ac:dyDescent="0.35">
      <c r="A9783" s="5" t="s">
        <v>10</v>
      </c>
      <c r="B9783" s="6">
        <v>208957</v>
      </c>
      <c r="C9783" s="6" t="s">
        <v>11</v>
      </c>
      <c r="D9783" s="6" t="s">
        <v>857</v>
      </c>
      <c r="E9783" s="6">
        <v>25758</v>
      </c>
      <c r="F9783" s="6" t="s">
        <v>2161</v>
      </c>
      <c r="G9783" s="6" t="s">
        <v>19093</v>
      </c>
      <c r="H9783" s="6" t="s">
        <v>19094</v>
      </c>
      <c r="I9783" s="7">
        <v>4.9086112999999996</v>
      </c>
      <c r="J9783" s="8">
        <v>-73.941448899999997</v>
      </c>
    </row>
    <row r="9784" spans="1:10" x14ac:dyDescent="0.35">
      <c r="A9784" s="5" t="s">
        <v>10</v>
      </c>
      <c r="B9784" s="6">
        <v>221167</v>
      </c>
      <c r="C9784" s="6" t="s">
        <v>3788</v>
      </c>
      <c r="D9784" s="6" t="s">
        <v>3974</v>
      </c>
      <c r="E9784" s="6">
        <v>18001</v>
      </c>
      <c r="F9784" s="6" t="s">
        <v>2161</v>
      </c>
      <c r="G9784" s="6" t="s">
        <v>19095</v>
      </c>
      <c r="H9784" s="6" t="s">
        <v>19096</v>
      </c>
      <c r="I9784" s="7">
        <v>1.6044248999999999</v>
      </c>
      <c r="J9784" s="8">
        <v>-75.601933299999999</v>
      </c>
    </row>
    <row r="9785" spans="1:10" x14ac:dyDescent="0.35">
      <c r="A9785" s="5" t="s">
        <v>10</v>
      </c>
      <c r="B9785" s="6">
        <v>208967</v>
      </c>
      <c r="C9785" s="6" t="s">
        <v>11</v>
      </c>
      <c r="D9785" s="6" t="s">
        <v>159</v>
      </c>
      <c r="E9785" s="6">
        <v>25175</v>
      </c>
      <c r="F9785" s="6" t="s">
        <v>2161</v>
      </c>
      <c r="G9785" s="6" t="s">
        <v>19097</v>
      </c>
      <c r="H9785" s="6" t="s">
        <v>19098</v>
      </c>
      <c r="I9785" s="7">
        <v>4.8654465999999896</v>
      </c>
      <c r="J9785" s="8">
        <v>-74.044585499999997</v>
      </c>
    </row>
    <row r="9786" spans="1:10" x14ac:dyDescent="0.35">
      <c r="A9786" s="5" t="s">
        <v>10</v>
      </c>
      <c r="B9786" s="6">
        <v>229969</v>
      </c>
      <c r="C9786" s="6" t="s">
        <v>109</v>
      </c>
      <c r="D9786" s="6" t="s">
        <v>227</v>
      </c>
      <c r="E9786" s="6">
        <v>13001</v>
      </c>
      <c r="F9786" s="6" t="s">
        <v>2161</v>
      </c>
      <c r="G9786" s="6" t="s">
        <v>19099</v>
      </c>
      <c r="H9786" s="6" t="s">
        <v>19100</v>
      </c>
      <c r="I9786" s="7">
        <v>10.389684799999999</v>
      </c>
      <c r="J9786" s="8">
        <v>-75.4491558</v>
      </c>
    </row>
    <row r="9787" spans="1:10" x14ac:dyDescent="0.35">
      <c r="A9787" s="5" t="s">
        <v>10</v>
      </c>
      <c r="B9787" s="6">
        <v>208948</v>
      </c>
      <c r="C9787" s="6" t="s">
        <v>278</v>
      </c>
      <c r="D9787" s="6" t="s">
        <v>3651</v>
      </c>
      <c r="E9787" s="6">
        <v>50313</v>
      </c>
      <c r="F9787" s="6" t="s">
        <v>2161</v>
      </c>
      <c r="G9787" s="6" t="s">
        <v>19101</v>
      </c>
      <c r="H9787" s="6" t="s">
        <v>19102</v>
      </c>
      <c r="I9787" s="7">
        <v>3.5436442000000001</v>
      </c>
      <c r="J9787" s="8">
        <v>-73.702810700000001</v>
      </c>
    </row>
    <row r="9788" spans="1:10" x14ac:dyDescent="0.35">
      <c r="A9788" s="5" t="s">
        <v>10</v>
      </c>
      <c r="B9788" s="6">
        <v>209050</v>
      </c>
      <c r="C9788" s="6" t="s">
        <v>68</v>
      </c>
      <c r="D9788" s="6" t="s">
        <v>69</v>
      </c>
      <c r="E9788" s="6">
        <v>11001</v>
      </c>
      <c r="F9788" s="6" t="s">
        <v>2161</v>
      </c>
      <c r="G9788" s="6" t="s">
        <v>19103</v>
      </c>
      <c r="H9788" s="6" t="s">
        <v>19104</v>
      </c>
      <c r="I9788" s="7">
        <v>4.6245063999999996</v>
      </c>
      <c r="J9788" s="8">
        <v>-74.207062100000002</v>
      </c>
    </row>
    <row r="9789" spans="1:10" x14ac:dyDescent="0.35">
      <c r="A9789" s="5" t="s">
        <v>10</v>
      </c>
      <c r="B9789" s="6">
        <v>223757</v>
      </c>
      <c r="C9789" s="6" t="s">
        <v>302</v>
      </c>
      <c r="D9789" s="6" t="s">
        <v>359</v>
      </c>
      <c r="E9789" s="6">
        <v>8001</v>
      </c>
      <c r="F9789" s="6" t="s">
        <v>13</v>
      </c>
      <c r="G9789" s="6" t="s">
        <v>19105</v>
      </c>
      <c r="H9789" s="6" t="s">
        <v>19106</v>
      </c>
      <c r="I9789" s="7">
        <v>11.0135732</v>
      </c>
      <c r="J9789" s="8">
        <v>-74.827438200000003</v>
      </c>
    </row>
    <row r="9790" spans="1:10" x14ac:dyDescent="0.35">
      <c r="A9790" s="5" t="s">
        <v>10</v>
      </c>
      <c r="B9790" s="6">
        <v>190309</v>
      </c>
      <c r="C9790" s="6" t="s">
        <v>68</v>
      </c>
      <c r="D9790" s="6" t="s">
        <v>69</v>
      </c>
      <c r="E9790" s="6">
        <v>11001</v>
      </c>
      <c r="F9790" s="6" t="s">
        <v>13</v>
      </c>
      <c r="G9790" s="6" t="s">
        <v>18855</v>
      </c>
      <c r="H9790" s="6" t="s">
        <v>18856</v>
      </c>
      <c r="I9790" s="7">
        <v>4.6220220999999997</v>
      </c>
      <c r="J9790" s="8">
        <v>-74.189908000000003</v>
      </c>
    </row>
    <row r="9791" spans="1:10" x14ac:dyDescent="0.35">
      <c r="A9791" s="5" t="s">
        <v>10</v>
      </c>
      <c r="B9791" s="6">
        <v>223794</v>
      </c>
      <c r="C9791" s="6" t="s">
        <v>308</v>
      </c>
      <c r="D9791" s="6" t="s">
        <v>309</v>
      </c>
      <c r="E9791" s="6">
        <v>23001</v>
      </c>
      <c r="F9791" s="6" t="s">
        <v>13</v>
      </c>
      <c r="G9791" s="6" t="s">
        <v>19107</v>
      </c>
      <c r="H9791" s="6" t="s">
        <v>19108</v>
      </c>
      <c r="I9791" s="7">
        <v>8.7570125999999995</v>
      </c>
      <c r="J9791" s="8">
        <v>-75.885959200000002</v>
      </c>
    </row>
    <row r="9792" spans="1:10" x14ac:dyDescent="0.35">
      <c r="A9792" s="5" t="s">
        <v>10</v>
      </c>
      <c r="B9792" s="6">
        <v>186101</v>
      </c>
      <c r="C9792" s="6" t="s">
        <v>55</v>
      </c>
      <c r="D9792" s="6" t="s">
        <v>56</v>
      </c>
      <c r="E9792" s="6">
        <v>73001</v>
      </c>
      <c r="F9792" s="6" t="s">
        <v>18</v>
      </c>
      <c r="G9792" s="6" t="s">
        <v>19109</v>
      </c>
      <c r="H9792" s="6" t="s">
        <v>19110</v>
      </c>
      <c r="I9792" s="7">
        <v>4.4519592000000001</v>
      </c>
      <c r="J9792" s="8">
        <v>-75.186969099999999</v>
      </c>
    </row>
    <row r="9793" spans="1:10" x14ac:dyDescent="0.35">
      <c r="A9793" s="5" t="s">
        <v>10</v>
      </c>
      <c r="B9793" s="6">
        <v>204031</v>
      </c>
      <c r="C9793" s="6" t="s">
        <v>28</v>
      </c>
      <c r="D9793" s="6" t="s">
        <v>29</v>
      </c>
      <c r="E9793" s="6">
        <v>54001</v>
      </c>
      <c r="F9793" s="6" t="s">
        <v>18</v>
      </c>
      <c r="G9793" s="6" t="s">
        <v>19111</v>
      </c>
      <c r="H9793" s="6" t="s">
        <v>19112</v>
      </c>
      <c r="I9793" s="7">
        <v>7.8883779000000001</v>
      </c>
      <c r="J9793" s="8">
        <v>-72.505467699999997</v>
      </c>
    </row>
    <row r="9794" spans="1:10" x14ac:dyDescent="0.35">
      <c r="A9794" s="5" t="s">
        <v>10</v>
      </c>
      <c r="B9794" s="6">
        <v>218717</v>
      </c>
      <c r="C9794" s="6" t="s">
        <v>42</v>
      </c>
      <c r="D9794" s="6" t="s">
        <v>396</v>
      </c>
      <c r="E9794" s="6">
        <v>17380</v>
      </c>
      <c r="F9794" s="6" t="s">
        <v>18</v>
      </c>
      <c r="G9794" s="6" t="s">
        <v>19113</v>
      </c>
      <c r="H9794" s="6" t="s">
        <v>19114</v>
      </c>
      <c r="I9794" s="7">
        <v>5.459905</v>
      </c>
      <c r="J9794" s="8">
        <v>-74.670176699999999</v>
      </c>
    </row>
    <row r="9795" spans="1:10" x14ac:dyDescent="0.35">
      <c r="A9795" s="5" t="s">
        <v>10</v>
      </c>
      <c r="B9795" s="6">
        <v>225323</v>
      </c>
      <c r="C9795" s="6" t="s">
        <v>457</v>
      </c>
      <c r="D9795" s="6" t="s">
        <v>4400</v>
      </c>
      <c r="E9795" s="6">
        <v>52001</v>
      </c>
      <c r="F9795" s="6" t="s">
        <v>2161</v>
      </c>
      <c r="G9795" s="6" t="s">
        <v>19115</v>
      </c>
      <c r="H9795" s="6" t="s">
        <v>19116</v>
      </c>
      <c r="I9795" s="7">
        <v>1.2026384999999999</v>
      </c>
      <c r="J9795" s="8">
        <v>-77.283903899999999</v>
      </c>
    </row>
    <row r="9796" spans="1:10" x14ac:dyDescent="0.35">
      <c r="A9796" s="5" t="s">
        <v>10</v>
      </c>
      <c r="B9796" s="6">
        <v>232722</v>
      </c>
      <c r="C9796" s="6" t="s">
        <v>16</v>
      </c>
      <c r="D9796" s="6" t="s">
        <v>3466</v>
      </c>
      <c r="E9796" s="6">
        <v>68572</v>
      </c>
      <c r="F9796" s="6" t="s">
        <v>2161</v>
      </c>
      <c r="G9796" s="6" t="s">
        <v>19117</v>
      </c>
      <c r="H9796" s="6" t="s">
        <v>19118</v>
      </c>
      <c r="I9796" s="7">
        <v>5.8759538999999998</v>
      </c>
      <c r="J9796" s="8">
        <v>-73.679832899999994</v>
      </c>
    </row>
    <row r="9797" spans="1:10" x14ac:dyDescent="0.35">
      <c r="A9797" s="5" t="s">
        <v>10</v>
      </c>
      <c r="B9797" s="6">
        <v>222686</v>
      </c>
      <c r="C9797" s="6" t="s">
        <v>68</v>
      </c>
      <c r="D9797" s="6" t="s">
        <v>69</v>
      </c>
      <c r="E9797" s="6">
        <v>11001</v>
      </c>
      <c r="F9797" s="6" t="s">
        <v>13</v>
      </c>
      <c r="G9797" s="6" t="s">
        <v>17871</v>
      </c>
      <c r="H9797" s="6" t="s">
        <v>17872</v>
      </c>
      <c r="I9797" s="7">
        <v>4.6357056999999999</v>
      </c>
      <c r="J9797" s="8">
        <v>-74.170505700000007</v>
      </c>
    </row>
    <row r="9798" spans="1:10" x14ac:dyDescent="0.35">
      <c r="A9798" s="5" t="s">
        <v>10</v>
      </c>
      <c r="B9798" s="6">
        <v>228311</v>
      </c>
      <c r="C9798" s="6" t="s">
        <v>109</v>
      </c>
      <c r="D9798" s="6" t="s">
        <v>19119</v>
      </c>
      <c r="E9798" s="6">
        <v>13074</v>
      </c>
      <c r="F9798" s="6" t="s">
        <v>18</v>
      </c>
      <c r="G9798" s="6" t="s">
        <v>19120</v>
      </c>
      <c r="H9798" s="6" t="s">
        <v>19121</v>
      </c>
      <c r="I9798" s="7">
        <v>8.9472702000000002</v>
      </c>
      <c r="J9798" s="8">
        <v>-74.1106585</v>
      </c>
    </row>
    <row r="9799" spans="1:10" x14ac:dyDescent="0.35">
      <c r="A9799" s="5" t="s">
        <v>10</v>
      </c>
      <c r="B9799" s="6">
        <v>214901</v>
      </c>
      <c r="C9799" s="6" t="s">
        <v>109</v>
      </c>
      <c r="D9799" s="6" t="s">
        <v>658</v>
      </c>
      <c r="E9799" s="6">
        <v>13836</v>
      </c>
      <c r="F9799" s="6" t="s">
        <v>18</v>
      </c>
      <c r="G9799" s="6" t="s">
        <v>19122</v>
      </c>
      <c r="H9799" s="6" t="s">
        <v>19123</v>
      </c>
      <c r="I9799" s="7">
        <v>8.2333099999999995</v>
      </c>
      <c r="J9799" s="8">
        <v>-73.916619999999995</v>
      </c>
    </row>
    <row r="9800" spans="1:10" x14ac:dyDescent="0.35">
      <c r="A9800" s="5" t="s">
        <v>10</v>
      </c>
      <c r="B9800" s="6">
        <v>171895</v>
      </c>
      <c r="C9800" s="6" t="s">
        <v>28</v>
      </c>
      <c r="D9800" s="6" t="s">
        <v>29</v>
      </c>
      <c r="E9800" s="6">
        <v>54001</v>
      </c>
      <c r="F9800" s="6" t="s">
        <v>18</v>
      </c>
      <c r="G9800" s="6" t="s">
        <v>1327</v>
      </c>
      <c r="H9800" s="6" t="s">
        <v>1328</v>
      </c>
      <c r="I9800" s="7">
        <v>7.8870934000000004</v>
      </c>
      <c r="J9800" s="8">
        <v>-72.476701499999905</v>
      </c>
    </row>
    <row r="9801" spans="1:10" x14ac:dyDescent="0.35">
      <c r="A9801" s="5" t="s">
        <v>10</v>
      </c>
      <c r="B9801" s="6">
        <v>218061</v>
      </c>
      <c r="C9801" s="6" t="s">
        <v>28</v>
      </c>
      <c r="D9801" s="6" t="s">
        <v>91</v>
      </c>
      <c r="E9801" s="6">
        <v>54874</v>
      </c>
      <c r="F9801" s="6" t="s">
        <v>18</v>
      </c>
      <c r="G9801" s="6" t="s">
        <v>19124</v>
      </c>
      <c r="H9801" s="6" t="s">
        <v>19125</v>
      </c>
      <c r="I9801" s="7">
        <v>7.8495510999999896</v>
      </c>
      <c r="J9801" s="8">
        <v>-72.474682799999997</v>
      </c>
    </row>
    <row r="9802" spans="1:10" x14ac:dyDescent="0.35">
      <c r="A9802" s="5" t="s">
        <v>10</v>
      </c>
      <c r="B9802" s="6">
        <v>222271</v>
      </c>
      <c r="C9802" s="6" t="s">
        <v>28</v>
      </c>
      <c r="D9802" s="6" t="s">
        <v>29</v>
      </c>
      <c r="E9802" s="6">
        <v>54001</v>
      </c>
      <c r="F9802" s="6" t="s">
        <v>18</v>
      </c>
      <c r="G9802" s="6" t="s">
        <v>19126</v>
      </c>
      <c r="H9802" s="6" t="s">
        <v>19127</v>
      </c>
      <c r="I9802" s="7">
        <v>7.9078948999999996</v>
      </c>
      <c r="J9802" s="8">
        <v>-72.490893599999893</v>
      </c>
    </row>
    <row r="9803" spans="1:10" x14ac:dyDescent="0.35">
      <c r="A9803" s="5" t="s">
        <v>10</v>
      </c>
      <c r="B9803" s="6">
        <v>228789</v>
      </c>
      <c r="C9803" s="6" t="s">
        <v>11</v>
      </c>
      <c r="D9803" s="6" t="s">
        <v>334</v>
      </c>
      <c r="E9803" s="6">
        <v>25754</v>
      </c>
      <c r="F9803" s="6" t="s">
        <v>2161</v>
      </c>
      <c r="G9803" s="6" t="s">
        <v>19128</v>
      </c>
      <c r="H9803" s="6" t="s">
        <v>19129</v>
      </c>
      <c r="I9803" s="7">
        <v>4.5991248000000002</v>
      </c>
      <c r="J9803" s="8">
        <v>-74.219101899999998</v>
      </c>
    </row>
    <row r="9804" spans="1:10" x14ac:dyDescent="0.35">
      <c r="A9804" s="5" t="s">
        <v>10</v>
      </c>
      <c r="B9804" s="6">
        <v>215542</v>
      </c>
      <c r="C9804" s="6" t="s">
        <v>68</v>
      </c>
      <c r="D9804" s="6" t="s">
        <v>69</v>
      </c>
      <c r="E9804" s="6">
        <v>11001</v>
      </c>
      <c r="F9804" s="6" t="s">
        <v>13</v>
      </c>
      <c r="G9804" s="6" t="s">
        <v>19130</v>
      </c>
      <c r="H9804" s="6" t="s">
        <v>19131</v>
      </c>
      <c r="I9804" s="7">
        <v>4.6444719000000001</v>
      </c>
      <c r="J9804" s="8">
        <v>-74.064778599999997</v>
      </c>
    </row>
    <row r="9805" spans="1:10" x14ac:dyDescent="0.35">
      <c r="A9805" s="5" t="s">
        <v>10</v>
      </c>
      <c r="B9805" s="6">
        <v>236290</v>
      </c>
      <c r="C9805" s="6" t="s">
        <v>2130</v>
      </c>
      <c r="D9805" s="6" t="s">
        <v>2131</v>
      </c>
      <c r="E9805" s="6">
        <v>85001</v>
      </c>
      <c r="F9805" s="6" t="s">
        <v>13</v>
      </c>
      <c r="G9805" s="6" t="s">
        <v>18830</v>
      </c>
      <c r="H9805" s="6" t="s">
        <v>18831</v>
      </c>
      <c r="I9805" s="7">
        <v>5.348903</v>
      </c>
      <c r="J9805" s="8">
        <v>-72.400523000000007</v>
      </c>
    </row>
    <row r="9806" spans="1:10" x14ac:dyDescent="0.35">
      <c r="A9806" s="5" t="s">
        <v>10</v>
      </c>
      <c r="B9806" s="6">
        <v>236152</v>
      </c>
      <c r="C9806" s="6" t="s">
        <v>2821</v>
      </c>
      <c r="D9806" s="6" t="s">
        <v>2822</v>
      </c>
      <c r="E9806" s="6">
        <v>47001</v>
      </c>
      <c r="F9806" s="6" t="s">
        <v>18</v>
      </c>
      <c r="G9806" s="6" t="s">
        <v>19132</v>
      </c>
      <c r="H9806" s="6" t="s">
        <v>19133</v>
      </c>
      <c r="I9806" s="7">
        <v>11.2260711</v>
      </c>
      <c r="J9806" s="8">
        <v>-74.189146800000003</v>
      </c>
    </row>
    <row r="9807" spans="1:10" x14ac:dyDescent="0.35">
      <c r="A9807" s="5" t="s">
        <v>10</v>
      </c>
      <c r="B9807" s="6">
        <v>242841</v>
      </c>
      <c r="C9807" s="6" t="s">
        <v>24</v>
      </c>
      <c r="D9807" s="6" t="s">
        <v>5770</v>
      </c>
      <c r="E9807" s="6">
        <v>15740</v>
      </c>
      <c r="F9807" s="6" t="s">
        <v>18</v>
      </c>
      <c r="G9807" s="6" t="s">
        <v>19134</v>
      </c>
      <c r="H9807" s="6" t="s">
        <v>19135</v>
      </c>
      <c r="I9807" s="7">
        <v>5.5121131999999999</v>
      </c>
      <c r="J9807" s="8">
        <v>-73.245838399999997</v>
      </c>
    </row>
    <row r="9808" spans="1:10" x14ac:dyDescent="0.35">
      <c r="A9808" s="5" t="s">
        <v>10</v>
      </c>
      <c r="B9808" s="6">
        <v>231689</v>
      </c>
      <c r="C9808" s="6" t="s">
        <v>28</v>
      </c>
      <c r="D9808" s="6" t="s">
        <v>29</v>
      </c>
      <c r="E9808" s="6">
        <v>54001</v>
      </c>
      <c r="F9808" s="6" t="s">
        <v>18</v>
      </c>
      <c r="G9808" s="6" t="s">
        <v>19136</v>
      </c>
      <c r="H9808" s="6" t="s">
        <v>19137</v>
      </c>
      <c r="I9808" s="7">
        <v>7.8964287999999998</v>
      </c>
      <c r="J9808" s="8">
        <v>-72.494667699999994</v>
      </c>
    </row>
    <row r="9809" spans="1:10" x14ac:dyDescent="0.35">
      <c r="A9809" s="5" t="s">
        <v>10</v>
      </c>
      <c r="B9809" s="6">
        <v>213358</v>
      </c>
      <c r="C9809" s="6" t="s">
        <v>2821</v>
      </c>
      <c r="D9809" s="6" t="s">
        <v>2822</v>
      </c>
      <c r="E9809" s="6">
        <v>47001</v>
      </c>
      <c r="F9809" s="6" t="s">
        <v>2161</v>
      </c>
      <c r="G9809" s="6" t="s">
        <v>19138</v>
      </c>
      <c r="H9809" s="6" t="s">
        <v>19139</v>
      </c>
      <c r="I9809" s="7">
        <v>11.2147787</v>
      </c>
      <c r="J9809" s="8">
        <v>-74.184898399999994</v>
      </c>
    </row>
    <row r="9810" spans="1:10" x14ac:dyDescent="0.35">
      <c r="A9810" s="5" t="s">
        <v>10</v>
      </c>
      <c r="B9810" s="6">
        <v>236323</v>
      </c>
      <c r="C9810" s="6" t="s">
        <v>457</v>
      </c>
      <c r="D9810" s="6" t="s">
        <v>4400</v>
      </c>
      <c r="E9810" s="6">
        <v>52001</v>
      </c>
      <c r="F9810" s="6" t="s">
        <v>2161</v>
      </c>
      <c r="G9810" s="6" t="s">
        <v>19140</v>
      </c>
      <c r="H9810" s="6" t="s">
        <v>19141</v>
      </c>
      <c r="I9810" s="7">
        <v>1.2058837</v>
      </c>
      <c r="J9810" s="8">
        <v>-77.285786999999999</v>
      </c>
    </row>
    <row r="9811" spans="1:10" x14ac:dyDescent="0.35">
      <c r="A9811" s="5" t="s">
        <v>10</v>
      </c>
      <c r="B9811" s="6">
        <v>141689</v>
      </c>
      <c r="C9811" s="6" t="s">
        <v>11</v>
      </c>
      <c r="D9811" s="6" t="s">
        <v>407</v>
      </c>
      <c r="E9811" s="6">
        <v>25126</v>
      </c>
      <c r="F9811" s="6" t="s">
        <v>13</v>
      </c>
      <c r="G9811" s="6" t="s">
        <v>408</v>
      </c>
      <c r="H9811" s="6" t="s">
        <v>409</v>
      </c>
      <c r="I9811" s="7">
        <v>4.9167299</v>
      </c>
      <c r="J9811" s="8">
        <v>-74.025903999999997</v>
      </c>
    </row>
    <row r="9812" spans="1:10" x14ac:dyDescent="0.35">
      <c r="A9812" s="5" t="s">
        <v>10</v>
      </c>
      <c r="B9812" s="6">
        <v>147868</v>
      </c>
      <c r="C9812" s="6" t="s">
        <v>11</v>
      </c>
      <c r="D9812" s="6" t="s">
        <v>3054</v>
      </c>
      <c r="E9812" s="6">
        <v>25269</v>
      </c>
      <c r="F9812" s="6" t="s">
        <v>13</v>
      </c>
      <c r="G9812" s="6" t="s">
        <v>17788</v>
      </c>
      <c r="H9812" s="6" t="s">
        <v>17789</v>
      </c>
      <c r="I9812" s="7">
        <v>4.8097642</v>
      </c>
      <c r="J9812" s="8">
        <v>-74.356405499999994</v>
      </c>
    </row>
    <row r="9813" spans="1:10" x14ac:dyDescent="0.35">
      <c r="A9813" s="5" t="s">
        <v>10</v>
      </c>
      <c r="B9813" s="6">
        <v>42947</v>
      </c>
      <c r="C9813" s="6" t="s">
        <v>190</v>
      </c>
      <c r="D9813" s="6" t="s">
        <v>191</v>
      </c>
      <c r="E9813" s="6">
        <v>5001</v>
      </c>
      <c r="F9813" s="6" t="s">
        <v>18</v>
      </c>
      <c r="G9813" s="6" t="s">
        <v>19142</v>
      </c>
      <c r="H9813" s="6" t="s">
        <v>19143</v>
      </c>
      <c r="I9813" s="7">
        <v>6.2000554000000001</v>
      </c>
      <c r="J9813" s="8">
        <v>-75.592811100000006</v>
      </c>
    </row>
    <row r="9814" spans="1:10" x14ac:dyDescent="0.35">
      <c r="A9814" s="5" t="s">
        <v>10</v>
      </c>
      <c r="B9814" s="6">
        <v>238178</v>
      </c>
      <c r="C9814" s="6" t="s">
        <v>16</v>
      </c>
      <c r="D9814" s="6" t="s">
        <v>4693</v>
      </c>
      <c r="E9814" s="6">
        <v>68190</v>
      </c>
      <c r="F9814" s="6" t="s">
        <v>18</v>
      </c>
      <c r="G9814" s="6" t="s">
        <v>19144</v>
      </c>
      <c r="H9814" s="6" t="s">
        <v>19145</v>
      </c>
      <c r="I9814" s="7">
        <v>6.3165320999999999</v>
      </c>
      <c r="J9814" s="8">
        <v>-73.951627099999996</v>
      </c>
    </row>
    <row r="9815" spans="1:10" x14ac:dyDescent="0.35">
      <c r="A9815" s="5" t="s">
        <v>10</v>
      </c>
      <c r="B9815" s="6">
        <v>183137</v>
      </c>
      <c r="C9815" s="6" t="s">
        <v>55</v>
      </c>
      <c r="D9815" s="6" t="s">
        <v>56</v>
      </c>
      <c r="E9815" s="6">
        <v>73001</v>
      </c>
      <c r="F9815" s="6" t="s">
        <v>18</v>
      </c>
      <c r="G9815" s="6" t="s">
        <v>19146</v>
      </c>
      <c r="H9815" s="6" t="s">
        <v>19147</v>
      </c>
      <c r="I9815" s="7">
        <v>4.4084307000000003</v>
      </c>
      <c r="J9815" s="8">
        <v>-75.165744599999996</v>
      </c>
    </row>
    <row r="9816" spans="1:10" x14ac:dyDescent="0.35">
      <c r="A9816" s="5" t="s">
        <v>10</v>
      </c>
      <c r="B9816" s="6">
        <v>240423</v>
      </c>
      <c r="C9816" s="6" t="s">
        <v>466</v>
      </c>
      <c r="D9816" s="6" t="s">
        <v>1262</v>
      </c>
      <c r="E9816" s="6">
        <v>81001</v>
      </c>
      <c r="F9816" s="6" t="s">
        <v>18</v>
      </c>
      <c r="G9816" s="6" t="s">
        <v>19148</v>
      </c>
      <c r="H9816" s="6" t="s">
        <v>19149</v>
      </c>
      <c r="I9816" s="7">
        <v>7.0929478000000001</v>
      </c>
      <c r="J9816" s="8">
        <v>-70.763413</v>
      </c>
    </row>
    <row r="9817" spans="1:10" x14ac:dyDescent="0.35">
      <c r="A9817" s="5" t="s">
        <v>10</v>
      </c>
      <c r="B9817" s="6">
        <v>234252</v>
      </c>
      <c r="C9817" s="6" t="s">
        <v>38</v>
      </c>
      <c r="D9817" s="6" t="s">
        <v>39</v>
      </c>
      <c r="E9817" s="6">
        <v>19001</v>
      </c>
      <c r="F9817" s="6" t="s">
        <v>18</v>
      </c>
      <c r="G9817" s="6" t="s">
        <v>19150</v>
      </c>
      <c r="H9817" s="6" t="s">
        <v>19151</v>
      </c>
      <c r="I9817" s="7">
        <v>2.4600509000000002</v>
      </c>
      <c r="J9817" s="8">
        <v>-76.589180999999996</v>
      </c>
    </row>
    <row r="9818" spans="1:10" x14ac:dyDescent="0.35">
      <c r="A9818" s="5" t="s">
        <v>10</v>
      </c>
      <c r="B9818" s="6">
        <v>224456</v>
      </c>
      <c r="C9818" s="6" t="s">
        <v>42</v>
      </c>
      <c r="D9818" s="6" t="s">
        <v>3532</v>
      </c>
      <c r="E9818" s="6">
        <v>17388</v>
      </c>
      <c r="F9818" s="6" t="s">
        <v>18</v>
      </c>
      <c r="G9818" s="6" t="s">
        <v>19152</v>
      </c>
      <c r="H9818" s="6" t="s">
        <v>19153</v>
      </c>
      <c r="I9818" s="7">
        <v>3.4480067000000001</v>
      </c>
      <c r="J9818" s="8">
        <v>-76.535094700000002</v>
      </c>
    </row>
    <row r="9819" spans="1:10" x14ac:dyDescent="0.35">
      <c r="A9819" s="5" t="s">
        <v>10</v>
      </c>
      <c r="B9819" s="6">
        <v>235580</v>
      </c>
      <c r="C9819" s="6" t="s">
        <v>94</v>
      </c>
      <c r="D9819" s="6" t="s">
        <v>894</v>
      </c>
      <c r="E9819" s="6">
        <v>66088</v>
      </c>
      <c r="F9819" s="6" t="s">
        <v>18</v>
      </c>
      <c r="G9819" s="6" t="s">
        <v>19154</v>
      </c>
      <c r="H9819" s="6" t="s">
        <v>19155</v>
      </c>
      <c r="I9819" s="7">
        <v>5.2009030000000003</v>
      </c>
      <c r="J9819" s="8">
        <v>-75.869260999999995</v>
      </c>
    </row>
    <row r="9820" spans="1:10" x14ac:dyDescent="0.35">
      <c r="A9820" s="5" t="s">
        <v>10</v>
      </c>
      <c r="B9820" s="6">
        <v>234894</v>
      </c>
      <c r="C9820" s="6" t="s">
        <v>11</v>
      </c>
      <c r="D9820" s="6" t="s">
        <v>1547</v>
      </c>
      <c r="E9820" s="6">
        <v>25817</v>
      </c>
      <c r="F9820" s="6" t="s">
        <v>2161</v>
      </c>
      <c r="G9820" s="6" t="s">
        <v>18653</v>
      </c>
      <c r="H9820" s="6" t="s">
        <v>19156</v>
      </c>
      <c r="I9820" s="7">
        <v>4.9627122999999997</v>
      </c>
      <c r="J9820" s="8">
        <v>-73.933597700000007</v>
      </c>
    </row>
    <row r="9821" spans="1:10" x14ac:dyDescent="0.35">
      <c r="A9821" s="5" t="s">
        <v>10</v>
      </c>
      <c r="B9821" s="6">
        <v>221514</v>
      </c>
      <c r="C9821" s="6" t="s">
        <v>16</v>
      </c>
      <c r="D9821" s="6" t="s">
        <v>705</v>
      </c>
      <c r="E9821" s="6">
        <v>68077</v>
      </c>
      <c r="F9821" s="6" t="s">
        <v>2161</v>
      </c>
      <c r="G9821" s="6" t="s">
        <v>19157</v>
      </c>
      <c r="H9821" s="6" t="s">
        <v>19158</v>
      </c>
      <c r="I9821" s="7">
        <v>5.9328652999999996</v>
      </c>
      <c r="J9821" s="8">
        <v>-73.614873899999907</v>
      </c>
    </row>
    <row r="9822" spans="1:10" x14ac:dyDescent="0.35">
      <c r="A9822" s="5" t="s">
        <v>10</v>
      </c>
      <c r="B9822" s="6">
        <v>211351</v>
      </c>
      <c r="C9822" s="6" t="s">
        <v>11</v>
      </c>
      <c r="D9822" s="6" t="s">
        <v>12</v>
      </c>
      <c r="E9822" s="6">
        <v>25899</v>
      </c>
      <c r="F9822" s="6" t="s">
        <v>2161</v>
      </c>
      <c r="G9822" s="6" t="s">
        <v>19159</v>
      </c>
      <c r="H9822" s="6" t="s">
        <v>19160</v>
      </c>
      <c r="I9822" s="7">
        <v>5.0262918999999897</v>
      </c>
      <c r="J9822" s="8">
        <v>-73.983853999999994</v>
      </c>
    </row>
    <row r="9823" spans="1:10" x14ac:dyDescent="0.35">
      <c r="A9823" s="5" t="s">
        <v>10</v>
      </c>
      <c r="B9823" s="6">
        <v>174613</v>
      </c>
      <c r="C9823" s="6" t="s">
        <v>16</v>
      </c>
      <c r="D9823" s="6" t="s">
        <v>790</v>
      </c>
      <c r="E9823" s="6">
        <v>68229</v>
      </c>
      <c r="F9823" s="6" t="s">
        <v>18</v>
      </c>
      <c r="G9823" s="6" t="s">
        <v>2316</v>
      </c>
      <c r="H9823" s="6" t="s">
        <v>2317</v>
      </c>
      <c r="I9823" s="7">
        <v>6.6061641</v>
      </c>
      <c r="J9823" s="8">
        <v>-73.066240199999996</v>
      </c>
    </row>
    <row r="9824" spans="1:10" x14ac:dyDescent="0.35">
      <c r="A9824" s="5" t="s">
        <v>10</v>
      </c>
      <c r="B9824" s="6">
        <v>226025</v>
      </c>
      <c r="C9824" s="6" t="s">
        <v>55</v>
      </c>
      <c r="D9824" s="6" t="s">
        <v>56</v>
      </c>
      <c r="E9824" s="6">
        <v>73001</v>
      </c>
      <c r="F9824" s="6" t="s">
        <v>18</v>
      </c>
      <c r="G9824" s="6" t="s">
        <v>19161</v>
      </c>
      <c r="H9824" s="6" t="s">
        <v>19162</v>
      </c>
      <c r="I9824" s="7">
        <v>4.4370612999999999</v>
      </c>
      <c r="J9824" s="8">
        <v>-75.191299299999997</v>
      </c>
    </row>
    <row r="9825" spans="1:10" x14ac:dyDescent="0.35">
      <c r="A9825" s="5" t="s">
        <v>10</v>
      </c>
      <c r="B9825" s="6">
        <v>217779</v>
      </c>
      <c r="C9825" s="6" t="s">
        <v>466</v>
      </c>
      <c r="D9825" s="6" t="s">
        <v>467</v>
      </c>
      <c r="E9825" s="6">
        <v>81736</v>
      </c>
      <c r="F9825" s="6" t="s">
        <v>18</v>
      </c>
      <c r="G9825" s="6" t="s">
        <v>19163</v>
      </c>
      <c r="H9825" s="6" t="s">
        <v>19164</v>
      </c>
      <c r="I9825" s="7">
        <v>6.9498927999999998</v>
      </c>
      <c r="J9825" s="8">
        <v>-71.876329699999999</v>
      </c>
    </row>
    <row r="9826" spans="1:10" x14ac:dyDescent="0.35">
      <c r="A9826" s="5" t="s">
        <v>10</v>
      </c>
      <c r="B9826" s="6">
        <v>237284</v>
      </c>
      <c r="C9826" s="6" t="s">
        <v>28</v>
      </c>
      <c r="D9826" s="6" t="s">
        <v>91</v>
      </c>
      <c r="E9826" s="6">
        <v>54874</v>
      </c>
      <c r="F9826" s="6" t="s">
        <v>18</v>
      </c>
      <c r="G9826" s="6" t="s">
        <v>19165</v>
      </c>
      <c r="H9826" s="6" t="s">
        <v>19166</v>
      </c>
      <c r="I9826" s="7">
        <v>7.8273869999999999</v>
      </c>
      <c r="J9826" s="8">
        <v>-72.474734499999997</v>
      </c>
    </row>
    <row r="9827" spans="1:10" x14ac:dyDescent="0.35">
      <c r="A9827" s="5" t="s">
        <v>10</v>
      </c>
      <c r="B9827" s="6">
        <v>151204</v>
      </c>
      <c r="C9827" s="6" t="s">
        <v>38</v>
      </c>
      <c r="D9827" s="6" t="s">
        <v>39</v>
      </c>
      <c r="E9827" s="6">
        <v>19001</v>
      </c>
      <c r="F9827" s="6" t="s">
        <v>18</v>
      </c>
      <c r="G9827" s="6" t="s">
        <v>19167</v>
      </c>
      <c r="H9827" s="6" t="s">
        <v>19168</v>
      </c>
      <c r="I9827" s="7">
        <v>2.4529595</v>
      </c>
      <c r="J9827" s="8">
        <v>-76.600677500000003</v>
      </c>
    </row>
    <row r="9828" spans="1:10" x14ac:dyDescent="0.35">
      <c r="A9828" s="5" t="s">
        <v>10</v>
      </c>
      <c r="B9828" s="6">
        <v>235949</v>
      </c>
      <c r="C9828" s="6" t="s">
        <v>61</v>
      </c>
      <c r="D9828" s="6" t="s">
        <v>723</v>
      </c>
      <c r="E9828" s="6">
        <v>63470</v>
      </c>
      <c r="F9828" s="6" t="s">
        <v>18</v>
      </c>
      <c r="G9828" s="6" t="s">
        <v>19169</v>
      </c>
      <c r="H9828" s="6" t="s">
        <v>19170</v>
      </c>
      <c r="I9828" s="7">
        <v>4.5733188</v>
      </c>
      <c r="J9828" s="8">
        <v>-75.741799299999997</v>
      </c>
    </row>
    <row r="9829" spans="1:10" x14ac:dyDescent="0.35">
      <c r="A9829" s="5" t="s">
        <v>10</v>
      </c>
      <c r="B9829" s="6">
        <v>230671</v>
      </c>
      <c r="C9829" s="6" t="s">
        <v>11</v>
      </c>
      <c r="D9829" s="6" t="s">
        <v>507</v>
      </c>
      <c r="E9829" s="6">
        <v>25845</v>
      </c>
      <c r="F9829" s="6" t="s">
        <v>18</v>
      </c>
      <c r="G9829" s="6" t="s">
        <v>19171</v>
      </c>
      <c r="H9829" s="6" t="s">
        <v>19172</v>
      </c>
      <c r="I9829" s="7">
        <v>4.4040549999999996</v>
      </c>
      <c r="J9829" s="8">
        <v>-74.025922399999999</v>
      </c>
    </row>
    <row r="9830" spans="1:10" x14ac:dyDescent="0.35">
      <c r="A9830" s="5" t="s">
        <v>10</v>
      </c>
      <c r="B9830" s="6">
        <v>236974</v>
      </c>
      <c r="C9830" s="6" t="s">
        <v>278</v>
      </c>
      <c r="D9830" s="6" t="s">
        <v>279</v>
      </c>
      <c r="E9830" s="6">
        <v>50001</v>
      </c>
      <c r="F9830" s="6" t="s">
        <v>2161</v>
      </c>
      <c r="G9830" s="6" t="s">
        <v>19173</v>
      </c>
      <c r="H9830" s="6" t="s">
        <v>19174</v>
      </c>
      <c r="I9830" s="7">
        <v>4.1188184999999997</v>
      </c>
      <c r="J9830" s="8">
        <v>-73.613087100000001</v>
      </c>
    </row>
    <row r="9831" spans="1:10" x14ac:dyDescent="0.35">
      <c r="A9831" s="5" t="s">
        <v>10</v>
      </c>
      <c r="B9831" s="6">
        <v>172841</v>
      </c>
      <c r="C9831" s="6" t="s">
        <v>117</v>
      </c>
      <c r="D9831" s="6" t="s">
        <v>1334</v>
      </c>
      <c r="E9831" s="6">
        <v>76001</v>
      </c>
      <c r="F9831" s="6" t="s">
        <v>13</v>
      </c>
      <c r="G9831" s="6" t="s">
        <v>18032</v>
      </c>
      <c r="H9831" s="6" t="s">
        <v>18033</v>
      </c>
      <c r="I9831" s="7">
        <v>3.4654414999999998</v>
      </c>
      <c r="J9831" s="8">
        <v>-76.499852500000003</v>
      </c>
    </row>
    <row r="9832" spans="1:10" x14ac:dyDescent="0.35">
      <c r="A9832" s="5" t="s">
        <v>10</v>
      </c>
      <c r="B9832" s="6">
        <v>205996</v>
      </c>
      <c r="C9832" s="6" t="s">
        <v>16</v>
      </c>
      <c r="D9832" s="6" t="s">
        <v>17</v>
      </c>
      <c r="E9832" s="6">
        <v>68679</v>
      </c>
      <c r="F9832" s="6" t="s">
        <v>18</v>
      </c>
      <c r="G9832" s="6" t="s">
        <v>585</v>
      </c>
      <c r="H9832" s="6" t="s">
        <v>586</v>
      </c>
      <c r="I9832" s="7">
        <v>6.5567332999999897</v>
      </c>
      <c r="J9832" s="8">
        <v>-73.146649499999995</v>
      </c>
    </row>
    <row r="9833" spans="1:10" x14ac:dyDescent="0.35">
      <c r="A9833" s="5" t="s">
        <v>10</v>
      </c>
      <c r="B9833" s="6">
        <v>131609</v>
      </c>
      <c r="C9833" s="6" t="s">
        <v>11</v>
      </c>
      <c r="D9833" s="6" t="s">
        <v>3104</v>
      </c>
      <c r="E9833" s="6">
        <v>25245</v>
      </c>
      <c r="F9833" s="6" t="s">
        <v>18</v>
      </c>
      <c r="G9833" s="6" t="s">
        <v>3105</v>
      </c>
      <c r="H9833" s="6" t="s">
        <v>3106</v>
      </c>
      <c r="I9833" s="7">
        <v>4.4923552999999998</v>
      </c>
      <c r="J9833" s="8">
        <v>-74.440226499999994</v>
      </c>
    </row>
    <row r="9834" spans="1:10" x14ac:dyDescent="0.35">
      <c r="A9834" s="5" t="s">
        <v>10</v>
      </c>
      <c r="B9834" s="6">
        <v>243813</v>
      </c>
      <c r="C9834" s="6" t="s">
        <v>28</v>
      </c>
      <c r="D9834" s="6" t="s">
        <v>29</v>
      </c>
      <c r="E9834" s="6">
        <v>54001</v>
      </c>
      <c r="F9834" s="6" t="s">
        <v>18</v>
      </c>
      <c r="G9834" s="6" t="s">
        <v>19175</v>
      </c>
      <c r="H9834" s="6" t="s">
        <v>19176</v>
      </c>
      <c r="I9834" s="7">
        <v>7.9106011000000001</v>
      </c>
      <c r="J9834" s="8">
        <v>-72.469443400000003</v>
      </c>
    </row>
    <row r="9835" spans="1:10" x14ac:dyDescent="0.35">
      <c r="A9835" s="5" t="s">
        <v>10</v>
      </c>
      <c r="B9835" s="6">
        <v>232704</v>
      </c>
      <c r="C9835" s="6" t="s">
        <v>11</v>
      </c>
      <c r="D9835" s="6" t="s">
        <v>513</v>
      </c>
      <c r="E9835" s="6">
        <v>25286</v>
      </c>
      <c r="F9835" s="6" t="s">
        <v>2161</v>
      </c>
      <c r="G9835" s="6" t="s">
        <v>19177</v>
      </c>
      <c r="H9835" s="6" t="s">
        <v>19178</v>
      </c>
      <c r="I9835" s="7">
        <v>4.7028068000000003</v>
      </c>
      <c r="J9835" s="8">
        <v>-74.206539100000001</v>
      </c>
    </row>
    <row r="9836" spans="1:10" x14ac:dyDescent="0.35">
      <c r="A9836" s="5" t="s">
        <v>10</v>
      </c>
      <c r="B9836" s="6">
        <v>240318</v>
      </c>
      <c r="C9836" s="6" t="s">
        <v>551</v>
      </c>
      <c r="D9836" s="6" t="s">
        <v>4403</v>
      </c>
      <c r="E9836" s="6">
        <v>20013</v>
      </c>
      <c r="F9836" s="6" t="s">
        <v>2161</v>
      </c>
      <c r="G9836" s="6" t="s">
        <v>19179</v>
      </c>
      <c r="H9836" s="6" t="s">
        <v>19180</v>
      </c>
      <c r="I9836" s="7">
        <v>10.034388399999999</v>
      </c>
      <c r="J9836" s="8">
        <v>-73.240408500000001</v>
      </c>
    </row>
    <row r="9837" spans="1:10" x14ac:dyDescent="0.35">
      <c r="A9837" s="5" t="s">
        <v>10</v>
      </c>
      <c r="B9837" s="6">
        <v>224905</v>
      </c>
      <c r="C9837" s="6" t="s">
        <v>68</v>
      </c>
      <c r="D9837" s="6" t="s">
        <v>69</v>
      </c>
      <c r="E9837" s="6">
        <v>11001</v>
      </c>
      <c r="F9837" s="6" t="s">
        <v>2161</v>
      </c>
      <c r="G9837" s="6" t="s">
        <v>19181</v>
      </c>
      <c r="H9837" s="6" t="s">
        <v>19182</v>
      </c>
      <c r="I9837" s="7">
        <v>4.5611695000000001</v>
      </c>
      <c r="J9837" s="8">
        <v>-74.147385200000002</v>
      </c>
    </row>
    <row r="9838" spans="1:10" x14ac:dyDescent="0.35">
      <c r="A9838" s="5" t="s">
        <v>10</v>
      </c>
      <c r="B9838" s="6">
        <v>235310</v>
      </c>
      <c r="C9838" s="6" t="s">
        <v>68</v>
      </c>
      <c r="D9838" s="6" t="s">
        <v>69</v>
      </c>
      <c r="E9838" s="6">
        <v>11001</v>
      </c>
      <c r="F9838" s="6" t="s">
        <v>2161</v>
      </c>
      <c r="G9838" s="6" t="s">
        <v>19183</v>
      </c>
      <c r="H9838" s="6" t="s">
        <v>19184</v>
      </c>
      <c r="I9838" s="7">
        <v>4.7601598999999997</v>
      </c>
      <c r="J9838" s="8">
        <v>-74.014240599999994</v>
      </c>
    </row>
    <row r="9839" spans="1:10" x14ac:dyDescent="0.35">
      <c r="A9839" s="5" t="s">
        <v>10</v>
      </c>
      <c r="B9839" s="6">
        <v>215471</v>
      </c>
      <c r="C9839" s="6" t="s">
        <v>3325</v>
      </c>
      <c r="D9839" s="6" t="s">
        <v>5991</v>
      </c>
      <c r="E9839" s="6">
        <v>95001</v>
      </c>
      <c r="F9839" s="6" t="s">
        <v>2161</v>
      </c>
      <c r="G9839" s="6" t="s">
        <v>19185</v>
      </c>
      <c r="H9839" s="6" t="s">
        <v>19186</v>
      </c>
      <c r="I9839" s="7">
        <v>2.5677606000000002</v>
      </c>
      <c r="J9839" s="8">
        <v>-72.639653499999994</v>
      </c>
    </row>
    <row r="9840" spans="1:10" x14ac:dyDescent="0.35">
      <c r="A9840" s="5" t="s">
        <v>10</v>
      </c>
      <c r="B9840" s="6">
        <v>172833</v>
      </c>
      <c r="C9840" s="6" t="s">
        <v>302</v>
      </c>
      <c r="D9840" s="6" t="s">
        <v>4041</v>
      </c>
      <c r="E9840" s="6">
        <v>8758</v>
      </c>
      <c r="F9840" s="6" t="s">
        <v>13</v>
      </c>
      <c r="G9840" s="6" t="s">
        <v>18727</v>
      </c>
      <c r="H9840" s="6" t="s">
        <v>18728</v>
      </c>
      <c r="I9840" s="7">
        <v>10.927137699999999</v>
      </c>
      <c r="J9840" s="8">
        <v>-74.779330799999997</v>
      </c>
    </row>
    <row r="9841" spans="1:10" x14ac:dyDescent="0.35">
      <c r="A9841" s="5" t="s">
        <v>10</v>
      </c>
      <c r="B9841" s="6">
        <v>141692</v>
      </c>
      <c r="C9841" s="6" t="s">
        <v>11</v>
      </c>
      <c r="D9841" s="6" t="s">
        <v>3104</v>
      </c>
      <c r="E9841" s="6">
        <v>25245</v>
      </c>
      <c r="F9841" s="6" t="s">
        <v>13</v>
      </c>
      <c r="G9841" s="6" t="s">
        <v>3507</v>
      </c>
      <c r="H9841" s="6" t="s">
        <v>3508</v>
      </c>
      <c r="I9841" s="7">
        <v>4.5744106000000002</v>
      </c>
      <c r="J9841" s="8">
        <v>-74.305294399999994</v>
      </c>
    </row>
    <row r="9842" spans="1:10" x14ac:dyDescent="0.35">
      <c r="A9842" s="5" t="s">
        <v>10</v>
      </c>
      <c r="B9842" s="6">
        <v>169661</v>
      </c>
      <c r="C9842" s="6" t="s">
        <v>68</v>
      </c>
      <c r="D9842" s="6" t="s">
        <v>69</v>
      </c>
      <c r="E9842" s="6">
        <v>11001</v>
      </c>
      <c r="F9842" s="6" t="s">
        <v>13</v>
      </c>
      <c r="G9842" s="6" t="s">
        <v>1087</v>
      </c>
      <c r="H9842" s="6" t="s">
        <v>18163</v>
      </c>
      <c r="I9842" s="7">
        <v>4.6626272000000002</v>
      </c>
      <c r="J9842" s="8">
        <v>-74.065611500000003</v>
      </c>
    </row>
    <row r="9843" spans="1:10" x14ac:dyDescent="0.35">
      <c r="A9843" s="5" t="s">
        <v>10</v>
      </c>
      <c r="B9843" s="6">
        <v>245966</v>
      </c>
      <c r="C9843" s="6" t="s">
        <v>24</v>
      </c>
      <c r="D9843" s="6" t="s">
        <v>2246</v>
      </c>
      <c r="E9843" s="6">
        <v>15676</v>
      </c>
      <c r="F9843" s="6" t="s">
        <v>18</v>
      </c>
      <c r="G9843" s="6" t="s">
        <v>19187</v>
      </c>
      <c r="H9843" s="6" t="s">
        <v>19188</v>
      </c>
      <c r="I9843" s="7">
        <v>5.5182662999999996</v>
      </c>
      <c r="J9843" s="8">
        <v>-73.721531900000002</v>
      </c>
    </row>
    <row r="9844" spans="1:10" x14ac:dyDescent="0.35">
      <c r="A9844" s="5" t="s">
        <v>10</v>
      </c>
      <c r="B9844" s="6">
        <v>163190</v>
      </c>
      <c r="C9844" s="6" t="s">
        <v>42</v>
      </c>
      <c r="D9844" s="6" t="s">
        <v>43</v>
      </c>
      <c r="E9844" s="6">
        <v>17001</v>
      </c>
      <c r="F9844" s="6" t="s">
        <v>18</v>
      </c>
      <c r="G9844" s="6" t="s">
        <v>1834</v>
      </c>
      <c r="H9844" s="6" t="s">
        <v>1835</v>
      </c>
      <c r="I9844" s="7">
        <v>5.0620272000000002</v>
      </c>
      <c r="J9844" s="8">
        <v>-75.494842199999994</v>
      </c>
    </row>
    <row r="9845" spans="1:10" x14ac:dyDescent="0.35">
      <c r="A9845" s="5" t="s">
        <v>10</v>
      </c>
      <c r="B9845" s="6">
        <v>169584</v>
      </c>
      <c r="C9845" s="6" t="s">
        <v>42</v>
      </c>
      <c r="D9845" s="6" t="s">
        <v>602</v>
      </c>
      <c r="E9845" s="6">
        <v>17777</v>
      </c>
      <c r="F9845" s="6" t="s">
        <v>18</v>
      </c>
      <c r="G9845" s="6" t="s">
        <v>19189</v>
      </c>
      <c r="H9845" s="6" t="s">
        <v>19190</v>
      </c>
      <c r="I9845" s="7">
        <v>5.4570885999999996</v>
      </c>
      <c r="J9845" s="8">
        <v>-75.649636899999905</v>
      </c>
    </row>
    <row r="9846" spans="1:10" x14ac:dyDescent="0.35">
      <c r="A9846" s="5" t="s">
        <v>10</v>
      </c>
      <c r="B9846" s="6">
        <v>184120</v>
      </c>
      <c r="C9846" s="6" t="s">
        <v>68</v>
      </c>
      <c r="D9846" s="6" t="s">
        <v>69</v>
      </c>
      <c r="E9846" s="6">
        <v>11001</v>
      </c>
      <c r="F9846" s="6" t="s">
        <v>18</v>
      </c>
      <c r="G9846" s="6" t="s">
        <v>17705</v>
      </c>
      <c r="H9846" s="6" t="s">
        <v>17706</v>
      </c>
      <c r="I9846" s="7">
        <v>4.6856081999999999</v>
      </c>
      <c r="J9846" s="8">
        <v>-74.052892999999997</v>
      </c>
    </row>
    <row r="9847" spans="1:10" x14ac:dyDescent="0.35">
      <c r="A9847" s="5" t="s">
        <v>10</v>
      </c>
      <c r="B9847" s="6">
        <v>211737</v>
      </c>
      <c r="C9847" s="6" t="s">
        <v>278</v>
      </c>
      <c r="D9847" s="6" t="s">
        <v>279</v>
      </c>
      <c r="E9847" s="6">
        <v>50001</v>
      </c>
      <c r="F9847" s="6" t="s">
        <v>18</v>
      </c>
      <c r="G9847" s="6" t="s">
        <v>19191</v>
      </c>
      <c r="H9847" s="6" t="s">
        <v>19192</v>
      </c>
      <c r="I9847" s="7">
        <v>4.0867129000000002</v>
      </c>
      <c r="J9847" s="8">
        <v>-73.668465999999995</v>
      </c>
    </row>
    <row r="9848" spans="1:10" x14ac:dyDescent="0.35">
      <c r="A9848" s="5" t="s">
        <v>10</v>
      </c>
      <c r="B9848" s="6">
        <v>212958</v>
      </c>
      <c r="C9848" s="6" t="s">
        <v>3788</v>
      </c>
      <c r="D9848" s="6" t="s">
        <v>3974</v>
      </c>
      <c r="E9848" s="6">
        <v>18001</v>
      </c>
      <c r="F9848" s="6" t="s">
        <v>2161</v>
      </c>
      <c r="G9848" s="6" t="s">
        <v>19193</v>
      </c>
      <c r="H9848" s="6" t="s">
        <v>19194</v>
      </c>
      <c r="I9848" s="7">
        <v>1.613613</v>
      </c>
      <c r="J9848" s="8">
        <v>-75.608500599999999</v>
      </c>
    </row>
    <row r="9849" spans="1:10" x14ac:dyDescent="0.35">
      <c r="A9849" s="5" t="s">
        <v>10</v>
      </c>
      <c r="B9849" s="6">
        <v>141688</v>
      </c>
      <c r="C9849" s="6" t="s">
        <v>11</v>
      </c>
      <c r="D9849" s="6" t="s">
        <v>513</v>
      </c>
      <c r="E9849" s="6">
        <v>25286</v>
      </c>
      <c r="F9849" s="6" t="s">
        <v>13</v>
      </c>
      <c r="G9849" s="6" t="s">
        <v>1650</v>
      </c>
      <c r="H9849" s="6" t="s">
        <v>1651</v>
      </c>
      <c r="I9849" s="7">
        <v>4.7162769999999998</v>
      </c>
      <c r="J9849" s="8">
        <v>-74.213265300000003</v>
      </c>
    </row>
    <row r="9850" spans="1:10" x14ac:dyDescent="0.35">
      <c r="A9850" s="5" t="s">
        <v>10</v>
      </c>
      <c r="B9850" s="6">
        <v>236285</v>
      </c>
      <c r="C9850" s="6" t="s">
        <v>117</v>
      </c>
      <c r="D9850" s="6" t="s">
        <v>3686</v>
      </c>
      <c r="E9850" s="6">
        <v>76111</v>
      </c>
      <c r="F9850" s="6" t="s">
        <v>13</v>
      </c>
      <c r="G9850" s="6" t="s">
        <v>19195</v>
      </c>
      <c r="H9850" s="6" t="s">
        <v>18450</v>
      </c>
      <c r="I9850" s="7">
        <v>3.9095306999999999</v>
      </c>
      <c r="J9850" s="8">
        <v>-76.290066300000007</v>
      </c>
    </row>
    <row r="9851" spans="1:10" x14ac:dyDescent="0.35">
      <c r="A9851" s="5" t="s">
        <v>10</v>
      </c>
      <c r="B9851" s="6">
        <v>141693</v>
      </c>
      <c r="C9851" s="6" t="s">
        <v>11</v>
      </c>
      <c r="D9851" s="6" t="s">
        <v>4073</v>
      </c>
      <c r="E9851" s="6">
        <v>25740</v>
      </c>
      <c r="F9851" s="6" t="s">
        <v>13</v>
      </c>
      <c r="G9851" s="6" t="s">
        <v>18846</v>
      </c>
      <c r="H9851" s="6" t="s">
        <v>18847</v>
      </c>
      <c r="I9851" s="7">
        <v>4.4874128999999998</v>
      </c>
      <c r="J9851" s="8">
        <v>-74.259271900000002</v>
      </c>
    </row>
    <row r="9852" spans="1:10" x14ac:dyDescent="0.35">
      <c r="A9852" s="5" t="s">
        <v>10</v>
      </c>
      <c r="B9852" s="6">
        <v>233344</v>
      </c>
      <c r="C9852" s="6" t="s">
        <v>190</v>
      </c>
      <c r="D9852" s="6" t="s">
        <v>191</v>
      </c>
      <c r="E9852" s="6">
        <v>5001</v>
      </c>
      <c r="F9852" s="6" t="s">
        <v>13</v>
      </c>
      <c r="G9852" s="6" t="s">
        <v>19196</v>
      </c>
      <c r="H9852" s="6" t="s">
        <v>19197</v>
      </c>
      <c r="I9852" s="7">
        <v>6.2348924999999999</v>
      </c>
      <c r="J9852" s="8">
        <v>-75.569229500000006</v>
      </c>
    </row>
    <row r="9853" spans="1:10" x14ac:dyDescent="0.35">
      <c r="A9853" s="5" t="s">
        <v>10</v>
      </c>
      <c r="B9853" s="6">
        <v>141692</v>
      </c>
      <c r="C9853" s="6" t="s">
        <v>11</v>
      </c>
      <c r="D9853" s="6" t="s">
        <v>3104</v>
      </c>
      <c r="E9853" s="6">
        <v>25245</v>
      </c>
      <c r="F9853" s="6" t="s">
        <v>13</v>
      </c>
      <c r="G9853" s="6" t="s">
        <v>3507</v>
      </c>
      <c r="H9853" s="6" t="s">
        <v>3508</v>
      </c>
      <c r="I9853" s="7">
        <v>4.5744106000000002</v>
      </c>
      <c r="J9853" s="8">
        <v>-74.305294399999994</v>
      </c>
    </row>
    <row r="9854" spans="1:10" x14ac:dyDescent="0.35">
      <c r="A9854" s="5" t="s">
        <v>10</v>
      </c>
      <c r="B9854" s="6">
        <v>232376</v>
      </c>
      <c r="C9854" s="6" t="s">
        <v>16</v>
      </c>
      <c r="D9854" s="6" t="s">
        <v>2825</v>
      </c>
      <c r="E9854" s="6">
        <v>68276</v>
      </c>
      <c r="F9854" s="6" t="s">
        <v>18</v>
      </c>
      <c r="G9854" s="6" t="s">
        <v>19198</v>
      </c>
      <c r="H9854" s="6" t="s">
        <v>19199</v>
      </c>
      <c r="I9854" s="7">
        <v>7.0813003999999999</v>
      </c>
      <c r="J9854" s="8">
        <v>-73.098284800000002</v>
      </c>
    </row>
    <row r="9855" spans="1:10" x14ac:dyDescent="0.35">
      <c r="A9855" s="5" t="s">
        <v>10</v>
      </c>
      <c r="B9855" s="6">
        <v>237423</v>
      </c>
      <c r="C9855" s="6" t="s">
        <v>28</v>
      </c>
      <c r="D9855" s="6" t="s">
        <v>1433</v>
      </c>
      <c r="E9855" s="6">
        <v>54553</v>
      </c>
      <c r="F9855" s="6" t="s">
        <v>18</v>
      </c>
      <c r="G9855" s="6" t="s">
        <v>19200</v>
      </c>
      <c r="H9855" s="6" t="s">
        <v>19201</v>
      </c>
      <c r="I9855" s="7">
        <v>8.3613230000000005</v>
      </c>
      <c r="J9855" s="8">
        <v>-72.408389</v>
      </c>
    </row>
    <row r="9856" spans="1:10" x14ac:dyDescent="0.35">
      <c r="A9856" s="5" t="s">
        <v>10</v>
      </c>
      <c r="B9856" s="6">
        <v>124183</v>
      </c>
      <c r="C9856" s="6" t="s">
        <v>6569</v>
      </c>
      <c r="D9856" s="6" t="s">
        <v>6570</v>
      </c>
      <c r="E9856" s="6">
        <v>91405</v>
      </c>
      <c r="F9856" s="6" t="s">
        <v>18</v>
      </c>
      <c r="G9856" s="6" t="s">
        <v>3392</v>
      </c>
      <c r="H9856" s="6" t="s">
        <v>17825</v>
      </c>
      <c r="I9856" s="7">
        <v>-1.4433830000000001</v>
      </c>
      <c r="J9856" s="8">
        <v>-72.788944999999998</v>
      </c>
    </row>
    <row r="9857" spans="1:10" x14ac:dyDescent="0.35">
      <c r="A9857" s="5" t="s">
        <v>10</v>
      </c>
      <c r="B9857" s="6">
        <v>209549</v>
      </c>
      <c r="C9857" s="6" t="s">
        <v>11</v>
      </c>
      <c r="D9857" s="6" t="s">
        <v>2313</v>
      </c>
      <c r="E9857" s="6">
        <v>25785</v>
      </c>
      <c r="F9857" s="6" t="s">
        <v>2161</v>
      </c>
      <c r="G9857" s="6" t="s">
        <v>19202</v>
      </c>
      <c r="H9857" s="6" t="s">
        <v>19203</v>
      </c>
      <c r="I9857" s="7">
        <v>4.9169619999999998</v>
      </c>
      <c r="J9857" s="8">
        <v>-74.096357999999995</v>
      </c>
    </row>
    <row r="9858" spans="1:10" x14ac:dyDescent="0.35">
      <c r="A9858" s="5" t="s">
        <v>10</v>
      </c>
      <c r="B9858" s="6">
        <v>225328</v>
      </c>
      <c r="C9858" s="6" t="s">
        <v>68</v>
      </c>
      <c r="D9858" s="6" t="s">
        <v>69</v>
      </c>
      <c r="E9858" s="6">
        <v>11001</v>
      </c>
      <c r="F9858" s="6" t="s">
        <v>2161</v>
      </c>
      <c r="G9858" s="6" t="s">
        <v>7287</v>
      </c>
      <c r="H9858" s="6" t="s">
        <v>19204</v>
      </c>
      <c r="I9858" s="7">
        <v>4.7426864999999996</v>
      </c>
      <c r="J9858" s="8">
        <v>-74.1265602</v>
      </c>
    </row>
    <row r="9859" spans="1:10" x14ac:dyDescent="0.35">
      <c r="A9859" s="5" t="s">
        <v>10</v>
      </c>
      <c r="B9859" s="6">
        <v>223042</v>
      </c>
      <c r="C9859" s="6" t="s">
        <v>109</v>
      </c>
      <c r="D9859" s="6" t="s">
        <v>227</v>
      </c>
      <c r="E9859" s="6">
        <v>13001</v>
      </c>
      <c r="F9859" s="6" t="s">
        <v>2161</v>
      </c>
      <c r="G9859" s="6" t="s">
        <v>19205</v>
      </c>
      <c r="H9859" s="6" t="s">
        <v>19206</v>
      </c>
      <c r="I9859" s="7">
        <v>10.3818337</v>
      </c>
      <c r="J9859" s="8">
        <v>-75.489087499999997</v>
      </c>
    </row>
    <row r="9860" spans="1:10" x14ac:dyDescent="0.35">
      <c r="A9860" s="5" t="s">
        <v>10</v>
      </c>
      <c r="B9860" s="6">
        <v>41258</v>
      </c>
      <c r="C9860" s="6" t="s">
        <v>308</v>
      </c>
      <c r="D9860" s="6" t="s">
        <v>309</v>
      </c>
      <c r="E9860" s="6">
        <v>23001</v>
      </c>
      <c r="F9860" s="6" t="s">
        <v>13</v>
      </c>
      <c r="G9860" s="6" t="s">
        <v>19207</v>
      </c>
      <c r="H9860" s="6" t="s">
        <v>19208</v>
      </c>
      <c r="I9860" s="7">
        <v>8.7491374000000004</v>
      </c>
      <c r="J9860" s="8">
        <v>-75.867874200000003</v>
      </c>
    </row>
    <row r="9861" spans="1:10" x14ac:dyDescent="0.35">
      <c r="A9861" s="5" t="s">
        <v>10</v>
      </c>
      <c r="B9861" s="6">
        <v>147868</v>
      </c>
      <c r="C9861" s="6" t="s">
        <v>11</v>
      </c>
      <c r="D9861" s="6" t="s">
        <v>3054</v>
      </c>
      <c r="E9861" s="6">
        <v>25269</v>
      </c>
      <c r="F9861" s="6" t="s">
        <v>13</v>
      </c>
      <c r="G9861" s="6" t="s">
        <v>17788</v>
      </c>
      <c r="H9861" s="6" t="s">
        <v>17789</v>
      </c>
      <c r="I9861" s="7">
        <v>4.8097642</v>
      </c>
      <c r="J9861" s="8">
        <v>-74.356405499999994</v>
      </c>
    </row>
    <row r="9862" spans="1:10" x14ac:dyDescent="0.35">
      <c r="A9862" s="5" t="s">
        <v>10</v>
      </c>
      <c r="B9862" s="6">
        <v>226201</v>
      </c>
      <c r="C9862" s="6" t="s">
        <v>68</v>
      </c>
      <c r="D9862" s="6" t="s">
        <v>69</v>
      </c>
      <c r="E9862" s="6">
        <v>11001</v>
      </c>
      <c r="F9862" s="6" t="s">
        <v>18</v>
      </c>
      <c r="G9862" s="6" t="s">
        <v>19209</v>
      </c>
      <c r="H9862" s="6" t="s">
        <v>19210</v>
      </c>
      <c r="I9862" s="7">
        <v>4.5589187000000004</v>
      </c>
      <c r="J9862" s="8">
        <v>-74.125475600000001</v>
      </c>
    </row>
    <row r="9863" spans="1:10" x14ac:dyDescent="0.35">
      <c r="A9863" s="5" t="s">
        <v>10</v>
      </c>
      <c r="B9863" s="6">
        <v>192563</v>
      </c>
      <c r="C9863" s="6" t="s">
        <v>55</v>
      </c>
      <c r="D9863" s="6" t="s">
        <v>18082</v>
      </c>
      <c r="E9863" s="6">
        <v>73152</v>
      </c>
      <c r="F9863" s="6" t="s">
        <v>18</v>
      </c>
      <c r="G9863" s="6" t="s">
        <v>19211</v>
      </c>
      <c r="H9863" s="6" t="s">
        <v>19212</v>
      </c>
      <c r="I9863" s="7">
        <v>4.4496700999999996</v>
      </c>
      <c r="J9863" s="8">
        <v>-75.248267799999994</v>
      </c>
    </row>
    <row r="9864" spans="1:10" x14ac:dyDescent="0.35">
      <c r="A9864" s="5" t="s">
        <v>10</v>
      </c>
      <c r="B9864" s="6">
        <v>240308</v>
      </c>
      <c r="C9864" s="6" t="s">
        <v>28</v>
      </c>
      <c r="D9864" s="6" t="s">
        <v>91</v>
      </c>
      <c r="E9864" s="6">
        <v>54874</v>
      </c>
      <c r="F9864" s="6" t="s">
        <v>18</v>
      </c>
      <c r="G9864" s="6" t="s">
        <v>19213</v>
      </c>
      <c r="H9864" s="6" t="s">
        <v>19214</v>
      </c>
      <c r="I9864" s="7">
        <v>7.8258999999999999</v>
      </c>
      <c r="J9864" s="8">
        <v>-72.472734000000003</v>
      </c>
    </row>
    <row r="9865" spans="1:10" x14ac:dyDescent="0.35">
      <c r="A9865" s="5" t="s">
        <v>10</v>
      </c>
      <c r="B9865" s="6">
        <v>218237</v>
      </c>
      <c r="C9865" s="6" t="s">
        <v>28</v>
      </c>
      <c r="D9865" s="6" t="s">
        <v>29</v>
      </c>
      <c r="E9865" s="6">
        <v>54001</v>
      </c>
      <c r="F9865" s="6" t="s">
        <v>18</v>
      </c>
      <c r="G9865" s="6" t="s">
        <v>19215</v>
      </c>
      <c r="H9865" s="6" t="s">
        <v>19216</v>
      </c>
      <c r="I9865" s="7">
        <v>7.8976648000000003</v>
      </c>
      <c r="J9865" s="8">
        <v>-72.489183699999998</v>
      </c>
    </row>
    <row r="9866" spans="1:10" x14ac:dyDescent="0.35">
      <c r="A9866" s="5" t="s">
        <v>10</v>
      </c>
      <c r="B9866" s="6">
        <v>166847</v>
      </c>
      <c r="C9866" s="6" t="s">
        <v>61</v>
      </c>
      <c r="D9866" s="6" t="s">
        <v>7726</v>
      </c>
      <c r="E9866" s="6">
        <v>63272</v>
      </c>
      <c r="F9866" s="6" t="s">
        <v>18</v>
      </c>
      <c r="G9866" s="6" t="s">
        <v>19217</v>
      </c>
      <c r="H9866" s="6" t="s">
        <v>19218</v>
      </c>
      <c r="I9866" s="7">
        <v>4.6746952999999998</v>
      </c>
      <c r="J9866" s="8">
        <v>-75.657702799999996</v>
      </c>
    </row>
    <row r="9867" spans="1:10" x14ac:dyDescent="0.35">
      <c r="A9867" s="5" t="s">
        <v>10</v>
      </c>
      <c r="B9867" s="6">
        <v>208954</v>
      </c>
      <c r="C9867" s="6" t="s">
        <v>11</v>
      </c>
      <c r="D9867" s="6" t="s">
        <v>6667</v>
      </c>
      <c r="E9867" s="6">
        <v>25295</v>
      </c>
      <c r="F9867" s="6" t="s">
        <v>2161</v>
      </c>
      <c r="G9867" s="6" t="s">
        <v>19219</v>
      </c>
      <c r="H9867" s="6" t="s">
        <v>19220</v>
      </c>
      <c r="I9867" s="7">
        <v>4.8034248000000002</v>
      </c>
      <c r="J9867" s="8">
        <v>-74.107808499999905</v>
      </c>
    </row>
    <row r="9868" spans="1:10" x14ac:dyDescent="0.35">
      <c r="A9868" s="5" t="s">
        <v>10</v>
      </c>
      <c r="B9868" s="6">
        <v>164471</v>
      </c>
      <c r="C9868" s="6" t="s">
        <v>28</v>
      </c>
      <c r="D9868" s="6" t="s">
        <v>29</v>
      </c>
      <c r="E9868" s="6">
        <v>54001</v>
      </c>
      <c r="F9868" s="6" t="s">
        <v>13</v>
      </c>
      <c r="G9868" s="6" t="s">
        <v>50</v>
      </c>
      <c r="H9868" s="6" t="s">
        <v>19221</v>
      </c>
      <c r="I9868" s="7">
        <v>7.8988721999999996</v>
      </c>
      <c r="J9868" s="8">
        <v>-72.499477200000001</v>
      </c>
    </row>
    <row r="9869" spans="1:10" x14ac:dyDescent="0.35">
      <c r="A9869" s="5" t="s">
        <v>10</v>
      </c>
      <c r="B9869" s="6">
        <v>199710</v>
      </c>
      <c r="C9869" s="6" t="s">
        <v>16</v>
      </c>
      <c r="D9869" s="6" t="s">
        <v>1091</v>
      </c>
      <c r="E9869" s="6">
        <v>68217</v>
      </c>
      <c r="F9869" s="6" t="s">
        <v>18</v>
      </c>
      <c r="G9869" s="6" t="s">
        <v>19222</v>
      </c>
      <c r="H9869" s="6" t="s">
        <v>19223</v>
      </c>
      <c r="I9869" s="7">
        <v>6.2956924999999897</v>
      </c>
      <c r="J9869" s="8">
        <v>-73.040438399999999</v>
      </c>
    </row>
    <row r="9870" spans="1:10" x14ac:dyDescent="0.35">
      <c r="A9870" s="5" t="s">
        <v>10</v>
      </c>
      <c r="B9870" s="6">
        <v>205262</v>
      </c>
      <c r="C9870" s="6" t="s">
        <v>28</v>
      </c>
      <c r="D9870" s="6" t="s">
        <v>29</v>
      </c>
      <c r="E9870" s="6">
        <v>54001</v>
      </c>
      <c r="F9870" s="6" t="s">
        <v>18</v>
      </c>
      <c r="G9870" s="6" t="s">
        <v>19224</v>
      </c>
      <c r="H9870" s="6" t="s">
        <v>19225</v>
      </c>
      <c r="I9870" s="7">
        <v>7.9036648999999999</v>
      </c>
      <c r="J9870" s="8">
        <v>-72.502470099999996</v>
      </c>
    </row>
    <row r="9871" spans="1:10" x14ac:dyDescent="0.35">
      <c r="A9871" s="5" t="s">
        <v>10</v>
      </c>
      <c r="B9871" s="6">
        <v>245154</v>
      </c>
      <c r="C9871" s="6" t="s">
        <v>28</v>
      </c>
      <c r="D9871" s="6" t="s">
        <v>91</v>
      </c>
      <c r="E9871" s="6">
        <v>54874</v>
      </c>
      <c r="F9871" s="6" t="s">
        <v>18</v>
      </c>
      <c r="G9871" s="6" t="s">
        <v>19226</v>
      </c>
      <c r="H9871" s="6" t="s">
        <v>19227</v>
      </c>
      <c r="I9871" s="7">
        <v>7.8197007999999997</v>
      </c>
      <c r="J9871" s="8">
        <v>-72.457087700000002</v>
      </c>
    </row>
    <row r="9872" spans="1:10" x14ac:dyDescent="0.35">
      <c r="A9872" s="5" t="s">
        <v>10</v>
      </c>
      <c r="B9872" s="6">
        <v>237184</v>
      </c>
      <c r="C9872" s="6" t="s">
        <v>68</v>
      </c>
      <c r="D9872" s="6" t="s">
        <v>69</v>
      </c>
      <c r="E9872" s="6">
        <v>11001</v>
      </c>
      <c r="F9872" s="6" t="s">
        <v>2161</v>
      </c>
      <c r="G9872" s="6" t="s">
        <v>19228</v>
      </c>
      <c r="H9872" s="6" t="s">
        <v>19229</v>
      </c>
      <c r="I9872" s="7">
        <v>4.6378073000000004</v>
      </c>
      <c r="J9872" s="8">
        <v>-74.195083499999996</v>
      </c>
    </row>
    <row r="9873" spans="1:10" x14ac:dyDescent="0.35">
      <c r="A9873" s="5" t="s">
        <v>10</v>
      </c>
      <c r="B9873" s="6">
        <v>220725</v>
      </c>
      <c r="C9873" s="6" t="s">
        <v>11</v>
      </c>
      <c r="D9873" s="6" t="s">
        <v>3054</v>
      </c>
      <c r="E9873" s="6">
        <v>25269</v>
      </c>
      <c r="F9873" s="6" t="s">
        <v>2161</v>
      </c>
      <c r="G9873" s="6" t="s">
        <v>19230</v>
      </c>
      <c r="H9873" s="6" t="s">
        <v>19231</v>
      </c>
      <c r="I9873" s="7">
        <v>4.8124294999999897</v>
      </c>
      <c r="J9873" s="8">
        <v>-74.355764100000002</v>
      </c>
    </row>
    <row r="9874" spans="1:10" x14ac:dyDescent="0.35">
      <c r="A9874" s="5" t="s">
        <v>10</v>
      </c>
      <c r="B9874" s="6">
        <v>141694</v>
      </c>
      <c r="C9874" s="6" t="s">
        <v>11</v>
      </c>
      <c r="D9874" s="6" t="s">
        <v>337</v>
      </c>
      <c r="E9874" s="6">
        <v>25290</v>
      </c>
      <c r="F9874" s="6" t="s">
        <v>13</v>
      </c>
      <c r="G9874" s="6" t="s">
        <v>2585</v>
      </c>
      <c r="H9874" s="6" t="s">
        <v>2586</v>
      </c>
      <c r="I9874" s="7">
        <v>4.3432126000000002</v>
      </c>
      <c r="J9874" s="8">
        <v>-74.362621099999998</v>
      </c>
    </row>
    <row r="9875" spans="1:10" x14ac:dyDescent="0.35">
      <c r="A9875" s="5" t="s">
        <v>10</v>
      </c>
      <c r="B9875" s="6">
        <v>141690</v>
      </c>
      <c r="C9875" s="6" t="s">
        <v>11</v>
      </c>
      <c r="D9875" s="6" t="s">
        <v>101</v>
      </c>
      <c r="E9875" s="6">
        <v>25473</v>
      </c>
      <c r="F9875" s="6" t="s">
        <v>13</v>
      </c>
      <c r="G9875" s="6" t="s">
        <v>403</v>
      </c>
      <c r="H9875" s="6" t="s">
        <v>404</v>
      </c>
      <c r="I9875" s="7">
        <v>4.6802367</v>
      </c>
      <c r="J9875" s="8">
        <v>-74.229671300000007</v>
      </c>
    </row>
    <row r="9876" spans="1:10" x14ac:dyDescent="0.35">
      <c r="A9876" s="5" t="s">
        <v>10</v>
      </c>
      <c r="B9876" s="6">
        <v>191497</v>
      </c>
      <c r="C9876" s="6" t="s">
        <v>190</v>
      </c>
      <c r="D9876" s="6" t="s">
        <v>6084</v>
      </c>
      <c r="E9876" s="6">
        <v>5154</v>
      </c>
      <c r="F9876" s="6" t="s">
        <v>13</v>
      </c>
      <c r="G9876" s="6" t="s">
        <v>19232</v>
      </c>
      <c r="H9876" s="6" t="s">
        <v>19233</v>
      </c>
      <c r="I9876" s="7">
        <v>7.9883158999999999</v>
      </c>
      <c r="J9876" s="8">
        <v>-75.194573300000002</v>
      </c>
    </row>
    <row r="9877" spans="1:10" x14ac:dyDescent="0.35">
      <c r="A9877" s="5" t="s">
        <v>10</v>
      </c>
      <c r="B9877" s="6">
        <v>69664</v>
      </c>
      <c r="C9877" s="6" t="s">
        <v>551</v>
      </c>
      <c r="D9877" s="6" t="s">
        <v>5873</v>
      </c>
      <c r="E9877" s="6">
        <v>20060</v>
      </c>
      <c r="F9877" s="6" t="s">
        <v>18</v>
      </c>
      <c r="G9877" s="6" t="s">
        <v>19234</v>
      </c>
      <c r="H9877" s="6" t="s">
        <v>19235</v>
      </c>
      <c r="I9877" s="7">
        <v>9.9703619999999997</v>
      </c>
      <c r="J9877" s="8">
        <v>-73.890530999999996</v>
      </c>
    </row>
    <row r="9878" spans="1:10" x14ac:dyDescent="0.35">
      <c r="A9878" s="5" t="s">
        <v>10</v>
      </c>
      <c r="B9878" s="6">
        <v>190662</v>
      </c>
      <c r="C9878" s="6" t="s">
        <v>24</v>
      </c>
      <c r="D9878" s="6" t="s">
        <v>832</v>
      </c>
      <c r="E9878" s="6">
        <v>15600</v>
      </c>
      <c r="F9878" s="6" t="s">
        <v>18</v>
      </c>
      <c r="G9878" s="6" t="s">
        <v>19236</v>
      </c>
      <c r="H9878" s="6" t="s">
        <v>19237</v>
      </c>
      <c r="I9878" s="7">
        <v>5.5382999000000002</v>
      </c>
      <c r="J9878" s="8">
        <v>-73.632154</v>
      </c>
    </row>
    <row r="9879" spans="1:10" x14ac:dyDescent="0.35">
      <c r="A9879" s="5" t="s">
        <v>10</v>
      </c>
      <c r="B9879" s="6">
        <v>197832</v>
      </c>
      <c r="C9879" s="6" t="s">
        <v>94</v>
      </c>
      <c r="D9879" s="6" t="s">
        <v>1465</v>
      </c>
      <c r="E9879" s="6">
        <v>66572</v>
      </c>
      <c r="F9879" s="6" t="s">
        <v>18</v>
      </c>
      <c r="G9879" s="6" t="s">
        <v>19238</v>
      </c>
      <c r="H9879" s="6" t="s">
        <v>19239</v>
      </c>
      <c r="I9879" s="7">
        <v>5.2219759999999997</v>
      </c>
      <c r="J9879" s="8">
        <v>-76.030423299999995</v>
      </c>
    </row>
    <row r="9880" spans="1:10" x14ac:dyDescent="0.35">
      <c r="A9880" s="5" t="s">
        <v>10</v>
      </c>
      <c r="B9880" s="6">
        <v>215446</v>
      </c>
      <c r="C9880" s="6" t="s">
        <v>24</v>
      </c>
      <c r="D9880" s="6" t="s">
        <v>137</v>
      </c>
      <c r="E9880" s="6">
        <v>15238</v>
      </c>
      <c r="F9880" s="6" t="s">
        <v>2161</v>
      </c>
      <c r="G9880" s="6" t="s">
        <v>19240</v>
      </c>
      <c r="H9880" s="6" t="s">
        <v>19241</v>
      </c>
      <c r="I9880" s="7">
        <v>5.8324791999999999</v>
      </c>
      <c r="J9880" s="8">
        <v>-73.029874499999906</v>
      </c>
    </row>
    <row r="9881" spans="1:10" x14ac:dyDescent="0.35">
      <c r="A9881" s="5" t="s">
        <v>10</v>
      </c>
      <c r="B9881" s="6">
        <v>221147</v>
      </c>
      <c r="C9881" s="6" t="s">
        <v>457</v>
      </c>
      <c r="D9881" s="6" t="s">
        <v>13567</v>
      </c>
      <c r="E9881" s="6">
        <v>52678</v>
      </c>
      <c r="F9881" s="6" t="s">
        <v>2161</v>
      </c>
      <c r="G9881" s="6" t="s">
        <v>19242</v>
      </c>
      <c r="H9881" s="6" t="s">
        <v>19243</v>
      </c>
      <c r="I9881" s="7">
        <v>1.3376701</v>
      </c>
      <c r="J9881" s="8">
        <v>-77.593627699999999</v>
      </c>
    </row>
    <row r="9882" spans="1:10" x14ac:dyDescent="0.35">
      <c r="A9882" s="5" t="s">
        <v>10</v>
      </c>
      <c r="B9882" s="6">
        <v>235322</v>
      </c>
      <c r="C9882" s="6" t="s">
        <v>117</v>
      </c>
      <c r="D9882" s="6" t="s">
        <v>1291</v>
      </c>
      <c r="E9882" s="6">
        <v>76834</v>
      </c>
      <c r="F9882" s="6" t="s">
        <v>2161</v>
      </c>
      <c r="G9882" s="6" t="s">
        <v>19244</v>
      </c>
      <c r="H9882" s="6" t="s">
        <v>19245</v>
      </c>
      <c r="I9882" s="7">
        <v>4.0898690000000002</v>
      </c>
      <c r="J9882" s="8">
        <v>-76.191499100000001</v>
      </c>
    </row>
    <row r="9883" spans="1:10" x14ac:dyDescent="0.35">
      <c r="A9883" s="5" t="s">
        <v>10</v>
      </c>
      <c r="B9883" s="6">
        <v>207790</v>
      </c>
      <c r="C9883" s="6" t="s">
        <v>11</v>
      </c>
      <c r="D9883" s="6" t="s">
        <v>6067</v>
      </c>
      <c r="E9883" s="6">
        <v>25288</v>
      </c>
      <c r="F9883" s="6" t="s">
        <v>13</v>
      </c>
      <c r="G9883" s="6" t="s">
        <v>160</v>
      </c>
      <c r="H9883" s="6" t="s">
        <v>19246</v>
      </c>
      <c r="I9883" s="7">
        <v>5.4054498999999998</v>
      </c>
      <c r="J9883" s="8">
        <v>-73.796692899999996</v>
      </c>
    </row>
    <row r="9884" spans="1:10" x14ac:dyDescent="0.35">
      <c r="A9884" s="5" t="s">
        <v>10</v>
      </c>
      <c r="B9884" s="6">
        <v>212766</v>
      </c>
      <c r="C9884" s="6" t="s">
        <v>68</v>
      </c>
      <c r="D9884" s="6" t="s">
        <v>69</v>
      </c>
      <c r="E9884" s="6">
        <v>11001</v>
      </c>
      <c r="F9884" s="6" t="s">
        <v>13</v>
      </c>
      <c r="G9884" s="6" t="s">
        <v>160</v>
      </c>
      <c r="H9884" s="6" t="s">
        <v>19247</v>
      </c>
      <c r="I9884" s="7">
        <v>4.6238181999999997</v>
      </c>
      <c r="J9884" s="8">
        <v>-74.073540399999999</v>
      </c>
    </row>
    <row r="9885" spans="1:10" x14ac:dyDescent="0.35">
      <c r="A9885" s="5" t="s">
        <v>10</v>
      </c>
      <c r="B9885" s="6">
        <v>247313</v>
      </c>
      <c r="C9885" s="6" t="s">
        <v>68</v>
      </c>
      <c r="D9885" s="6" t="s">
        <v>69</v>
      </c>
      <c r="E9885" s="6">
        <v>11001</v>
      </c>
      <c r="F9885" s="6" t="s">
        <v>13</v>
      </c>
      <c r="G9885" s="6" t="s">
        <v>17752</v>
      </c>
      <c r="H9885" s="6" t="s">
        <v>19248</v>
      </c>
      <c r="I9885" s="7">
        <v>4.6496782999999997</v>
      </c>
      <c r="J9885" s="8">
        <v>-74.064768999999998</v>
      </c>
    </row>
    <row r="9886" spans="1:10" x14ac:dyDescent="0.35">
      <c r="A9886" s="5" t="s">
        <v>10</v>
      </c>
      <c r="B9886" s="6">
        <v>225422</v>
      </c>
      <c r="C9886" s="6" t="s">
        <v>16</v>
      </c>
      <c r="D9886" s="6" t="s">
        <v>4693</v>
      </c>
      <c r="E9886" s="6">
        <v>68190</v>
      </c>
      <c r="F9886" s="6" t="s">
        <v>18</v>
      </c>
      <c r="G9886" s="6" t="s">
        <v>19249</v>
      </c>
      <c r="H9886" s="6" t="s">
        <v>19250</v>
      </c>
      <c r="I9886" s="7">
        <v>6.3152089999999896</v>
      </c>
      <c r="J9886" s="8">
        <v>-73.9489059</v>
      </c>
    </row>
    <row r="9887" spans="1:10" x14ac:dyDescent="0.35">
      <c r="A9887" s="5" t="s">
        <v>10</v>
      </c>
      <c r="B9887" s="6">
        <v>72384</v>
      </c>
      <c r="C9887" s="6" t="s">
        <v>16</v>
      </c>
      <c r="D9887" s="6" t="s">
        <v>1640</v>
      </c>
      <c r="E9887" s="6">
        <v>68344</v>
      </c>
      <c r="F9887" s="6" t="s">
        <v>18</v>
      </c>
      <c r="G9887" s="6" t="s">
        <v>19251</v>
      </c>
      <c r="H9887" s="6" t="s">
        <v>19252</v>
      </c>
      <c r="I9887" s="7">
        <v>10.4242457</v>
      </c>
      <c r="J9887" s="8">
        <v>-75.550399900000002</v>
      </c>
    </row>
    <row r="9888" spans="1:10" x14ac:dyDescent="0.35">
      <c r="A9888" s="5" t="s">
        <v>10</v>
      </c>
      <c r="B9888" s="6">
        <v>207063</v>
      </c>
      <c r="C9888" s="6" t="s">
        <v>28</v>
      </c>
      <c r="D9888" s="6" t="s">
        <v>29</v>
      </c>
      <c r="E9888" s="6">
        <v>54001</v>
      </c>
      <c r="F9888" s="6" t="s">
        <v>18</v>
      </c>
      <c r="G9888" s="6" t="s">
        <v>18271</v>
      </c>
      <c r="H9888" s="6" t="s">
        <v>18272</v>
      </c>
      <c r="I9888" s="7">
        <v>7.9068527999999896</v>
      </c>
      <c r="J9888" s="8">
        <v>-72.497123399999893</v>
      </c>
    </row>
    <row r="9889" spans="1:10" x14ac:dyDescent="0.35">
      <c r="A9889" s="5" t="s">
        <v>10</v>
      </c>
      <c r="B9889" s="6">
        <v>220378</v>
      </c>
      <c r="C9889" s="6" t="s">
        <v>28</v>
      </c>
      <c r="D9889" s="6" t="s">
        <v>322</v>
      </c>
      <c r="E9889" s="6">
        <v>54405</v>
      </c>
      <c r="F9889" s="6" t="s">
        <v>18</v>
      </c>
      <c r="G9889" s="6" t="s">
        <v>3169</v>
      </c>
      <c r="H9889" s="6" t="s">
        <v>19253</v>
      </c>
      <c r="I9889" s="7">
        <v>7.8146713999999999</v>
      </c>
      <c r="J9889" s="8">
        <v>-72.515075799999906</v>
      </c>
    </row>
    <row r="9890" spans="1:10" x14ac:dyDescent="0.35">
      <c r="A9890" s="5" t="s">
        <v>10</v>
      </c>
      <c r="B9890" s="6">
        <v>243837</v>
      </c>
      <c r="C9890" s="6" t="s">
        <v>28</v>
      </c>
      <c r="D9890" s="6" t="s">
        <v>29</v>
      </c>
      <c r="E9890" s="6">
        <v>54001</v>
      </c>
      <c r="F9890" s="6" t="s">
        <v>18</v>
      </c>
      <c r="G9890" s="6" t="s">
        <v>19254</v>
      </c>
      <c r="H9890" s="6" t="s">
        <v>19255</v>
      </c>
      <c r="I9890" s="7">
        <v>7.8884550000000004</v>
      </c>
      <c r="J9890" s="8">
        <v>-72.501911300000003</v>
      </c>
    </row>
    <row r="9891" spans="1:10" x14ac:dyDescent="0.35">
      <c r="A9891" s="5" t="s">
        <v>10</v>
      </c>
      <c r="B9891" s="6">
        <v>234236</v>
      </c>
      <c r="C9891" s="6" t="s">
        <v>3325</v>
      </c>
      <c r="D9891" s="6" t="s">
        <v>3326</v>
      </c>
      <c r="E9891" s="6">
        <v>95025</v>
      </c>
      <c r="F9891" s="6" t="s">
        <v>18</v>
      </c>
      <c r="G9891" s="6" t="s">
        <v>19256</v>
      </c>
      <c r="H9891" s="6" t="s">
        <v>19257</v>
      </c>
      <c r="I9891" s="7">
        <v>2.3318989999999999</v>
      </c>
      <c r="J9891" s="8">
        <v>-72.628127000000006</v>
      </c>
    </row>
    <row r="9892" spans="1:10" x14ac:dyDescent="0.35">
      <c r="A9892" s="5" t="s">
        <v>10</v>
      </c>
      <c r="B9892" s="6">
        <v>221142</v>
      </c>
      <c r="C9892" s="6" t="s">
        <v>11</v>
      </c>
      <c r="D9892" s="6" t="s">
        <v>5326</v>
      </c>
      <c r="E9892" s="6">
        <v>25200</v>
      </c>
      <c r="F9892" s="6" t="s">
        <v>2161</v>
      </c>
      <c r="G9892" s="6" t="s">
        <v>5326</v>
      </c>
      <c r="H9892" s="6" t="s">
        <v>19258</v>
      </c>
      <c r="I9892" s="7">
        <v>5.0634214999999996</v>
      </c>
      <c r="J9892" s="8">
        <v>-73.977268100000003</v>
      </c>
    </row>
    <row r="9893" spans="1:10" x14ac:dyDescent="0.35">
      <c r="A9893" s="5" t="s">
        <v>10</v>
      </c>
      <c r="B9893" s="6">
        <v>247310</v>
      </c>
      <c r="C9893" s="6" t="s">
        <v>68</v>
      </c>
      <c r="D9893" s="6" t="s">
        <v>69</v>
      </c>
      <c r="E9893" s="6">
        <v>11001</v>
      </c>
      <c r="F9893" s="6" t="s">
        <v>13</v>
      </c>
      <c r="G9893" s="6" t="s">
        <v>17752</v>
      </c>
      <c r="H9893" s="6" t="s">
        <v>19259</v>
      </c>
      <c r="I9893" s="7">
        <v>4.6408706000000004</v>
      </c>
      <c r="J9893" s="8">
        <v>-74.064976900000005</v>
      </c>
    </row>
    <row r="9894" spans="1:10" x14ac:dyDescent="0.35">
      <c r="A9894" s="5" t="s">
        <v>10</v>
      </c>
      <c r="B9894" s="6">
        <v>243858</v>
      </c>
      <c r="C9894" s="6" t="s">
        <v>466</v>
      </c>
      <c r="D9894" s="6" t="s">
        <v>1576</v>
      </c>
      <c r="E9894" s="6">
        <v>81065</v>
      </c>
      <c r="F9894" s="6" t="s">
        <v>18</v>
      </c>
      <c r="G9894" s="6" t="s">
        <v>19260</v>
      </c>
      <c r="H9894" s="6" t="s">
        <v>19261</v>
      </c>
      <c r="I9894" s="7">
        <v>2.4408338000000001</v>
      </c>
      <c r="J9894" s="8">
        <v>-76.602337199999994</v>
      </c>
    </row>
    <row r="9895" spans="1:10" x14ac:dyDescent="0.35">
      <c r="A9895" s="5" t="s">
        <v>10</v>
      </c>
      <c r="B9895" s="6">
        <v>244863</v>
      </c>
      <c r="C9895" s="6" t="s">
        <v>28</v>
      </c>
      <c r="D9895" s="6" t="s">
        <v>29</v>
      </c>
      <c r="E9895" s="6">
        <v>54001</v>
      </c>
      <c r="F9895" s="6" t="s">
        <v>18</v>
      </c>
      <c r="G9895" s="6" t="s">
        <v>19262</v>
      </c>
      <c r="H9895" s="6" t="s">
        <v>19263</v>
      </c>
      <c r="I9895" s="7">
        <v>7.8756164999999996</v>
      </c>
      <c r="J9895" s="8">
        <v>-72.511311000000006</v>
      </c>
    </row>
    <row r="9896" spans="1:10" x14ac:dyDescent="0.35">
      <c r="A9896" s="5" t="s">
        <v>10</v>
      </c>
      <c r="B9896" s="6">
        <v>229250</v>
      </c>
      <c r="C9896" s="6" t="s">
        <v>24</v>
      </c>
      <c r="D9896" s="6" t="s">
        <v>137</v>
      </c>
      <c r="E9896" s="6">
        <v>15238</v>
      </c>
      <c r="F9896" s="6" t="s">
        <v>2161</v>
      </c>
      <c r="G9896" s="6" t="s">
        <v>19264</v>
      </c>
      <c r="H9896" s="6" t="s">
        <v>19265</v>
      </c>
      <c r="I9896" s="7">
        <v>5.8320080999999897</v>
      </c>
      <c r="J9896" s="8">
        <v>-73.030682400000003</v>
      </c>
    </row>
    <row r="9897" spans="1:10" x14ac:dyDescent="0.35">
      <c r="A9897" s="5" t="s">
        <v>10</v>
      </c>
      <c r="B9897" s="6">
        <v>215461</v>
      </c>
      <c r="C9897" s="6" t="s">
        <v>16</v>
      </c>
      <c r="D9897" s="6" t="s">
        <v>8062</v>
      </c>
      <c r="E9897" s="6">
        <v>68575</v>
      </c>
      <c r="F9897" s="6" t="s">
        <v>2161</v>
      </c>
      <c r="G9897" s="6" t="s">
        <v>19266</v>
      </c>
      <c r="H9897" s="6" t="s">
        <v>19267</v>
      </c>
      <c r="I9897" s="7">
        <v>7.3483695000000004</v>
      </c>
      <c r="J9897" s="8">
        <v>-73.902995399999995</v>
      </c>
    </row>
    <row r="9898" spans="1:10" x14ac:dyDescent="0.35">
      <c r="A9898" s="5" t="s">
        <v>10</v>
      </c>
      <c r="B9898" s="6">
        <v>231177</v>
      </c>
      <c r="C9898" s="6" t="s">
        <v>11</v>
      </c>
      <c r="D9898" s="6" t="s">
        <v>4279</v>
      </c>
      <c r="E9898" s="6">
        <v>25099</v>
      </c>
      <c r="F9898" s="6" t="s">
        <v>2161</v>
      </c>
      <c r="G9898" s="6" t="s">
        <v>19268</v>
      </c>
      <c r="H9898" s="6" t="s">
        <v>19269</v>
      </c>
      <c r="I9898" s="7">
        <v>4.7367387000000001</v>
      </c>
      <c r="J9898" s="8">
        <v>-74.344652100000005</v>
      </c>
    </row>
    <row r="9899" spans="1:10" x14ac:dyDescent="0.35">
      <c r="A9899" s="5" t="s">
        <v>10</v>
      </c>
      <c r="B9899" s="6">
        <v>233655</v>
      </c>
      <c r="C9899" s="6" t="s">
        <v>109</v>
      </c>
      <c r="D9899" s="6" t="s">
        <v>227</v>
      </c>
      <c r="E9899" s="6">
        <v>13001</v>
      </c>
      <c r="F9899" s="6" t="s">
        <v>2161</v>
      </c>
      <c r="G9899" s="6" t="s">
        <v>19270</v>
      </c>
      <c r="H9899" s="6" t="s">
        <v>19271</v>
      </c>
      <c r="I9899" s="7">
        <v>10.436299999999999</v>
      </c>
      <c r="J9899" s="8">
        <v>-75.527940000000001</v>
      </c>
    </row>
    <row r="9900" spans="1:10" x14ac:dyDescent="0.35">
      <c r="A9900" s="5" t="s">
        <v>10</v>
      </c>
      <c r="B9900" s="6">
        <v>208296</v>
      </c>
      <c r="C9900" s="6" t="s">
        <v>16</v>
      </c>
      <c r="D9900" s="6" t="s">
        <v>846</v>
      </c>
      <c r="E9900" s="6">
        <v>68500</v>
      </c>
      <c r="F9900" s="6" t="s">
        <v>18</v>
      </c>
      <c r="G9900" s="6" t="s">
        <v>19272</v>
      </c>
      <c r="H9900" s="6" t="s">
        <v>19273</v>
      </c>
      <c r="I9900" s="7">
        <v>5.9307037999999999</v>
      </c>
      <c r="J9900" s="8">
        <v>-73.618021599999906</v>
      </c>
    </row>
    <row r="9901" spans="1:10" x14ac:dyDescent="0.35">
      <c r="A9901" s="5" t="s">
        <v>10</v>
      </c>
      <c r="B9901" s="6">
        <v>237048</v>
      </c>
      <c r="C9901" s="6" t="s">
        <v>11</v>
      </c>
      <c r="D9901" s="6" t="s">
        <v>3054</v>
      </c>
      <c r="E9901" s="6">
        <v>25269</v>
      </c>
      <c r="F9901" s="6" t="s">
        <v>18</v>
      </c>
      <c r="G9901" s="6" t="s">
        <v>19274</v>
      </c>
      <c r="H9901" s="6" t="s">
        <v>19275</v>
      </c>
      <c r="I9901" s="7">
        <v>4.8102900999999996</v>
      </c>
      <c r="J9901" s="8">
        <v>-74.3450019</v>
      </c>
    </row>
    <row r="9902" spans="1:10" x14ac:dyDescent="0.35">
      <c r="A9902" s="5" t="s">
        <v>10</v>
      </c>
      <c r="B9902" s="6">
        <v>241796</v>
      </c>
      <c r="C9902" s="6" t="s">
        <v>109</v>
      </c>
      <c r="D9902" s="6" t="s">
        <v>227</v>
      </c>
      <c r="E9902" s="6">
        <v>13001</v>
      </c>
      <c r="F9902" s="6" t="s">
        <v>18</v>
      </c>
      <c r="G9902" s="6" t="s">
        <v>19276</v>
      </c>
      <c r="H9902" s="6" t="s">
        <v>19277</v>
      </c>
      <c r="I9902" s="7">
        <v>10.4127508</v>
      </c>
      <c r="J9902" s="8">
        <v>-75.502083499999998</v>
      </c>
    </row>
    <row r="9903" spans="1:10" x14ac:dyDescent="0.35">
      <c r="A9903" s="5" t="s">
        <v>10</v>
      </c>
      <c r="B9903" s="6">
        <v>243939</v>
      </c>
      <c r="C9903" s="6" t="s">
        <v>109</v>
      </c>
      <c r="D9903" s="6" t="s">
        <v>2830</v>
      </c>
      <c r="E9903" s="6">
        <v>13430</v>
      </c>
      <c r="F9903" s="6" t="s">
        <v>18</v>
      </c>
      <c r="G9903" s="6" t="s">
        <v>19278</v>
      </c>
      <c r="H9903" s="6" t="s">
        <v>19279</v>
      </c>
      <c r="I9903" s="7">
        <v>9.2578387000000006</v>
      </c>
      <c r="J9903" s="8">
        <v>-74.774087800000004</v>
      </c>
    </row>
    <row r="9904" spans="1:10" x14ac:dyDescent="0.35">
      <c r="A9904" s="5" t="s">
        <v>10</v>
      </c>
      <c r="B9904" s="6">
        <v>204367</v>
      </c>
      <c r="C9904" s="6" t="s">
        <v>28</v>
      </c>
      <c r="D9904" s="6" t="s">
        <v>29</v>
      </c>
      <c r="E9904" s="6">
        <v>54001</v>
      </c>
      <c r="F9904" s="6" t="s">
        <v>18</v>
      </c>
      <c r="G9904" s="6" t="s">
        <v>2616</v>
      </c>
      <c r="H9904" s="6" t="s">
        <v>2617</v>
      </c>
      <c r="I9904" s="7">
        <v>7.8889424999999997</v>
      </c>
      <c r="J9904" s="8">
        <v>-72.504214099999999</v>
      </c>
    </row>
    <row r="9905" spans="1:10" x14ac:dyDescent="0.35">
      <c r="A9905" s="5" t="s">
        <v>10</v>
      </c>
      <c r="B9905" s="6">
        <v>163240</v>
      </c>
      <c r="C9905" s="6" t="s">
        <v>68</v>
      </c>
      <c r="D9905" s="6" t="s">
        <v>69</v>
      </c>
      <c r="E9905" s="6">
        <v>11001</v>
      </c>
      <c r="F9905" s="6" t="s">
        <v>18</v>
      </c>
      <c r="G9905" s="6" t="s">
        <v>17728</v>
      </c>
      <c r="H9905" s="6" t="s">
        <v>17729</v>
      </c>
      <c r="I9905" s="7">
        <v>4.6861797000000003</v>
      </c>
      <c r="J9905" s="8">
        <v>-74.052780900000002</v>
      </c>
    </row>
    <row r="9906" spans="1:10" x14ac:dyDescent="0.35">
      <c r="A9906" s="5" t="s">
        <v>10</v>
      </c>
      <c r="B9906" s="6">
        <v>223392</v>
      </c>
      <c r="C9906" s="6" t="s">
        <v>11</v>
      </c>
      <c r="D9906" s="6" t="s">
        <v>5326</v>
      </c>
      <c r="E9906" s="6">
        <v>25200</v>
      </c>
      <c r="F9906" s="6" t="s">
        <v>2161</v>
      </c>
      <c r="G9906" s="6" t="s">
        <v>19280</v>
      </c>
      <c r="H9906" s="6" t="s">
        <v>19281</v>
      </c>
      <c r="I9906" s="7">
        <v>5.0367578999999996</v>
      </c>
      <c r="J9906" s="8">
        <v>-73.962813799999907</v>
      </c>
    </row>
    <row r="9907" spans="1:10" x14ac:dyDescent="0.35">
      <c r="A9907" s="5" t="s">
        <v>10</v>
      </c>
      <c r="B9907" s="6">
        <v>229974</v>
      </c>
      <c r="C9907" s="6" t="s">
        <v>11</v>
      </c>
      <c r="D9907" s="6" t="s">
        <v>3724</v>
      </c>
      <c r="E9907" s="6">
        <v>25513</v>
      </c>
      <c r="F9907" s="6" t="s">
        <v>2161</v>
      </c>
      <c r="G9907" s="6" t="s">
        <v>19282</v>
      </c>
      <c r="H9907" s="6" t="s">
        <v>19283</v>
      </c>
      <c r="I9907" s="7">
        <v>5.1275748999999999</v>
      </c>
      <c r="J9907" s="8">
        <v>-74.159638000000001</v>
      </c>
    </row>
    <row r="9908" spans="1:10" x14ac:dyDescent="0.35">
      <c r="A9908" s="5" t="s">
        <v>10</v>
      </c>
      <c r="B9908" s="6">
        <v>235325</v>
      </c>
      <c r="C9908" s="6" t="s">
        <v>11</v>
      </c>
      <c r="D9908" s="6" t="s">
        <v>1547</v>
      </c>
      <c r="E9908" s="6">
        <v>25817</v>
      </c>
      <c r="F9908" s="6" t="s">
        <v>2161</v>
      </c>
      <c r="G9908" s="6" t="s">
        <v>17461</v>
      </c>
      <c r="H9908" s="6" t="s">
        <v>19284</v>
      </c>
      <c r="I9908" s="7">
        <v>4.9627122999999997</v>
      </c>
      <c r="J9908" s="8">
        <v>-73.933597700000007</v>
      </c>
    </row>
    <row r="9909" spans="1:10" x14ac:dyDescent="0.35">
      <c r="A9909" s="5" t="s">
        <v>10</v>
      </c>
      <c r="B9909" s="6">
        <v>212129</v>
      </c>
      <c r="C9909" s="6" t="s">
        <v>16</v>
      </c>
      <c r="D9909" s="6" t="s">
        <v>510</v>
      </c>
      <c r="E9909" s="6">
        <v>68547</v>
      </c>
      <c r="F9909" s="6" t="s">
        <v>2161</v>
      </c>
      <c r="G9909" s="6" t="s">
        <v>19285</v>
      </c>
      <c r="H9909" s="6" t="s">
        <v>19286</v>
      </c>
      <c r="I9909" s="7">
        <v>6.9755656999999998</v>
      </c>
      <c r="J9909" s="8">
        <v>-73.0468884</v>
      </c>
    </row>
    <row r="9910" spans="1:10" x14ac:dyDescent="0.35">
      <c r="A9910" s="5" t="s">
        <v>10</v>
      </c>
      <c r="B9910" s="6">
        <v>221149</v>
      </c>
      <c r="C9910" s="6" t="s">
        <v>366</v>
      </c>
      <c r="D9910" s="6" t="s">
        <v>8371</v>
      </c>
      <c r="E9910" s="6">
        <v>44650</v>
      </c>
      <c r="F9910" s="6" t="s">
        <v>2161</v>
      </c>
      <c r="G9910" s="6" t="s">
        <v>19287</v>
      </c>
      <c r="H9910" s="6" t="s">
        <v>19288</v>
      </c>
      <c r="I9910" s="7">
        <v>10.7809379</v>
      </c>
      <c r="J9910" s="8">
        <v>-73.005669299999994</v>
      </c>
    </row>
    <row r="9911" spans="1:10" x14ac:dyDescent="0.35">
      <c r="A9911" s="5" t="s">
        <v>10</v>
      </c>
      <c r="B9911" s="6">
        <v>225367</v>
      </c>
      <c r="C9911" s="6" t="s">
        <v>117</v>
      </c>
      <c r="D9911" s="6" t="s">
        <v>1334</v>
      </c>
      <c r="E9911" s="6">
        <v>76001</v>
      </c>
      <c r="F9911" s="6" t="s">
        <v>13</v>
      </c>
      <c r="G9911" s="6" t="s">
        <v>19289</v>
      </c>
      <c r="H9911" s="6" t="s">
        <v>18450</v>
      </c>
      <c r="I9911" s="7">
        <v>3.4193465999999999</v>
      </c>
      <c r="J9911" s="8">
        <v>-76.545825399999998</v>
      </c>
    </row>
    <row r="9912" spans="1:10" x14ac:dyDescent="0.35">
      <c r="A9912" s="5" t="s">
        <v>10</v>
      </c>
      <c r="B9912" s="6">
        <v>219830</v>
      </c>
      <c r="C9912" s="6" t="s">
        <v>16</v>
      </c>
      <c r="D9912" s="6" t="s">
        <v>224</v>
      </c>
      <c r="E9912" s="6">
        <v>68755</v>
      </c>
      <c r="F9912" s="6" t="s">
        <v>18</v>
      </c>
      <c r="G9912" s="6" t="s">
        <v>19290</v>
      </c>
      <c r="H9912" s="6" t="s">
        <v>19291</v>
      </c>
      <c r="I9912" s="7">
        <v>6.4686649999999997</v>
      </c>
      <c r="J9912" s="8">
        <v>-73.264040999999906</v>
      </c>
    </row>
    <row r="9913" spans="1:10" x14ac:dyDescent="0.35">
      <c r="A9913" s="5" t="s">
        <v>10</v>
      </c>
      <c r="B9913" s="6">
        <v>240393</v>
      </c>
      <c r="C9913" s="6" t="s">
        <v>28</v>
      </c>
      <c r="D9913" s="6" t="s">
        <v>29</v>
      </c>
      <c r="E9913" s="6">
        <v>54001</v>
      </c>
      <c r="F9913" s="6" t="s">
        <v>18</v>
      </c>
      <c r="G9913" s="6" t="s">
        <v>19292</v>
      </c>
      <c r="H9913" s="6" t="s">
        <v>19293</v>
      </c>
      <c r="I9913" s="7">
        <v>7.9367082</v>
      </c>
      <c r="J9913" s="8">
        <v>-72.508261300000001</v>
      </c>
    </row>
    <row r="9914" spans="1:10" x14ac:dyDescent="0.35">
      <c r="A9914" s="5" t="s">
        <v>10</v>
      </c>
      <c r="B9914" s="6">
        <v>216606</v>
      </c>
      <c r="C9914" s="6" t="s">
        <v>11</v>
      </c>
      <c r="D9914" s="6" t="s">
        <v>1752</v>
      </c>
      <c r="E9914" s="6">
        <v>25799</v>
      </c>
      <c r="F9914" s="6" t="s">
        <v>2161</v>
      </c>
      <c r="G9914" s="6" t="s">
        <v>11154</v>
      </c>
      <c r="H9914" s="6" t="s">
        <v>19294</v>
      </c>
      <c r="I9914" s="7">
        <v>4.8724759999999998</v>
      </c>
      <c r="J9914" s="8">
        <v>-74.145769899999905</v>
      </c>
    </row>
    <row r="9915" spans="1:10" x14ac:dyDescent="0.35">
      <c r="A9915" s="5" t="s">
        <v>10</v>
      </c>
      <c r="B9915" s="6">
        <v>220287</v>
      </c>
      <c r="C9915" s="6" t="s">
        <v>457</v>
      </c>
      <c r="D9915" s="6" t="s">
        <v>4400</v>
      </c>
      <c r="E9915" s="6">
        <v>52001</v>
      </c>
      <c r="F9915" s="6" t="s">
        <v>2161</v>
      </c>
      <c r="G9915" s="6" t="s">
        <v>19295</v>
      </c>
      <c r="H9915" s="6" t="s">
        <v>19296</v>
      </c>
      <c r="I9915" s="7">
        <v>1.3219867000000001</v>
      </c>
      <c r="J9915" s="8">
        <v>-77.199578199999905</v>
      </c>
    </row>
    <row r="9916" spans="1:10" x14ac:dyDescent="0.35">
      <c r="A9916" s="5" t="s">
        <v>10</v>
      </c>
      <c r="B9916" s="6">
        <v>231925</v>
      </c>
      <c r="C9916" s="6" t="s">
        <v>42</v>
      </c>
      <c r="D9916" s="6" t="s">
        <v>1493</v>
      </c>
      <c r="E9916" s="6">
        <v>17873</v>
      </c>
      <c r="F9916" s="6" t="s">
        <v>2161</v>
      </c>
      <c r="G9916" s="6" t="s">
        <v>19297</v>
      </c>
      <c r="H9916" s="6" t="s">
        <v>19298</v>
      </c>
      <c r="I9916" s="7">
        <v>5.0475690999999996</v>
      </c>
      <c r="J9916" s="8">
        <v>-75.518524200000002</v>
      </c>
    </row>
    <row r="9917" spans="1:10" x14ac:dyDescent="0.35">
      <c r="A9917" s="5" t="s">
        <v>10</v>
      </c>
      <c r="B9917" s="6">
        <v>95614</v>
      </c>
      <c r="C9917" s="6" t="s">
        <v>68</v>
      </c>
      <c r="D9917" s="6" t="s">
        <v>69</v>
      </c>
      <c r="E9917" s="6">
        <v>11001</v>
      </c>
      <c r="F9917" s="6" t="s">
        <v>18</v>
      </c>
      <c r="G9917" s="6" t="s">
        <v>188</v>
      </c>
      <c r="H9917" s="6" t="s">
        <v>189</v>
      </c>
      <c r="I9917" s="7">
        <v>4.7109886000000003</v>
      </c>
      <c r="J9917" s="8">
        <v>-74.072091999999998</v>
      </c>
    </row>
    <row r="9918" spans="1:10" x14ac:dyDescent="0.35">
      <c r="A9918" s="5" t="s">
        <v>10</v>
      </c>
      <c r="B9918" s="6">
        <v>141690</v>
      </c>
      <c r="C9918" s="6" t="s">
        <v>11</v>
      </c>
      <c r="D9918" s="6" t="s">
        <v>101</v>
      </c>
      <c r="E9918" s="6">
        <v>25473</v>
      </c>
      <c r="F9918" s="6" t="s">
        <v>13</v>
      </c>
      <c r="G9918" s="6" t="s">
        <v>403</v>
      </c>
      <c r="H9918" s="6" t="s">
        <v>404</v>
      </c>
      <c r="I9918" s="7">
        <v>4.6802367</v>
      </c>
      <c r="J9918" s="8">
        <v>-74.229671300000007</v>
      </c>
    </row>
    <row r="9919" spans="1:10" x14ac:dyDescent="0.35">
      <c r="A9919" s="5" t="s">
        <v>10</v>
      </c>
      <c r="B9919" s="6">
        <v>209536</v>
      </c>
      <c r="C9919" s="6" t="s">
        <v>11</v>
      </c>
      <c r="D9919" s="6" t="s">
        <v>221</v>
      </c>
      <c r="E9919" s="6">
        <v>25430</v>
      </c>
      <c r="F9919" s="6" t="s">
        <v>2161</v>
      </c>
      <c r="G9919" s="6" t="s">
        <v>19299</v>
      </c>
      <c r="H9919" s="6" t="s">
        <v>19300</v>
      </c>
      <c r="I9919" s="7">
        <v>4.7335374999999997</v>
      </c>
      <c r="J9919" s="8">
        <v>-74.262411499999999</v>
      </c>
    </row>
    <row r="9920" spans="1:10" x14ac:dyDescent="0.35">
      <c r="A9920" s="5" t="s">
        <v>10</v>
      </c>
      <c r="B9920" s="6">
        <v>210476</v>
      </c>
      <c r="C9920" s="6" t="s">
        <v>68</v>
      </c>
      <c r="D9920" s="6" t="s">
        <v>69</v>
      </c>
      <c r="E9920" s="6">
        <v>11001</v>
      </c>
      <c r="F9920" s="6" t="s">
        <v>2161</v>
      </c>
      <c r="G9920" s="6" t="s">
        <v>17918</v>
      </c>
      <c r="H9920" s="6" t="s">
        <v>19301</v>
      </c>
      <c r="I9920" s="7">
        <v>4.7227209999999999</v>
      </c>
      <c r="J9920" s="8">
        <v>-74.069667299999907</v>
      </c>
    </row>
    <row r="9921" spans="1:10" x14ac:dyDescent="0.35">
      <c r="A9921" s="5" t="s">
        <v>10</v>
      </c>
      <c r="B9921" s="6">
        <v>206315</v>
      </c>
      <c r="C9921" s="6" t="s">
        <v>68</v>
      </c>
      <c r="D9921" s="6" t="s">
        <v>69</v>
      </c>
      <c r="E9921" s="6">
        <v>11001</v>
      </c>
      <c r="F9921" s="6" t="s">
        <v>13</v>
      </c>
      <c r="G9921" s="6" t="s">
        <v>2690</v>
      </c>
      <c r="H9921" s="6" t="s">
        <v>2691</v>
      </c>
      <c r="I9921" s="7">
        <v>4.6948641999999996</v>
      </c>
      <c r="J9921" s="8">
        <v>-74.085528100000005</v>
      </c>
    </row>
    <row r="9922" spans="1:10" x14ac:dyDescent="0.35">
      <c r="A9922" s="5" t="s">
        <v>10</v>
      </c>
      <c r="B9922" s="6">
        <v>228829</v>
      </c>
      <c r="C9922" s="6" t="s">
        <v>109</v>
      </c>
      <c r="D9922" s="6" t="s">
        <v>377</v>
      </c>
      <c r="E9922" s="6">
        <v>13683</v>
      </c>
      <c r="F9922" s="6" t="s">
        <v>18</v>
      </c>
      <c r="G9922" s="6" t="s">
        <v>19302</v>
      </c>
      <c r="H9922" s="6" t="s">
        <v>19303</v>
      </c>
      <c r="I9922" s="7">
        <v>10.445304800000001</v>
      </c>
      <c r="J9922" s="8">
        <v>-75.369953199999998</v>
      </c>
    </row>
    <row r="9923" spans="1:10" x14ac:dyDescent="0.35">
      <c r="A9923" s="5" t="s">
        <v>10</v>
      </c>
      <c r="B9923" s="6">
        <v>235239</v>
      </c>
      <c r="C9923" s="6" t="s">
        <v>28</v>
      </c>
      <c r="D9923" s="6" t="s">
        <v>489</v>
      </c>
      <c r="E9923" s="6">
        <v>54172</v>
      </c>
      <c r="F9923" s="6" t="s">
        <v>18</v>
      </c>
      <c r="G9923" s="6" t="s">
        <v>19304</v>
      </c>
      <c r="H9923" s="6" t="s">
        <v>19305</v>
      </c>
      <c r="I9923" s="7">
        <v>7.6082032999999996</v>
      </c>
      <c r="J9923" s="8">
        <v>-72.599858299999994</v>
      </c>
    </row>
    <row r="9924" spans="1:10" x14ac:dyDescent="0.35">
      <c r="A9924" s="5" t="s">
        <v>10</v>
      </c>
      <c r="B9924" s="6">
        <v>132808</v>
      </c>
      <c r="C9924" s="6" t="s">
        <v>38</v>
      </c>
      <c r="D9924" s="6" t="s">
        <v>39</v>
      </c>
      <c r="E9924" s="6">
        <v>19001</v>
      </c>
      <c r="F9924" s="6" t="s">
        <v>18</v>
      </c>
      <c r="G9924" s="6" t="s">
        <v>19306</v>
      </c>
      <c r="H9924" s="6" t="s">
        <v>19307</v>
      </c>
      <c r="I9924" s="7">
        <v>2.4854655000000001</v>
      </c>
      <c r="J9924" s="8">
        <v>-76.568212399999993</v>
      </c>
    </row>
    <row r="9925" spans="1:10" x14ac:dyDescent="0.35">
      <c r="A9925" s="5" t="s">
        <v>10</v>
      </c>
      <c r="B9925" s="6">
        <v>219205</v>
      </c>
      <c r="C9925" s="6" t="s">
        <v>42</v>
      </c>
      <c r="D9925" s="6" t="s">
        <v>43</v>
      </c>
      <c r="E9925" s="6">
        <v>17001</v>
      </c>
      <c r="F9925" s="6" t="s">
        <v>18</v>
      </c>
      <c r="G9925" s="6" t="s">
        <v>19308</v>
      </c>
      <c r="H9925" s="6" t="s">
        <v>19309</v>
      </c>
      <c r="I9925" s="7">
        <v>5.0864975000000001</v>
      </c>
      <c r="J9925" s="8">
        <v>-75.513869599999893</v>
      </c>
    </row>
    <row r="9926" spans="1:10" x14ac:dyDescent="0.35">
      <c r="A9926" s="5" t="s">
        <v>10</v>
      </c>
      <c r="B9926" s="6">
        <v>210489</v>
      </c>
      <c r="C9926" s="6" t="s">
        <v>68</v>
      </c>
      <c r="D9926" s="6" t="s">
        <v>69</v>
      </c>
      <c r="E9926" s="6">
        <v>11001</v>
      </c>
      <c r="F9926" s="6" t="s">
        <v>2161</v>
      </c>
      <c r="G9926" s="6" t="s">
        <v>19310</v>
      </c>
      <c r="H9926" s="6" t="s">
        <v>19311</v>
      </c>
      <c r="I9926" s="7">
        <v>4.7366010999999997</v>
      </c>
      <c r="J9926" s="8">
        <v>-74.018939899999907</v>
      </c>
    </row>
    <row r="9927" spans="1:10" x14ac:dyDescent="0.35">
      <c r="A9927" s="5" t="s">
        <v>10</v>
      </c>
      <c r="B9927" s="6">
        <v>240328</v>
      </c>
      <c r="C9927" s="6" t="s">
        <v>68</v>
      </c>
      <c r="D9927" s="6" t="s">
        <v>69</v>
      </c>
      <c r="E9927" s="6">
        <v>11001</v>
      </c>
      <c r="F9927" s="6" t="s">
        <v>2161</v>
      </c>
      <c r="G9927" s="6" t="s">
        <v>19312</v>
      </c>
      <c r="H9927" s="6" t="s">
        <v>19313</v>
      </c>
      <c r="I9927" s="7">
        <v>4.7600832000000004</v>
      </c>
      <c r="J9927" s="8">
        <v>-74.024398899999994</v>
      </c>
    </row>
    <row r="9928" spans="1:10" x14ac:dyDescent="0.35">
      <c r="A9928" s="5" t="s">
        <v>10</v>
      </c>
      <c r="B9928" s="6">
        <v>211013</v>
      </c>
      <c r="C9928" s="6" t="s">
        <v>42</v>
      </c>
      <c r="D9928" s="6" t="s">
        <v>1973</v>
      </c>
      <c r="E9928" s="6">
        <v>17662</v>
      </c>
      <c r="F9928" s="6" t="s">
        <v>2161</v>
      </c>
      <c r="G9928" s="6" t="s">
        <v>19314</v>
      </c>
      <c r="H9928" s="6" t="s">
        <v>19315</v>
      </c>
      <c r="I9928" s="7">
        <v>5.4437369999999996</v>
      </c>
      <c r="J9928" s="8">
        <v>-74.6635414</v>
      </c>
    </row>
    <row r="9929" spans="1:10" x14ac:dyDescent="0.35">
      <c r="A9929" s="5" t="s">
        <v>10</v>
      </c>
      <c r="B9929" s="6">
        <v>219058</v>
      </c>
      <c r="C9929" s="6" t="s">
        <v>68</v>
      </c>
      <c r="D9929" s="6" t="s">
        <v>69</v>
      </c>
      <c r="E9929" s="6">
        <v>11001</v>
      </c>
      <c r="F9929" s="6" t="s">
        <v>2161</v>
      </c>
      <c r="G9929" s="6" t="s">
        <v>19316</v>
      </c>
      <c r="H9929" s="6" t="s">
        <v>19317</v>
      </c>
      <c r="I9929" s="7">
        <v>4.7146283999999996</v>
      </c>
      <c r="J9929" s="8">
        <v>-74.127102699999995</v>
      </c>
    </row>
    <row r="9930" spans="1:10" x14ac:dyDescent="0.35">
      <c r="A9930" s="5" t="s">
        <v>10</v>
      </c>
      <c r="B9930" s="6">
        <v>230364</v>
      </c>
      <c r="C9930" s="6" t="s">
        <v>16</v>
      </c>
      <c r="D9930" s="6" t="s">
        <v>75</v>
      </c>
      <c r="E9930" s="6">
        <v>68432</v>
      </c>
      <c r="F9930" s="6" t="s">
        <v>2161</v>
      </c>
      <c r="G9930" s="6" t="s">
        <v>19318</v>
      </c>
      <c r="H9930" s="6" t="s">
        <v>19319</v>
      </c>
      <c r="I9930" s="7">
        <v>6.7018002000000001</v>
      </c>
      <c r="J9930" s="8">
        <v>-72.732061700000003</v>
      </c>
    </row>
    <row r="9931" spans="1:10" x14ac:dyDescent="0.35">
      <c r="A9931" s="5" t="s">
        <v>10</v>
      </c>
      <c r="B9931" s="6">
        <v>228193</v>
      </c>
      <c r="C9931" s="6" t="s">
        <v>3788</v>
      </c>
      <c r="D9931" s="6" t="s">
        <v>3974</v>
      </c>
      <c r="E9931" s="6">
        <v>18001</v>
      </c>
      <c r="F9931" s="6" t="s">
        <v>2161</v>
      </c>
      <c r="G9931" s="6" t="s">
        <v>19320</v>
      </c>
      <c r="H9931" s="6" t="s">
        <v>19321</v>
      </c>
      <c r="I9931" s="7">
        <v>1.6233040999999999</v>
      </c>
      <c r="J9931" s="8">
        <v>-75.599478199999993</v>
      </c>
    </row>
    <row r="9932" spans="1:10" x14ac:dyDescent="0.35">
      <c r="A9932" s="5" t="s">
        <v>10</v>
      </c>
      <c r="B9932" s="6">
        <v>208959</v>
      </c>
      <c r="C9932" s="6" t="s">
        <v>11</v>
      </c>
      <c r="D9932" s="6" t="s">
        <v>857</v>
      </c>
      <c r="E9932" s="6">
        <v>25758</v>
      </c>
      <c r="F9932" s="6" t="s">
        <v>2161</v>
      </c>
      <c r="G9932" s="6" t="s">
        <v>19322</v>
      </c>
      <c r="H9932" s="6" t="s">
        <v>19323</v>
      </c>
      <c r="I9932" s="7">
        <v>4.9086112999999996</v>
      </c>
      <c r="J9932" s="8">
        <v>-73.941448899999997</v>
      </c>
    </row>
    <row r="9933" spans="1:10" x14ac:dyDescent="0.35">
      <c r="A9933" s="5" t="s">
        <v>10</v>
      </c>
      <c r="B9933" s="6">
        <v>141693</v>
      </c>
      <c r="C9933" s="6" t="s">
        <v>11</v>
      </c>
      <c r="D9933" s="6" t="s">
        <v>4073</v>
      </c>
      <c r="E9933" s="6">
        <v>25740</v>
      </c>
      <c r="F9933" s="6" t="s">
        <v>13</v>
      </c>
      <c r="G9933" s="6" t="s">
        <v>18846</v>
      </c>
      <c r="H9933" s="6" t="s">
        <v>18847</v>
      </c>
      <c r="I9933" s="7">
        <v>4.4874128999999998</v>
      </c>
      <c r="J9933" s="8">
        <v>-74.259271900000002</v>
      </c>
    </row>
    <row r="9934" spans="1:10" x14ac:dyDescent="0.35">
      <c r="A9934" s="5" t="s">
        <v>10</v>
      </c>
      <c r="B9934" s="6">
        <v>141709</v>
      </c>
      <c r="C9934" s="6" t="s">
        <v>11</v>
      </c>
      <c r="D9934" s="6" t="s">
        <v>1752</v>
      </c>
      <c r="E9934" s="6">
        <v>25799</v>
      </c>
      <c r="F9934" s="6" t="s">
        <v>13</v>
      </c>
      <c r="G9934" s="6" t="s">
        <v>1753</v>
      </c>
      <c r="H9934" s="6" t="s">
        <v>1754</v>
      </c>
      <c r="I9934" s="7">
        <v>4.8727109999999998</v>
      </c>
      <c r="J9934" s="8">
        <v>-74.144870100000006</v>
      </c>
    </row>
    <row r="9935" spans="1:10" x14ac:dyDescent="0.35">
      <c r="A9935" s="5" t="s">
        <v>10</v>
      </c>
      <c r="B9935" s="6">
        <v>158369</v>
      </c>
      <c r="C9935" s="6" t="s">
        <v>94</v>
      </c>
      <c r="D9935" s="6" t="s">
        <v>98</v>
      </c>
      <c r="E9935" s="6">
        <v>66001</v>
      </c>
      <c r="F9935" s="6" t="s">
        <v>13</v>
      </c>
      <c r="G9935" s="6" t="s">
        <v>306</v>
      </c>
      <c r="H9935" s="6" t="s">
        <v>307</v>
      </c>
      <c r="I9935" s="7">
        <v>4.8058074</v>
      </c>
      <c r="J9935" s="8">
        <v>-75.694122800000002</v>
      </c>
    </row>
    <row r="9936" spans="1:10" x14ac:dyDescent="0.35">
      <c r="A9936" s="5" t="s">
        <v>10</v>
      </c>
      <c r="B9936" s="6">
        <v>158369</v>
      </c>
      <c r="C9936" s="6" t="s">
        <v>94</v>
      </c>
      <c r="D9936" s="6" t="s">
        <v>98</v>
      </c>
      <c r="E9936" s="6">
        <v>66001</v>
      </c>
      <c r="F9936" s="6" t="s">
        <v>13</v>
      </c>
      <c r="G9936" s="6" t="s">
        <v>306</v>
      </c>
      <c r="H9936" s="6" t="s">
        <v>307</v>
      </c>
      <c r="I9936" s="7">
        <v>4.8058074</v>
      </c>
      <c r="J9936" s="8">
        <v>-75.694122800000002</v>
      </c>
    </row>
    <row r="9937" spans="1:10" x14ac:dyDescent="0.35">
      <c r="A9937" s="5" t="s">
        <v>10</v>
      </c>
      <c r="B9937" s="6">
        <v>227174</v>
      </c>
      <c r="C9937" s="6" t="s">
        <v>16</v>
      </c>
      <c r="D9937" s="6" t="s">
        <v>17</v>
      </c>
      <c r="E9937" s="6">
        <v>68679</v>
      </c>
      <c r="F9937" s="6" t="s">
        <v>18</v>
      </c>
      <c r="G9937" s="6" t="s">
        <v>19324</v>
      </c>
      <c r="H9937" s="6" t="s">
        <v>19325</v>
      </c>
      <c r="I9937" s="7">
        <v>6.5541397999999997</v>
      </c>
      <c r="J9937" s="8">
        <v>-73.1347947</v>
      </c>
    </row>
    <row r="9938" spans="1:10" x14ac:dyDescent="0.35">
      <c r="A9938" s="5" t="s">
        <v>10</v>
      </c>
      <c r="B9938" s="6">
        <v>184120</v>
      </c>
      <c r="C9938" s="6" t="s">
        <v>68</v>
      </c>
      <c r="D9938" s="6" t="s">
        <v>69</v>
      </c>
      <c r="E9938" s="6">
        <v>11001</v>
      </c>
      <c r="F9938" s="6" t="s">
        <v>18</v>
      </c>
      <c r="G9938" s="6" t="s">
        <v>17705</v>
      </c>
      <c r="H9938" s="6" t="s">
        <v>17706</v>
      </c>
      <c r="I9938" s="7">
        <v>4.6856081999999999</v>
      </c>
      <c r="J9938" s="8">
        <v>-74.052892999999997</v>
      </c>
    </row>
    <row r="9939" spans="1:10" x14ac:dyDescent="0.35">
      <c r="A9939" s="5" t="s">
        <v>10</v>
      </c>
      <c r="B9939" s="6">
        <v>209046</v>
      </c>
      <c r="C9939" s="6" t="s">
        <v>11</v>
      </c>
      <c r="D9939" s="6" t="s">
        <v>857</v>
      </c>
      <c r="E9939" s="6">
        <v>25758</v>
      </c>
      <c r="F9939" s="6" t="s">
        <v>2161</v>
      </c>
      <c r="G9939" s="6" t="s">
        <v>19326</v>
      </c>
      <c r="H9939" s="6" t="s">
        <v>19327</v>
      </c>
      <c r="I9939" s="7">
        <v>4.9084377999999997</v>
      </c>
      <c r="J9939" s="8">
        <v>-73.940885299999906</v>
      </c>
    </row>
    <row r="9940" spans="1:10" x14ac:dyDescent="0.35">
      <c r="A9940" s="5" t="s">
        <v>10</v>
      </c>
      <c r="B9940" s="6">
        <v>209015</v>
      </c>
      <c r="C9940" s="6" t="s">
        <v>11</v>
      </c>
      <c r="D9940" s="6" t="s">
        <v>5326</v>
      </c>
      <c r="E9940" s="6">
        <v>25200</v>
      </c>
      <c r="F9940" s="6" t="s">
        <v>2161</v>
      </c>
      <c r="G9940" s="6" t="s">
        <v>19328</v>
      </c>
      <c r="H9940" s="6" t="s">
        <v>19329</v>
      </c>
      <c r="I9940" s="7">
        <v>4.5910079000000001</v>
      </c>
      <c r="J9940" s="8">
        <v>-74.079381799999993</v>
      </c>
    </row>
    <row r="9941" spans="1:10" x14ac:dyDescent="0.35">
      <c r="A9941" s="5" t="s">
        <v>10</v>
      </c>
      <c r="B9941" s="6">
        <v>216608</v>
      </c>
      <c r="C9941" s="6" t="s">
        <v>11</v>
      </c>
      <c r="D9941" s="6" t="s">
        <v>159</v>
      </c>
      <c r="E9941" s="6">
        <v>25175</v>
      </c>
      <c r="F9941" s="6" t="s">
        <v>2161</v>
      </c>
      <c r="G9941" s="6" t="s">
        <v>7521</v>
      </c>
      <c r="H9941" s="6" t="s">
        <v>19330</v>
      </c>
      <c r="I9941" s="7">
        <v>4.8367069999999996</v>
      </c>
      <c r="J9941" s="8">
        <v>-74.084606999999906</v>
      </c>
    </row>
    <row r="9942" spans="1:10" x14ac:dyDescent="0.35">
      <c r="A9942" s="5" t="s">
        <v>10</v>
      </c>
      <c r="B9942" s="6">
        <v>212961</v>
      </c>
      <c r="C9942" s="6" t="s">
        <v>68</v>
      </c>
      <c r="D9942" s="6" t="s">
        <v>69</v>
      </c>
      <c r="E9942" s="6">
        <v>11001</v>
      </c>
      <c r="F9942" s="6" t="s">
        <v>2161</v>
      </c>
      <c r="G9942" s="6" t="s">
        <v>19331</v>
      </c>
      <c r="H9942" s="6" t="s">
        <v>19332</v>
      </c>
      <c r="I9942" s="7">
        <v>4.5487422999999998</v>
      </c>
      <c r="J9942" s="8">
        <v>-74.160340099999999</v>
      </c>
    </row>
    <row r="9943" spans="1:10" x14ac:dyDescent="0.35">
      <c r="A9943" s="5" t="s">
        <v>10</v>
      </c>
      <c r="B9943" s="6">
        <v>238761</v>
      </c>
      <c r="C9943" s="6" t="s">
        <v>11</v>
      </c>
      <c r="D9943" s="6" t="s">
        <v>857</v>
      </c>
      <c r="E9943" s="6">
        <v>25758</v>
      </c>
      <c r="F9943" s="6" t="s">
        <v>2161</v>
      </c>
      <c r="G9943" s="6" t="s">
        <v>7204</v>
      </c>
      <c r="H9943" s="6" t="s">
        <v>19333</v>
      </c>
      <c r="I9943" s="7">
        <v>4.9086112999999996</v>
      </c>
      <c r="J9943" s="8">
        <v>-73.941448899999997</v>
      </c>
    </row>
    <row r="9944" spans="1:10" x14ac:dyDescent="0.35">
      <c r="A9944" s="5" t="s">
        <v>10</v>
      </c>
      <c r="B9944" s="6">
        <v>141706</v>
      </c>
      <c r="C9944" s="6" t="s">
        <v>11</v>
      </c>
      <c r="D9944" s="6" t="s">
        <v>21</v>
      </c>
      <c r="E9944" s="6">
        <v>25386</v>
      </c>
      <c r="F9944" s="6" t="s">
        <v>13</v>
      </c>
      <c r="G9944" s="6" t="s">
        <v>3214</v>
      </c>
      <c r="H9944" s="6" t="s">
        <v>3215</v>
      </c>
      <c r="I9944" s="7">
        <v>4.6321469999999998</v>
      </c>
      <c r="J9944" s="8">
        <v>-74.463014000000001</v>
      </c>
    </row>
    <row r="9945" spans="1:10" x14ac:dyDescent="0.35">
      <c r="A9945" s="5" t="s">
        <v>10</v>
      </c>
      <c r="B9945" s="6">
        <v>189674</v>
      </c>
      <c r="C9945" s="6" t="s">
        <v>24</v>
      </c>
      <c r="D9945" s="6" t="s">
        <v>137</v>
      </c>
      <c r="E9945" s="6">
        <v>15238</v>
      </c>
      <c r="F9945" s="6" t="s">
        <v>13</v>
      </c>
      <c r="G9945" s="6" t="s">
        <v>2106</v>
      </c>
      <c r="H9945" s="6" t="s">
        <v>2107</v>
      </c>
      <c r="I9945" s="7">
        <v>5.8271258000000001</v>
      </c>
      <c r="J9945" s="8">
        <v>-73.035925700000007</v>
      </c>
    </row>
    <row r="9946" spans="1:10" x14ac:dyDescent="0.35">
      <c r="A9946" s="5" t="s">
        <v>10</v>
      </c>
      <c r="B9946" s="6">
        <v>72363</v>
      </c>
      <c r="C9946" s="6" t="s">
        <v>16</v>
      </c>
      <c r="D9946" s="6" t="s">
        <v>1339</v>
      </c>
      <c r="E9946" s="6">
        <v>68121</v>
      </c>
      <c r="F9946" s="6" t="s">
        <v>18</v>
      </c>
      <c r="G9946" s="6" t="s">
        <v>1340</v>
      </c>
      <c r="H9946" s="6" t="s">
        <v>1341</v>
      </c>
      <c r="I9946" s="7">
        <v>6.5542559999999996</v>
      </c>
      <c r="J9946" s="8">
        <v>-73.127911099999906</v>
      </c>
    </row>
    <row r="9947" spans="1:10" x14ac:dyDescent="0.35">
      <c r="A9947" s="5" t="s">
        <v>10</v>
      </c>
      <c r="B9947" s="6">
        <v>187595</v>
      </c>
      <c r="C9947" s="6" t="s">
        <v>24</v>
      </c>
      <c r="D9947" s="6" t="s">
        <v>1141</v>
      </c>
      <c r="E9947" s="6">
        <v>15763</v>
      </c>
      <c r="F9947" s="6" t="s">
        <v>18</v>
      </c>
      <c r="G9947" s="6" t="s">
        <v>19334</v>
      </c>
      <c r="H9947" s="6" t="s">
        <v>19335</v>
      </c>
      <c r="I9947" s="7">
        <v>5.6919116000000001</v>
      </c>
      <c r="J9947" s="8">
        <v>-73.251227499999999</v>
      </c>
    </row>
    <row r="9948" spans="1:10" x14ac:dyDescent="0.35">
      <c r="A9948" s="5" t="s">
        <v>10</v>
      </c>
      <c r="B9948" s="6">
        <v>229942</v>
      </c>
      <c r="C9948" s="6" t="s">
        <v>466</v>
      </c>
      <c r="D9948" s="6" t="s">
        <v>1262</v>
      </c>
      <c r="E9948" s="6">
        <v>81001</v>
      </c>
      <c r="F9948" s="6" t="s">
        <v>18</v>
      </c>
      <c r="G9948" s="6" t="s">
        <v>19336</v>
      </c>
      <c r="H9948" s="6" t="s">
        <v>19337</v>
      </c>
      <c r="I9948" s="7">
        <v>6.5473059999999998</v>
      </c>
      <c r="J9948" s="8">
        <v>-71.002231100000003</v>
      </c>
    </row>
    <row r="9949" spans="1:10" x14ac:dyDescent="0.35">
      <c r="A9949" s="5" t="s">
        <v>10</v>
      </c>
      <c r="B9949" s="6">
        <v>234618</v>
      </c>
      <c r="C9949" s="6" t="s">
        <v>42</v>
      </c>
      <c r="D9949" s="6" t="s">
        <v>43</v>
      </c>
      <c r="E9949" s="6">
        <v>17001</v>
      </c>
      <c r="F9949" s="6" t="s">
        <v>18</v>
      </c>
      <c r="G9949" s="6" t="s">
        <v>19338</v>
      </c>
      <c r="H9949" s="6" t="s">
        <v>19339</v>
      </c>
      <c r="I9949" s="7">
        <v>5.0666554000000001</v>
      </c>
      <c r="J9949" s="8">
        <v>-75.520285099999995</v>
      </c>
    </row>
    <row r="9950" spans="1:10" x14ac:dyDescent="0.35">
      <c r="A9950" s="5" t="s">
        <v>10</v>
      </c>
      <c r="B9950" s="6">
        <v>217656</v>
      </c>
      <c r="C9950" s="6" t="s">
        <v>11</v>
      </c>
      <c r="D9950" s="6" t="s">
        <v>3724</v>
      </c>
      <c r="E9950" s="6">
        <v>25513</v>
      </c>
      <c r="F9950" s="6" t="s">
        <v>2161</v>
      </c>
      <c r="G9950" s="6" t="s">
        <v>19340</v>
      </c>
      <c r="H9950" s="6" t="s">
        <v>19341</v>
      </c>
      <c r="I9950" s="7">
        <v>4.5994913999999998</v>
      </c>
      <c r="J9950" s="8">
        <v>-74.074829100000002</v>
      </c>
    </row>
    <row r="9951" spans="1:10" x14ac:dyDescent="0.35">
      <c r="A9951" s="5" t="s">
        <v>10</v>
      </c>
      <c r="B9951" s="6">
        <v>220720</v>
      </c>
      <c r="C9951" s="6" t="s">
        <v>4364</v>
      </c>
      <c r="D9951" s="6" t="s">
        <v>10337</v>
      </c>
      <c r="E9951" s="6">
        <v>70823</v>
      </c>
      <c r="F9951" s="6" t="s">
        <v>2161</v>
      </c>
      <c r="G9951" s="6" t="s">
        <v>19342</v>
      </c>
      <c r="H9951" s="6" t="s">
        <v>19343</v>
      </c>
      <c r="I9951" s="7">
        <v>9.4523198999999902</v>
      </c>
      <c r="J9951" s="8">
        <v>-75.440691099999995</v>
      </c>
    </row>
    <row r="9952" spans="1:10" x14ac:dyDescent="0.35">
      <c r="A9952" s="5" t="s">
        <v>10</v>
      </c>
      <c r="B9952" s="6">
        <v>228821</v>
      </c>
      <c r="C9952" s="6" t="s">
        <v>11</v>
      </c>
      <c r="D9952" s="6" t="s">
        <v>337</v>
      </c>
      <c r="E9952" s="6">
        <v>25290</v>
      </c>
      <c r="F9952" s="6" t="s">
        <v>18</v>
      </c>
      <c r="G9952" s="6" t="s">
        <v>19344</v>
      </c>
      <c r="H9952" s="6" t="s">
        <v>19345</v>
      </c>
      <c r="I9952" s="7">
        <v>4.3433735999999996</v>
      </c>
      <c r="J9952" s="8">
        <v>-74.362853900000005</v>
      </c>
    </row>
    <row r="9953" spans="1:10" x14ac:dyDescent="0.35">
      <c r="A9953" s="5" t="s">
        <v>10</v>
      </c>
      <c r="B9953" s="6">
        <v>155556</v>
      </c>
      <c r="C9953" s="6" t="s">
        <v>68</v>
      </c>
      <c r="D9953" s="6" t="s">
        <v>69</v>
      </c>
      <c r="E9953" s="6">
        <v>11001</v>
      </c>
      <c r="F9953" s="6" t="s">
        <v>18</v>
      </c>
      <c r="G9953" s="6" t="s">
        <v>514</v>
      </c>
      <c r="H9953" s="6" t="s">
        <v>17688</v>
      </c>
      <c r="I9953" s="7">
        <v>4.6463409000000002</v>
      </c>
      <c r="J9953" s="8">
        <v>-74.149150500000005</v>
      </c>
    </row>
    <row r="9954" spans="1:10" x14ac:dyDescent="0.35">
      <c r="A9954" s="5" t="s">
        <v>10</v>
      </c>
      <c r="B9954" s="6">
        <v>163206</v>
      </c>
      <c r="C9954" s="6" t="s">
        <v>55</v>
      </c>
      <c r="D9954" s="6" t="s">
        <v>2348</v>
      </c>
      <c r="E9954" s="6">
        <v>73873</v>
      </c>
      <c r="F9954" s="6" t="s">
        <v>18</v>
      </c>
      <c r="G9954" s="6" t="s">
        <v>19346</v>
      </c>
      <c r="H9954" s="6" t="s">
        <v>19347</v>
      </c>
      <c r="I9954" s="7">
        <v>3.9368601999999999</v>
      </c>
      <c r="J9954" s="8">
        <v>-74.600868599999998</v>
      </c>
    </row>
    <row r="9955" spans="1:10" x14ac:dyDescent="0.35">
      <c r="A9955" s="5" t="s">
        <v>10</v>
      </c>
      <c r="B9955" s="6">
        <v>205167</v>
      </c>
      <c r="C9955" s="6" t="s">
        <v>466</v>
      </c>
      <c r="D9955" s="6" t="s">
        <v>467</v>
      </c>
      <c r="E9955" s="6">
        <v>81736</v>
      </c>
      <c r="F9955" s="6" t="s">
        <v>18</v>
      </c>
      <c r="G9955" s="6" t="s">
        <v>19348</v>
      </c>
      <c r="H9955" s="6" t="s">
        <v>19349</v>
      </c>
      <c r="I9955" s="7">
        <v>6.9628638999999897</v>
      </c>
      <c r="J9955" s="8">
        <v>-71.881689399999999</v>
      </c>
    </row>
    <row r="9956" spans="1:10" x14ac:dyDescent="0.35">
      <c r="A9956" s="5" t="s">
        <v>10</v>
      </c>
      <c r="B9956" s="6">
        <v>237984</v>
      </c>
      <c r="C9956" s="6" t="s">
        <v>11</v>
      </c>
      <c r="D9956" s="6" t="s">
        <v>159</v>
      </c>
      <c r="E9956" s="6">
        <v>25175</v>
      </c>
      <c r="F9956" s="6" t="s">
        <v>2161</v>
      </c>
      <c r="G9956" s="6" t="s">
        <v>19350</v>
      </c>
      <c r="H9956" s="6" t="s">
        <v>19351</v>
      </c>
      <c r="I9956" s="7">
        <v>4.8479609999999997</v>
      </c>
      <c r="J9956" s="8">
        <v>-74.049406000000005</v>
      </c>
    </row>
    <row r="9957" spans="1:10" x14ac:dyDescent="0.35">
      <c r="A9957" s="5" t="s">
        <v>10</v>
      </c>
      <c r="B9957" s="6">
        <v>231910</v>
      </c>
      <c r="C9957" s="6" t="s">
        <v>2821</v>
      </c>
      <c r="D9957" s="6" t="s">
        <v>4909</v>
      </c>
      <c r="E9957" s="6">
        <v>47692</v>
      </c>
      <c r="F9957" s="6" t="s">
        <v>2161</v>
      </c>
      <c r="G9957" s="6" t="s">
        <v>19352</v>
      </c>
      <c r="H9957" s="6" t="s">
        <v>19353</v>
      </c>
      <c r="I9957" s="7">
        <v>9.2389288999999994</v>
      </c>
      <c r="J9957" s="8">
        <v>-74.350015499999998</v>
      </c>
    </row>
    <row r="9958" spans="1:10" x14ac:dyDescent="0.35">
      <c r="A9958" s="5" t="s">
        <v>10</v>
      </c>
      <c r="B9958" s="6">
        <v>141709</v>
      </c>
      <c r="C9958" s="6" t="s">
        <v>11</v>
      </c>
      <c r="D9958" s="6" t="s">
        <v>1752</v>
      </c>
      <c r="E9958" s="6">
        <v>25799</v>
      </c>
      <c r="F9958" s="6" t="s">
        <v>13</v>
      </c>
      <c r="G9958" s="6" t="s">
        <v>1753</v>
      </c>
      <c r="H9958" s="6" t="s">
        <v>1754</v>
      </c>
      <c r="I9958" s="7">
        <v>4.8727109999999998</v>
      </c>
      <c r="J9958" s="8">
        <v>-74.144870100000006</v>
      </c>
    </row>
    <row r="9959" spans="1:10" x14ac:dyDescent="0.35">
      <c r="A9959" s="5" t="s">
        <v>10</v>
      </c>
      <c r="B9959" s="6">
        <v>165578</v>
      </c>
      <c r="C9959" s="6" t="s">
        <v>28</v>
      </c>
      <c r="D9959" s="6" t="s">
        <v>29</v>
      </c>
      <c r="E9959" s="6">
        <v>54001</v>
      </c>
      <c r="F9959" s="6" t="s">
        <v>18</v>
      </c>
      <c r="G9959" s="6" t="s">
        <v>19354</v>
      </c>
      <c r="H9959" s="6" t="s">
        <v>19355</v>
      </c>
      <c r="I9959" s="7">
        <v>7.8896482999999904</v>
      </c>
      <c r="J9959" s="8">
        <v>-72.485155800000001</v>
      </c>
    </row>
    <row r="9960" spans="1:10" x14ac:dyDescent="0.35">
      <c r="A9960" s="5" t="s">
        <v>10</v>
      </c>
      <c r="B9960" s="6">
        <v>140750</v>
      </c>
      <c r="C9960" s="6" t="s">
        <v>28</v>
      </c>
      <c r="D9960" s="6" t="s">
        <v>29</v>
      </c>
      <c r="E9960" s="6">
        <v>54001</v>
      </c>
      <c r="F9960" s="6" t="s">
        <v>18</v>
      </c>
      <c r="G9960" s="6" t="s">
        <v>2817</v>
      </c>
      <c r="H9960" s="6" t="s">
        <v>2818</v>
      </c>
      <c r="I9960" s="7">
        <v>7.9454039999999999</v>
      </c>
      <c r="J9960" s="8">
        <v>-72.499856699999995</v>
      </c>
    </row>
    <row r="9961" spans="1:10" x14ac:dyDescent="0.35">
      <c r="A9961" s="5" t="s">
        <v>10</v>
      </c>
      <c r="B9961" s="6">
        <v>141690</v>
      </c>
      <c r="C9961" s="6" t="s">
        <v>11</v>
      </c>
      <c r="D9961" s="6" t="s">
        <v>101</v>
      </c>
      <c r="E9961" s="6">
        <v>25473</v>
      </c>
      <c r="F9961" s="6" t="s">
        <v>13</v>
      </c>
      <c r="G9961" s="6" t="s">
        <v>403</v>
      </c>
      <c r="H9961" s="6" t="s">
        <v>404</v>
      </c>
      <c r="I9961" s="7">
        <v>4.6802367</v>
      </c>
      <c r="J9961" s="8">
        <v>-74.229671300000007</v>
      </c>
    </row>
    <row r="9962" spans="1:10" x14ac:dyDescent="0.35">
      <c r="A9962" s="5" t="s">
        <v>10</v>
      </c>
      <c r="B9962" s="6">
        <v>138746</v>
      </c>
      <c r="C9962" s="6" t="s">
        <v>28</v>
      </c>
      <c r="D9962" s="6" t="s">
        <v>322</v>
      </c>
      <c r="E9962" s="6">
        <v>54405</v>
      </c>
      <c r="F9962" s="6" t="s">
        <v>13</v>
      </c>
      <c r="G9962" s="6" t="s">
        <v>50</v>
      </c>
      <c r="H9962" s="6" t="s">
        <v>18704</v>
      </c>
      <c r="I9962" s="7">
        <v>7.8331989999999996</v>
      </c>
      <c r="J9962" s="8">
        <v>-72.504391999999996</v>
      </c>
    </row>
    <row r="9963" spans="1:10" x14ac:dyDescent="0.35">
      <c r="A9963" s="5" t="s">
        <v>10</v>
      </c>
      <c r="B9963" s="6">
        <v>141686</v>
      </c>
      <c r="C9963" s="6" t="s">
        <v>11</v>
      </c>
      <c r="D9963" s="6" t="s">
        <v>106</v>
      </c>
      <c r="E9963" s="6">
        <v>25843</v>
      </c>
      <c r="F9963" s="6" t="s">
        <v>13</v>
      </c>
      <c r="G9963" s="6" t="s">
        <v>1127</v>
      </c>
      <c r="H9963" s="6" t="s">
        <v>1128</v>
      </c>
      <c r="I9963" s="7">
        <v>5.3078042999999999</v>
      </c>
      <c r="J9963" s="8">
        <v>-73.816911200000007</v>
      </c>
    </row>
    <row r="9964" spans="1:10" x14ac:dyDescent="0.35">
      <c r="A9964" s="5" t="s">
        <v>10</v>
      </c>
      <c r="B9964" s="6">
        <v>244700</v>
      </c>
      <c r="C9964" s="6" t="s">
        <v>28</v>
      </c>
      <c r="D9964" s="6" t="s">
        <v>29</v>
      </c>
      <c r="E9964" s="6">
        <v>54001</v>
      </c>
      <c r="F9964" s="6" t="s">
        <v>18</v>
      </c>
      <c r="G9964" s="6" t="s">
        <v>19356</v>
      </c>
      <c r="H9964" s="6" t="s">
        <v>19357</v>
      </c>
      <c r="I9964" s="7">
        <v>7.9296895999999997</v>
      </c>
      <c r="J9964" s="8">
        <v>-72.499961600000006</v>
      </c>
    </row>
    <row r="9965" spans="1:10" x14ac:dyDescent="0.35">
      <c r="A9965" s="5" t="s">
        <v>10</v>
      </c>
      <c r="B9965" s="6">
        <v>184120</v>
      </c>
      <c r="C9965" s="6" t="s">
        <v>68</v>
      </c>
      <c r="D9965" s="6" t="s">
        <v>69</v>
      </c>
      <c r="E9965" s="6">
        <v>11001</v>
      </c>
      <c r="F9965" s="6" t="s">
        <v>18</v>
      </c>
      <c r="G9965" s="6" t="s">
        <v>17705</v>
      </c>
      <c r="H9965" s="6" t="s">
        <v>17706</v>
      </c>
      <c r="I9965" s="7">
        <v>4.6856081999999999</v>
      </c>
      <c r="J9965" s="8">
        <v>-74.052892999999997</v>
      </c>
    </row>
    <row r="9966" spans="1:10" x14ac:dyDescent="0.35">
      <c r="A9966" s="5" t="s">
        <v>10</v>
      </c>
      <c r="B9966" s="6">
        <v>211355</v>
      </c>
      <c r="C9966" s="6" t="s">
        <v>16</v>
      </c>
      <c r="D9966" s="6" t="s">
        <v>78</v>
      </c>
      <c r="E9966" s="6">
        <v>68001</v>
      </c>
      <c r="F9966" s="6" t="s">
        <v>2161</v>
      </c>
      <c r="G9966" s="6" t="s">
        <v>19358</v>
      </c>
      <c r="H9966" s="6" t="s">
        <v>19359</v>
      </c>
      <c r="I9966" s="7">
        <v>7.1193489999999997</v>
      </c>
      <c r="J9966" s="8">
        <v>-73.122741599999998</v>
      </c>
    </row>
    <row r="9967" spans="1:10" x14ac:dyDescent="0.35">
      <c r="A9967" s="5" t="s">
        <v>10</v>
      </c>
      <c r="B9967" s="6">
        <v>212955</v>
      </c>
      <c r="C9967" s="6" t="s">
        <v>294</v>
      </c>
      <c r="D9967" s="6" t="s">
        <v>703</v>
      </c>
      <c r="E9967" s="6">
        <v>41001</v>
      </c>
      <c r="F9967" s="6" t="s">
        <v>2161</v>
      </c>
      <c r="G9967" s="6" t="s">
        <v>19360</v>
      </c>
      <c r="H9967" s="6" t="s">
        <v>19361</v>
      </c>
      <c r="I9967" s="7">
        <v>2.9277641000000001</v>
      </c>
      <c r="J9967" s="8">
        <v>-75.290421799999905</v>
      </c>
    </row>
    <row r="9968" spans="1:10" x14ac:dyDescent="0.35">
      <c r="A9968" s="5" t="s">
        <v>10</v>
      </c>
      <c r="B9968" s="6">
        <v>225689</v>
      </c>
      <c r="C9968" s="6" t="s">
        <v>302</v>
      </c>
      <c r="D9968" s="6" t="s">
        <v>10762</v>
      </c>
      <c r="E9968" s="6">
        <v>8520</v>
      </c>
      <c r="F9968" s="6" t="s">
        <v>2161</v>
      </c>
      <c r="G9968" s="6" t="s">
        <v>19362</v>
      </c>
      <c r="H9968" s="6" t="s">
        <v>19363</v>
      </c>
      <c r="I9968" s="7">
        <v>10.74044</v>
      </c>
      <c r="J9968" s="8">
        <v>-74.755271999999906</v>
      </c>
    </row>
    <row r="9969" spans="1:10" x14ac:dyDescent="0.35">
      <c r="A9969" s="5" t="s">
        <v>10</v>
      </c>
      <c r="B9969" s="6">
        <v>218544</v>
      </c>
      <c r="C9969" s="6" t="s">
        <v>11</v>
      </c>
      <c r="D9969" s="6" t="s">
        <v>1547</v>
      </c>
      <c r="E9969" s="6">
        <v>25817</v>
      </c>
      <c r="F9969" s="6" t="s">
        <v>2161</v>
      </c>
      <c r="G9969" s="6" t="s">
        <v>19364</v>
      </c>
      <c r="H9969" s="6" t="s">
        <v>19365</v>
      </c>
      <c r="I9969" s="7">
        <v>4.9659372999999896</v>
      </c>
      <c r="J9969" s="8">
        <v>-73.913059899999993</v>
      </c>
    </row>
    <row r="9970" spans="1:10" x14ac:dyDescent="0.35">
      <c r="A9970" s="5" t="s">
        <v>10</v>
      </c>
      <c r="B9970" s="6">
        <v>173771</v>
      </c>
      <c r="C9970" s="6" t="s">
        <v>16</v>
      </c>
      <c r="D9970" s="6" t="s">
        <v>1401</v>
      </c>
      <c r="E9970" s="6">
        <v>68307</v>
      </c>
      <c r="F9970" s="6" t="s">
        <v>13</v>
      </c>
      <c r="G9970" s="6" t="s">
        <v>1087</v>
      </c>
      <c r="H9970" s="6" t="s">
        <v>2238</v>
      </c>
      <c r="I9970" s="7">
        <v>7.0616300000000001</v>
      </c>
      <c r="J9970" s="8">
        <v>-73.171869200000003</v>
      </c>
    </row>
    <row r="9971" spans="1:10" x14ac:dyDescent="0.35">
      <c r="A9971" s="5" t="s">
        <v>10</v>
      </c>
      <c r="B9971" s="6">
        <v>222075</v>
      </c>
      <c r="C9971" s="6" t="s">
        <v>278</v>
      </c>
      <c r="D9971" s="6" t="s">
        <v>1331</v>
      </c>
      <c r="E9971" s="6">
        <v>50006</v>
      </c>
      <c r="F9971" s="6" t="s">
        <v>13</v>
      </c>
      <c r="G9971" s="6" t="s">
        <v>18791</v>
      </c>
      <c r="H9971" s="6" t="s">
        <v>18792</v>
      </c>
      <c r="I9971" s="7">
        <v>3.9869468000000001</v>
      </c>
      <c r="J9971" s="8">
        <v>-73.763960999999995</v>
      </c>
    </row>
    <row r="9972" spans="1:10" x14ac:dyDescent="0.35">
      <c r="A9972" s="5" t="s">
        <v>10</v>
      </c>
      <c r="B9972" s="6">
        <v>225342</v>
      </c>
      <c r="C9972" s="6" t="s">
        <v>42</v>
      </c>
      <c r="D9972" s="6" t="s">
        <v>43</v>
      </c>
      <c r="E9972" s="6">
        <v>17001</v>
      </c>
      <c r="F9972" s="6" t="s">
        <v>13</v>
      </c>
      <c r="G9972" s="6" t="s">
        <v>19366</v>
      </c>
      <c r="H9972" s="6" t="s">
        <v>19367</v>
      </c>
      <c r="I9972" s="7">
        <v>5.0691280000000001</v>
      </c>
      <c r="J9972" s="8">
        <v>-75.511937700000004</v>
      </c>
    </row>
    <row r="9973" spans="1:10" x14ac:dyDescent="0.35">
      <c r="A9973" s="5" t="s">
        <v>10</v>
      </c>
      <c r="B9973" s="6">
        <v>184814</v>
      </c>
      <c r="C9973" s="6" t="s">
        <v>4364</v>
      </c>
      <c r="D9973" s="6" t="s">
        <v>4365</v>
      </c>
      <c r="E9973" s="6">
        <v>70001</v>
      </c>
      <c r="F9973" s="6" t="s">
        <v>13</v>
      </c>
      <c r="G9973" s="6" t="s">
        <v>160</v>
      </c>
      <c r="H9973" s="6" t="s">
        <v>18988</v>
      </c>
      <c r="I9973" s="7">
        <v>9.3008717000000001</v>
      </c>
      <c r="J9973" s="8">
        <v>-75.3969247</v>
      </c>
    </row>
    <row r="9974" spans="1:10" x14ac:dyDescent="0.35">
      <c r="A9974" s="5" t="s">
        <v>10</v>
      </c>
      <c r="B9974" s="6">
        <v>209592</v>
      </c>
      <c r="C9974" s="6" t="s">
        <v>28</v>
      </c>
      <c r="D9974" s="6" t="s">
        <v>29</v>
      </c>
      <c r="E9974" s="6">
        <v>54001</v>
      </c>
      <c r="F9974" s="6" t="s">
        <v>13</v>
      </c>
      <c r="G9974" s="6" t="s">
        <v>19368</v>
      </c>
      <c r="H9974" s="6" t="s">
        <v>19369</v>
      </c>
      <c r="I9974" s="7">
        <v>7.8764158000000002</v>
      </c>
      <c r="J9974" s="8">
        <v>-72.526465599999995</v>
      </c>
    </row>
    <row r="9975" spans="1:10" x14ac:dyDescent="0.35">
      <c r="A9975" s="5" t="s">
        <v>10</v>
      </c>
      <c r="B9975" s="6">
        <v>72362</v>
      </c>
      <c r="C9975" s="6" t="s">
        <v>16</v>
      </c>
      <c r="D9975" s="6" t="s">
        <v>3466</v>
      </c>
      <c r="E9975" s="6">
        <v>68572</v>
      </c>
      <c r="F9975" s="6" t="s">
        <v>18</v>
      </c>
      <c r="G9975" s="6" t="s">
        <v>3467</v>
      </c>
      <c r="H9975" s="6" t="s">
        <v>3468</v>
      </c>
      <c r="I9975" s="7">
        <v>5.8777505000000003</v>
      </c>
      <c r="J9975" s="8">
        <v>-73.679199999999994</v>
      </c>
    </row>
    <row r="9976" spans="1:10" x14ac:dyDescent="0.35">
      <c r="A9976" s="5" t="s">
        <v>10</v>
      </c>
      <c r="B9976" s="6">
        <v>211353</v>
      </c>
      <c r="C9976" s="6" t="s">
        <v>11</v>
      </c>
      <c r="D9976" s="6" t="s">
        <v>407</v>
      </c>
      <c r="E9976" s="6">
        <v>25126</v>
      </c>
      <c r="F9976" s="6" t="s">
        <v>2161</v>
      </c>
      <c r="G9976" s="6" t="s">
        <v>19370</v>
      </c>
      <c r="H9976" s="6" t="s">
        <v>19371</v>
      </c>
      <c r="I9976" s="7">
        <v>4.9197962000000004</v>
      </c>
      <c r="J9976" s="8">
        <v>-74.019603699999905</v>
      </c>
    </row>
    <row r="9977" spans="1:10" x14ac:dyDescent="0.35">
      <c r="A9977" s="5" t="s">
        <v>10</v>
      </c>
      <c r="B9977" s="6">
        <v>229255</v>
      </c>
      <c r="C9977" s="6" t="s">
        <v>294</v>
      </c>
      <c r="D9977" s="6" t="s">
        <v>447</v>
      </c>
      <c r="E9977" s="6">
        <v>41551</v>
      </c>
      <c r="F9977" s="6" t="s">
        <v>2161</v>
      </c>
      <c r="G9977" s="6" t="s">
        <v>19372</v>
      </c>
      <c r="H9977" s="6" t="s">
        <v>19373</v>
      </c>
      <c r="I9977" s="7">
        <v>1.8968052</v>
      </c>
      <c r="J9977" s="8">
        <v>-76.222419799999997</v>
      </c>
    </row>
    <row r="9978" spans="1:10" x14ac:dyDescent="0.35">
      <c r="A9978" s="5" t="s">
        <v>10</v>
      </c>
      <c r="B9978" s="6">
        <v>233672</v>
      </c>
      <c r="C9978" s="6" t="s">
        <v>16</v>
      </c>
      <c r="D9978" s="6" t="s">
        <v>1266</v>
      </c>
      <c r="E9978" s="6">
        <v>68081</v>
      </c>
      <c r="F9978" s="6" t="s">
        <v>2161</v>
      </c>
      <c r="G9978" s="6" t="s">
        <v>19374</v>
      </c>
      <c r="H9978" s="6" t="s">
        <v>19375</v>
      </c>
      <c r="I9978" s="7">
        <v>7.0643500000000001</v>
      </c>
      <c r="J9978" s="8">
        <v>-73.831710000000001</v>
      </c>
    </row>
    <row r="9979" spans="1:10" x14ac:dyDescent="0.35">
      <c r="A9979" s="5" t="s">
        <v>10</v>
      </c>
      <c r="B9979" s="6">
        <v>211008</v>
      </c>
      <c r="C9979" s="6" t="s">
        <v>551</v>
      </c>
      <c r="D9979" s="6" t="s">
        <v>3868</v>
      </c>
      <c r="E9979" s="6">
        <v>20001</v>
      </c>
      <c r="F9979" s="6" t="s">
        <v>2161</v>
      </c>
      <c r="G9979" s="6" t="s">
        <v>19376</v>
      </c>
      <c r="H9979" s="6" t="s">
        <v>19377</v>
      </c>
      <c r="I9979" s="7">
        <v>10.454781000000001</v>
      </c>
      <c r="J9979" s="8">
        <v>-73.258091999999905</v>
      </c>
    </row>
    <row r="9980" spans="1:10" x14ac:dyDescent="0.35">
      <c r="A9980" s="5" t="s">
        <v>10</v>
      </c>
      <c r="B9980" s="6">
        <v>228220</v>
      </c>
      <c r="C9980" s="6" t="s">
        <v>16</v>
      </c>
      <c r="D9980" s="6" t="s">
        <v>510</v>
      </c>
      <c r="E9980" s="6">
        <v>68547</v>
      </c>
      <c r="F9980" s="6" t="s">
        <v>2161</v>
      </c>
      <c r="G9980" s="6" t="s">
        <v>15318</v>
      </c>
      <c r="H9980" s="6" t="s">
        <v>19378</v>
      </c>
      <c r="I9980" s="7">
        <v>6.9915390000000004</v>
      </c>
      <c r="J9980" s="8">
        <v>-73.053997999999893</v>
      </c>
    </row>
    <row r="9981" spans="1:10" x14ac:dyDescent="0.35">
      <c r="A9981" s="5" t="s">
        <v>10</v>
      </c>
      <c r="B9981" s="6">
        <v>221163</v>
      </c>
      <c r="C9981" s="6" t="s">
        <v>3788</v>
      </c>
      <c r="D9981" s="6" t="s">
        <v>3974</v>
      </c>
      <c r="E9981" s="6">
        <v>18001</v>
      </c>
      <c r="F9981" s="6" t="s">
        <v>2161</v>
      </c>
      <c r="G9981" s="6" t="s">
        <v>19379</v>
      </c>
      <c r="H9981" s="6" t="s">
        <v>19380</v>
      </c>
      <c r="I9981" s="7">
        <v>1.6373981</v>
      </c>
      <c r="J9981" s="8">
        <v>-75.617068000000003</v>
      </c>
    </row>
    <row r="9982" spans="1:10" x14ac:dyDescent="0.35">
      <c r="A9982" s="5" t="s">
        <v>10</v>
      </c>
      <c r="B9982" s="6">
        <v>221518</v>
      </c>
      <c r="C9982" s="6" t="s">
        <v>11</v>
      </c>
      <c r="D9982" s="6" t="s">
        <v>513</v>
      </c>
      <c r="E9982" s="6">
        <v>25286</v>
      </c>
      <c r="F9982" s="6" t="s">
        <v>2161</v>
      </c>
      <c r="G9982" s="6" t="s">
        <v>9785</v>
      </c>
      <c r="H9982" s="6" t="s">
        <v>19381</v>
      </c>
      <c r="I9982" s="7">
        <v>4.7160291999999897</v>
      </c>
      <c r="J9982" s="8">
        <v>-74.204019299999999</v>
      </c>
    </row>
    <row r="9983" spans="1:10" x14ac:dyDescent="0.35">
      <c r="A9983" s="5" t="s">
        <v>10</v>
      </c>
      <c r="B9983" s="6">
        <v>238777</v>
      </c>
      <c r="C9983" s="6" t="s">
        <v>11</v>
      </c>
      <c r="D9983" s="6" t="s">
        <v>3852</v>
      </c>
      <c r="E9983" s="6">
        <v>25486</v>
      </c>
      <c r="F9983" s="6" t="s">
        <v>2161</v>
      </c>
      <c r="G9983" s="6" t="s">
        <v>4562</v>
      </c>
      <c r="H9983" s="6" t="s">
        <v>19382</v>
      </c>
      <c r="I9983" s="7">
        <v>4.5640685999999997</v>
      </c>
      <c r="J9983" s="8">
        <v>-74.230785299999994</v>
      </c>
    </row>
    <row r="9984" spans="1:10" x14ac:dyDescent="0.35">
      <c r="A9984" s="5" t="s">
        <v>10</v>
      </c>
      <c r="B9984" s="6">
        <v>172853</v>
      </c>
      <c r="C9984" s="6" t="s">
        <v>68</v>
      </c>
      <c r="D9984" s="6" t="s">
        <v>69</v>
      </c>
      <c r="E9984" s="6">
        <v>11001</v>
      </c>
      <c r="F9984" s="6" t="s">
        <v>13</v>
      </c>
      <c r="G9984" s="6" t="s">
        <v>19383</v>
      </c>
      <c r="H9984" s="6" t="s">
        <v>19384</v>
      </c>
      <c r="I9984" s="7">
        <v>4.7505689000000002</v>
      </c>
      <c r="J9984" s="8">
        <v>-74.095310999999995</v>
      </c>
    </row>
    <row r="9985" spans="1:10" x14ac:dyDescent="0.35">
      <c r="A9985" s="5" t="s">
        <v>10</v>
      </c>
      <c r="B9985" s="6">
        <v>141705</v>
      </c>
      <c r="C9985" s="6" t="s">
        <v>11</v>
      </c>
      <c r="D9985" s="6" t="s">
        <v>3724</v>
      </c>
      <c r="E9985" s="6">
        <v>25513</v>
      </c>
      <c r="F9985" s="6" t="s">
        <v>13</v>
      </c>
      <c r="G9985" s="6" t="s">
        <v>18052</v>
      </c>
      <c r="H9985" s="6" t="s">
        <v>18053</v>
      </c>
      <c r="I9985" s="7">
        <v>5.1310754000000003</v>
      </c>
      <c r="J9985" s="8">
        <v>-74.158351699999997</v>
      </c>
    </row>
    <row r="9986" spans="1:10" x14ac:dyDescent="0.35">
      <c r="A9986" s="5" t="s">
        <v>10</v>
      </c>
      <c r="B9986" s="6">
        <v>158369</v>
      </c>
      <c r="C9986" s="6" t="s">
        <v>94</v>
      </c>
      <c r="D9986" s="6" t="s">
        <v>98</v>
      </c>
      <c r="E9986" s="6">
        <v>66001</v>
      </c>
      <c r="F9986" s="6" t="s">
        <v>13</v>
      </c>
      <c r="G9986" s="6" t="s">
        <v>306</v>
      </c>
      <c r="H9986" s="6" t="s">
        <v>307</v>
      </c>
      <c r="I9986" s="7">
        <v>4.8058074</v>
      </c>
      <c r="J9986" s="8">
        <v>-75.694122800000002</v>
      </c>
    </row>
    <row r="9987" spans="1:10" x14ac:dyDescent="0.35">
      <c r="A9987" s="5" t="s">
        <v>10</v>
      </c>
      <c r="B9987" s="6">
        <v>225303</v>
      </c>
      <c r="C9987" s="6" t="s">
        <v>16</v>
      </c>
      <c r="D9987" s="6" t="s">
        <v>78</v>
      </c>
      <c r="E9987" s="6">
        <v>68001</v>
      </c>
      <c r="F9987" s="6" t="s">
        <v>13</v>
      </c>
      <c r="G9987" s="6" t="s">
        <v>19385</v>
      </c>
      <c r="H9987" s="6" t="s">
        <v>19386</v>
      </c>
      <c r="I9987" s="7">
        <v>7.1251929000000001</v>
      </c>
      <c r="J9987" s="8">
        <v>-73.123380299999994</v>
      </c>
    </row>
    <row r="9988" spans="1:10" x14ac:dyDescent="0.35">
      <c r="A9988" s="5" t="s">
        <v>10</v>
      </c>
      <c r="B9988" s="6">
        <v>183134</v>
      </c>
      <c r="C9988" s="6" t="s">
        <v>55</v>
      </c>
      <c r="D9988" s="6" t="s">
        <v>56</v>
      </c>
      <c r="E9988" s="6">
        <v>73001</v>
      </c>
      <c r="F9988" s="6" t="s">
        <v>18</v>
      </c>
      <c r="G9988" s="6" t="s">
        <v>19387</v>
      </c>
      <c r="H9988" s="6" t="s">
        <v>19388</v>
      </c>
      <c r="I9988" s="7">
        <v>4.4539920999999998</v>
      </c>
      <c r="J9988" s="8">
        <v>-75.167560199999997</v>
      </c>
    </row>
    <row r="9989" spans="1:10" x14ac:dyDescent="0.35">
      <c r="A9989" s="5" t="s">
        <v>10</v>
      </c>
      <c r="B9989" s="6">
        <v>195940</v>
      </c>
      <c r="C9989" s="6" t="s">
        <v>28</v>
      </c>
      <c r="D9989" s="6" t="s">
        <v>29</v>
      </c>
      <c r="E9989" s="6">
        <v>54001</v>
      </c>
      <c r="F9989" s="6" t="s">
        <v>18</v>
      </c>
      <c r="G9989" s="6" t="s">
        <v>19389</v>
      </c>
      <c r="H9989" s="6" t="s">
        <v>19390</v>
      </c>
      <c r="I9989" s="7">
        <v>7.8879700000000001</v>
      </c>
      <c r="J9989" s="8">
        <v>-72.505479999999906</v>
      </c>
    </row>
    <row r="9990" spans="1:10" x14ac:dyDescent="0.35">
      <c r="A9990" s="5" t="s">
        <v>10</v>
      </c>
      <c r="B9990" s="6">
        <v>233148</v>
      </c>
      <c r="C9990" s="6" t="s">
        <v>94</v>
      </c>
      <c r="D9990" s="6" t="s">
        <v>248</v>
      </c>
      <c r="E9990" s="6">
        <v>66594</v>
      </c>
      <c r="F9990" s="6" t="s">
        <v>18</v>
      </c>
      <c r="G9990" s="6" t="s">
        <v>19391</v>
      </c>
      <c r="H9990" s="6" t="s">
        <v>19392</v>
      </c>
      <c r="I9990" s="7">
        <v>5.3114600000000003</v>
      </c>
      <c r="J9990" s="8">
        <v>-75.694550000000007</v>
      </c>
    </row>
    <row r="9991" spans="1:10" x14ac:dyDescent="0.35">
      <c r="A9991" s="5" t="s">
        <v>10</v>
      </c>
      <c r="B9991" s="6">
        <v>232842</v>
      </c>
      <c r="C9991" s="6" t="s">
        <v>55</v>
      </c>
      <c r="D9991" s="6" t="s">
        <v>56</v>
      </c>
      <c r="E9991" s="6">
        <v>73001</v>
      </c>
      <c r="F9991" s="6" t="s">
        <v>18</v>
      </c>
      <c r="G9991" s="6" t="s">
        <v>19393</v>
      </c>
      <c r="H9991" s="6" t="s">
        <v>19394</v>
      </c>
      <c r="I9991" s="7">
        <v>4.44428</v>
      </c>
      <c r="J9991" s="8">
        <v>-75.219909999999999</v>
      </c>
    </row>
    <row r="9992" spans="1:10" x14ac:dyDescent="0.35">
      <c r="A9992" s="5" t="s">
        <v>10</v>
      </c>
      <c r="B9992" s="6">
        <v>215441</v>
      </c>
      <c r="C9992" s="6" t="s">
        <v>11</v>
      </c>
      <c r="D9992" s="6" t="s">
        <v>901</v>
      </c>
      <c r="E9992" s="6">
        <v>25307</v>
      </c>
      <c r="F9992" s="6" t="s">
        <v>2161</v>
      </c>
      <c r="G9992" s="6" t="s">
        <v>19395</v>
      </c>
      <c r="H9992" s="6" t="s">
        <v>19396</v>
      </c>
      <c r="I9992" s="7">
        <v>4.2948097999999897</v>
      </c>
      <c r="J9992" s="8">
        <v>-74.822508900000003</v>
      </c>
    </row>
    <row r="9993" spans="1:10" x14ac:dyDescent="0.35">
      <c r="A9993" s="5" t="s">
        <v>10</v>
      </c>
      <c r="B9993" s="6">
        <v>231179</v>
      </c>
      <c r="C9993" s="6" t="s">
        <v>551</v>
      </c>
      <c r="D9993" s="6" t="s">
        <v>4274</v>
      </c>
      <c r="E9993" s="6">
        <v>20383</v>
      </c>
      <c r="F9993" s="6" t="s">
        <v>2161</v>
      </c>
      <c r="G9993" s="6" t="s">
        <v>19397</v>
      </c>
      <c r="H9993" s="6" t="s">
        <v>19398</v>
      </c>
      <c r="I9993" s="7">
        <v>8.6180138999999993</v>
      </c>
      <c r="J9993" s="8">
        <v>-73.802277199999907</v>
      </c>
    </row>
    <row r="9994" spans="1:10" x14ac:dyDescent="0.35">
      <c r="A9994" s="5" t="s">
        <v>10</v>
      </c>
      <c r="B9994" s="6">
        <v>222075</v>
      </c>
      <c r="C9994" s="6" t="s">
        <v>278</v>
      </c>
      <c r="D9994" s="6" t="s">
        <v>1331</v>
      </c>
      <c r="E9994" s="6">
        <v>50006</v>
      </c>
      <c r="F9994" s="6" t="s">
        <v>13</v>
      </c>
      <c r="G9994" s="6" t="s">
        <v>18791</v>
      </c>
      <c r="H9994" s="6" t="s">
        <v>18792</v>
      </c>
      <c r="I9994" s="7">
        <v>3.9869468000000001</v>
      </c>
      <c r="J9994" s="8">
        <v>-73.763960999999995</v>
      </c>
    </row>
    <row r="9995" spans="1:10" x14ac:dyDescent="0.35">
      <c r="A9995" s="5" t="s">
        <v>10</v>
      </c>
      <c r="B9995" s="6">
        <v>205824</v>
      </c>
      <c r="C9995" s="6" t="s">
        <v>55</v>
      </c>
      <c r="D9995" s="6" t="s">
        <v>56</v>
      </c>
      <c r="E9995" s="6">
        <v>73001</v>
      </c>
      <c r="F9995" s="6" t="s">
        <v>18</v>
      </c>
      <c r="G9995" s="6" t="s">
        <v>19399</v>
      </c>
      <c r="H9995" s="6" t="s">
        <v>19400</v>
      </c>
      <c r="I9995" s="7">
        <v>4.4380763999999999</v>
      </c>
      <c r="J9995" s="8">
        <v>-75.192025599999994</v>
      </c>
    </row>
    <row r="9996" spans="1:10" x14ac:dyDescent="0.35">
      <c r="A9996" s="5" t="s">
        <v>10</v>
      </c>
      <c r="B9996" s="6">
        <v>140203</v>
      </c>
      <c r="C9996" s="6" t="s">
        <v>28</v>
      </c>
      <c r="D9996" s="6" t="s">
        <v>29</v>
      </c>
      <c r="E9996" s="6">
        <v>54001</v>
      </c>
      <c r="F9996" s="6" t="s">
        <v>18</v>
      </c>
      <c r="G9996" s="6" t="s">
        <v>19401</v>
      </c>
      <c r="H9996" s="6" t="s">
        <v>1076</v>
      </c>
      <c r="I9996" s="7">
        <v>7.8970244000000003</v>
      </c>
      <c r="J9996" s="8">
        <v>-72.530524700000001</v>
      </c>
    </row>
    <row r="9997" spans="1:10" x14ac:dyDescent="0.35">
      <c r="A9997" s="5" t="s">
        <v>10</v>
      </c>
      <c r="B9997" s="6">
        <v>221133</v>
      </c>
      <c r="C9997" s="6" t="s">
        <v>16</v>
      </c>
      <c r="D9997" s="6" t="s">
        <v>78</v>
      </c>
      <c r="E9997" s="6">
        <v>68001</v>
      </c>
      <c r="F9997" s="6" t="s">
        <v>2161</v>
      </c>
      <c r="G9997" s="6" t="s">
        <v>19402</v>
      </c>
      <c r="H9997" s="6" t="s">
        <v>19403</v>
      </c>
      <c r="I9997" s="7">
        <v>7.1168578</v>
      </c>
      <c r="J9997" s="8">
        <v>-73.131761799999893</v>
      </c>
    </row>
    <row r="9998" spans="1:10" x14ac:dyDescent="0.35">
      <c r="A9998" s="5" t="s">
        <v>10</v>
      </c>
      <c r="B9998" s="6">
        <v>231922</v>
      </c>
      <c r="C9998" s="6" t="s">
        <v>11</v>
      </c>
      <c r="D9998" s="6" t="s">
        <v>12</v>
      </c>
      <c r="E9998" s="6">
        <v>25899</v>
      </c>
      <c r="F9998" s="6" t="s">
        <v>2161</v>
      </c>
      <c r="G9998" s="6" t="s">
        <v>19404</v>
      </c>
      <c r="H9998" s="6" t="s">
        <v>19405</v>
      </c>
      <c r="I9998" s="7">
        <v>5.0347641000000003</v>
      </c>
      <c r="J9998" s="8">
        <v>-73.993005100000005</v>
      </c>
    </row>
    <row r="9999" spans="1:10" x14ac:dyDescent="0.35">
      <c r="A9999" s="5" t="s">
        <v>10</v>
      </c>
      <c r="B9999" s="6">
        <v>225686</v>
      </c>
      <c r="C9999" s="6" t="s">
        <v>11</v>
      </c>
      <c r="D9999" s="6" t="s">
        <v>159</v>
      </c>
      <c r="E9999" s="6">
        <v>25175</v>
      </c>
      <c r="F9999" s="6" t="s">
        <v>2161</v>
      </c>
      <c r="G9999" s="6" t="s">
        <v>19406</v>
      </c>
      <c r="H9999" s="6" t="s">
        <v>19407</v>
      </c>
      <c r="I9999" s="7">
        <v>4.8620139</v>
      </c>
      <c r="J9999" s="8">
        <v>-74.058295399999906</v>
      </c>
    </row>
    <row r="10000" spans="1:10" x14ac:dyDescent="0.35">
      <c r="A10000" s="5" t="s">
        <v>10</v>
      </c>
      <c r="B10000" s="6">
        <v>223061</v>
      </c>
      <c r="C10000" s="6" t="s">
        <v>24</v>
      </c>
      <c r="D10000" s="6" t="s">
        <v>168</v>
      </c>
      <c r="E10000" s="6">
        <v>15572</v>
      </c>
      <c r="F10000" s="6" t="s">
        <v>2161</v>
      </c>
      <c r="G10000" s="6" t="s">
        <v>19408</v>
      </c>
      <c r="H10000" s="6" t="s">
        <v>19409</v>
      </c>
      <c r="I10000" s="7">
        <v>5.9756766999999904</v>
      </c>
      <c r="J10000" s="8">
        <v>-74.5922391</v>
      </c>
    </row>
    <row r="10001" spans="1:10" x14ac:dyDescent="0.35">
      <c r="A10001" s="5" t="s">
        <v>10</v>
      </c>
      <c r="B10001" s="6">
        <v>141686</v>
      </c>
      <c r="C10001" s="6" t="s">
        <v>11</v>
      </c>
      <c r="D10001" s="6" t="s">
        <v>106</v>
      </c>
      <c r="E10001" s="6">
        <v>25843</v>
      </c>
      <c r="F10001" s="6" t="s">
        <v>13</v>
      </c>
      <c r="G10001" s="6" t="s">
        <v>1127</v>
      </c>
      <c r="H10001" s="6" t="s">
        <v>1128</v>
      </c>
      <c r="I10001" s="7">
        <v>5.3078042999999999</v>
      </c>
      <c r="J10001" s="8">
        <v>-73.816911200000007</v>
      </c>
    </row>
    <row r="10002" spans="1:10" x14ac:dyDescent="0.35">
      <c r="A10002" s="5" t="s">
        <v>10</v>
      </c>
      <c r="B10002" s="6">
        <v>189674</v>
      </c>
      <c r="C10002" s="6" t="s">
        <v>24</v>
      </c>
      <c r="D10002" s="6" t="s">
        <v>137</v>
      </c>
      <c r="E10002" s="6">
        <v>15238</v>
      </c>
      <c r="F10002" s="6" t="s">
        <v>13</v>
      </c>
      <c r="G10002" s="6" t="s">
        <v>2106</v>
      </c>
      <c r="H10002" s="6" t="s">
        <v>2107</v>
      </c>
      <c r="I10002" s="7">
        <v>5.8271258000000001</v>
      </c>
      <c r="J10002" s="8">
        <v>-73.035925700000007</v>
      </c>
    </row>
    <row r="10003" spans="1:10" x14ac:dyDescent="0.35">
      <c r="A10003" s="5" t="s">
        <v>10</v>
      </c>
      <c r="B10003" s="6">
        <v>169605</v>
      </c>
      <c r="C10003" s="6" t="s">
        <v>16</v>
      </c>
      <c r="D10003" s="6" t="s">
        <v>546</v>
      </c>
      <c r="E10003" s="6">
        <v>68464</v>
      </c>
      <c r="F10003" s="6" t="s">
        <v>18</v>
      </c>
      <c r="G10003" s="6" t="s">
        <v>19410</v>
      </c>
      <c r="H10003" s="6" t="s">
        <v>18252</v>
      </c>
      <c r="I10003" s="7">
        <v>6.4754009000000003</v>
      </c>
      <c r="J10003" s="8">
        <v>-72.972282000000007</v>
      </c>
    </row>
    <row r="10004" spans="1:10" x14ac:dyDescent="0.35">
      <c r="A10004" s="5" t="s">
        <v>10</v>
      </c>
      <c r="B10004" s="6">
        <v>233680</v>
      </c>
      <c r="C10004" s="6" t="s">
        <v>28</v>
      </c>
      <c r="D10004" s="6" t="s">
        <v>352</v>
      </c>
      <c r="E10004" s="6">
        <v>54261</v>
      </c>
      <c r="F10004" s="6" t="s">
        <v>18</v>
      </c>
      <c r="G10004" s="6" t="s">
        <v>19411</v>
      </c>
      <c r="H10004" s="6" t="s">
        <v>19412</v>
      </c>
      <c r="I10004" s="7">
        <v>7.9348000000000001</v>
      </c>
      <c r="J10004" s="8">
        <v>-72.60087</v>
      </c>
    </row>
    <row r="10005" spans="1:10" x14ac:dyDescent="0.35">
      <c r="A10005" s="5" t="s">
        <v>10</v>
      </c>
      <c r="B10005" s="6">
        <v>211349</v>
      </c>
      <c r="C10005" s="6" t="s">
        <v>11</v>
      </c>
      <c r="D10005" s="6" t="s">
        <v>12</v>
      </c>
      <c r="E10005" s="6">
        <v>25899</v>
      </c>
      <c r="F10005" s="6" t="s">
        <v>2161</v>
      </c>
      <c r="G10005" s="6" t="s">
        <v>19413</v>
      </c>
      <c r="H10005" s="6" t="s">
        <v>19414</v>
      </c>
      <c r="I10005" s="7">
        <v>5.0311588999999897</v>
      </c>
      <c r="J10005" s="8">
        <v>-73.983584299999904</v>
      </c>
    </row>
    <row r="10006" spans="1:10" x14ac:dyDescent="0.35">
      <c r="A10006" s="5" t="s">
        <v>10</v>
      </c>
      <c r="B10006" s="6">
        <v>221150</v>
      </c>
      <c r="C10006" s="6" t="s">
        <v>68</v>
      </c>
      <c r="D10006" s="6" t="s">
        <v>69</v>
      </c>
      <c r="E10006" s="6">
        <v>11001</v>
      </c>
      <c r="F10006" s="6" t="s">
        <v>2161</v>
      </c>
      <c r="G10006" s="6" t="s">
        <v>19415</v>
      </c>
      <c r="H10006" s="6" t="s">
        <v>19416</v>
      </c>
      <c r="I10006" s="7">
        <v>4.6106413000000002</v>
      </c>
      <c r="J10006" s="8">
        <v>-74.119017999999997</v>
      </c>
    </row>
    <row r="10007" spans="1:10" x14ac:dyDescent="0.35">
      <c r="A10007" s="5" t="s">
        <v>10</v>
      </c>
      <c r="B10007" s="6">
        <v>240327</v>
      </c>
      <c r="C10007" s="6" t="s">
        <v>68</v>
      </c>
      <c r="D10007" s="6" t="s">
        <v>69</v>
      </c>
      <c r="E10007" s="6">
        <v>11001</v>
      </c>
      <c r="F10007" s="6" t="s">
        <v>2161</v>
      </c>
      <c r="G10007" s="6" t="s">
        <v>19417</v>
      </c>
      <c r="H10007" s="6" t="s">
        <v>19418</v>
      </c>
      <c r="I10007" s="7">
        <v>4.7319301999999999</v>
      </c>
      <c r="J10007" s="8">
        <v>-74.046823099999997</v>
      </c>
    </row>
    <row r="10008" spans="1:10" x14ac:dyDescent="0.35">
      <c r="A10008" s="5" t="s">
        <v>10</v>
      </c>
      <c r="B10008" s="6">
        <v>198310</v>
      </c>
      <c r="C10008" s="6" t="s">
        <v>11</v>
      </c>
      <c r="D10008" s="6" t="s">
        <v>334</v>
      </c>
      <c r="E10008" s="6">
        <v>25754</v>
      </c>
      <c r="F10008" s="6" t="s">
        <v>13</v>
      </c>
      <c r="G10008" s="6" t="s">
        <v>160</v>
      </c>
      <c r="H10008" s="6" t="s">
        <v>2238</v>
      </c>
      <c r="I10008" s="7">
        <v>4.5811564000000002</v>
      </c>
      <c r="J10008" s="8">
        <v>-74.212740100000005</v>
      </c>
    </row>
    <row r="10009" spans="1:10" x14ac:dyDescent="0.35">
      <c r="A10009" s="5" t="s">
        <v>10</v>
      </c>
      <c r="B10009" s="6">
        <v>141699</v>
      </c>
      <c r="C10009" s="6" t="s">
        <v>11</v>
      </c>
      <c r="D10009" s="6" t="s">
        <v>1547</v>
      </c>
      <c r="E10009" s="6">
        <v>25817</v>
      </c>
      <c r="F10009" s="6" t="s">
        <v>13</v>
      </c>
      <c r="G10009" s="6" t="s">
        <v>3451</v>
      </c>
      <c r="H10009" s="6" t="s">
        <v>3452</v>
      </c>
      <c r="I10009" s="7">
        <v>4.9650919</v>
      </c>
      <c r="J10009" s="8">
        <v>-73.912004400000001</v>
      </c>
    </row>
    <row r="10010" spans="1:10" x14ac:dyDescent="0.35">
      <c r="A10010" s="5" t="s">
        <v>10</v>
      </c>
      <c r="B10010" s="6">
        <v>141703</v>
      </c>
      <c r="C10010" s="6" t="s">
        <v>11</v>
      </c>
      <c r="D10010" s="6" t="s">
        <v>159</v>
      </c>
      <c r="E10010" s="6">
        <v>25175</v>
      </c>
      <c r="F10010" s="6" t="s">
        <v>13</v>
      </c>
      <c r="G10010" s="6" t="s">
        <v>17711</v>
      </c>
      <c r="H10010" s="6" t="s">
        <v>17712</v>
      </c>
      <c r="I10010" s="7">
        <v>4.8625050999999999</v>
      </c>
      <c r="J10010" s="8">
        <v>-74.059261000000006</v>
      </c>
    </row>
    <row r="10011" spans="1:10" x14ac:dyDescent="0.35">
      <c r="A10011" s="5" t="s">
        <v>10</v>
      </c>
      <c r="B10011" s="6">
        <v>68407</v>
      </c>
      <c r="C10011" s="6" t="s">
        <v>16</v>
      </c>
      <c r="D10011" s="6" t="s">
        <v>17</v>
      </c>
      <c r="E10011" s="6">
        <v>68679</v>
      </c>
      <c r="F10011" s="6" t="s">
        <v>18</v>
      </c>
      <c r="G10011" s="6" t="s">
        <v>2517</v>
      </c>
      <c r="H10011" s="6" t="s">
        <v>2518</v>
      </c>
      <c r="I10011" s="7">
        <v>6.554824</v>
      </c>
      <c r="J10011" s="8">
        <v>-73.134119999999996</v>
      </c>
    </row>
    <row r="10012" spans="1:10" x14ac:dyDescent="0.35">
      <c r="A10012" s="5" t="s">
        <v>10</v>
      </c>
      <c r="B10012" s="6">
        <v>213379</v>
      </c>
      <c r="C10012" s="6" t="s">
        <v>16</v>
      </c>
      <c r="D10012" s="6" t="s">
        <v>17</v>
      </c>
      <c r="E10012" s="6">
        <v>68679</v>
      </c>
      <c r="F10012" s="6" t="s">
        <v>18</v>
      </c>
      <c r="G10012" s="6" t="s">
        <v>19419</v>
      </c>
      <c r="H10012" s="6" t="s">
        <v>19420</v>
      </c>
      <c r="I10012" s="7">
        <v>6.5548032999999997</v>
      </c>
      <c r="J10012" s="8">
        <v>-73.136165700000006</v>
      </c>
    </row>
    <row r="10013" spans="1:10" x14ac:dyDescent="0.35">
      <c r="A10013" s="5" t="s">
        <v>10</v>
      </c>
      <c r="B10013" s="6">
        <v>223343</v>
      </c>
      <c r="C10013" s="6" t="s">
        <v>42</v>
      </c>
      <c r="D10013" s="6" t="s">
        <v>1493</v>
      </c>
      <c r="E10013" s="6">
        <v>17873</v>
      </c>
      <c r="F10013" s="6" t="s">
        <v>18</v>
      </c>
      <c r="G10013" s="6" t="s">
        <v>19421</v>
      </c>
      <c r="H10013" s="6" t="s">
        <v>19422</v>
      </c>
      <c r="I10013" s="7">
        <v>5.04366</v>
      </c>
      <c r="J10013" s="8">
        <v>-75.508891800000001</v>
      </c>
    </row>
    <row r="10014" spans="1:10" x14ac:dyDescent="0.35">
      <c r="A10014" s="5" t="s">
        <v>10</v>
      </c>
      <c r="B10014" s="6">
        <v>226050</v>
      </c>
      <c r="C10014" s="6" t="s">
        <v>11</v>
      </c>
      <c r="D10014" s="6" t="s">
        <v>1547</v>
      </c>
      <c r="E10014" s="6">
        <v>25817</v>
      </c>
      <c r="F10014" s="6" t="s">
        <v>2161</v>
      </c>
      <c r="G10014" s="6" t="s">
        <v>19423</v>
      </c>
      <c r="H10014" s="6" t="s">
        <v>19424</v>
      </c>
      <c r="I10014" s="7">
        <v>4.9627122999999997</v>
      </c>
      <c r="J10014" s="8">
        <v>-73.933597700000007</v>
      </c>
    </row>
    <row r="10015" spans="1:10" x14ac:dyDescent="0.35">
      <c r="A10015" s="5" t="s">
        <v>10</v>
      </c>
      <c r="B10015" s="6">
        <v>224553</v>
      </c>
      <c r="C10015" s="6" t="s">
        <v>68</v>
      </c>
      <c r="D10015" s="6" t="s">
        <v>69</v>
      </c>
      <c r="E10015" s="6">
        <v>11001</v>
      </c>
      <c r="F10015" s="6" t="s">
        <v>2161</v>
      </c>
      <c r="G10015" s="6" t="s">
        <v>7614</v>
      </c>
      <c r="H10015" s="6" t="s">
        <v>19425</v>
      </c>
      <c r="I10015" s="7">
        <v>4.6031509000000002</v>
      </c>
      <c r="J10015" s="8">
        <v>-74.178905900000004</v>
      </c>
    </row>
    <row r="10016" spans="1:10" x14ac:dyDescent="0.35">
      <c r="A10016" s="5" t="s">
        <v>10</v>
      </c>
      <c r="B10016" s="6">
        <v>231923</v>
      </c>
      <c r="C10016" s="6" t="s">
        <v>457</v>
      </c>
      <c r="D10016" s="6" t="s">
        <v>19426</v>
      </c>
      <c r="E10016" s="6">
        <v>52203</v>
      </c>
      <c r="F10016" s="6" t="s">
        <v>2161</v>
      </c>
      <c r="G10016" s="6" t="s">
        <v>19427</v>
      </c>
      <c r="H10016" s="6" t="s">
        <v>19428</v>
      </c>
      <c r="I10016" s="7">
        <v>1.6429020999999999</v>
      </c>
      <c r="J10016" s="8">
        <v>-77.044932700000004</v>
      </c>
    </row>
    <row r="10017" spans="1:10" x14ac:dyDescent="0.35">
      <c r="A10017" s="5" t="s">
        <v>10</v>
      </c>
      <c r="B10017" s="6">
        <v>223786</v>
      </c>
      <c r="C10017" s="6" t="s">
        <v>16</v>
      </c>
      <c r="D10017" s="6" t="s">
        <v>510</v>
      </c>
      <c r="E10017" s="6">
        <v>68547</v>
      </c>
      <c r="F10017" s="6" t="s">
        <v>2161</v>
      </c>
      <c r="G10017" s="6" t="s">
        <v>19429</v>
      </c>
      <c r="H10017" s="6" t="s">
        <v>19430</v>
      </c>
      <c r="I10017" s="7">
        <v>6.1277999999999997</v>
      </c>
      <c r="J10017" s="8">
        <v>-73.375029999999995</v>
      </c>
    </row>
    <row r="10018" spans="1:10" x14ac:dyDescent="0.35">
      <c r="A10018" s="5" t="s">
        <v>10</v>
      </c>
      <c r="B10018" s="6">
        <v>229967</v>
      </c>
      <c r="C10018" s="6" t="s">
        <v>68</v>
      </c>
      <c r="D10018" s="6" t="s">
        <v>69</v>
      </c>
      <c r="E10018" s="6">
        <v>11001</v>
      </c>
      <c r="F10018" s="6" t="s">
        <v>2161</v>
      </c>
      <c r="G10018" s="6" t="s">
        <v>16158</v>
      </c>
      <c r="H10018" s="6" t="s">
        <v>19431</v>
      </c>
      <c r="I10018" s="7">
        <v>4.7140537</v>
      </c>
      <c r="J10018" s="8">
        <v>-74.14152</v>
      </c>
    </row>
    <row r="10019" spans="1:10" x14ac:dyDescent="0.35">
      <c r="A10019" s="5" t="s">
        <v>10</v>
      </c>
      <c r="B10019" s="6">
        <v>131879</v>
      </c>
      <c r="C10019" s="6" t="s">
        <v>28</v>
      </c>
      <c r="D10019" s="6" t="s">
        <v>153</v>
      </c>
      <c r="E10019" s="6">
        <v>54518</v>
      </c>
      <c r="F10019" s="6" t="s">
        <v>13</v>
      </c>
      <c r="G10019" s="6" t="s">
        <v>50</v>
      </c>
      <c r="H10019" s="6" t="s">
        <v>19432</v>
      </c>
      <c r="I10019" s="7">
        <v>7.3754733999999997</v>
      </c>
      <c r="J10019" s="8">
        <v>-72.649037000000007</v>
      </c>
    </row>
    <row r="10020" spans="1:10" x14ac:dyDescent="0.35">
      <c r="A10020" s="5" t="s">
        <v>10</v>
      </c>
      <c r="B10020" s="6">
        <v>183467</v>
      </c>
      <c r="C10020" s="6" t="s">
        <v>28</v>
      </c>
      <c r="D10020" s="6" t="s">
        <v>489</v>
      </c>
      <c r="E10020" s="6">
        <v>54172</v>
      </c>
      <c r="F10020" s="6" t="s">
        <v>18</v>
      </c>
      <c r="G10020" s="6" t="s">
        <v>19433</v>
      </c>
      <c r="H10020" s="6" t="s">
        <v>19434</v>
      </c>
      <c r="I10020" s="7">
        <v>7.8828269999999998</v>
      </c>
      <c r="J10020" s="8">
        <v>-72.483507000000003</v>
      </c>
    </row>
    <row r="10021" spans="1:10" x14ac:dyDescent="0.35">
      <c r="A10021" s="5" t="s">
        <v>10</v>
      </c>
      <c r="B10021" s="6">
        <v>227549</v>
      </c>
      <c r="C10021" s="6" t="s">
        <v>42</v>
      </c>
      <c r="D10021" s="6" t="s">
        <v>1617</v>
      </c>
      <c r="E10021" s="6">
        <v>17524</v>
      </c>
      <c r="F10021" s="6" t="s">
        <v>18</v>
      </c>
      <c r="G10021" s="6" t="s">
        <v>3278</v>
      </c>
      <c r="H10021" s="6" t="s">
        <v>19435</v>
      </c>
      <c r="I10021" s="7">
        <v>5.0201846999999997</v>
      </c>
      <c r="J10021" s="8">
        <v>-75.620171999999997</v>
      </c>
    </row>
    <row r="10022" spans="1:10" x14ac:dyDescent="0.35">
      <c r="A10022" s="5" t="s">
        <v>10</v>
      </c>
      <c r="B10022" s="6">
        <v>221136</v>
      </c>
      <c r="C10022" s="6" t="s">
        <v>94</v>
      </c>
      <c r="D10022" s="6" t="s">
        <v>242</v>
      </c>
      <c r="E10022" s="6">
        <v>66682</v>
      </c>
      <c r="F10022" s="6" t="s">
        <v>2161</v>
      </c>
      <c r="G10022" s="6" t="s">
        <v>6914</v>
      </c>
      <c r="H10022" s="6" t="s">
        <v>19436</v>
      </c>
      <c r="I10022" s="7">
        <v>4.8684053</v>
      </c>
      <c r="J10022" s="8">
        <v>-75.616622100000001</v>
      </c>
    </row>
    <row r="10023" spans="1:10" x14ac:dyDescent="0.35">
      <c r="A10023" s="5" t="s">
        <v>10</v>
      </c>
      <c r="B10023" s="6">
        <v>240320</v>
      </c>
      <c r="C10023" s="6" t="s">
        <v>68</v>
      </c>
      <c r="D10023" s="6" t="s">
        <v>69</v>
      </c>
      <c r="E10023" s="6">
        <v>11001</v>
      </c>
      <c r="F10023" s="6" t="s">
        <v>2161</v>
      </c>
      <c r="G10023" s="6" t="s">
        <v>19437</v>
      </c>
      <c r="H10023" s="6" t="s">
        <v>19438</v>
      </c>
      <c r="I10023" s="7">
        <v>4.5658044999999996</v>
      </c>
      <c r="J10023" s="8">
        <v>-74.090615400000004</v>
      </c>
    </row>
    <row r="10024" spans="1:10" x14ac:dyDescent="0.35">
      <c r="A10024" s="5" t="s">
        <v>10</v>
      </c>
      <c r="B10024" s="6">
        <v>141696</v>
      </c>
      <c r="C10024" s="6" t="s">
        <v>11</v>
      </c>
      <c r="D10024" s="6" t="s">
        <v>251</v>
      </c>
      <c r="E10024" s="6">
        <v>25214</v>
      </c>
      <c r="F10024" s="6" t="s">
        <v>13</v>
      </c>
      <c r="G10024" s="6" t="s">
        <v>17754</v>
      </c>
      <c r="H10024" s="6" t="s">
        <v>17755</v>
      </c>
      <c r="I10024" s="7">
        <v>4.8094359000000004</v>
      </c>
      <c r="J10024" s="8">
        <v>-74.101397700000007</v>
      </c>
    </row>
    <row r="10025" spans="1:10" x14ac:dyDescent="0.35">
      <c r="A10025" s="5" t="s">
        <v>10</v>
      </c>
      <c r="B10025" s="6">
        <v>191491</v>
      </c>
      <c r="C10025" s="6" t="s">
        <v>11</v>
      </c>
      <c r="D10025" s="6" t="s">
        <v>901</v>
      </c>
      <c r="E10025" s="6">
        <v>25307</v>
      </c>
      <c r="F10025" s="6" t="s">
        <v>13</v>
      </c>
      <c r="G10025" s="6" t="s">
        <v>19439</v>
      </c>
      <c r="H10025" s="6" t="s">
        <v>19440</v>
      </c>
      <c r="I10025" s="7">
        <v>4.3074557000000002</v>
      </c>
      <c r="J10025" s="8">
        <v>-74.797553500000006</v>
      </c>
    </row>
    <row r="10026" spans="1:10" x14ac:dyDescent="0.35">
      <c r="A10026" s="5" t="s">
        <v>10</v>
      </c>
      <c r="B10026" s="6">
        <v>233915</v>
      </c>
      <c r="C10026" s="6" t="s">
        <v>117</v>
      </c>
      <c r="D10026" s="6" t="s">
        <v>3492</v>
      </c>
      <c r="E10026" s="6">
        <v>76520</v>
      </c>
      <c r="F10026" s="6" t="s">
        <v>13</v>
      </c>
      <c r="G10026" s="6" t="s">
        <v>19441</v>
      </c>
      <c r="H10026" s="6" t="s">
        <v>19442</v>
      </c>
      <c r="I10026" s="7">
        <v>3.5191699000000001</v>
      </c>
      <c r="J10026" s="8">
        <v>-76.292372700000001</v>
      </c>
    </row>
    <row r="10027" spans="1:10" x14ac:dyDescent="0.35">
      <c r="A10027" s="5" t="s">
        <v>10</v>
      </c>
      <c r="B10027" s="6">
        <v>200461</v>
      </c>
      <c r="C10027" s="6" t="s">
        <v>55</v>
      </c>
      <c r="D10027" s="6" t="s">
        <v>56</v>
      </c>
      <c r="E10027" s="6">
        <v>73001</v>
      </c>
      <c r="F10027" s="6" t="s">
        <v>18</v>
      </c>
      <c r="G10027" s="6" t="s">
        <v>19443</v>
      </c>
      <c r="H10027" s="6" t="s">
        <v>19444</v>
      </c>
      <c r="I10027" s="7">
        <v>4.4342633999999999</v>
      </c>
      <c r="J10027" s="8">
        <v>-75.202034699999999</v>
      </c>
    </row>
    <row r="10028" spans="1:10" x14ac:dyDescent="0.35">
      <c r="A10028" s="5" t="s">
        <v>10</v>
      </c>
      <c r="B10028" s="6">
        <v>218539</v>
      </c>
      <c r="C10028" s="6" t="s">
        <v>294</v>
      </c>
      <c r="D10028" s="6" t="s">
        <v>1107</v>
      </c>
      <c r="E10028" s="6">
        <v>41006</v>
      </c>
      <c r="F10028" s="6" t="s">
        <v>2161</v>
      </c>
      <c r="G10028" s="6" t="s">
        <v>19445</v>
      </c>
      <c r="H10028" s="6" t="s">
        <v>19446</v>
      </c>
      <c r="I10028" s="7">
        <v>2.9412709000000001</v>
      </c>
      <c r="J10028" s="8">
        <v>-75.297869800000001</v>
      </c>
    </row>
    <row r="10029" spans="1:10" x14ac:dyDescent="0.35">
      <c r="A10029" s="5" t="s">
        <v>10</v>
      </c>
      <c r="B10029" s="6">
        <v>228203</v>
      </c>
      <c r="C10029" s="6" t="s">
        <v>68</v>
      </c>
      <c r="D10029" s="6" t="s">
        <v>69</v>
      </c>
      <c r="E10029" s="6">
        <v>11001</v>
      </c>
      <c r="F10029" s="6" t="s">
        <v>2161</v>
      </c>
      <c r="G10029" s="6" t="s">
        <v>19447</v>
      </c>
      <c r="H10029" s="6" t="s">
        <v>19448</v>
      </c>
      <c r="I10029" s="7">
        <v>4.5883398999999896</v>
      </c>
      <c r="J10029" s="8">
        <v>-74.114246399999999</v>
      </c>
    </row>
    <row r="10030" spans="1:10" x14ac:dyDescent="0.35">
      <c r="A10030" s="5" t="s">
        <v>10</v>
      </c>
      <c r="B10030" s="6">
        <v>229240</v>
      </c>
      <c r="C10030" s="6" t="s">
        <v>308</v>
      </c>
      <c r="D10030" s="6" t="s">
        <v>7998</v>
      </c>
      <c r="E10030" s="6">
        <v>23855</v>
      </c>
      <c r="F10030" s="6" t="s">
        <v>2161</v>
      </c>
      <c r="G10030" s="6" t="s">
        <v>19449</v>
      </c>
      <c r="H10030" s="6" t="s">
        <v>19450</v>
      </c>
      <c r="I10030" s="7">
        <v>8.2604930000000003</v>
      </c>
      <c r="J10030" s="8">
        <v>-76.143478500000001</v>
      </c>
    </row>
    <row r="10031" spans="1:10" x14ac:dyDescent="0.35">
      <c r="A10031" s="5" t="s">
        <v>10</v>
      </c>
      <c r="B10031" s="6">
        <v>212159</v>
      </c>
      <c r="C10031" s="6" t="s">
        <v>16</v>
      </c>
      <c r="D10031" s="6" t="s">
        <v>1401</v>
      </c>
      <c r="E10031" s="6">
        <v>68307</v>
      </c>
      <c r="F10031" s="6" t="s">
        <v>2161</v>
      </c>
      <c r="G10031" s="6" t="s">
        <v>19451</v>
      </c>
      <c r="H10031" s="6" t="s">
        <v>19452</v>
      </c>
      <c r="I10031" s="7">
        <v>7.0595586999999904</v>
      </c>
      <c r="J10031" s="8">
        <v>-73.170228399999999</v>
      </c>
    </row>
    <row r="10032" spans="1:10" x14ac:dyDescent="0.35">
      <c r="A10032" s="5" t="s">
        <v>10</v>
      </c>
      <c r="B10032" s="6">
        <v>229978</v>
      </c>
      <c r="C10032" s="6" t="s">
        <v>68</v>
      </c>
      <c r="D10032" s="6" t="s">
        <v>69</v>
      </c>
      <c r="E10032" s="6">
        <v>11001</v>
      </c>
      <c r="F10032" s="6" t="s">
        <v>2161</v>
      </c>
      <c r="G10032" s="6" t="s">
        <v>19453</v>
      </c>
      <c r="H10032" s="6" t="s">
        <v>19454</v>
      </c>
      <c r="I10032" s="7">
        <v>4.7505622000000001</v>
      </c>
      <c r="J10032" s="8">
        <v>-74.118067699999997</v>
      </c>
    </row>
    <row r="10033" spans="1:10" x14ac:dyDescent="0.35">
      <c r="A10033" s="5" t="s">
        <v>10</v>
      </c>
      <c r="B10033" s="6">
        <v>205377</v>
      </c>
      <c r="C10033" s="6" t="s">
        <v>28</v>
      </c>
      <c r="D10033" s="6" t="s">
        <v>29</v>
      </c>
      <c r="E10033" s="6">
        <v>54001</v>
      </c>
      <c r="F10033" s="6" t="s">
        <v>13</v>
      </c>
      <c r="G10033" s="6" t="s">
        <v>19455</v>
      </c>
      <c r="H10033" s="6" t="s">
        <v>19456</v>
      </c>
      <c r="I10033" s="7">
        <v>7.9024956</v>
      </c>
      <c r="J10033" s="8">
        <v>-72.518419300000005</v>
      </c>
    </row>
    <row r="10034" spans="1:10" x14ac:dyDescent="0.35">
      <c r="A10034" s="5" t="s">
        <v>10</v>
      </c>
      <c r="B10034" s="6">
        <v>246285</v>
      </c>
      <c r="C10034" s="6" t="s">
        <v>28</v>
      </c>
      <c r="D10034" s="6" t="s">
        <v>29</v>
      </c>
      <c r="E10034" s="6">
        <v>54001</v>
      </c>
      <c r="F10034" s="6" t="s">
        <v>18</v>
      </c>
      <c r="G10034" s="6" t="s">
        <v>19457</v>
      </c>
      <c r="H10034" s="6" t="s">
        <v>19458</v>
      </c>
      <c r="I10034" s="7">
        <v>7.8981297000000001</v>
      </c>
      <c r="J10034" s="8">
        <v>-72.506501900000004</v>
      </c>
    </row>
    <row r="10035" spans="1:10" x14ac:dyDescent="0.35">
      <c r="A10035" s="5" t="s">
        <v>10</v>
      </c>
      <c r="B10035" s="6">
        <v>184120</v>
      </c>
      <c r="C10035" s="6" t="s">
        <v>68</v>
      </c>
      <c r="D10035" s="6" t="s">
        <v>69</v>
      </c>
      <c r="E10035" s="6">
        <v>11001</v>
      </c>
      <c r="F10035" s="6" t="s">
        <v>18</v>
      </c>
      <c r="G10035" s="6" t="s">
        <v>17705</v>
      </c>
      <c r="H10035" s="6" t="s">
        <v>17706</v>
      </c>
      <c r="I10035" s="7">
        <v>4.6856081999999999</v>
      </c>
      <c r="J10035" s="8">
        <v>-74.052892999999997</v>
      </c>
    </row>
    <row r="10036" spans="1:10" x14ac:dyDescent="0.35">
      <c r="A10036" s="5" t="s">
        <v>10</v>
      </c>
      <c r="B10036" s="6">
        <v>189752</v>
      </c>
      <c r="C10036" s="6" t="s">
        <v>68</v>
      </c>
      <c r="D10036" s="6" t="s">
        <v>69</v>
      </c>
      <c r="E10036" s="6">
        <v>11001</v>
      </c>
      <c r="F10036" s="6" t="s">
        <v>13</v>
      </c>
      <c r="G10036" s="6" t="s">
        <v>19459</v>
      </c>
      <c r="H10036" s="6" t="s">
        <v>19460</v>
      </c>
      <c r="I10036" s="7">
        <v>4.7422578</v>
      </c>
      <c r="J10036" s="8">
        <v>-74.084501599999996</v>
      </c>
    </row>
    <row r="10037" spans="1:10" x14ac:dyDescent="0.35">
      <c r="A10037" s="5" t="s">
        <v>10</v>
      </c>
      <c r="B10037" s="6">
        <v>141696</v>
      </c>
      <c r="C10037" s="6" t="s">
        <v>11</v>
      </c>
      <c r="D10037" s="6" t="s">
        <v>251</v>
      </c>
      <c r="E10037" s="6">
        <v>25214</v>
      </c>
      <c r="F10037" s="6" t="s">
        <v>13</v>
      </c>
      <c r="G10037" s="6" t="s">
        <v>17754</v>
      </c>
      <c r="H10037" s="6" t="s">
        <v>17755</v>
      </c>
      <c r="I10037" s="7">
        <v>4.8094359000000004</v>
      </c>
      <c r="J10037" s="8">
        <v>-74.101397700000007</v>
      </c>
    </row>
    <row r="10038" spans="1:10" x14ac:dyDescent="0.35">
      <c r="A10038" s="5" t="s">
        <v>10</v>
      </c>
      <c r="B10038" s="6">
        <v>73889</v>
      </c>
      <c r="C10038" s="6" t="s">
        <v>16</v>
      </c>
      <c r="D10038" s="6" t="s">
        <v>17</v>
      </c>
      <c r="E10038" s="6">
        <v>68679</v>
      </c>
      <c r="F10038" s="6" t="s">
        <v>18</v>
      </c>
      <c r="G10038" s="6" t="s">
        <v>18980</v>
      </c>
      <c r="H10038" s="6" t="s">
        <v>1374</v>
      </c>
      <c r="I10038" s="7">
        <v>6.554824</v>
      </c>
      <c r="J10038" s="8">
        <v>-73.134119999999996</v>
      </c>
    </row>
    <row r="10039" spans="1:10" x14ac:dyDescent="0.35">
      <c r="A10039" s="5" t="s">
        <v>10</v>
      </c>
      <c r="B10039" s="6">
        <v>243923</v>
      </c>
      <c r="C10039" s="6" t="s">
        <v>28</v>
      </c>
      <c r="D10039" s="6" t="s">
        <v>1454</v>
      </c>
      <c r="E10039" s="6">
        <v>54344</v>
      </c>
      <c r="F10039" s="6" t="s">
        <v>18</v>
      </c>
      <c r="G10039" s="6" t="s">
        <v>19461</v>
      </c>
      <c r="H10039" s="6" t="s">
        <v>19462</v>
      </c>
      <c r="I10039" s="7">
        <v>8.3206801000000006</v>
      </c>
      <c r="J10039" s="8">
        <v>-73.146195800000001</v>
      </c>
    </row>
    <row r="10040" spans="1:10" x14ac:dyDescent="0.35">
      <c r="A10040" s="5" t="s">
        <v>10</v>
      </c>
      <c r="B10040" s="6">
        <v>204234</v>
      </c>
      <c r="C10040" s="6" t="s">
        <v>117</v>
      </c>
      <c r="D10040" s="6" t="s">
        <v>1334</v>
      </c>
      <c r="E10040" s="6">
        <v>76001</v>
      </c>
      <c r="F10040" s="6" t="s">
        <v>13</v>
      </c>
      <c r="G10040" s="6" t="s">
        <v>19463</v>
      </c>
      <c r="H10040" s="6" t="s">
        <v>6752</v>
      </c>
      <c r="I10040" s="7">
        <v>3.4348654000000001</v>
      </c>
      <c r="J10040" s="8">
        <v>-76.543358999999995</v>
      </c>
    </row>
    <row r="10041" spans="1:10" x14ac:dyDescent="0.35">
      <c r="A10041" s="5" t="s">
        <v>10</v>
      </c>
      <c r="B10041" s="6">
        <v>228514</v>
      </c>
      <c r="C10041" s="6" t="s">
        <v>28</v>
      </c>
      <c r="D10041" s="6" t="s">
        <v>1433</v>
      </c>
      <c r="E10041" s="6">
        <v>54553</v>
      </c>
      <c r="F10041" s="6" t="s">
        <v>2161</v>
      </c>
      <c r="G10041" s="6" t="s">
        <v>19464</v>
      </c>
      <c r="H10041" s="6" t="s">
        <v>19465</v>
      </c>
      <c r="I10041" s="7">
        <v>8.3613230000000005</v>
      </c>
      <c r="J10041" s="8">
        <v>-72.408389</v>
      </c>
    </row>
    <row r="10042" spans="1:10" x14ac:dyDescent="0.35">
      <c r="A10042" s="5" t="s">
        <v>10</v>
      </c>
      <c r="B10042" s="6">
        <v>220758</v>
      </c>
      <c r="C10042" s="6" t="s">
        <v>551</v>
      </c>
      <c r="D10042" s="6" t="s">
        <v>3868</v>
      </c>
      <c r="E10042" s="6">
        <v>20001</v>
      </c>
      <c r="F10042" s="6" t="s">
        <v>2161</v>
      </c>
      <c r="G10042" s="6" t="s">
        <v>19466</v>
      </c>
      <c r="H10042" s="6" t="s">
        <v>19467</v>
      </c>
      <c r="I10042" s="7">
        <v>10.458419299999999</v>
      </c>
      <c r="J10042" s="8">
        <v>-73.227597500000002</v>
      </c>
    </row>
    <row r="10043" spans="1:10" x14ac:dyDescent="0.35">
      <c r="A10043" s="5" t="s">
        <v>10</v>
      </c>
      <c r="B10043" s="6">
        <v>220730</v>
      </c>
      <c r="C10043" s="6" t="s">
        <v>68</v>
      </c>
      <c r="D10043" s="6" t="s">
        <v>69</v>
      </c>
      <c r="E10043" s="6">
        <v>11001</v>
      </c>
      <c r="F10043" s="6" t="s">
        <v>2161</v>
      </c>
      <c r="G10043" s="6" t="s">
        <v>19468</v>
      </c>
      <c r="H10043" s="6" t="s">
        <v>19469</v>
      </c>
      <c r="I10043" s="7">
        <v>4.5926003999999896</v>
      </c>
      <c r="J10043" s="8">
        <v>-74.110354899999905</v>
      </c>
    </row>
    <row r="10044" spans="1:10" x14ac:dyDescent="0.35">
      <c r="A10044" s="5" t="s">
        <v>10</v>
      </c>
      <c r="B10044" s="6">
        <v>211007</v>
      </c>
      <c r="C10044" s="6" t="s">
        <v>11</v>
      </c>
      <c r="D10044" s="6" t="s">
        <v>407</v>
      </c>
      <c r="E10044" s="6">
        <v>25126</v>
      </c>
      <c r="F10044" s="6" t="s">
        <v>2161</v>
      </c>
      <c r="G10044" s="6" t="s">
        <v>19470</v>
      </c>
      <c r="H10044" s="6" t="s">
        <v>6976</v>
      </c>
      <c r="I10044" s="7">
        <v>4.9189002999999998</v>
      </c>
      <c r="J10044" s="8">
        <v>-74.026238899999996</v>
      </c>
    </row>
    <row r="10045" spans="1:10" x14ac:dyDescent="0.35">
      <c r="A10045" s="5" t="s">
        <v>10</v>
      </c>
      <c r="B10045" s="6">
        <v>141686</v>
      </c>
      <c r="C10045" s="6" t="s">
        <v>11</v>
      </c>
      <c r="D10045" s="6" t="s">
        <v>106</v>
      </c>
      <c r="E10045" s="6">
        <v>25843</v>
      </c>
      <c r="F10045" s="6" t="s">
        <v>13</v>
      </c>
      <c r="G10045" s="6" t="s">
        <v>1127</v>
      </c>
      <c r="H10045" s="6" t="s">
        <v>1128</v>
      </c>
      <c r="I10045" s="7">
        <v>5.3078042999999999</v>
      </c>
      <c r="J10045" s="8">
        <v>-73.816911200000007</v>
      </c>
    </row>
    <row r="10046" spans="1:10" x14ac:dyDescent="0.35">
      <c r="A10046" s="5" t="s">
        <v>10</v>
      </c>
      <c r="B10046" s="6">
        <v>225673</v>
      </c>
      <c r="C10046" s="6" t="s">
        <v>68</v>
      </c>
      <c r="D10046" s="6" t="s">
        <v>69</v>
      </c>
      <c r="E10046" s="6">
        <v>11001</v>
      </c>
      <c r="F10046" s="6" t="s">
        <v>13</v>
      </c>
      <c r="G10046" s="6" t="s">
        <v>18076</v>
      </c>
      <c r="H10046" s="6" t="s">
        <v>18077</v>
      </c>
      <c r="I10046" s="7">
        <v>4.6001367000000002</v>
      </c>
      <c r="J10046" s="8">
        <v>-74.0764487</v>
      </c>
    </row>
    <row r="10047" spans="1:10" x14ac:dyDescent="0.35">
      <c r="A10047" s="5" t="s">
        <v>10</v>
      </c>
      <c r="B10047" s="6">
        <v>214688</v>
      </c>
      <c r="C10047" s="6" t="s">
        <v>308</v>
      </c>
      <c r="D10047" s="6" t="s">
        <v>19471</v>
      </c>
      <c r="E10047" s="6">
        <v>23580</v>
      </c>
      <c r="F10047" s="6" t="s">
        <v>18</v>
      </c>
      <c r="G10047" s="6" t="s">
        <v>19472</v>
      </c>
      <c r="H10047" s="6" t="s">
        <v>19473</v>
      </c>
      <c r="I10047" s="7">
        <v>4.6799540999999998</v>
      </c>
      <c r="J10047" s="8">
        <v>-74.067216799999997</v>
      </c>
    </row>
    <row r="10048" spans="1:10" x14ac:dyDescent="0.35">
      <c r="A10048" s="5" t="s">
        <v>10</v>
      </c>
      <c r="B10048" s="6">
        <v>226044</v>
      </c>
      <c r="C10048" s="6" t="s">
        <v>11</v>
      </c>
      <c r="D10048" s="6" t="s">
        <v>12</v>
      </c>
      <c r="E10048" s="6">
        <v>25899</v>
      </c>
      <c r="F10048" s="6" t="s">
        <v>2161</v>
      </c>
      <c r="G10048" s="6" t="s">
        <v>19474</v>
      </c>
      <c r="H10048" s="6" t="s">
        <v>19475</v>
      </c>
      <c r="I10048" s="7">
        <v>5.0235016999999997</v>
      </c>
      <c r="J10048" s="8">
        <v>-73.986402099999907</v>
      </c>
    </row>
    <row r="10049" spans="1:10" x14ac:dyDescent="0.35">
      <c r="A10049" s="5" t="s">
        <v>10</v>
      </c>
      <c r="B10049" s="6">
        <v>238783</v>
      </c>
      <c r="C10049" s="6" t="s">
        <v>308</v>
      </c>
      <c r="D10049" s="6" t="s">
        <v>10782</v>
      </c>
      <c r="E10049" s="6">
        <v>23570</v>
      </c>
      <c r="F10049" s="6" t="s">
        <v>2161</v>
      </c>
      <c r="G10049" s="6" t="s">
        <v>19476</v>
      </c>
      <c r="H10049" s="6" t="s">
        <v>19477</v>
      </c>
      <c r="I10049" s="7">
        <v>8.5031780000000001</v>
      </c>
      <c r="J10049" s="8">
        <v>-75.507523899999995</v>
      </c>
    </row>
    <row r="10050" spans="1:10" x14ac:dyDescent="0.35">
      <c r="A10050" s="5" t="s">
        <v>10</v>
      </c>
      <c r="B10050" s="6">
        <v>233338</v>
      </c>
      <c r="C10050" s="6" t="s">
        <v>68</v>
      </c>
      <c r="D10050" s="6" t="s">
        <v>69</v>
      </c>
      <c r="E10050" s="6">
        <v>11001</v>
      </c>
      <c r="F10050" s="6" t="s">
        <v>13</v>
      </c>
      <c r="G10050" s="6" t="s">
        <v>19478</v>
      </c>
      <c r="H10050" s="6" t="s">
        <v>19479</v>
      </c>
      <c r="I10050" s="7">
        <v>4.6935545999999997</v>
      </c>
      <c r="J10050" s="8">
        <v>-74.032958699999995</v>
      </c>
    </row>
    <row r="10051" spans="1:10" x14ac:dyDescent="0.35">
      <c r="A10051" s="5" t="s">
        <v>10</v>
      </c>
      <c r="B10051" s="6">
        <v>184814</v>
      </c>
      <c r="C10051" s="6" t="s">
        <v>4364</v>
      </c>
      <c r="D10051" s="6" t="s">
        <v>4365</v>
      </c>
      <c r="E10051" s="6">
        <v>70001</v>
      </c>
      <c r="F10051" s="6" t="s">
        <v>13</v>
      </c>
      <c r="G10051" s="6" t="s">
        <v>160</v>
      </c>
      <c r="H10051" s="6" t="s">
        <v>18988</v>
      </c>
      <c r="I10051" s="7">
        <v>9.3008717000000001</v>
      </c>
      <c r="J10051" s="8">
        <v>-75.3969247</v>
      </c>
    </row>
    <row r="10052" spans="1:10" x14ac:dyDescent="0.35">
      <c r="A10052" s="5" t="s">
        <v>10</v>
      </c>
      <c r="B10052" s="6">
        <v>247317</v>
      </c>
      <c r="C10052" s="6" t="s">
        <v>68</v>
      </c>
      <c r="D10052" s="6" t="s">
        <v>69</v>
      </c>
      <c r="E10052" s="6">
        <v>11001</v>
      </c>
      <c r="F10052" s="6" t="s">
        <v>13</v>
      </c>
      <c r="G10052" s="6" t="s">
        <v>17752</v>
      </c>
      <c r="H10052" s="6" t="s">
        <v>19480</v>
      </c>
      <c r="I10052" s="7">
        <v>4.6572760000000004</v>
      </c>
      <c r="J10052" s="8">
        <v>-74.058690900000002</v>
      </c>
    </row>
    <row r="10053" spans="1:10" x14ac:dyDescent="0.35">
      <c r="A10053" s="5" t="s">
        <v>10</v>
      </c>
      <c r="B10053" s="6">
        <v>185973</v>
      </c>
      <c r="C10053" s="6" t="s">
        <v>55</v>
      </c>
      <c r="D10053" s="6" t="s">
        <v>56</v>
      </c>
      <c r="E10053" s="6">
        <v>73001</v>
      </c>
      <c r="F10053" s="6" t="s">
        <v>18</v>
      </c>
      <c r="G10053" s="6" t="s">
        <v>860</v>
      </c>
      <c r="H10053" s="6" t="s">
        <v>861</v>
      </c>
      <c r="I10053" s="7">
        <v>4.4426226999999896</v>
      </c>
      <c r="J10053" s="8">
        <v>-75.228892099999996</v>
      </c>
    </row>
    <row r="10054" spans="1:10" x14ac:dyDescent="0.35">
      <c r="A10054" s="5" t="s">
        <v>10</v>
      </c>
      <c r="B10054" s="6">
        <v>230900</v>
      </c>
      <c r="C10054" s="6" t="s">
        <v>28</v>
      </c>
      <c r="D10054" s="6" t="s">
        <v>91</v>
      </c>
      <c r="E10054" s="6">
        <v>54874</v>
      </c>
      <c r="F10054" s="6" t="s">
        <v>18</v>
      </c>
      <c r="G10054" s="6" t="s">
        <v>19481</v>
      </c>
      <c r="H10054" s="6" t="s">
        <v>19482</v>
      </c>
      <c r="I10054" s="7">
        <v>7.8577859999999999</v>
      </c>
      <c r="J10054" s="8">
        <v>-72.475606999999997</v>
      </c>
    </row>
    <row r="10055" spans="1:10" x14ac:dyDescent="0.35">
      <c r="A10055" s="5" t="s">
        <v>10</v>
      </c>
      <c r="B10055" s="6">
        <v>239238</v>
      </c>
      <c r="C10055" s="6" t="s">
        <v>466</v>
      </c>
      <c r="D10055" s="6" t="s">
        <v>1262</v>
      </c>
      <c r="E10055" s="6">
        <v>81001</v>
      </c>
      <c r="F10055" s="6" t="s">
        <v>18</v>
      </c>
      <c r="G10055" s="6" t="s">
        <v>19483</v>
      </c>
      <c r="H10055" s="6" t="s">
        <v>19484</v>
      </c>
      <c r="I10055" s="7">
        <v>6.7801280999999998</v>
      </c>
      <c r="J10055" s="8">
        <v>-70.716846899999993</v>
      </c>
    </row>
    <row r="10056" spans="1:10" x14ac:dyDescent="0.35">
      <c r="A10056" s="5" t="s">
        <v>10</v>
      </c>
      <c r="B10056" s="6">
        <v>244084</v>
      </c>
      <c r="C10056" s="6" t="s">
        <v>28</v>
      </c>
      <c r="D10056" s="6" t="s">
        <v>29</v>
      </c>
      <c r="E10056" s="6">
        <v>54001</v>
      </c>
      <c r="F10056" s="6" t="s">
        <v>18</v>
      </c>
      <c r="G10056" s="6" t="s">
        <v>19485</v>
      </c>
      <c r="H10056" s="6" t="s">
        <v>19486</v>
      </c>
      <c r="I10056" s="7">
        <v>7.9213471999999996</v>
      </c>
      <c r="J10056" s="8">
        <v>-72.503867400000004</v>
      </c>
    </row>
    <row r="10057" spans="1:10" x14ac:dyDescent="0.35">
      <c r="A10057" s="5" t="s">
        <v>10</v>
      </c>
      <c r="B10057" s="6">
        <v>227109</v>
      </c>
      <c r="C10057" s="6" t="s">
        <v>28</v>
      </c>
      <c r="D10057" s="6" t="s">
        <v>29</v>
      </c>
      <c r="E10057" s="6">
        <v>54001</v>
      </c>
      <c r="F10057" s="6" t="s">
        <v>18</v>
      </c>
      <c r="G10057" s="6" t="s">
        <v>19224</v>
      </c>
      <c r="H10057" s="6" t="s">
        <v>19225</v>
      </c>
      <c r="I10057" s="7">
        <v>7.9036684999999904</v>
      </c>
      <c r="J10057" s="8">
        <v>-72.502469099999999</v>
      </c>
    </row>
    <row r="10058" spans="1:10" x14ac:dyDescent="0.35">
      <c r="A10058" s="5" t="s">
        <v>10</v>
      </c>
      <c r="B10058" s="6">
        <v>211015</v>
      </c>
      <c r="C10058" s="6" t="s">
        <v>11</v>
      </c>
      <c r="D10058" s="6" t="s">
        <v>1547</v>
      </c>
      <c r="E10058" s="6">
        <v>25817</v>
      </c>
      <c r="F10058" s="6" t="s">
        <v>2161</v>
      </c>
      <c r="G10058" s="6" t="s">
        <v>19487</v>
      </c>
      <c r="H10058" s="6" t="s">
        <v>19488</v>
      </c>
      <c r="I10058" s="7">
        <v>4.9639398999999997</v>
      </c>
      <c r="J10058" s="8">
        <v>-73.915902500000001</v>
      </c>
    </row>
    <row r="10059" spans="1:10" x14ac:dyDescent="0.35">
      <c r="A10059" s="5" t="s">
        <v>10</v>
      </c>
      <c r="B10059" s="6">
        <v>217663</v>
      </c>
      <c r="C10059" s="6" t="s">
        <v>294</v>
      </c>
      <c r="D10059" s="6" t="s">
        <v>6101</v>
      </c>
      <c r="E10059" s="6">
        <v>41349</v>
      </c>
      <c r="F10059" s="6" t="s">
        <v>2161</v>
      </c>
      <c r="G10059" s="6" t="s">
        <v>19489</v>
      </c>
      <c r="H10059" s="6" t="s">
        <v>19490</v>
      </c>
      <c r="I10059" s="7">
        <v>2.5823879000000001</v>
      </c>
      <c r="J10059" s="8">
        <v>-75.449860200000003</v>
      </c>
    </row>
    <row r="10060" spans="1:10" x14ac:dyDescent="0.35">
      <c r="A10060" s="5" t="s">
        <v>10</v>
      </c>
      <c r="B10060" s="6">
        <v>220737</v>
      </c>
      <c r="C10060" s="6" t="s">
        <v>457</v>
      </c>
      <c r="D10060" s="6" t="s">
        <v>15027</v>
      </c>
      <c r="E10060" s="6">
        <v>52240</v>
      </c>
      <c r="F10060" s="6" t="s">
        <v>2161</v>
      </c>
      <c r="G10060" s="6" t="s">
        <v>19491</v>
      </c>
      <c r="H10060" s="6" t="s">
        <v>19492</v>
      </c>
      <c r="I10060" s="7">
        <v>0.82198519999999997</v>
      </c>
      <c r="J10060" s="8">
        <v>-77.632025400000003</v>
      </c>
    </row>
    <row r="10061" spans="1:10" x14ac:dyDescent="0.35">
      <c r="A10061" s="5" t="s">
        <v>10</v>
      </c>
      <c r="B10061" s="6">
        <v>220761</v>
      </c>
      <c r="C10061" s="6" t="s">
        <v>11</v>
      </c>
      <c r="D10061" s="6" t="s">
        <v>4030</v>
      </c>
      <c r="E10061" s="6">
        <v>25183</v>
      </c>
      <c r="F10061" s="6" t="s">
        <v>2161</v>
      </c>
      <c r="G10061" s="6" t="s">
        <v>19493</v>
      </c>
      <c r="H10061" s="6" t="s">
        <v>19494</v>
      </c>
      <c r="I10061" s="7">
        <v>5.1448035999999897</v>
      </c>
      <c r="J10061" s="8">
        <v>-73.686486000000002</v>
      </c>
    </row>
    <row r="10062" spans="1:10" x14ac:dyDescent="0.35">
      <c r="A10062" s="5" t="s">
        <v>10</v>
      </c>
      <c r="B10062" s="6">
        <v>178969</v>
      </c>
      <c r="C10062" s="6" t="s">
        <v>38</v>
      </c>
      <c r="D10062" s="6" t="s">
        <v>39</v>
      </c>
      <c r="E10062" s="6">
        <v>19001</v>
      </c>
      <c r="F10062" s="6" t="s">
        <v>13</v>
      </c>
      <c r="G10062" s="6" t="s">
        <v>17786</v>
      </c>
      <c r="H10062" s="6" t="s">
        <v>17787</v>
      </c>
      <c r="I10062" s="7">
        <v>2.4290645</v>
      </c>
      <c r="J10062" s="8">
        <v>-76.611133100000004</v>
      </c>
    </row>
    <row r="10063" spans="1:10" x14ac:dyDescent="0.35">
      <c r="A10063" s="5" t="s">
        <v>10</v>
      </c>
      <c r="B10063" s="6">
        <v>228188</v>
      </c>
      <c r="C10063" s="6" t="s">
        <v>68</v>
      </c>
      <c r="D10063" s="6" t="s">
        <v>69</v>
      </c>
      <c r="E10063" s="6">
        <v>11001</v>
      </c>
      <c r="F10063" s="6" t="s">
        <v>2161</v>
      </c>
      <c r="G10063" s="6" t="s">
        <v>19495</v>
      </c>
      <c r="H10063" s="6" t="s">
        <v>19496</v>
      </c>
      <c r="I10063" s="7">
        <v>4.5831344999999999</v>
      </c>
      <c r="J10063" s="8">
        <v>-74.170017399999907</v>
      </c>
    </row>
    <row r="10064" spans="1:10" x14ac:dyDescent="0.35">
      <c r="A10064" s="5" t="s">
        <v>10</v>
      </c>
      <c r="B10064" s="6">
        <v>228209</v>
      </c>
      <c r="C10064" s="6" t="s">
        <v>16</v>
      </c>
      <c r="D10064" s="6" t="s">
        <v>1266</v>
      </c>
      <c r="E10064" s="6">
        <v>68081</v>
      </c>
      <c r="F10064" s="6" t="s">
        <v>2161</v>
      </c>
      <c r="G10064" s="6" t="s">
        <v>19497</v>
      </c>
      <c r="H10064" s="6" t="s">
        <v>19498</v>
      </c>
      <c r="I10064" s="7">
        <v>7.0779036999999896</v>
      </c>
      <c r="J10064" s="8">
        <v>-73.851848099999998</v>
      </c>
    </row>
    <row r="10065" spans="1:10" x14ac:dyDescent="0.35">
      <c r="A10065" s="5" t="s">
        <v>10</v>
      </c>
      <c r="B10065" s="6">
        <v>210480</v>
      </c>
      <c r="C10065" s="6" t="s">
        <v>11</v>
      </c>
      <c r="D10065" s="6" t="s">
        <v>4279</v>
      </c>
      <c r="E10065" s="6">
        <v>25099</v>
      </c>
      <c r="F10065" s="6" t="s">
        <v>2161</v>
      </c>
      <c r="G10065" s="6" t="s">
        <v>19499</v>
      </c>
      <c r="H10065" s="6" t="s">
        <v>19500</v>
      </c>
      <c r="I10065" s="7">
        <v>4.7326180000000004</v>
      </c>
      <c r="J10065" s="8">
        <v>-74.341775999999996</v>
      </c>
    </row>
    <row r="10066" spans="1:10" x14ac:dyDescent="0.35">
      <c r="A10066" s="5" t="s">
        <v>10</v>
      </c>
      <c r="B10066" s="6">
        <v>212141</v>
      </c>
      <c r="C10066" s="6" t="s">
        <v>68</v>
      </c>
      <c r="D10066" s="6" t="s">
        <v>69</v>
      </c>
      <c r="E10066" s="6">
        <v>11001</v>
      </c>
      <c r="F10066" s="6" t="s">
        <v>2161</v>
      </c>
      <c r="G10066" s="6" t="s">
        <v>19501</v>
      </c>
      <c r="H10066" s="6" t="s">
        <v>19502</v>
      </c>
      <c r="I10066" s="7">
        <v>4.5968707000000002</v>
      </c>
      <c r="J10066" s="8">
        <v>-74.141728200000003</v>
      </c>
    </row>
    <row r="10067" spans="1:10" x14ac:dyDescent="0.35">
      <c r="A10067" s="5" t="s">
        <v>10</v>
      </c>
      <c r="B10067" s="6">
        <v>224170</v>
      </c>
      <c r="C10067" s="6" t="s">
        <v>11</v>
      </c>
      <c r="D10067" s="6" t="s">
        <v>334</v>
      </c>
      <c r="E10067" s="6">
        <v>25754</v>
      </c>
      <c r="F10067" s="6" t="s">
        <v>2161</v>
      </c>
      <c r="G10067" s="6" t="s">
        <v>3708</v>
      </c>
      <c r="H10067" s="6" t="s">
        <v>19503</v>
      </c>
      <c r="I10067" s="7">
        <v>4.5738856999999999</v>
      </c>
      <c r="J10067" s="8">
        <v>-74.235405299999996</v>
      </c>
    </row>
    <row r="10068" spans="1:10" x14ac:dyDescent="0.35">
      <c r="A10068" s="5" t="s">
        <v>10</v>
      </c>
      <c r="B10068" s="6">
        <v>235311</v>
      </c>
      <c r="C10068" s="6" t="s">
        <v>11</v>
      </c>
      <c r="D10068" s="6" t="s">
        <v>12</v>
      </c>
      <c r="E10068" s="6">
        <v>25899</v>
      </c>
      <c r="F10068" s="6" t="s">
        <v>2161</v>
      </c>
      <c r="G10068" s="6" t="s">
        <v>19504</v>
      </c>
      <c r="H10068" s="6" t="s">
        <v>19505</v>
      </c>
      <c r="I10068" s="7">
        <v>5.0139246000000002</v>
      </c>
      <c r="J10068" s="8">
        <v>-73.998325800000003</v>
      </c>
    </row>
    <row r="10069" spans="1:10" x14ac:dyDescent="0.35">
      <c r="A10069" s="5" t="s">
        <v>10</v>
      </c>
      <c r="B10069" s="6">
        <v>225690</v>
      </c>
      <c r="C10069" s="6" t="s">
        <v>24</v>
      </c>
      <c r="D10069" s="6" t="s">
        <v>7373</v>
      </c>
      <c r="E10069" s="6">
        <v>15764</v>
      </c>
      <c r="F10069" s="6" t="s">
        <v>2161</v>
      </c>
      <c r="G10069" s="6" t="s">
        <v>19506</v>
      </c>
      <c r="H10069" s="6" t="s">
        <v>19507</v>
      </c>
      <c r="I10069" s="7">
        <v>5.5007073999999996</v>
      </c>
      <c r="J10069" s="8">
        <v>-73.332919399999994</v>
      </c>
    </row>
    <row r="10070" spans="1:10" x14ac:dyDescent="0.35">
      <c r="A10070" s="5" t="s">
        <v>10</v>
      </c>
      <c r="B10070" s="6">
        <v>184815</v>
      </c>
      <c r="C10070" s="6" t="s">
        <v>308</v>
      </c>
      <c r="D10070" s="6" t="s">
        <v>309</v>
      </c>
      <c r="E10070" s="6">
        <v>23001</v>
      </c>
      <c r="F10070" s="6" t="s">
        <v>13</v>
      </c>
      <c r="G10070" s="6" t="s">
        <v>160</v>
      </c>
      <c r="H10070" s="6" t="s">
        <v>310</v>
      </c>
      <c r="I10070" s="7">
        <v>8.7453120000000002</v>
      </c>
      <c r="J10070" s="8">
        <v>-75.893833599999994</v>
      </c>
    </row>
    <row r="10071" spans="1:10" x14ac:dyDescent="0.35">
      <c r="A10071" s="5" t="s">
        <v>10</v>
      </c>
      <c r="B10071" s="6">
        <v>191770</v>
      </c>
      <c r="C10071" s="6" t="s">
        <v>68</v>
      </c>
      <c r="D10071" s="6" t="s">
        <v>69</v>
      </c>
      <c r="E10071" s="6">
        <v>11001</v>
      </c>
      <c r="F10071" s="6" t="s">
        <v>13</v>
      </c>
      <c r="G10071" s="6" t="s">
        <v>2357</v>
      </c>
      <c r="H10071" s="6" t="s">
        <v>2358</v>
      </c>
      <c r="I10071" s="7">
        <v>4.7470920000000003</v>
      </c>
      <c r="J10071" s="8">
        <v>-74.1159119</v>
      </c>
    </row>
    <row r="10072" spans="1:10" x14ac:dyDescent="0.35">
      <c r="A10072" s="5" t="s">
        <v>10</v>
      </c>
      <c r="B10072" s="6">
        <v>233815</v>
      </c>
      <c r="C10072" s="6" t="s">
        <v>55</v>
      </c>
      <c r="D10072" s="6" t="s">
        <v>5655</v>
      </c>
      <c r="E10072" s="6">
        <v>73168</v>
      </c>
      <c r="F10072" s="6" t="s">
        <v>18</v>
      </c>
      <c r="G10072" s="6" t="s">
        <v>19508</v>
      </c>
      <c r="H10072" s="6" t="s">
        <v>19509</v>
      </c>
      <c r="I10072" s="7">
        <v>3.7255636999999999</v>
      </c>
      <c r="J10072" s="8">
        <v>-75.484761199999994</v>
      </c>
    </row>
    <row r="10073" spans="1:10" x14ac:dyDescent="0.35">
      <c r="A10073" s="5" t="s">
        <v>10</v>
      </c>
      <c r="B10073" s="6">
        <v>185560</v>
      </c>
      <c r="C10073" s="6" t="s">
        <v>28</v>
      </c>
      <c r="D10073" s="6" t="s">
        <v>29</v>
      </c>
      <c r="E10073" s="6">
        <v>54001</v>
      </c>
      <c r="F10073" s="6" t="s">
        <v>18</v>
      </c>
      <c r="G10073" s="6" t="s">
        <v>2230</v>
      </c>
      <c r="H10073" s="6" t="s">
        <v>2231</v>
      </c>
      <c r="I10073" s="7">
        <v>7.8885094999999898</v>
      </c>
      <c r="J10073" s="8">
        <v>-72.498657499999993</v>
      </c>
    </row>
    <row r="10074" spans="1:10" x14ac:dyDescent="0.35">
      <c r="A10074" s="5" t="s">
        <v>10</v>
      </c>
      <c r="B10074" s="6">
        <v>243892</v>
      </c>
      <c r="C10074" s="6" t="s">
        <v>28</v>
      </c>
      <c r="D10074" s="6" t="s">
        <v>29</v>
      </c>
      <c r="E10074" s="6">
        <v>54001</v>
      </c>
      <c r="F10074" s="6" t="s">
        <v>18</v>
      </c>
      <c r="G10074" s="6" t="s">
        <v>19510</v>
      </c>
      <c r="H10074" s="6" t="s">
        <v>19511</v>
      </c>
      <c r="I10074" s="7">
        <v>7.9050294000000001</v>
      </c>
      <c r="J10074" s="8">
        <v>-72.467534599999993</v>
      </c>
    </row>
    <row r="10075" spans="1:10" x14ac:dyDescent="0.35">
      <c r="A10075" s="5" t="s">
        <v>10</v>
      </c>
      <c r="B10075" s="6">
        <v>235974</v>
      </c>
      <c r="C10075" s="6" t="s">
        <v>11</v>
      </c>
      <c r="D10075" s="6" t="s">
        <v>454</v>
      </c>
      <c r="E10075" s="6">
        <v>25594</v>
      </c>
      <c r="F10075" s="6" t="s">
        <v>18</v>
      </c>
      <c r="G10075" s="6" t="s">
        <v>19512</v>
      </c>
      <c r="H10075" s="6" t="s">
        <v>19513</v>
      </c>
      <c r="I10075" s="7">
        <v>4.3299799999999999</v>
      </c>
      <c r="J10075" s="8">
        <v>-73.863183000000006</v>
      </c>
    </row>
    <row r="10076" spans="1:10" x14ac:dyDescent="0.35">
      <c r="A10076" s="5" t="s">
        <v>10</v>
      </c>
      <c r="B10076" s="6">
        <v>210138</v>
      </c>
      <c r="C10076" s="6" t="s">
        <v>3788</v>
      </c>
      <c r="D10076" s="6" t="s">
        <v>3974</v>
      </c>
      <c r="E10076" s="6">
        <v>18001</v>
      </c>
      <c r="F10076" s="6" t="s">
        <v>2161</v>
      </c>
      <c r="G10076" s="6" t="s">
        <v>19514</v>
      </c>
      <c r="H10076" s="6" t="s">
        <v>19515</v>
      </c>
      <c r="I10076" s="7">
        <v>1.5955345000000001</v>
      </c>
      <c r="J10076" s="8">
        <v>-75.582853099999994</v>
      </c>
    </row>
    <row r="10077" spans="1:10" x14ac:dyDescent="0.35">
      <c r="A10077" s="5" t="s">
        <v>10</v>
      </c>
      <c r="B10077" s="6">
        <v>233657</v>
      </c>
      <c r="C10077" s="6" t="s">
        <v>68</v>
      </c>
      <c r="D10077" s="6" t="s">
        <v>69</v>
      </c>
      <c r="E10077" s="6">
        <v>11001</v>
      </c>
      <c r="F10077" s="6" t="s">
        <v>2161</v>
      </c>
      <c r="G10077" s="6" t="s">
        <v>19516</v>
      </c>
      <c r="H10077" s="6" t="s">
        <v>19517</v>
      </c>
      <c r="I10077" s="7">
        <v>4.5983999999999998</v>
      </c>
      <c r="J10077" s="8">
        <v>-74.114980000000003</v>
      </c>
    </row>
    <row r="10078" spans="1:10" x14ac:dyDescent="0.35">
      <c r="A10078" s="5" t="s">
        <v>10</v>
      </c>
      <c r="B10078" s="6">
        <v>231183</v>
      </c>
      <c r="C10078" s="6" t="s">
        <v>2821</v>
      </c>
      <c r="D10078" s="6" t="s">
        <v>1524</v>
      </c>
      <c r="E10078" s="6">
        <v>47318</v>
      </c>
      <c r="F10078" s="6" t="s">
        <v>2161</v>
      </c>
      <c r="G10078" s="6" t="s">
        <v>19518</v>
      </c>
      <c r="H10078" s="6" t="s">
        <v>19519</v>
      </c>
      <c r="I10078" s="7">
        <v>9.1420235000000005</v>
      </c>
      <c r="J10078" s="8">
        <v>-74.225276800000003</v>
      </c>
    </row>
    <row r="10079" spans="1:10" x14ac:dyDescent="0.35">
      <c r="A10079" s="5" t="s">
        <v>10</v>
      </c>
      <c r="B10079" s="6">
        <v>232736</v>
      </c>
      <c r="C10079" s="6" t="s">
        <v>16</v>
      </c>
      <c r="D10079" s="6" t="s">
        <v>1266</v>
      </c>
      <c r="E10079" s="6">
        <v>68081</v>
      </c>
      <c r="F10079" s="6" t="s">
        <v>2161</v>
      </c>
      <c r="G10079" s="6" t="s">
        <v>19520</v>
      </c>
      <c r="H10079" s="6" t="s">
        <v>19521</v>
      </c>
      <c r="I10079" s="7">
        <v>7.0588069000000004</v>
      </c>
      <c r="J10079" s="8">
        <v>-73.869652500000001</v>
      </c>
    </row>
    <row r="10080" spans="1:10" x14ac:dyDescent="0.35">
      <c r="A10080" s="5" t="s">
        <v>10</v>
      </c>
      <c r="B10080" s="6">
        <v>142276</v>
      </c>
      <c r="C10080" s="6" t="s">
        <v>28</v>
      </c>
      <c r="D10080" s="6" t="s">
        <v>29</v>
      </c>
      <c r="E10080" s="6">
        <v>54001</v>
      </c>
      <c r="F10080" s="6" t="s">
        <v>13</v>
      </c>
      <c r="G10080" s="6" t="s">
        <v>50</v>
      </c>
      <c r="H10080" s="6" t="s">
        <v>19522</v>
      </c>
      <c r="I10080" s="7">
        <v>7.9834332999999997</v>
      </c>
      <c r="J10080" s="8">
        <v>-72.443525100000002</v>
      </c>
    </row>
    <row r="10081" spans="1:10" x14ac:dyDescent="0.35">
      <c r="A10081" s="5" t="s">
        <v>10</v>
      </c>
      <c r="B10081" s="6">
        <v>243855</v>
      </c>
      <c r="C10081" s="6" t="s">
        <v>28</v>
      </c>
      <c r="D10081" s="6" t="s">
        <v>29</v>
      </c>
      <c r="E10081" s="6">
        <v>54001</v>
      </c>
      <c r="F10081" s="6" t="s">
        <v>18</v>
      </c>
      <c r="G10081" s="6" t="s">
        <v>19523</v>
      </c>
      <c r="H10081" s="6" t="s">
        <v>19524</v>
      </c>
      <c r="I10081" s="7">
        <v>7.8846755999999996</v>
      </c>
      <c r="J10081" s="8">
        <v>-72.487124899999998</v>
      </c>
    </row>
    <row r="10082" spans="1:10" x14ac:dyDescent="0.35">
      <c r="A10082" s="5" t="s">
        <v>10</v>
      </c>
      <c r="B10082" s="6">
        <v>243865</v>
      </c>
      <c r="C10082" s="6" t="s">
        <v>466</v>
      </c>
      <c r="D10082" s="6" t="s">
        <v>2069</v>
      </c>
      <c r="E10082" s="6">
        <v>81794</v>
      </c>
      <c r="F10082" s="6" t="s">
        <v>18</v>
      </c>
      <c r="G10082" s="6" t="s">
        <v>19525</v>
      </c>
      <c r="H10082" s="6" t="s">
        <v>19526</v>
      </c>
      <c r="I10082" s="7">
        <v>6.4627824</v>
      </c>
      <c r="J10082" s="8">
        <v>-71.728080899999995</v>
      </c>
    </row>
    <row r="10083" spans="1:10" x14ac:dyDescent="0.35">
      <c r="A10083" s="5" t="s">
        <v>10</v>
      </c>
      <c r="B10083" s="6">
        <v>218984</v>
      </c>
      <c r="C10083" s="6" t="s">
        <v>68</v>
      </c>
      <c r="D10083" s="6" t="s">
        <v>69</v>
      </c>
      <c r="E10083" s="6">
        <v>11001</v>
      </c>
      <c r="F10083" s="6" t="s">
        <v>2161</v>
      </c>
      <c r="G10083" s="6" t="s">
        <v>11910</v>
      </c>
      <c r="H10083" s="6" t="s">
        <v>19527</v>
      </c>
      <c r="I10083" s="7">
        <v>4.5487422999999998</v>
      </c>
      <c r="J10083" s="8">
        <v>-74.160340099999999</v>
      </c>
    </row>
    <row r="10084" spans="1:10" x14ac:dyDescent="0.35">
      <c r="A10084" s="5" t="s">
        <v>10</v>
      </c>
      <c r="B10084" s="6">
        <v>237187</v>
      </c>
      <c r="C10084" s="6" t="s">
        <v>68</v>
      </c>
      <c r="D10084" s="6" t="s">
        <v>69</v>
      </c>
      <c r="E10084" s="6">
        <v>11001</v>
      </c>
      <c r="F10084" s="6" t="s">
        <v>2161</v>
      </c>
      <c r="G10084" s="6" t="s">
        <v>19528</v>
      </c>
      <c r="H10084" s="6" t="s">
        <v>19529</v>
      </c>
      <c r="I10084" s="7">
        <v>4.7517851999999996</v>
      </c>
      <c r="J10084" s="8">
        <v>-74.115107600000002</v>
      </c>
    </row>
    <row r="10085" spans="1:10" x14ac:dyDescent="0.35">
      <c r="A10085" s="5" t="s">
        <v>10</v>
      </c>
      <c r="B10085" s="6">
        <v>191489</v>
      </c>
      <c r="C10085" s="6" t="s">
        <v>55</v>
      </c>
      <c r="D10085" s="6" t="s">
        <v>56</v>
      </c>
      <c r="E10085" s="6">
        <v>73001</v>
      </c>
      <c r="F10085" s="6" t="s">
        <v>13</v>
      </c>
      <c r="G10085" s="6" t="s">
        <v>19530</v>
      </c>
      <c r="H10085" s="6" t="s">
        <v>19531</v>
      </c>
      <c r="I10085" s="7">
        <v>4.4440387000000001</v>
      </c>
      <c r="J10085" s="8">
        <v>-75.236857700000002</v>
      </c>
    </row>
    <row r="10086" spans="1:10" x14ac:dyDescent="0.35">
      <c r="A10086" s="5" t="s">
        <v>10</v>
      </c>
      <c r="B10086" s="6">
        <v>237932</v>
      </c>
      <c r="C10086" s="6" t="s">
        <v>55</v>
      </c>
      <c r="D10086" s="6" t="s">
        <v>56</v>
      </c>
      <c r="E10086" s="6">
        <v>73001</v>
      </c>
      <c r="F10086" s="6" t="s">
        <v>18</v>
      </c>
      <c r="G10086" s="6" t="s">
        <v>19532</v>
      </c>
      <c r="H10086" s="6" t="s">
        <v>19533</v>
      </c>
      <c r="I10086" s="7">
        <v>4.4514021000000001</v>
      </c>
      <c r="J10086" s="8">
        <v>-75.141817099999997</v>
      </c>
    </row>
    <row r="10087" spans="1:10" x14ac:dyDescent="0.35">
      <c r="A10087" s="5" t="s">
        <v>10</v>
      </c>
      <c r="B10087" s="6">
        <v>230111</v>
      </c>
      <c r="C10087" s="6" t="s">
        <v>24</v>
      </c>
      <c r="D10087" s="6" t="s">
        <v>137</v>
      </c>
      <c r="E10087" s="6">
        <v>15238</v>
      </c>
      <c r="F10087" s="6" t="s">
        <v>18</v>
      </c>
      <c r="G10087" s="6" t="s">
        <v>19534</v>
      </c>
      <c r="H10087" s="6" t="s">
        <v>19535</v>
      </c>
      <c r="I10087" s="7">
        <v>5.8196437999999997</v>
      </c>
      <c r="J10087" s="8">
        <v>-73.036484099999996</v>
      </c>
    </row>
    <row r="10088" spans="1:10" x14ac:dyDescent="0.35">
      <c r="A10088" s="5" t="s">
        <v>10</v>
      </c>
      <c r="B10088" s="6">
        <v>243838</v>
      </c>
      <c r="C10088" s="6" t="s">
        <v>28</v>
      </c>
      <c r="D10088" s="6" t="s">
        <v>29</v>
      </c>
      <c r="E10088" s="6">
        <v>54001</v>
      </c>
      <c r="F10088" s="6" t="s">
        <v>18</v>
      </c>
      <c r="G10088" s="6" t="s">
        <v>19536</v>
      </c>
      <c r="H10088" s="6" t="s">
        <v>19537</v>
      </c>
      <c r="I10088" s="7">
        <v>7.8969186000000002</v>
      </c>
      <c r="J10088" s="8">
        <v>-72.497031800000002</v>
      </c>
    </row>
    <row r="10089" spans="1:10" x14ac:dyDescent="0.35">
      <c r="A10089" s="5" t="s">
        <v>10</v>
      </c>
      <c r="B10089" s="6">
        <v>226061</v>
      </c>
      <c r="C10089" s="6" t="s">
        <v>11</v>
      </c>
      <c r="D10089" s="6" t="s">
        <v>6667</v>
      </c>
      <c r="E10089" s="6">
        <v>25295</v>
      </c>
      <c r="F10089" s="6" t="s">
        <v>2161</v>
      </c>
      <c r="G10089" s="6" t="s">
        <v>19538</v>
      </c>
      <c r="H10089" s="6" t="s">
        <v>19539</v>
      </c>
      <c r="I10089" s="7">
        <v>4.9897112999999997</v>
      </c>
      <c r="J10089" s="8">
        <v>-73.875335899999996</v>
      </c>
    </row>
    <row r="10090" spans="1:10" x14ac:dyDescent="0.35">
      <c r="A10090" s="5" t="s">
        <v>10</v>
      </c>
      <c r="B10090" s="6">
        <v>199694</v>
      </c>
      <c r="C10090" s="6" t="s">
        <v>68</v>
      </c>
      <c r="D10090" s="6" t="s">
        <v>69</v>
      </c>
      <c r="E10090" s="6">
        <v>11001</v>
      </c>
      <c r="F10090" s="6" t="s">
        <v>13</v>
      </c>
      <c r="G10090" s="6" t="s">
        <v>140</v>
      </c>
      <c r="H10090" s="6" t="s">
        <v>141</v>
      </c>
      <c r="I10090" s="7">
        <v>4.6714412999999997</v>
      </c>
      <c r="J10090" s="8">
        <v>-74.106902399999996</v>
      </c>
    </row>
    <row r="10091" spans="1:10" x14ac:dyDescent="0.35">
      <c r="A10091" s="5" t="s">
        <v>10</v>
      </c>
      <c r="B10091" s="6">
        <v>141690</v>
      </c>
      <c r="C10091" s="6" t="s">
        <v>11</v>
      </c>
      <c r="D10091" s="6" t="s">
        <v>101</v>
      </c>
      <c r="E10091" s="6">
        <v>25473</v>
      </c>
      <c r="F10091" s="6" t="s">
        <v>13</v>
      </c>
      <c r="G10091" s="6" t="s">
        <v>403</v>
      </c>
      <c r="H10091" s="6" t="s">
        <v>404</v>
      </c>
      <c r="I10091" s="7">
        <v>4.6802367</v>
      </c>
      <c r="J10091" s="8">
        <v>-74.229671300000007</v>
      </c>
    </row>
    <row r="10092" spans="1:10" x14ac:dyDescent="0.35">
      <c r="A10092" s="5" t="s">
        <v>10</v>
      </c>
      <c r="B10092" s="6">
        <v>169661</v>
      </c>
      <c r="C10092" s="6" t="s">
        <v>68</v>
      </c>
      <c r="D10092" s="6" t="s">
        <v>69</v>
      </c>
      <c r="E10092" s="6">
        <v>11001</v>
      </c>
      <c r="F10092" s="6" t="s">
        <v>13</v>
      </c>
      <c r="G10092" s="6" t="s">
        <v>1087</v>
      </c>
      <c r="H10092" s="6" t="s">
        <v>18163</v>
      </c>
      <c r="I10092" s="7">
        <v>4.6626272000000002</v>
      </c>
      <c r="J10092" s="8">
        <v>-74.065611500000003</v>
      </c>
    </row>
    <row r="10093" spans="1:10" x14ac:dyDescent="0.35">
      <c r="A10093" s="5" t="s">
        <v>10</v>
      </c>
      <c r="B10093" s="6">
        <v>68328</v>
      </c>
      <c r="C10093" s="6" t="s">
        <v>366</v>
      </c>
      <c r="D10093" s="6" t="s">
        <v>367</v>
      </c>
      <c r="E10093" s="6">
        <v>44430</v>
      </c>
      <c r="F10093" s="6" t="s">
        <v>18</v>
      </c>
      <c r="G10093" s="6" t="s">
        <v>656</v>
      </c>
      <c r="H10093" s="6" t="s">
        <v>657</v>
      </c>
      <c r="I10093" s="7">
        <v>11.380054299999999</v>
      </c>
      <c r="J10093" s="8">
        <v>-72.242246499999993</v>
      </c>
    </row>
    <row r="10094" spans="1:10" x14ac:dyDescent="0.35">
      <c r="A10094" s="5" t="s">
        <v>10</v>
      </c>
      <c r="B10094" s="6">
        <v>215534</v>
      </c>
      <c r="C10094" s="6" t="s">
        <v>55</v>
      </c>
      <c r="D10094" s="6" t="s">
        <v>165</v>
      </c>
      <c r="E10094" s="6">
        <v>73449</v>
      </c>
      <c r="F10094" s="6" t="s">
        <v>18</v>
      </c>
      <c r="G10094" s="6" t="s">
        <v>19540</v>
      </c>
      <c r="H10094" s="6" t="s">
        <v>19541</v>
      </c>
      <c r="I10094" s="7">
        <v>4.2058171</v>
      </c>
      <c r="J10094" s="8">
        <v>-74.641148899999905</v>
      </c>
    </row>
    <row r="10095" spans="1:10" x14ac:dyDescent="0.35">
      <c r="A10095" s="5" t="s">
        <v>10</v>
      </c>
      <c r="B10095" s="6">
        <v>242839</v>
      </c>
      <c r="C10095" s="6" t="s">
        <v>24</v>
      </c>
      <c r="D10095" s="6" t="s">
        <v>88</v>
      </c>
      <c r="E10095" s="6">
        <v>15001</v>
      </c>
      <c r="F10095" s="6" t="s">
        <v>18</v>
      </c>
      <c r="G10095" s="6" t="s">
        <v>19542</v>
      </c>
      <c r="H10095" s="6" t="s">
        <v>19543</v>
      </c>
      <c r="I10095" s="7">
        <v>5.5708007000000004</v>
      </c>
      <c r="J10095" s="8">
        <v>-73.3431614</v>
      </c>
    </row>
    <row r="10096" spans="1:10" x14ac:dyDescent="0.35">
      <c r="A10096" s="5" t="s">
        <v>10</v>
      </c>
      <c r="B10096" s="6">
        <v>183640</v>
      </c>
      <c r="C10096" s="6" t="s">
        <v>28</v>
      </c>
      <c r="D10096" s="6" t="s">
        <v>1571</v>
      </c>
      <c r="E10096" s="6">
        <v>54743</v>
      </c>
      <c r="F10096" s="6" t="s">
        <v>18</v>
      </c>
      <c r="G10096" s="6" t="s">
        <v>1572</v>
      </c>
      <c r="H10096" s="6" t="s">
        <v>1573</v>
      </c>
      <c r="I10096" s="7">
        <v>7.2044683999999997</v>
      </c>
      <c r="J10096" s="8">
        <v>-72.757111199999997</v>
      </c>
    </row>
    <row r="10097" spans="1:10" x14ac:dyDescent="0.35">
      <c r="A10097" s="5" t="s">
        <v>10</v>
      </c>
      <c r="B10097" s="6">
        <v>148820</v>
      </c>
      <c r="C10097" s="6" t="s">
        <v>38</v>
      </c>
      <c r="D10097" s="6" t="s">
        <v>39</v>
      </c>
      <c r="E10097" s="6">
        <v>19001</v>
      </c>
      <c r="F10097" s="6" t="s">
        <v>18</v>
      </c>
      <c r="G10097" s="6" t="s">
        <v>672</v>
      </c>
      <c r="H10097" s="6" t="s">
        <v>673</v>
      </c>
      <c r="I10097" s="7">
        <v>2.4350019999999999</v>
      </c>
      <c r="J10097" s="8">
        <v>-76.618151900000001</v>
      </c>
    </row>
    <row r="10098" spans="1:10" x14ac:dyDescent="0.35">
      <c r="A10098" s="5" t="s">
        <v>10</v>
      </c>
      <c r="B10098" s="6">
        <v>225325</v>
      </c>
      <c r="C10098" s="6" t="s">
        <v>11</v>
      </c>
      <c r="D10098" s="6" t="s">
        <v>407</v>
      </c>
      <c r="E10098" s="6">
        <v>25126</v>
      </c>
      <c r="F10098" s="6" t="s">
        <v>2161</v>
      </c>
      <c r="G10098" s="6" t="s">
        <v>19544</v>
      </c>
      <c r="H10098" s="6" t="s">
        <v>19545</v>
      </c>
      <c r="I10098" s="7">
        <v>4.9187216999999999</v>
      </c>
      <c r="J10098" s="8">
        <v>-74.022556999999907</v>
      </c>
    </row>
    <row r="10099" spans="1:10" x14ac:dyDescent="0.35">
      <c r="A10099" s="5" t="s">
        <v>10</v>
      </c>
      <c r="B10099" s="6">
        <v>233700</v>
      </c>
      <c r="C10099" s="6" t="s">
        <v>68</v>
      </c>
      <c r="D10099" s="6" t="s">
        <v>69</v>
      </c>
      <c r="E10099" s="6">
        <v>11001</v>
      </c>
      <c r="F10099" s="6" t="s">
        <v>2161</v>
      </c>
      <c r="G10099" s="6" t="s">
        <v>19546</v>
      </c>
      <c r="H10099" s="6" t="s">
        <v>19547</v>
      </c>
      <c r="I10099" s="7">
        <v>4.62859</v>
      </c>
      <c r="J10099" s="8">
        <v>-74.150300000000001</v>
      </c>
    </row>
    <row r="10100" spans="1:10" x14ac:dyDescent="0.35">
      <c r="A10100" s="5" t="s">
        <v>10</v>
      </c>
      <c r="B10100" s="6">
        <v>212951</v>
      </c>
      <c r="C10100" s="6" t="s">
        <v>68</v>
      </c>
      <c r="D10100" s="6" t="s">
        <v>69</v>
      </c>
      <c r="E10100" s="6">
        <v>11001</v>
      </c>
      <c r="F10100" s="6" t="s">
        <v>2161</v>
      </c>
      <c r="G10100" s="6" t="s">
        <v>19548</v>
      </c>
      <c r="H10100" s="6" t="s">
        <v>19549</v>
      </c>
      <c r="I10100" s="7">
        <v>4.5927569999999998</v>
      </c>
      <c r="J10100" s="8">
        <v>-74.085086500000003</v>
      </c>
    </row>
    <row r="10101" spans="1:10" x14ac:dyDescent="0.35">
      <c r="A10101" s="5" t="s">
        <v>10</v>
      </c>
      <c r="B10101" s="6">
        <v>163373</v>
      </c>
      <c r="C10101" s="6" t="s">
        <v>55</v>
      </c>
      <c r="D10101" s="6" t="s">
        <v>56</v>
      </c>
      <c r="E10101" s="6">
        <v>73001</v>
      </c>
      <c r="F10101" s="6" t="s">
        <v>18</v>
      </c>
      <c r="G10101" s="6" t="s">
        <v>19550</v>
      </c>
      <c r="H10101" s="6" t="s">
        <v>19551</v>
      </c>
      <c r="I10101" s="7">
        <v>4.4428453000000001</v>
      </c>
      <c r="J10101" s="8">
        <v>-75.239947399999906</v>
      </c>
    </row>
    <row r="10102" spans="1:10" x14ac:dyDescent="0.35">
      <c r="A10102" s="5" t="s">
        <v>10</v>
      </c>
      <c r="B10102" s="6">
        <v>102942</v>
      </c>
      <c r="C10102" s="6" t="s">
        <v>11</v>
      </c>
      <c r="D10102" s="6" t="s">
        <v>21</v>
      </c>
      <c r="E10102" s="6">
        <v>25386</v>
      </c>
      <c r="F10102" s="6" t="s">
        <v>18</v>
      </c>
      <c r="G10102" s="6" t="s">
        <v>19552</v>
      </c>
      <c r="H10102" s="6" t="s">
        <v>19553</v>
      </c>
      <c r="I10102" s="7">
        <v>4.6271768</v>
      </c>
      <c r="J10102" s="8">
        <v>-74.468652300000002</v>
      </c>
    </row>
    <row r="10103" spans="1:10" x14ac:dyDescent="0.35">
      <c r="A10103" s="5" t="s">
        <v>10</v>
      </c>
      <c r="B10103" s="6">
        <v>207292</v>
      </c>
      <c r="C10103" s="6" t="s">
        <v>94</v>
      </c>
      <c r="D10103" s="6" t="s">
        <v>98</v>
      </c>
      <c r="E10103" s="6">
        <v>66001</v>
      </c>
      <c r="F10103" s="6" t="s">
        <v>18</v>
      </c>
      <c r="G10103" s="6" t="s">
        <v>19554</v>
      </c>
      <c r="H10103" s="6" t="s">
        <v>19555</v>
      </c>
      <c r="I10103" s="7">
        <v>4.8043556999999897</v>
      </c>
      <c r="J10103" s="8">
        <v>-75.686049199999999</v>
      </c>
    </row>
    <row r="10104" spans="1:10" x14ac:dyDescent="0.35">
      <c r="A10104" s="5" t="s">
        <v>10</v>
      </c>
      <c r="B10104" s="6">
        <v>184120</v>
      </c>
      <c r="C10104" s="6" t="s">
        <v>68</v>
      </c>
      <c r="D10104" s="6" t="s">
        <v>69</v>
      </c>
      <c r="E10104" s="6">
        <v>11001</v>
      </c>
      <c r="F10104" s="6" t="s">
        <v>18</v>
      </c>
      <c r="G10104" s="6" t="s">
        <v>17705</v>
      </c>
      <c r="H10104" s="6" t="s">
        <v>17706</v>
      </c>
      <c r="I10104" s="7">
        <v>4.6856081999999999</v>
      </c>
      <c r="J10104" s="8">
        <v>-74.052892999999997</v>
      </c>
    </row>
    <row r="10105" spans="1:10" x14ac:dyDescent="0.35">
      <c r="A10105" s="5" t="s">
        <v>10</v>
      </c>
      <c r="B10105" s="6">
        <v>223397</v>
      </c>
      <c r="C10105" s="6" t="s">
        <v>68</v>
      </c>
      <c r="D10105" s="6" t="s">
        <v>69</v>
      </c>
      <c r="E10105" s="6">
        <v>11001</v>
      </c>
      <c r="F10105" s="6" t="s">
        <v>2161</v>
      </c>
      <c r="G10105" s="6" t="s">
        <v>19556</v>
      </c>
      <c r="H10105" s="6" t="s">
        <v>19557</v>
      </c>
      <c r="I10105" s="7">
        <v>4.5222230999999997</v>
      </c>
      <c r="J10105" s="8">
        <v>-74.118031199999905</v>
      </c>
    </row>
    <row r="10106" spans="1:10" x14ac:dyDescent="0.35">
      <c r="A10106" s="5" t="s">
        <v>10</v>
      </c>
      <c r="B10106" s="6">
        <v>141695</v>
      </c>
      <c r="C10106" s="6" t="s">
        <v>11</v>
      </c>
      <c r="D10106" s="6" t="s">
        <v>857</v>
      </c>
      <c r="E10106" s="6">
        <v>25758</v>
      </c>
      <c r="F10106" s="6" t="s">
        <v>13</v>
      </c>
      <c r="G10106" s="6" t="s">
        <v>2355</v>
      </c>
      <c r="H10106" s="6" t="s">
        <v>2356</v>
      </c>
      <c r="I10106" s="7">
        <v>4.9075839999999999</v>
      </c>
      <c r="J10106" s="8">
        <v>-73.941054399999999</v>
      </c>
    </row>
    <row r="10107" spans="1:10" x14ac:dyDescent="0.35">
      <c r="A10107" s="5" t="s">
        <v>10</v>
      </c>
      <c r="B10107" s="6">
        <v>199536</v>
      </c>
      <c r="C10107" s="6" t="s">
        <v>68</v>
      </c>
      <c r="D10107" s="6" t="s">
        <v>69</v>
      </c>
      <c r="E10107" s="6">
        <v>11001</v>
      </c>
      <c r="F10107" s="6" t="s">
        <v>13</v>
      </c>
      <c r="G10107" s="6" t="s">
        <v>19558</v>
      </c>
      <c r="H10107" s="6" t="s">
        <v>19559</v>
      </c>
      <c r="I10107" s="7">
        <v>4.7109886000000003</v>
      </c>
      <c r="J10107" s="8">
        <v>-74.072091999999998</v>
      </c>
    </row>
    <row r="10108" spans="1:10" x14ac:dyDescent="0.35">
      <c r="A10108" s="5" t="s">
        <v>10</v>
      </c>
      <c r="B10108" s="6">
        <v>233337</v>
      </c>
      <c r="C10108" s="6" t="s">
        <v>55</v>
      </c>
      <c r="D10108" s="6" t="s">
        <v>56</v>
      </c>
      <c r="E10108" s="6">
        <v>73001</v>
      </c>
      <c r="F10108" s="6" t="s">
        <v>13</v>
      </c>
      <c r="G10108" s="6" t="s">
        <v>19560</v>
      </c>
      <c r="H10108" s="6" t="s">
        <v>19561</v>
      </c>
      <c r="I10108" s="7">
        <v>4.4436102000000002</v>
      </c>
      <c r="J10108" s="8">
        <v>-75.235974900000002</v>
      </c>
    </row>
    <row r="10109" spans="1:10" x14ac:dyDescent="0.35">
      <c r="A10109" s="5" t="s">
        <v>10</v>
      </c>
      <c r="B10109" s="6">
        <v>247314</v>
      </c>
      <c r="C10109" s="6" t="s">
        <v>68</v>
      </c>
      <c r="D10109" s="6" t="s">
        <v>69</v>
      </c>
      <c r="E10109" s="6">
        <v>11001</v>
      </c>
      <c r="F10109" s="6" t="s">
        <v>13</v>
      </c>
      <c r="G10109" s="6" t="s">
        <v>17752</v>
      </c>
      <c r="H10109" s="6" t="s">
        <v>19562</v>
      </c>
      <c r="I10109" s="7">
        <v>4.6518927000000003</v>
      </c>
      <c r="J10109" s="8">
        <v>-74.063131100000007</v>
      </c>
    </row>
    <row r="10110" spans="1:10" x14ac:dyDescent="0.35">
      <c r="A10110" s="5" t="s">
        <v>10</v>
      </c>
      <c r="B10110" s="6">
        <v>232783</v>
      </c>
      <c r="C10110" s="6" t="s">
        <v>16</v>
      </c>
      <c r="D10110" s="6" t="s">
        <v>17</v>
      </c>
      <c r="E10110" s="6">
        <v>68679</v>
      </c>
      <c r="F10110" s="6" t="s">
        <v>18</v>
      </c>
      <c r="G10110" s="6" t="s">
        <v>19563</v>
      </c>
      <c r="H10110" s="6" t="s">
        <v>19564</v>
      </c>
      <c r="I10110" s="7">
        <v>6.5513884999999998</v>
      </c>
      <c r="J10110" s="8">
        <v>-73.127847099999997</v>
      </c>
    </row>
    <row r="10111" spans="1:10" x14ac:dyDescent="0.35">
      <c r="A10111" s="5" t="s">
        <v>10</v>
      </c>
      <c r="B10111" s="6">
        <v>190710</v>
      </c>
      <c r="C10111" s="6" t="s">
        <v>11</v>
      </c>
      <c r="D10111" s="6" t="s">
        <v>407</v>
      </c>
      <c r="E10111" s="6">
        <v>25126</v>
      </c>
      <c r="F10111" s="6" t="s">
        <v>18</v>
      </c>
      <c r="G10111" s="6" t="s">
        <v>876</v>
      </c>
      <c r="H10111" s="6" t="s">
        <v>2148</v>
      </c>
      <c r="I10111" s="7">
        <v>4.9187216999999999</v>
      </c>
      <c r="J10111" s="8">
        <v>-74.022556999999907</v>
      </c>
    </row>
    <row r="10112" spans="1:10" x14ac:dyDescent="0.35">
      <c r="A10112" s="5" t="s">
        <v>10</v>
      </c>
      <c r="B10112" s="6">
        <v>243818</v>
      </c>
      <c r="C10112" s="6" t="s">
        <v>28</v>
      </c>
      <c r="D10112" s="6" t="s">
        <v>322</v>
      </c>
      <c r="E10112" s="6">
        <v>54405</v>
      </c>
      <c r="F10112" s="6" t="s">
        <v>18</v>
      </c>
      <c r="G10112" s="6" t="s">
        <v>19565</v>
      </c>
      <c r="H10112" s="6" t="s">
        <v>19566</v>
      </c>
      <c r="I10112" s="7">
        <v>7.8691361999999998</v>
      </c>
      <c r="J10112" s="8">
        <v>-72.501958799999997</v>
      </c>
    </row>
    <row r="10113" spans="1:10" x14ac:dyDescent="0.35">
      <c r="A10113" s="5" t="s">
        <v>10</v>
      </c>
      <c r="B10113" s="6">
        <v>237622</v>
      </c>
      <c r="C10113" s="6" t="s">
        <v>42</v>
      </c>
      <c r="D10113" s="6" t="s">
        <v>43</v>
      </c>
      <c r="E10113" s="6">
        <v>17001</v>
      </c>
      <c r="F10113" s="6" t="s">
        <v>18</v>
      </c>
      <c r="G10113" s="6" t="s">
        <v>19567</v>
      </c>
      <c r="H10113" s="6" t="s">
        <v>19568</v>
      </c>
      <c r="I10113" s="7">
        <v>5.0629742999999996</v>
      </c>
      <c r="J10113" s="8">
        <v>-75.502769799999996</v>
      </c>
    </row>
    <row r="10114" spans="1:10" x14ac:dyDescent="0.35">
      <c r="A10114" s="5" t="s">
        <v>10</v>
      </c>
      <c r="B10114" s="6">
        <v>172975</v>
      </c>
      <c r="C10114" s="6" t="s">
        <v>28</v>
      </c>
      <c r="D10114" s="6" t="s">
        <v>29</v>
      </c>
      <c r="E10114" s="6">
        <v>54001</v>
      </c>
      <c r="F10114" s="6" t="s">
        <v>13</v>
      </c>
      <c r="G10114" s="6" t="s">
        <v>50</v>
      </c>
      <c r="H10114" s="6" t="s">
        <v>19569</v>
      </c>
      <c r="I10114" s="7">
        <v>7.8671154000000003</v>
      </c>
      <c r="J10114" s="8">
        <v>-72.502437400000005</v>
      </c>
    </row>
    <row r="10115" spans="1:10" x14ac:dyDescent="0.35">
      <c r="A10115" s="5" t="s">
        <v>10</v>
      </c>
      <c r="B10115" s="6">
        <v>212994</v>
      </c>
      <c r="C10115" s="6" t="s">
        <v>68</v>
      </c>
      <c r="D10115" s="6" t="s">
        <v>69</v>
      </c>
      <c r="E10115" s="6">
        <v>11001</v>
      </c>
      <c r="F10115" s="6" t="s">
        <v>18</v>
      </c>
      <c r="G10115" s="6" t="s">
        <v>19570</v>
      </c>
      <c r="H10115" s="6" t="s">
        <v>19571</v>
      </c>
      <c r="I10115" s="7">
        <v>4.6761252999999998</v>
      </c>
      <c r="J10115" s="8">
        <v>-74.079326499999993</v>
      </c>
    </row>
    <row r="10116" spans="1:10" x14ac:dyDescent="0.35">
      <c r="A10116" s="5" t="s">
        <v>10</v>
      </c>
      <c r="B10116" s="6">
        <v>245940</v>
      </c>
      <c r="C10116" s="6" t="s">
        <v>28</v>
      </c>
      <c r="D10116" s="6" t="s">
        <v>29</v>
      </c>
      <c r="E10116" s="6">
        <v>54001</v>
      </c>
      <c r="F10116" s="6" t="s">
        <v>18</v>
      </c>
      <c r="G10116" s="6" t="s">
        <v>19572</v>
      </c>
      <c r="H10116" s="6" t="s">
        <v>19573</v>
      </c>
      <c r="I10116" s="7">
        <v>7.8892815000000001</v>
      </c>
      <c r="J10116" s="8">
        <v>-72.504442100000006</v>
      </c>
    </row>
    <row r="10117" spans="1:10" x14ac:dyDescent="0.35">
      <c r="A10117" s="5" t="s">
        <v>10</v>
      </c>
      <c r="B10117" s="6">
        <v>228262</v>
      </c>
      <c r="C10117" s="6" t="s">
        <v>28</v>
      </c>
      <c r="D10117" s="6" t="s">
        <v>352</v>
      </c>
      <c r="E10117" s="6">
        <v>54261</v>
      </c>
      <c r="F10117" s="6" t="s">
        <v>18</v>
      </c>
      <c r="G10117" s="6" t="s">
        <v>19574</v>
      </c>
      <c r="H10117" s="6" t="s">
        <v>19575</v>
      </c>
      <c r="I10117" s="7">
        <v>7.9321581999999999</v>
      </c>
      <c r="J10117" s="8">
        <v>-72.601289600000001</v>
      </c>
    </row>
    <row r="10118" spans="1:10" x14ac:dyDescent="0.35">
      <c r="A10118" s="5" t="s">
        <v>10</v>
      </c>
      <c r="B10118" s="6">
        <v>244693</v>
      </c>
      <c r="C10118" s="6" t="s">
        <v>28</v>
      </c>
      <c r="D10118" s="6" t="s">
        <v>29</v>
      </c>
      <c r="E10118" s="6">
        <v>54001</v>
      </c>
      <c r="F10118" s="6" t="s">
        <v>18</v>
      </c>
      <c r="G10118" s="6" t="s">
        <v>19576</v>
      </c>
      <c r="H10118" s="6" t="s">
        <v>19577</v>
      </c>
      <c r="I10118" s="7">
        <v>7.9086721000000004</v>
      </c>
      <c r="J10118" s="8">
        <v>-72.528657600000003</v>
      </c>
    </row>
    <row r="10119" spans="1:10" x14ac:dyDescent="0.35">
      <c r="A10119" s="5" t="s">
        <v>10</v>
      </c>
      <c r="B10119" s="6">
        <v>205754</v>
      </c>
      <c r="C10119" s="6" t="s">
        <v>42</v>
      </c>
      <c r="D10119" s="6" t="s">
        <v>1617</v>
      </c>
      <c r="E10119" s="6">
        <v>17524</v>
      </c>
      <c r="F10119" s="6" t="s">
        <v>18</v>
      </c>
      <c r="G10119" s="6" t="s">
        <v>19578</v>
      </c>
      <c r="H10119" s="6" t="s">
        <v>19579</v>
      </c>
      <c r="I10119" s="7">
        <v>5.1116565999999999</v>
      </c>
      <c r="J10119" s="8">
        <v>-75.702443599999995</v>
      </c>
    </row>
    <row r="10120" spans="1:10" x14ac:dyDescent="0.35">
      <c r="A10120" s="5" t="s">
        <v>10</v>
      </c>
      <c r="B10120" s="6">
        <v>208942</v>
      </c>
      <c r="C10120" s="6" t="s">
        <v>24</v>
      </c>
      <c r="D10120" s="6" t="s">
        <v>1965</v>
      </c>
      <c r="E10120" s="6">
        <v>15276</v>
      </c>
      <c r="F10120" s="6" t="s">
        <v>2161</v>
      </c>
      <c r="G10120" s="6" t="s">
        <v>19580</v>
      </c>
      <c r="H10120" s="6" t="s">
        <v>19581</v>
      </c>
      <c r="I10120" s="7">
        <v>5.8630696999999996</v>
      </c>
      <c r="J10120" s="8">
        <v>-72.922432899999905</v>
      </c>
    </row>
    <row r="10121" spans="1:10" x14ac:dyDescent="0.35">
      <c r="A10121" s="5" t="s">
        <v>10</v>
      </c>
      <c r="B10121" s="6">
        <v>141694</v>
      </c>
      <c r="C10121" s="6" t="s">
        <v>11</v>
      </c>
      <c r="D10121" s="6" t="s">
        <v>337</v>
      </c>
      <c r="E10121" s="6">
        <v>25290</v>
      </c>
      <c r="F10121" s="6" t="s">
        <v>13</v>
      </c>
      <c r="G10121" s="6" t="s">
        <v>2585</v>
      </c>
      <c r="H10121" s="6" t="s">
        <v>2586</v>
      </c>
      <c r="I10121" s="7">
        <v>4.3432126000000002</v>
      </c>
      <c r="J10121" s="8">
        <v>-74.362621099999998</v>
      </c>
    </row>
    <row r="10122" spans="1:10" x14ac:dyDescent="0.35">
      <c r="A10122" s="5" t="s">
        <v>10</v>
      </c>
      <c r="B10122" s="6">
        <v>236286</v>
      </c>
      <c r="C10122" s="6" t="s">
        <v>117</v>
      </c>
      <c r="D10122" s="6" t="s">
        <v>1291</v>
      </c>
      <c r="E10122" s="6">
        <v>76834</v>
      </c>
      <c r="F10122" s="6" t="s">
        <v>13</v>
      </c>
      <c r="G10122" s="6" t="s">
        <v>19582</v>
      </c>
      <c r="H10122" s="6" t="s">
        <v>19583</v>
      </c>
      <c r="I10122" s="7">
        <v>4.0862289000000001</v>
      </c>
      <c r="J10122" s="8">
        <v>-76.196678899999995</v>
      </c>
    </row>
    <row r="10123" spans="1:10" x14ac:dyDescent="0.35">
      <c r="A10123" s="5" t="s">
        <v>10</v>
      </c>
      <c r="B10123" s="6">
        <v>236313</v>
      </c>
      <c r="C10123" s="6" t="s">
        <v>68</v>
      </c>
      <c r="D10123" s="6" t="s">
        <v>69</v>
      </c>
      <c r="E10123" s="6">
        <v>11001</v>
      </c>
      <c r="F10123" s="6" t="s">
        <v>13</v>
      </c>
      <c r="G10123" s="6" t="s">
        <v>19584</v>
      </c>
      <c r="H10123" s="6" t="s">
        <v>19585</v>
      </c>
      <c r="I10123" s="7">
        <v>4.6272856000000004</v>
      </c>
      <c r="J10123" s="8">
        <v>-74.1707538</v>
      </c>
    </row>
    <row r="10124" spans="1:10" x14ac:dyDescent="0.35">
      <c r="A10124" s="5" t="s">
        <v>10</v>
      </c>
      <c r="B10124" s="6">
        <v>246753</v>
      </c>
      <c r="C10124" s="6" t="s">
        <v>109</v>
      </c>
      <c r="D10124" s="6" t="s">
        <v>3469</v>
      </c>
      <c r="E10124" s="6">
        <v>13490</v>
      </c>
      <c r="F10124" s="6" t="s">
        <v>18</v>
      </c>
      <c r="G10124" s="6" t="s">
        <v>19586</v>
      </c>
      <c r="H10124" s="6" t="s">
        <v>19587</v>
      </c>
      <c r="I10124" s="7">
        <v>8.5274859999999997</v>
      </c>
      <c r="J10124" s="8">
        <v>-74.037004999999994</v>
      </c>
    </row>
    <row r="10125" spans="1:10" x14ac:dyDescent="0.35">
      <c r="A10125" s="5" t="s">
        <v>10</v>
      </c>
      <c r="B10125" s="6">
        <v>231702</v>
      </c>
      <c r="C10125" s="6" t="s">
        <v>28</v>
      </c>
      <c r="D10125" s="6" t="s">
        <v>153</v>
      </c>
      <c r="E10125" s="6">
        <v>54518</v>
      </c>
      <c r="F10125" s="6" t="s">
        <v>18</v>
      </c>
      <c r="G10125" s="6" t="s">
        <v>19588</v>
      </c>
      <c r="H10125" s="6" t="s">
        <v>19589</v>
      </c>
      <c r="I10125" s="7">
        <v>7.3727318000000004</v>
      </c>
      <c r="J10125" s="8">
        <v>-72.647708300000005</v>
      </c>
    </row>
    <row r="10126" spans="1:10" x14ac:dyDescent="0.35">
      <c r="A10126" s="5" t="s">
        <v>10</v>
      </c>
      <c r="B10126" s="6">
        <v>226440</v>
      </c>
      <c r="C10126" s="6" t="s">
        <v>42</v>
      </c>
      <c r="D10126" s="6" t="s">
        <v>46</v>
      </c>
      <c r="E10126" s="6">
        <v>17174</v>
      </c>
      <c r="F10126" s="6" t="s">
        <v>18</v>
      </c>
      <c r="G10126" s="6" t="s">
        <v>19590</v>
      </c>
      <c r="H10126" s="6" t="s">
        <v>19591</v>
      </c>
      <c r="I10126" s="7">
        <v>4.9796654</v>
      </c>
      <c r="J10126" s="8">
        <v>-75.604173299999999</v>
      </c>
    </row>
    <row r="10127" spans="1:10" x14ac:dyDescent="0.35">
      <c r="A10127" s="5" t="s">
        <v>10</v>
      </c>
      <c r="B10127" s="6">
        <v>229265</v>
      </c>
      <c r="C10127" s="6" t="s">
        <v>278</v>
      </c>
      <c r="D10127" s="6" t="s">
        <v>1331</v>
      </c>
      <c r="E10127" s="6">
        <v>50006</v>
      </c>
      <c r="F10127" s="6" t="s">
        <v>2161</v>
      </c>
      <c r="G10127" s="6" t="s">
        <v>19592</v>
      </c>
      <c r="H10127" s="6" t="s">
        <v>19593</v>
      </c>
      <c r="I10127" s="7">
        <v>3.99735</v>
      </c>
      <c r="J10127" s="8">
        <v>-73.763639999999995</v>
      </c>
    </row>
    <row r="10128" spans="1:10" x14ac:dyDescent="0.35">
      <c r="A10128" s="5" t="s">
        <v>10</v>
      </c>
      <c r="B10128" s="6">
        <v>141688</v>
      </c>
      <c r="C10128" s="6" t="s">
        <v>11</v>
      </c>
      <c r="D10128" s="6" t="s">
        <v>513</v>
      </c>
      <c r="E10128" s="6">
        <v>25286</v>
      </c>
      <c r="F10128" s="6" t="s">
        <v>13</v>
      </c>
      <c r="G10128" s="6" t="s">
        <v>1650</v>
      </c>
      <c r="H10128" s="6" t="s">
        <v>1651</v>
      </c>
      <c r="I10128" s="7">
        <v>4.7162769999999998</v>
      </c>
      <c r="J10128" s="8">
        <v>-74.213265300000003</v>
      </c>
    </row>
    <row r="10129" spans="1:10" x14ac:dyDescent="0.35">
      <c r="A10129" s="5" t="s">
        <v>10</v>
      </c>
      <c r="B10129" s="6">
        <v>230028</v>
      </c>
      <c r="C10129" s="6" t="s">
        <v>278</v>
      </c>
      <c r="D10129" s="6" t="s">
        <v>279</v>
      </c>
      <c r="E10129" s="6">
        <v>50001</v>
      </c>
      <c r="F10129" s="6" t="s">
        <v>13</v>
      </c>
      <c r="G10129" s="6" t="s">
        <v>19594</v>
      </c>
      <c r="H10129" s="6" t="s">
        <v>19595</v>
      </c>
      <c r="I10129" s="7">
        <v>4.1567014000000002</v>
      </c>
      <c r="J10129" s="8">
        <v>-73.6375563</v>
      </c>
    </row>
    <row r="10130" spans="1:10" x14ac:dyDescent="0.35">
      <c r="A10130" s="5" t="s">
        <v>10</v>
      </c>
      <c r="B10130" s="6">
        <v>197977</v>
      </c>
      <c r="C10130" s="6" t="s">
        <v>16</v>
      </c>
      <c r="D10130" s="6" t="s">
        <v>1266</v>
      </c>
      <c r="E10130" s="6">
        <v>68081</v>
      </c>
      <c r="F10130" s="6" t="s">
        <v>13</v>
      </c>
      <c r="G10130" s="6" t="s">
        <v>160</v>
      </c>
      <c r="H10130" s="6" t="s">
        <v>1472</v>
      </c>
      <c r="I10130" s="7">
        <v>7.0617084999999999</v>
      </c>
      <c r="J10130" s="8">
        <v>-73.851931899999997</v>
      </c>
    </row>
    <row r="10131" spans="1:10" x14ac:dyDescent="0.35">
      <c r="A10131" s="5" t="s">
        <v>10</v>
      </c>
      <c r="B10131" s="6">
        <v>225336</v>
      </c>
      <c r="C10131" s="6" t="s">
        <v>61</v>
      </c>
      <c r="D10131" s="6" t="s">
        <v>62</v>
      </c>
      <c r="E10131" s="6">
        <v>63001</v>
      </c>
      <c r="F10131" s="6" t="s">
        <v>13</v>
      </c>
      <c r="G10131" s="6" t="s">
        <v>19596</v>
      </c>
      <c r="H10131" s="6" t="s">
        <v>19597</v>
      </c>
      <c r="I10131" s="7">
        <v>4.5331678000000002</v>
      </c>
      <c r="J10131" s="8">
        <v>-75.673932399999998</v>
      </c>
    </row>
    <row r="10132" spans="1:10" x14ac:dyDescent="0.35">
      <c r="A10132" s="5" t="s">
        <v>10</v>
      </c>
      <c r="B10132" s="6">
        <v>215083</v>
      </c>
      <c r="C10132" s="6" t="s">
        <v>16</v>
      </c>
      <c r="D10132" s="6" t="s">
        <v>2730</v>
      </c>
      <c r="E10132" s="6">
        <v>68549</v>
      </c>
      <c r="F10132" s="6" t="s">
        <v>18</v>
      </c>
      <c r="G10132" s="6" t="s">
        <v>19598</v>
      </c>
      <c r="H10132" s="6" t="s">
        <v>7234</v>
      </c>
      <c r="I10132" s="7">
        <v>6.5416385000000004</v>
      </c>
      <c r="J10132" s="8">
        <v>-73.166127099999997</v>
      </c>
    </row>
    <row r="10133" spans="1:10" x14ac:dyDescent="0.35">
      <c r="A10133" s="5" t="s">
        <v>10</v>
      </c>
      <c r="B10133" s="6">
        <v>201204</v>
      </c>
      <c r="C10133" s="6" t="s">
        <v>4364</v>
      </c>
      <c r="D10133" s="6" t="s">
        <v>8441</v>
      </c>
      <c r="E10133" s="6">
        <v>70708</v>
      </c>
      <c r="F10133" s="6" t="s">
        <v>18</v>
      </c>
      <c r="G10133" s="6" t="s">
        <v>19599</v>
      </c>
      <c r="H10133" s="6" t="s">
        <v>19600</v>
      </c>
      <c r="I10133" s="7">
        <v>8.6805728000000002</v>
      </c>
      <c r="J10133" s="8">
        <v>-75.254373999999999</v>
      </c>
    </row>
    <row r="10134" spans="1:10" x14ac:dyDescent="0.35">
      <c r="A10134" s="5" t="s">
        <v>10</v>
      </c>
      <c r="B10134" s="6">
        <v>191696</v>
      </c>
      <c r="C10134" s="6" t="s">
        <v>24</v>
      </c>
      <c r="D10134" s="6" t="s">
        <v>2225</v>
      </c>
      <c r="E10134" s="6">
        <v>15248</v>
      </c>
      <c r="F10134" s="6" t="s">
        <v>18</v>
      </c>
      <c r="G10134" s="6" t="s">
        <v>17838</v>
      </c>
      <c r="H10134" s="6" t="s">
        <v>17839</v>
      </c>
      <c r="I10134" s="7">
        <v>6.4863999999999997</v>
      </c>
      <c r="J10134" s="8">
        <v>-72.432859999999906</v>
      </c>
    </row>
    <row r="10135" spans="1:10" x14ac:dyDescent="0.35">
      <c r="A10135" s="5" t="s">
        <v>10</v>
      </c>
      <c r="B10135" s="6">
        <v>240232</v>
      </c>
      <c r="C10135" s="6" t="s">
        <v>24</v>
      </c>
      <c r="D10135" s="6" t="s">
        <v>25</v>
      </c>
      <c r="E10135" s="6">
        <v>15322</v>
      </c>
      <c r="F10135" s="6" t="s">
        <v>18</v>
      </c>
      <c r="G10135" s="6" t="s">
        <v>19601</v>
      </c>
      <c r="H10135" s="6" t="s">
        <v>19602</v>
      </c>
      <c r="I10135" s="7">
        <v>5.0073635000000003</v>
      </c>
      <c r="J10135" s="8">
        <v>-73.474011599999997</v>
      </c>
    </row>
    <row r="10136" spans="1:10" x14ac:dyDescent="0.35">
      <c r="A10136" s="5" t="s">
        <v>10</v>
      </c>
      <c r="B10136" s="6">
        <v>228900</v>
      </c>
      <c r="C10136" s="6" t="s">
        <v>466</v>
      </c>
      <c r="D10136" s="6" t="s">
        <v>2069</v>
      </c>
      <c r="E10136" s="6">
        <v>81794</v>
      </c>
      <c r="F10136" s="6" t="s">
        <v>18</v>
      </c>
      <c r="G10136" s="6" t="s">
        <v>19603</v>
      </c>
      <c r="H10136" s="6" t="s">
        <v>19604</v>
      </c>
      <c r="I10136" s="7">
        <v>6.4653353999999998</v>
      </c>
      <c r="J10136" s="8">
        <v>-71.731673400000005</v>
      </c>
    </row>
    <row r="10137" spans="1:10" x14ac:dyDescent="0.35">
      <c r="A10137" s="5" t="s">
        <v>10</v>
      </c>
      <c r="B10137" s="6">
        <v>230934</v>
      </c>
      <c r="C10137" s="6" t="s">
        <v>42</v>
      </c>
      <c r="D10137" s="6" t="s">
        <v>43</v>
      </c>
      <c r="E10137" s="6">
        <v>17001</v>
      </c>
      <c r="F10137" s="6" t="s">
        <v>18</v>
      </c>
      <c r="G10137" s="6" t="s">
        <v>2793</v>
      </c>
      <c r="H10137" s="6" t="s">
        <v>19605</v>
      </c>
      <c r="I10137" s="7">
        <v>5.0473189999999999</v>
      </c>
      <c r="J10137" s="8">
        <v>-75.505647999999994</v>
      </c>
    </row>
    <row r="10138" spans="1:10" x14ac:dyDescent="0.35">
      <c r="A10138" s="5" t="s">
        <v>10</v>
      </c>
      <c r="B10138" s="6">
        <v>237335</v>
      </c>
      <c r="C10138" s="6" t="s">
        <v>117</v>
      </c>
      <c r="D10138" s="6" t="s">
        <v>3860</v>
      </c>
      <c r="E10138" s="6">
        <v>76130</v>
      </c>
      <c r="F10138" s="6" t="s">
        <v>18</v>
      </c>
      <c r="G10138" s="6" t="s">
        <v>19606</v>
      </c>
      <c r="H10138" s="6" t="s">
        <v>19607</v>
      </c>
      <c r="I10138" s="7">
        <v>3.4095713999999999</v>
      </c>
      <c r="J10138" s="8">
        <v>-76.349919700000001</v>
      </c>
    </row>
    <row r="10139" spans="1:10" x14ac:dyDescent="0.35">
      <c r="A10139" s="5" t="s">
        <v>10</v>
      </c>
      <c r="B10139" s="6">
        <v>225693</v>
      </c>
      <c r="C10139" s="6" t="s">
        <v>466</v>
      </c>
      <c r="D10139" s="6" t="s">
        <v>467</v>
      </c>
      <c r="E10139" s="6">
        <v>81736</v>
      </c>
      <c r="F10139" s="6" t="s">
        <v>2161</v>
      </c>
      <c r="G10139" s="6" t="s">
        <v>19608</v>
      </c>
      <c r="H10139" s="6" t="s">
        <v>19609</v>
      </c>
      <c r="I10139" s="7">
        <v>6.9617616999999896</v>
      </c>
      <c r="J10139" s="8">
        <v>-71.881526199999996</v>
      </c>
    </row>
    <row r="10140" spans="1:10" x14ac:dyDescent="0.35">
      <c r="A10140" s="5" t="s">
        <v>10</v>
      </c>
      <c r="B10140" s="6">
        <v>180536</v>
      </c>
      <c r="C10140" s="6" t="s">
        <v>68</v>
      </c>
      <c r="D10140" s="6" t="s">
        <v>69</v>
      </c>
      <c r="E10140" s="6">
        <v>11001</v>
      </c>
      <c r="F10140" s="6" t="s">
        <v>13</v>
      </c>
      <c r="G10140" s="6" t="s">
        <v>129</v>
      </c>
      <c r="H10140" s="6" t="s">
        <v>130</v>
      </c>
      <c r="I10140" s="7">
        <v>4.6966169999999998</v>
      </c>
      <c r="J10140" s="8">
        <v>-74.106278000000003</v>
      </c>
    </row>
    <row r="10141" spans="1:10" x14ac:dyDescent="0.35">
      <c r="A10141" s="5" t="s">
        <v>10</v>
      </c>
      <c r="B10141" s="6">
        <v>98769</v>
      </c>
      <c r="C10141" s="6" t="s">
        <v>294</v>
      </c>
      <c r="D10141" s="6" t="s">
        <v>4257</v>
      </c>
      <c r="E10141" s="6">
        <v>41524</v>
      </c>
      <c r="F10141" s="6" t="s">
        <v>13</v>
      </c>
      <c r="G10141" s="6" t="s">
        <v>544</v>
      </c>
      <c r="H10141" s="6" t="s">
        <v>19610</v>
      </c>
      <c r="I10141" s="7">
        <v>2.8883397999999998</v>
      </c>
      <c r="J10141" s="8">
        <v>-75.433850199999995</v>
      </c>
    </row>
    <row r="10142" spans="1:10" x14ac:dyDescent="0.35">
      <c r="A10142" s="5" t="s">
        <v>10</v>
      </c>
      <c r="B10142" s="6">
        <v>211642</v>
      </c>
      <c r="C10142" s="6" t="s">
        <v>11</v>
      </c>
      <c r="D10142" s="6" t="s">
        <v>251</v>
      </c>
      <c r="E10142" s="6">
        <v>25214</v>
      </c>
      <c r="F10142" s="6" t="s">
        <v>2161</v>
      </c>
      <c r="G10142" s="6" t="s">
        <v>19611</v>
      </c>
      <c r="H10142" s="6" t="s">
        <v>19612</v>
      </c>
      <c r="I10142" s="7">
        <v>4.8117774999999998</v>
      </c>
      <c r="J10142" s="8">
        <v>-74.100043900000003</v>
      </c>
    </row>
    <row r="10143" spans="1:10" x14ac:dyDescent="0.35">
      <c r="A10143" s="5" t="s">
        <v>10</v>
      </c>
      <c r="B10143" s="6">
        <v>218540</v>
      </c>
      <c r="C10143" s="6" t="s">
        <v>294</v>
      </c>
      <c r="D10143" s="6" t="s">
        <v>5252</v>
      </c>
      <c r="E10143" s="6">
        <v>41807</v>
      </c>
      <c r="F10143" s="6" t="s">
        <v>2161</v>
      </c>
      <c r="G10143" s="6" t="s">
        <v>19613</v>
      </c>
      <c r="H10143" s="6" t="s">
        <v>19614</v>
      </c>
      <c r="I10143" s="7">
        <v>2.9310068999999999</v>
      </c>
      <c r="J10143" s="8">
        <v>-75.290280899999999</v>
      </c>
    </row>
    <row r="10144" spans="1:10" x14ac:dyDescent="0.35">
      <c r="A10144" s="5" t="s">
        <v>10</v>
      </c>
      <c r="B10144" s="6">
        <v>224174</v>
      </c>
      <c r="C10144" s="6" t="s">
        <v>457</v>
      </c>
      <c r="D10144" s="6" t="s">
        <v>4400</v>
      </c>
      <c r="E10144" s="6">
        <v>52001</v>
      </c>
      <c r="F10144" s="6" t="s">
        <v>2161</v>
      </c>
      <c r="G10144" s="6" t="s">
        <v>19615</v>
      </c>
      <c r="H10144" s="6" t="s">
        <v>19616</v>
      </c>
      <c r="I10144" s="7">
        <v>1.2012852000000001</v>
      </c>
      <c r="J10144" s="8">
        <v>-77.26688</v>
      </c>
    </row>
    <row r="10145" spans="1:10" x14ac:dyDescent="0.35">
      <c r="A10145" s="5" t="s">
        <v>10</v>
      </c>
      <c r="B10145" s="6">
        <v>182676</v>
      </c>
      <c r="C10145" s="6" t="s">
        <v>38</v>
      </c>
      <c r="D10145" s="6" t="s">
        <v>11410</v>
      </c>
      <c r="E10145" s="6">
        <v>19807</v>
      </c>
      <c r="F10145" s="6" t="s">
        <v>13</v>
      </c>
      <c r="G10145" s="6" t="s">
        <v>19617</v>
      </c>
      <c r="H10145" s="6" t="s">
        <v>19618</v>
      </c>
      <c r="I10145" s="7">
        <v>2.3539048999999999</v>
      </c>
      <c r="J10145" s="8">
        <v>-76.6850874</v>
      </c>
    </row>
    <row r="10146" spans="1:10" x14ac:dyDescent="0.35">
      <c r="A10146" s="5" t="s">
        <v>10</v>
      </c>
      <c r="B10146" s="6">
        <v>143499</v>
      </c>
      <c r="C10146" s="6" t="s">
        <v>278</v>
      </c>
      <c r="D10146" s="6" t="s">
        <v>279</v>
      </c>
      <c r="E10146" s="6">
        <v>50001</v>
      </c>
      <c r="F10146" s="6" t="s">
        <v>13</v>
      </c>
      <c r="G10146" s="6" t="s">
        <v>18339</v>
      </c>
      <c r="H10146" s="6" t="s">
        <v>18340</v>
      </c>
      <c r="I10146" s="7">
        <v>4.1021460000000003</v>
      </c>
      <c r="J10146" s="8">
        <v>-73.651165000000006</v>
      </c>
    </row>
    <row r="10147" spans="1:10" x14ac:dyDescent="0.35">
      <c r="A10147" s="5" t="s">
        <v>10</v>
      </c>
      <c r="B10147" s="6">
        <v>206315</v>
      </c>
      <c r="C10147" s="6" t="s">
        <v>68</v>
      </c>
      <c r="D10147" s="6" t="s">
        <v>69</v>
      </c>
      <c r="E10147" s="6">
        <v>11001</v>
      </c>
      <c r="F10147" s="6" t="s">
        <v>13</v>
      </c>
      <c r="G10147" s="6" t="s">
        <v>2690</v>
      </c>
      <c r="H10147" s="6" t="s">
        <v>2691</v>
      </c>
      <c r="I10147" s="7">
        <v>4.6948641999999996</v>
      </c>
      <c r="J10147" s="8">
        <v>-74.085528100000005</v>
      </c>
    </row>
    <row r="10148" spans="1:10" x14ac:dyDescent="0.35">
      <c r="A10148" s="5" t="s">
        <v>10</v>
      </c>
      <c r="B10148" s="6">
        <v>225164</v>
      </c>
      <c r="C10148" s="6" t="s">
        <v>11</v>
      </c>
      <c r="D10148" s="6" t="s">
        <v>101</v>
      </c>
      <c r="E10148" s="6">
        <v>25473</v>
      </c>
      <c r="F10148" s="6" t="s">
        <v>18</v>
      </c>
      <c r="G10148" s="6" t="s">
        <v>19619</v>
      </c>
      <c r="H10148" s="6" t="s">
        <v>19620</v>
      </c>
      <c r="I10148" s="7">
        <v>4.7059888999999897</v>
      </c>
      <c r="J10148" s="8">
        <v>-74.236722799999995</v>
      </c>
    </row>
    <row r="10149" spans="1:10" x14ac:dyDescent="0.35">
      <c r="A10149" s="5" t="s">
        <v>10</v>
      </c>
      <c r="B10149" s="6">
        <v>229421</v>
      </c>
      <c r="C10149" s="6" t="s">
        <v>24</v>
      </c>
      <c r="D10149" s="6" t="s">
        <v>137</v>
      </c>
      <c r="E10149" s="6">
        <v>15238</v>
      </c>
      <c r="F10149" s="6" t="s">
        <v>18</v>
      </c>
      <c r="G10149" s="6" t="s">
        <v>19621</v>
      </c>
      <c r="H10149" s="6" t="s">
        <v>19622</v>
      </c>
      <c r="I10149" s="7">
        <v>5.8417243000000001</v>
      </c>
      <c r="J10149" s="8">
        <v>-73.027878700000002</v>
      </c>
    </row>
    <row r="10150" spans="1:10" x14ac:dyDescent="0.35">
      <c r="A10150" s="5" t="s">
        <v>10</v>
      </c>
      <c r="B10150" s="6">
        <v>138667</v>
      </c>
      <c r="C10150" s="6" t="s">
        <v>38</v>
      </c>
      <c r="D10150" s="6" t="s">
        <v>39</v>
      </c>
      <c r="E10150" s="6">
        <v>19001</v>
      </c>
      <c r="F10150" s="6" t="s">
        <v>18</v>
      </c>
      <c r="G10150" s="6" t="s">
        <v>19623</v>
      </c>
      <c r="H10150" s="6" t="s">
        <v>19624</v>
      </c>
      <c r="I10150" s="7">
        <v>2.4448143</v>
      </c>
      <c r="J10150" s="8">
        <v>-76.614739499999999</v>
      </c>
    </row>
    <row r="10151" spans="1:10" x14ac:dyDescent="0.35">
      <c r="A10151" s="5" t="s">
        <v>10</v>
      </c>
      <c r="B10151" s="6">
        <v>237961</v>
      </c>
      <c r="C10151" s="6" t="s">
        <v>278</v>
      </c>
      <c r="D10151" s="6" t="s">
        <v>279</v>
      </c>
      <c r="E10151" s="6">
        <v>50001</v>
      </c>
      <c r="F10151" s="6" t="s">
        <v>18</v>
      </c>
      <c r="G10151" s="6" t="s">
        <v>19625</v>
      </c>
      <c r="H10151" s="6" t="s">
        <v>19626</v>
      </c>
      <c r="I10151" s="7">
        <v>4.1388550999999998</v>
      </c>
      <c r="J10151" s="8">
        <v>-73.622620800000007</v>
      </c>
    </row>
    <row r="10152" spans="1:10" x14ac:dyDescent="0.35">
      <c r="A10152" s="5" t="s">
        <v>10</v>
      </c>
      <c r="B10152" s="6">
        <v>184120</v>
      </c>
      <c r="C10152" s="6" t="s">
        <v>68</v>
      </c>
      <c r="D10152" s="6" t="s">
        <v>69</v>
      </c>
      <c r="E10152" s="6">
        <v>11001</v>
      </c>
      <c r="F10152" s="6" t="s">
        <v>18</v>
      </c>
      <c r="G10152" s="6" t="s">
        <v>17705</v>
      </c>
      <c r="H10152" s="6" t="s">
        <v>17706</v>
      </c>
      <c r="I10152" s="7">
        <v>4.6856081999999999</v>
      </c>
      <c r="J10152" s="8">
        <v>-74.052892999999997</v>
      </c>
    </row>
    <row r="10153" spans="1:10" x14ac:dyDescent="0.35">
      <c r="A10153" s="5" t="s">
        <v>10</v>
      </c>
      <c r="B10153" s="6">
        <v>228208</v>
      </c>
      <c r="C10153" s="6" t="s">
        <v>551</v>
      </c>
      <c r="D10153" s="6" t="s">
        <v>977</v>
      </c>
      <c r="E10153" s="6">
        <v>20011</v>
      </c>
      <c r="F10153" s="6" t="s">
        <v>2161</v>
      </c>
      <c r="G10153" s="6" t="s">
        <v>19627</v>
      </c>
      <c r="H10153" s="6" t="s">
        <v>19628</v>
      </c>
      <c r="I10153" s="7">
        <v>8.3028528000000001</v>
      </c>
      <c r="J10153" s="8">
        <v>-73.616756999999893</v>
      </c>
    </row>
    <row r="10154" spans="1:10" x14ac:dyDescent="0.35">
      <c r="A10154" s="5" t="s">
        <v>10</v>
      </c>
      <c r="B10154" s="6">
        <v>229987</v>
      </c>
      <c r="C10154" s="6" t="s">
        <v>68</v>
      </c>
      <c r="D10154" s="6" t="s">
        <v>69</v>
      </c>
      <c r="E10154" s="6">
        <v>11001</v>
      </c>
      <c r="F10154" s="6" t="s">
        <v>2161</v>
      </c>
      <c r="G10154" s="6" t="s">
        <v>17187</v>
      </c>
      <c r="H10154" s="6" t="s">
        <v>19629</v>
      </c>
      <c r="I10154" s="7">
        <v>4.6101089999999996</v>
      </c>
      <c r="J10154" s="8">
        <v>-74.191486599999905</v>
      </c>
    </row>
    <row r="10155" spans="1:10" x14ac:dyDescent="0.35">
      <c r="A10155" s="5" t="s">
        <v>10</v>
      </c>
      <c r="B10155" s="6">
        <v>187083</v>
      </c>
      <c r="C10155" s="6" t="s">
        <v>68</v>
      </c>
      <c r="D10155" s="6" t="s">
        <v>69</v>
      </c>
      <c r="E10155" s="6">
        <v>11001</v>
      </c>
      <c r="F10155" s="6" t="s">
        <v>13</v>
      </c>
      <c r="G10155" s="6" t="s">
        <v>160</v>
      </c>
      <c r="H10155" s="6" t="s">
        <v>18024</v>
      </c>
      <c r="I10155" s="7">
        <v>4.6236037000000003</v>
      </c>
      <c r="J10155" s="8">
        <v>-74.148215399999998</v>
      </c>
    </row>
    <row r="10156" spans="1:10" x14ac:dyDescent="0.35">
      <c r="A10156" s="5" t="s">
        <v>10</v>
      </c>
      <c r="B10156" s="6">
        <v>141716</v>
      </c>
      <c r="C10156" s="6" t="s">
        <v>11</v>
      </c>
      <c r="D10156" s="6" t="s">
        <v>1294</v>
      </c>
      <c r="E10156" s="6">
        <v>25873</v>
      </c>
      <c r="F10156" s="6" t="s">
        <v>13</v>
      </c>
      <c r="G10156" s="6" t="s">
        <v>1527</v>
      </c>
      <c r="H10156" s="6" t="s">
        <v>1528</v>
      </c>
      <c r="I10156" s="7">
        <v>5.2138103999999998</v>
      </c>
      <c r="J10156" s="8">
        <v>-73.596881100000004</v>
      </c>
    </row>
    <row r="10157" spans="1:10" x14ac:dyDescent="0.35">
      <c r="A10157" s="5" t="s">
        <v>10</v>
      </c>
      <c r="B10157" s="6">
        <v>158369</v>
      </c>
      <c r="C10157" s="6" t="s">
        <v>94</v>
      </c>
      <c r="D10157" s="6" t="s">
        <v>98</v>
      </c>
      <c r="E10157" s="6">
        <v>66001</v>
      </c>
      <c r="F10157" s="6" t="s">
        <v>13</v>
      </c>
      <c r="G10157" s="6" t="s">
        <v>306</v>
      </c>
      <c r="H10157" s="6" t="s">
        <v>307</v>
      </c>
      <c r="I10157" s="7">
        <v>4.8058074</v>
      </c>
      <c r="J10157" s="8">
        <v>-75.694122800000002</v>
      </c>
    </row>
    <row r="10158" spans="1:10" x14ac:dyDescent="0.35">
      <c r="A10158" s="5" t="s">
        <v>10</v>
      </c>
      <c r="B10158" s="6">
        <v>223756</v>
      </c>
      <c r="C10158" s="6" t="s">
        <v>308</v>
      </c>
      <c r="D10158" s="6" t="s">
        <v>309</v>
      </c>
      <c r="E10158" s="6">
        <v>23001</v>
      </c>
      <c r="F10158" s="6" t="s">
        <v>13</v>
      </c>
      <c r="G10158" s="6" t="s">
        <v>19630</v>
      </c>
      <c r="H10158" s="6" t="s">
        <v>19631</v>
      </c>
      <c r="I10158" s="7">
        <v>8.7619629000000003</v>
      </c>
      <c r="J10158" s="8">
        <v>-75.873234600000004</v>
      </c>
    </row>
    <row r="10159" spans="1:10" x14ac:dyDescent="0.35">
      <c r="A10159" s="5" t="s">
        <v>10</v>
      </c>
      <c r="B10159" s="6">
        <v>225308</v>
      </c>
      <c r="C10159" s="6" t="s">
        <v>28</v>
      </c>
      <c r="D10159" s="6" t="s">
        <v>29</v>
      </c>
      <c r="E10159" s="6">
        <v>54001</v>
      </c>
      <c r="F10159" s="6" t="s">
        <v>13</v>
      </c>
      <c r="G10159" s="6" t="s">
        <v>19632</v>
      </c>
      <c r="H10159" s="6" t="s">
        <v>19633</v>
      </c>
      <c r="I10159" s="7">
        <v>7.9990619000000001</v>
      </c>
      <c r="J10159" s="8">
        <v>-72.425474300000005</v>
      </c>
    </row>
    <row r="10160" spans="1:10" x14ac:dyDescent="0.35">
      <c r="A10160" s="5" t="s">
        <v>10</v>
      </c>
      <c r="B10160" s="6">
        <v>207129</v>
      </c>
      <c r="C10160" s="6" t="s">
        <v>28</v>
      </c>
      <c r="D10160" s="6" t="s">
        <v>29</v>
      </c>
      <c r="E10160" s="6">
        <v>54001</v>
      </c>
      <c r="F10160" s="6" t="s">
        <v>18</v>
      </c>
      <c r="G10160" s="6" t="s">
        <v>19634</v>
      </c>
      <c r="H10160" s="6" t="s">
        <v>19635</v>
      </c>
      <c r="I10160" s="7">
        <v>7.8995297000000004</v>
      </c>
      <c r="J10160" s="8">
        <v>-72.500534900000005</v>
      </c>
    </row>
    <row r="10161" spans="1:10" x14ac:dyDescent="0.35">
      <c r="A10161" s="5" t="s">
        <v>10</v>
      </c>
      <c r="B10161" s="6">
        <v>226054</v>
      </c>
      <c r="C10161" s="6" t="s">
        <v>55</v>
      </c>
      <c r="D10161" s="6" t="s">
        <v>731</v>
      </c>
      <c r="E10161" s="6">
        <v>73268</v>
      </c>
      <c r="F10161" s="6" t="s">
        <v>2161</v>
      </c>
      <c r="G10161" s="6" t="s">
        <v>19636</v>
      </c>
      <c r="H10161" s="6" t="s">
        <v>19637</v>
      </c>
      <c r="I10161" s="7">
        <v>4.1455292999999998</v>
      </c>
      <c r="J10161" s="8">
        <v>-74.899380499999893</v>
      </c>
    </row>
    <row r="10162" spans="1:10" x14ac:dyDescent="0.35">
      <c r="A10162" s="5" t="s">
        <v>10</v>
      </c>
      <c r="B10162" s="6">
        <v>238764</v>
      </c>
      <c r="C10162" s="6" t="s">
        <v>457</v>
      </c>
      <c r="D10162" s="6" t="s">
        <v>12560</v>
      </c>
      <c r="E10162" s="6">
        <v>52207</v>
      </c>
      <c r="F10162" s="6" t="s">
        <v>2161</v>
      </c>
      <c r="G10162" s="6" t="s">
        <v>12561</v>
      </c>
      <c r="H10162" s="6" t="s">
        <v>19638</v>
      </c>
      <c r="I10162" s="7">
        <v>1.207624</v>
      </c>
      <c r="J10162" s="8">
        <v>-77.465658000000005</v>
      </c>
    </row>
    <row r="10163" spans="1:10" x14ac:dyDescent="0.35">
      <c r="A10163" s="5" t="s">
        <v>10</v>
      </c>
      <c r="B10163" s="6">
        <v>236322</v>
      </c>
      <c r="C10163" s="6" t="s">
        <v>302</v>
      </c>
      <c r="D10163" s="6" t="s">
        <v>9646</v>
      </c>
      <c r="E10163" s="6">
        <v>8606</v>
      </c>
      <c r="F10163" s="6" t="s">
        <v>2161</v>
      </c>
      <c r="G10163" s="6" t="s">
        <v>19639</v>
      </c>
      <c r="H10163" s="6" t="s">
        <v>19640</v>
      </c>
      <c r="I10163" s="7">
        <v>10.494762</v>
      </c>
      <c r="J10163" s="8">
        <v>-75.123705999999999</v>
      </c>
    </row>
    <row r="10164" spans="1:10" x14ac:dyDescent="0.35">
      <c r="A10164" s="5" t="s">
        <v>10</v>
      </c>
      <c r="B10164" s="6">
        <v>187083</v>
      </c>
      <c r="C10164" s="6" t="s">
        <v>68</v>
      </c>
      <c r="D10164" s="6" t="s">
        <v>69</v>
      </c>
      <c r="E10164" s="6">
        <v>11001</v>
      </c>
      <c r="F10164" s="6" t="s">
        <v>13</v>
      </c>
      <c r="G10164" s="6" t="s">
        <v>160</v>
      </c>
      <c r="H10164" s="6" t="s">
        <v>18024</v>
      </c>
      <c r="I10164" s="7">
        <v>4.6236037000000003</v>
      </c>
      <c r="J10164" s="8">
        <v>-74.148215399999998</v>
      </c>
    </row>
    <row r="10165" spans="1:10" x14ac:dyDescent="0.35">
      <c r="A10165" s="5" t="s">
        <v>10</v>
      </c>
      <c r="B10165" s="6">
        <v>141696</v>
      </c>
      <c r="C10165" s="6" t="s">
        <v>11</v>
      </c>
      <c r="D10165" s="6" t="s">
        <v>251</v>
      </c>
      <c r="E10165" s="6">
        <v>25214</v>
      </c>
      <c r="F10165" s="6" t="s">
        <v>13</v>
      </c>
      <c r="G10165" s="6" t="s">
        <v>17754</v>
      </c>
      <c r="H10165" s="6" t="s">
        <v>17755</v>
      </c>
      <c r="I10165" s="7">
        <v>4.8094359000000004</v>
      </c>
      <c r="J10165" s="8">
        <v>-74.101397700000007</v>
      </c>
    </row>
    <row r="10166" spans="1:10" x14ac:dyDescent="0.35">
      <c r="A10166" s="5" t="s">
        <v>10</v>
      </c>
      <c r="B10166" s="6">
        <v>141699</v>
      </c>
      <c r="C10166" s="6" t="s">
        <v>11</v>
      </c>
      <c r="D10166" s="6" t="s">
        <v>1547</v>
      </c>
      <c r="E10166" s="6">
        <v>25817</v>
      </c>
      <c r="F10166" s="6" t="s">
        <v>13</v>
      </c>
      <c r="G10166" s="6" t="s">
        <v>3451</v>
      </c>
      <c r="H10166" s="6" t="s">
        <v>3452</v>
      </c>
      <c r="I10166" s="7">
        <v>4.9650919</v>
      </c>
      <c r="J10166" s="8">
        <v>-73.912004400000001</v>
      </c>
    </row>
    <row r="10167" spans="1:10" x14ac:dyDescent="0.35">
      <c r="A10167" s="5" t="s">
        <v>10</v>
      </c>
      <c r="B10167" s="6">
        <v>189743</v>
      </c>
      <c r="C10167" s="6" t="s">
        <v>24</v>
      </c>
      <c r="D10167" s="6" t="s">
        <v>168</v>
      </c>
      <c r="E10167" s="6">
        <v>15572</v>
      </c>
      <c r="F10167" s="6" t="s">
        <v>13</v>
      </c>
      <c r="G10167" s="6" t="s">
        <v>19641</v>
      </c>
      <c r="H10167" s="6" t="s">
        <v>19642</v>
      </c>
      <c r="I10167" s="7">
        <v>5.9756767000000002</v>
      </c>
      <c r="J10167" s="8">
        <v>-74.5922391</v>
      </c>
    </row>
    <row r="10168" spans="1:10" x14ac:dyDescent="0.35">
      <c r="A10168" s="5" t="s">
        <v>10</v>
      </c>
      <c r="B10168" s="6">
        <v>184814</v>
      </c>
      <c r="C10168" s="6" t="s">
        <v>4364</v>
      </c>
      <c r="D10168" s="6" t="s">
        <v>4365</v>
      </c>
      <c r="E10168" s="6">
        <v>70001</v>
      </c>
      <c r="F10168" s="6" t="s">
        <v>13</v>
      </c>
      <c r="G10168" s="6" t="s">
        <v>160</v>
      </c>
      <c r="H10168" s="6" t="s">
        <v>18988</v>
      </c>
      <c r="I10168" s="7">
        <v>9.3008717000000001</v>
      </c>
      <c r="J10168" s="8">
        <v>-75.3969247</v>
      </c>
    </row>
    <row r="10169" spans="1:10" x14ac:dyDescent="0.35">
      <c r="A10169" s="5" t="s">
        <v>10</v>
      </c>
      <c r="B10169" s="6">
        <v>192317</v>
      </c>
      <c r="C10169" s="6" t="s">
        <v>55</v>
      </c>
      <c r="D10169" s="6" t="s">
        <v>5655</v>
      </c>
      <c r="E10169" s="6">
        <v>73168</v>
      </c>
      <c r="F10169" s="6" t="s">
        <v>18</v>
      </c>
      <c r="G10169" s="6" t="s">
        <v>18281</v>
      </c>
      <c r="H10169" s="6" t="s">
        <v>18282</v>
      </c>
      <c r="I10169" s="7">
        <v>3.7242044999999999</v>
      </c>
      <c r="J10169" s="8">
        <v>-75.484065299999997</v>
      </c>
    </row>
    <row r="10170" spans="1:10" x14ac:dyDescent="0.35">
      <c r="A10170" s="5" t="s">
        <v>10</v>
      </c>
      <c r="B10170" s="6">
        <v>206827</v>
      </c>
      <c r="C10170" s="6" t="s">
        <v>38</v>
      </c>
      <c r="D10170" s="6" t="s">
        <v>39</v>
      </c>
      <c r="E10170" s="6">
        <v>19001</v>
      </c>
      <c r="F10170" s="6" t="s">
        <v>18</v>
      </c>
      <c r="G10170" s="6" t="s">
        <v>19643</v>
      </c>
      <c r="H10170" s="6" t="s">
        <v>19644</v>
      </c>
      <c r="I10170" s="7">
        <v>2.4360732999999999</v>
      </c>
      <c r="J10170" s="8">
        <v>-76.613652599999995</v>
      </c>
    </row>
    <row r="10171" spans="1:10" x14ac:dyDescent="0.35">
      <c r="A10171" s="5" t="s">
        <v>10</v>
      </c>
      <c r="B10171" s="6">
        <v>227793</v>
      </c>
      <c r="C10171" s="6" t="s">
        <v>42</v>
      </c>
      <c r="D10171" s="6" t="s">
        <v>396</v>
      </c>
      <c r="E10171" s="6">
        <v>17380</v>
      </c>
      <c r="F10171" s="6" t="s">
        <v>18</v>
      </c>
      <c r="G10171" s="6" t="s">
        <v>19645</v>
      </c>
      <c r="H10171" s="6" t="s">
        <v>19646</v>
      </c>
      <c r="I10171" s="7">
        <v>5.472709</v>
      </c>
      <c r="J10171" s="8">
        <v>-74.667983999999905</v>
      </c>
    </row>
    <row r="10172" spans="1:10" x14ac:dyDescent="0.35">
      <c r="A10172" s="5" t="s">
        <v>10</v>
      </c>
      <c r="B10172" s="6">
        <v>163620</v>
      </c>
      <c r="C10172" s="6" t="s">
        <v>42</v>
      </c>
      <c r="D10172" s="6" t="s">
        <v>46</v>
      </c>
      <c r="E10172" s="6">
        <v>17174</v>
      </c>
      <c r="F10172" s="6" t="s">
        <v>18</v>
      </c>
      <c r="G10172" s="6" t="s">
        <v>47</v>
      </c>
      <c r="H10172" s="6" t="s">
        <v>48</v>
      </c>
      <c r="I10172" s="7">
        <v>4.9774967999999999</v>
      </c>
      <c r="J10172" s="8">
        <v>-75.606001399999997</v>
      </c>
    </row>
    <row r="10173" spans="1:10" x14ac:dyDescent="0.35">
      <c r="A10173" s="5" t="s">
        <v>10</v>
      </c>
      <c r="B10173" s="6">
        <v>212957</v>
      </c>
      <c r="C10173" s="6" t="s">
        <v>11</v>
      </c>
      <c r="D10173" s="6" t="s">
        <v>106</v>
      </c>
      <c r="E10173" s="6">
        <v>25843</v>
      </c>
      <c r="F10173" s="6" t="s">
        <v>2161</v>
      </c>
      <c r="G10173" s="6" t="s">
        <v>19647</v>
      </c>
      <c r="H10173" s="6" t="s">
        <v>19648</v>
      </c>
      <c r="I10173" s="7">
        <v>4.5896435999999996</v>
      </c>
      <c r="J10173" s="8">
        <v>-74.080320099999994</v>
      </c>
    </row>
    <row r="10174" spans="1:10" x14ac:dyDescent="0.35">
      <c r="A10174" s="5" t="s">
        <v>10</v>
      </c>
      <c r="B10174" s="6">
        <v>223389</v>
      </c>
      <c r="C10174" s="6" t="s">
        <v>68</v>
      </c>
      <c r="D10174" s="6" t="s">
        <v>69</v>
      </c>
      <c r="E10174" s="6">
        <v>11001</v>
      </c>
      <c r="F10174" s="6" t="s">
        <v>2161</v>
      </c>
      <c r="G10174" s="6" t="s">
        <v>19649</v>
      </c>
      <c r="H10174" s="6" t="s">
        <v>19650</v>
      </c>
      <c r="I10174" s="7">
        <v>4.6133838999999996</v>
      </c>
      <c r="J10174" s="8">
        <v>-74.164204599999906</v>
      </c>
    </row>
    <row r="10175" spans="1:10" x14ac:dyDescent="0.35">
      <c r="A10175" s="5" t="s">
        <v>10</v>
      </c>
      <c r="B10175" s="6">
        <v>217063</v>
      </c>
      <c r="C10175" s="6" t="s">
        <v>190</v>
      </c>
      <c r="D10175" s="6" t="s">
        <v>303</v>
      </c>
      <c r="E10175" s="6">
        <v>5628</v>
      </c>
      <c r="F10175" s="6" t="s">
        <v>2161</v>
      </c>
      <c r="G10175" s="6" t="s">
        <v>19651</v>
      </c>
      <c r="H10175" s="6" t="s">
        <v>19652</v>
      </c>
      <c r="I10175" s="7">
        <v>6.8497764999999999</v>
      </c>
      <c r="J10175" s="8">
        <v>-75.817232199999907</v>
      </c>
    </row>
    <row r="10176" spans="1:10" x14ac:dyDescent="0.35">
      <c r="A10176" s="5" t="s">
        <v>10</v>
      </c>
      <c r="B10176" s="6">
        <v>223803</v>
      </c>
      <c r="C10176" s="6" t="s">
        <v>551</v>
      </c>
      <c r="D10176" s="6" t="s">
        <v>3868</v>
      </c>
      <c r="E10176" s="6">
        <v>20001</v>
      </c>
      <c r="F10176" s="6" t="s">
        <v>13</v>
      </c>
      <c r="G10176" s="6" t="s">
        <v>19653</v>
      </c>
      <c r="H10176" s="6" t="s">
        <v>19654</v>
      </c>
      <c r="I10176" s="7">
        <v>10.494349400000001</v>
      </c>
      <c r="J10176" s="8">
        <v>-73.265041400000001</v>
      </c>
    </row>
    <row r="10177" spans="1:10" x14ac:dyDescent="0.35">
      <c r="A10177" s="5" t="s">
        <v>10</v>
      </c>
      <c r="B10177" s="6">
        <v>223797</v>
      </c>
      <c r="C10177" s="6" t="s">
        <v>302</v>
      </c>
      <c r="D10177" s="6" t="s">
        <v>359</v>
      </c>
      <c r="E10177" s="6">
        <v>8001</v>
      </c>
      <c r="F10177" s="6" t="s">
        <v>13</v>
      </c>
      <c r="G10177" s="6" t="s">
        <v>19655</v>
      </c>
      <c r="H10177" s="6" t="s">
        <v>19656</v>
      </c>
      <c r="I10177" s="7">
        <v>10.9904913</v>
      </c>
      <c r="J10177" s="8">
        <v>-74.789363600000001</v>
      </c>
    </row>
    <row r="10178" spans="1:10" x14ac:dyDescent="0.35">
      <c r="A10178" s="5" t="s">
        <v>10</v>
      </c>
      <c r="B10178" s="6">
        <v>246496</v>
      </c>
      <c r="C10178" s="6" t="s">
        <v>109</v>
      </c>
      <c r="D10178" s="6" t="s">
        <v>227</v>
      </c>
      <c r="E10178" s="6">
        <v>13001</v>
      </c>
      <c r="F10178" s="6" t="s">
        <v>18</v>
      </c>
      <c r="G10178" s="6" t="s">
        <v>19657</v>
      </c>
      <c r="H10178" s="6" t="s">
        <v>19658</v>
      </c>
      <c r="I10178" s="7">
        <v>10.398683</v>
      </c>
      <c r="J10178" s="8">
        <v>-75.493877999999995</v>
      </c>
    </row>
    <row r="10179" spans="1:10" x14ac:dyDescent="0.35">
      <c r="A10179" s="5" t="s">
        <v>10</v>
      </c>
      <c r="B10179" s="6">
        <v>237560</v>
      </c>
      <c r="C10179" s="6" t="s">
        <v>55</v>
      </c>
      <c r="D10179" s="6" t="s">
        <v>19659</v>
      </c>
      <c r="E10179" s="6">
        <v>73624</v>
      </c>
      <c r="F10179" s="6" t="s">
        <v>18</v>
      </c>
      <c r="G10179" s="6" t="s">
        <v>19660</v>
      </c>
      <c r="H10179" s="6" t="s">
        <v>19661</v>
      </c>
      <c r="I10179" s="7">
        <v>4.2407700000000004</v>
      </c>
      <c r="J10179" s="8">
        <v>-75.240418700000006</v>
      </c>
    </row>
    <row r="10180" spans="1:10" x14ac:dyDescent="0.35">
      <c r="A10180" s="5" t="s">
        <v>10</v>
      </c>
      <c r="B10180" s="6">
        <v>240370</v>
      </c>
      <c r="C10180" s="6" t="s">
        <v>24</v>
      </c>
      <c r="D10180" s="6" t="s">
        <v>1856</v>
      </c>
      <c r="E10180" s="6">
        <v>15480</v>
      </c>
      <c r="F10180" s="6" t="s">
        <v>18</v>
      </c>
      <c r="G10180" s="6" t="s">
        <v>19662</v>
      </c>
      <c r="H10180" s="6" t="s">
        <v>19663</v>
      </c>
      <c r="I10180" s="7">
        <v>5.5316289999999997</v>
      </c>
      <c r="J10180" s="8">
        <v>-74.103015999999997</v>
      </c>
    </row>
    <row r="10181" spans="1:10" x14ac:dyDescent="0.35">
      <c r="A10181" s="5" t="s">
        <v>10</v>
      </c>
      <c r="B10181" s="6">
        <v>245701</v>
      </c>
      <c r="C10181" s="6" t="s">
        <v>28</v>
      </c>
      <c r="D10181" s="6" t="s">
        <v>29</v>
      </c>
      <c r="E10181" s="6">
        <v>54001</v>
      </c>
      <c r="F10181" s="6" t="s">
        <v>18</v>
      </c>
      <c r="G10181" s="6" t="s">
        <v>19664</v>
      </c>
      <c r="H10181" s="6" t="s">
        <v>19665</v>
      </c>
      <c r="I10181" s="7">
        <v>7.9059176000000004</v>
      </c>
      <c r="J10181" s="8">
        <v>-72.539049199999994</v>
      </c>
    </row>
    <row r="10182" spans="1:10" x14ac:dyDescent="0.35">
      <c r="A10182" s="5" t="s">
        <v>10</v>
      </c>
      <c r="B10182" s="6">
        <v>167409</v>
      </c>
      <c r="C10182" s="6" t="s">
        <v>11</v>
      </c>
      <c r="D10182" s="6" t="s">
        <v>65</v>
      </c>
      <c r="E10182" s="6">
        <v>25572</v>
      </c>
      <c r="F10182" s="6" t="s">
        <v>18</v>
      </c>
      <c r="G10182" s="6" t="s">
        <v>3377</v>
      </c>
      <c r="H10182" s="6" t="s">
        <v>3378</v>
      </c>
      <c r="I10182" s="7">
        <v>5.4674139999999998</v>
      </c>
      <c r="J10182" s="8">
        <v>-74.652692999999999</v>
      </c>
    </row>
    <row r="10183" spans="1:10" x14ac:dyDescent="0.35">
      <c r="A10183" s="5" t="s">
        <v>10</v>
      </c>
      <c r="B10183" s="6">
        <v>209534</v>
      </c>
      <c r="C10183" s="6" t="s">
        <v>457</v>
      </c>
      <c r="D10183" s="6" t="s">
        <v>15027</v>
      </c>
      <c r="E10183" s="6">
        <v>52240</v>
      </c>
      <c r="F10183" s="6" t="s">
        <v>2161</v>
      </c>
      <c r="G10183" s="6" t="s">
        <v>19666</v>
      </c>
      <c r="H10183" s="6" t="s">
        <v>19667</v>
      </c>
      <c r="I10183" s="7">
        <v>1.359869</v>
      </c>
      <c r="J10183" s="8">
        <v>-77.282840999999905</v>
      </c>
    </row>
    <row r="10184" spans="1:10" x14ac:dyDescent="0.35">
      <c r="A10184" s="5" t="s">
        <v>10</v>
      </c>
      <c r="B10184" s="6">
        <v>230720</v>
      </c>
      <c r="C10184" s="6" t="s">
        <v>4364</v>
      </c>
      <c r="D10184" s="6" t="s">
        <v>4365</v>
      </c>
      <c r="E10184" s="6">
        <v>70001</v>
      </c>
      <c r="F10184" s="6" t="s">
        <v>2161</v>
      </c>
      <c r="G10184" s="6" t="s">
        <v>19668</v>
      </c>
      <c r="H10184" s="6" t="s">
        <v>19669</v>
      </c>
      <c r="I10184" s="7">
        <v>9.3098694999999996</v>
      </c>
      <c r="J10184" s="8">
        <v>-75.396550099999999</v>
      </c>
    </row>
    <row r="10185" spans="1:10" x14ac:dyDescent="0.35">
      <c r="A10185" s="5" t="s">
        <v>10</v>
      </c>
      <c r="B10185" s="6">
        <v>215452</v>
      </c>
      <c r="C10185" s="6" t="s">
        <v>11</v>
      </c>
      <c r="D10185" s="6" t="s">
        <v>4073</v>
      </c>
      <c r="E10185" s="6">
        <v>25740</v>
      </c>
      <c r="F10185" s="6" t="s">
        <v>2161</v>
      </c>
      <c r="G10185" s="6" t="s">
        <v>19670</v>
      </c>
      <c r="H10185" s="6" t="s">
        <v>19671</v>
      </c>
      <c r="I10185" s="7">
        <v>4.4911960000000004</v>
      </c>
      <c r="J10185" s="8">
        <v>-74.259377099999995</v>
      </c>
    </row>
    <row r="10186" spans="1:10" x14ac:dyDescent="0.35">
      <c r="A10186" s="5" t="s">
        <v>10</v>
      </c>
      <c r="B10186" s="6">
        <v>209540</v>
      </c>
      <c r="C10186" s="6" t="s">
        <v>2821</v>
      </c>
      <c r="D10186" s="6" t="s">
        <v>1524</v>
      </c>
      <c r="E10186" s="6">
        <v>47318</v>
      </c>
      <c r="F10186" s="6" t="s">
        <v>2161</v>
      </c>
      <c r="G10186" s="6" t="s">
        <v>19672</v>
      </c>
      <c r="H10186" s="6" t="s">
        <v>19673</v>
      </c>
      <c r="I10186" s="7">
        <v>9.1445270000000001</v>
      </c>
      <c r="J10186" s="8">
        <v>-74.226293999999996</v>
      </c>
    </row>
    <row r="10187" spans="1:10" x14ac:dyDescent="0.35">
      <c r="A10187" s="5" t="s">
        <v>10</v>
      </c>
      <c r="B10187" s="6">
        <v>141688</v>
      </c>
      <c r="C10187" s="6" t="s">
        <v>11</v>
      </c>
      <c r="D10187" s="6" t="s">
        <v>513</v>
      </c>
      <c r="E10187" s="6">
        <v>25286</v>
      </c>
      <c r="F10187" s="6" t="s">
        <v>13</v>
      </c>
      <c r="G10187" s="6" t="s">
        <v>1650</v>
      </c>
      <c r="H10187" s="6" t="s">
        <v>1651</v>
      </c>
      <c r="I10187" s="7">
        <v>4.7162769999999998</v>
      </c>
      <c r="J10187" s="8">
        <v>-74.213265300000003</v>
      </c>
    </row>
    <row r="10188" spans="1:10" x14ac:dyDescent="0.35">
      <c r="A10188" s="5" t="s">
        <v>10</v>
      </c>
      <c r="B10188" s="6">
        <v>181077</v>
      </c>
      <c r="C10188" s="6" t="s">
        <v>16</v>
      </c>
      <c r="D10188" s="6" t="s">
        <v>224</v>
      </c>
      <c r="E10188" s="6">
        <v>68755</v>
      </c>
      <c r="F10188" s="6" t="s">
        <v>18</v>
      </c>
      <c r="G10188" s="6" t="s">
        <v>19674</v>
      </c>
      <c r="H10188" s="6" t="s">
        <v>19675</v>
      </c>
      <c r="I10188" s="7">
        <v>7.1200134999999998</v>
      </c>
      <c r="J10188" s="8">
        <v>-73.127584400000003</v>
      </c>
    </row>
    <row r="10189" spans="1:10" x14ac:dyDescent="0.35">
      <c r="A10189" s="5" t="s">
        <v>10</v>
      </c>
      <c r="B10189" s="6">
        <v>155899</v>
      </c>
      <c r="C10189" s="6" t="s">
        <v>38</v>
      </c>
      <c r="D10189" s="6" t="s">
        <v>39</v>
      </c>
      <c r="E10189" s="6">
        <v>19001</v>
      </c>
      <c r="F10189" s="6" t="s">
        <v>18</v>
      </c>
      <c r="G10189" s="6" t="s">
        <v>19676</v>
      </c>
      <c r="H10189" s="6" t="s">
        <v>19677</v>
      </c>
      <c r="I10189" s="7">
        <v>2.4476791000000002</v>
      </c>
      <c r="J10189" s="8">
        <v>-76.625363899999996</v>
      </c>
    </row>
    <row r="10190" spans="1:10" x14ac:dyDescent="0.35">
      <c r="A10190" s="5" t="s">
        <v>10</v>
      </c>
      <c r="B10190" s="6">
        <v>172888</v>
      </c>
      <c r="C10190" s="6" t="s">
        <v>61</v>
      </c>
      <c r="D10190" s="6" t="s">
        <v>19055</v>
      </c>
      <c r="E10190" s="6">
        <v>63690</v>
      </c>
      <c r="F10190" s="6" t="s">
        <v>18</v>
      </c>
      <c r="G10190" s="6" t="s">
        <v>19678</v>
      </c>
      <c r="H10190" s="6" t="s">
        <v>19679</v>
      </c>
      <c r="I10190" s="7">
        <v>4.637365</v>
      </c>
      <c r="J10190" s="8">
        <v>-75.570310699999993</v>
      </c>
    </row>
    <row r="10191" spans="1:10" x14ac:dyDescent="0.35">
      <c r="A10191" s="5" t="s">
        <v>10</v>
      </c>
      <c r="B10191" s="6">
        <v>219097</v>
      </c>
      <c r="C10191" s="6" t="s">
        <v>278</v>
      </c>
      <c r="D10191" s="6" t="s">
        <v>279</v>
      </c>
      <c r="E10191" s="6">
        <v>50001</v>
      </c>
      <c r="F10191" s="6" t="s">
        <v>18</v>
      </c>
      <c r="G10191" s="6" t="s">
        <v>186</v>
      </c>
      <c r="H10191" s="6" t="s">
        <v>19680</v>
      </c>
      <c r="I10191" s="7">
        <v>4.1435512000000001</v>
      </c>
      <c r="J10191" s="8">
        <v>-73.610133199999893</v>
      </c>
    </row>
    <row r="10192" spans="1:10" x14ac:dyDescent="0.35">
      <c r="A10192" s="5" t="s">
        <v>10</v>
      </c>
      <c r="B10192" s="6">
        <v>212136</v>
      </c>
      <c r="C10192" s="6" t="s">
        <v>457</v>
      </c>
      <c r="D10192" s="6" t="s">
        <v>14502</v>
      </c>
      <c r="E10192" s="6">
        <v>52051</v>
      </c>
      <c r="F10192" s="6" t="s">
        <v>2161</v>
      </c>
      <c r="G10192" s="6" t="s">
        <v>19681</v>
      </c>
      <c r="H10192" s="6" t="s">
        <v>19682</v>
      </c>
      <c r="I10192" s="7">
        <v>1.3666799000000001</v>
      </c>
      <c r="J10192" s="8">
        <v>-77.416699999999906</v>
      </c>
    </row>
    <row r="10193" spans="1:10" x14ac:dyDescent="0.35">
      <c r="A10193" s="5" t="s">
        <v>10</v>
      </c>
      <c r="B10193" s="6">
        <v>231178</v>
      </c>
      <c r="C10193" s="6" t="s">
        <v>68</v>
      </c>
      <c r="D10193" s="6" t="s">
        <v>69</v>
      </c>
      <c r="E10193" s="6">
        <v>11001</v>
      </c>
      <c r="F10193" s="6" t="s">
        <v>2161</v>
      </c>
      <c r="G10193" s="6" t="s">
        <v>19683</v>
      </c>
      <c r="H10193" s="6" t="s">
        <v>19684</v>
      </c>
      <c r="I10193" s="7">
        <v>4.7258192000000001</v>
      </c>
      <c r="J10193" s="8">
        <v>-74.098184799999999</v>
      </c>
    </row>
    <row r="10194" spans="1:10" x14ac:dyDescent="0.35">
      <c r="A10194" s="5" t="s">
        <v>10</v>
      </c>
      <c r="B10194" s="6">
        <v>231918</v>
      </c>
      <c r="C10194" s="6" t="s">
        <v>11</v>
      </c>
      <c r="D10194" s="6" t="s">
        <v>12</v>
      </c>
      <c r="E10194" s="6">
        <v>25899</v>
      </c>
      <c r="F10194" s="6" t="s">
        <v>2161</v>
      </c>
      <c r="G10194" s="6" t="s">
        <v>19685</v>
      </c>
      <c r="H10194" s="6" t="s">
        <v>19686</v>
      </c>
      <c r="I10194" s="7">
        <v>5.0347267000000002</v>
      </c>
      <c r="J10194" s="8">
        <v>-73.980694799999995</v>
      </c>
    </row>
    <row r="10195" spans="1:10" x14ac:dyDescent="0.35">
      <c r="A10195" s="5" t="s">
        <v>10</v>
      </c>
      <c r="B10195" s="6">
        <v>239501</v>
      </c>
      <c r="C10195" s="6" t="s">
        <v>11</v>
      </c>
      <c r="D10195" s="6" t="s">
        <v>334</v>
      </c>
      <c r="E10195" s="6">
        <v>25754</v>
      </c>
      <c r="F10195" s="6" t="s">
        <v>2161</v>
      </c>
      <c r="G10195" s="6" t="s">
        <v>19687</v>
      </c>
      <c r="H10195" s="6" t="s">
        <v>19688</v>
      </c>
      <c r="I10195" s="7">
        <v>4.5783638</v>
      </c>
      <c r="J10195" s="8">
        <v>-74.217325500000001</v>
      </c>
    </row>
    <row r="10196" spans="1:10" x14ac:dyDescent="0.35">
      <c r="A10196" s="5" t="s">
        <v>10</v>
      </c>
      <c r="B10196" s="6">
        <v>41248</v>
      </c>
      <c r="C10196" s="6" t="s">
        <v>308</v>
      </c>
      <c r="D10196" s="6" t="s">
        <v>309</v>
      </c>
      <c r="E10196" s="6">
        <v>23001</v>
      </c>
      <c r="F10196" s="6" t="s">
        <v>13</v>
      </c>
      <c r="G10196" s="6" t="s">
        <v>19689</v>
      </c>
      <c r="H10196" s="6" t="s">
        <v>19690</v>
      </c>
      <c r="I10196" s="7">
        <v>8.9514929999999993</v>
      </c>
      <c r="J10196" s="8">
        <v>-75.447627900000001</v>
      </c>
    </row>
    <row r="10197" spans="1:10" x14ac:dyDescent="0.35">
      <c r="A10197" s="5" t="s">
        <v>10</v>
      </c>
      <c r="B10197" s="6">
        <v>41253</v>
      </c>
      <c r="C10197" s="6" t="s">
        <v>308</v>
      </c>
      <c r="D10197" s="6" t="s">
        <v>309</v>
      </c>
      <c r="E10197" s="6">
        <v>23001</v>
      </c>
      <c r="F10197" s="6" t="s">
        <v>13</v>
      </c>
      <c r="G10197" s="6" t="s">
        <v>17867</v>
      </c>
      <c r="H10197" s="6" t="s">
        <v>17868</v>
      </c>
      <c r="I10197" s="7">
        <v>8.7394934000000006</v>
      </c>
      <c r="J10197" s="8">
        <v>-75.871277500000005</v>
      </c>
    </row>
    <row r="10198" spans="1:10" x14ac:dyDescent="0.35">
      <c r="A10198" s="5" t="s">
        <v>10</v>
      </c>
      <c r="B10198" s="6">
        <v>199684</v>
      </c>
      <c r="C10198" s="6" t="s">
        <v>68</v>
      </c>
      <c r="D10198" s="6" t="s">
        <v>69</v>
      </c>
      <c r="E10198" s="6">
        <v>11001</v>
      </c>
      <c r="F10198" s="6" t="s">
        <v>13</v>
      </c>
      <c r="G10198" s="6" t="s">
        <v>2049</v>
      </c>
      <c r="H10198" s="6" t="s">
        <v>2050</v>
      </c>
      <c r="I10198" s="7">
        <v>4.6418299000000003</v>
      </c>
      <c r="J10198" s="8">
        <v>-74.154884999999993</v>
      </c>
    </row>
    <row r="10199" spans="1:10" x14ac:dyDescent="0.35">
      <c r="A10199" s="5" t="s">
        <v>10</v>
      </c>
      <c r="B10199" s="6">
        <v>233342</v>
      </c>
      <c r="C10199" s="6" t="s">
        <v>457</v>
      </c>
      <c r="D10199" s="6" t="s">
        <v>4400</v>
      </c>
      <c r="E10199" s="6">
        <v>52001</v>
      </c>
      <c r="F10199" s="6" t="s">
        <v>13</v>
      </c>
      <c r="G10199" s="6" t="s">
        <v>19691</v>
      </c>
      <c r="H10199" s="6" t="s">
        <v>19692</v>
      </c>
      <c r="I10199" s="7">
        <v>1.2150609000000001</v>
      </c>
      <c r="J10199" s="8">
        <v>-77.275855199999995</v>
      </c>
    </row>
    <row r="10200" spans="1:10" x14ac:dyDescent="0.35">
      <c r="A10200" s="5" t="s">
        <v>10</v>
      </c>
      <c r="B10200" s="6">
        <v>141698</v>
      </c>
      <c r="C10200" s="6" t="s">
        <v>11</v>
      </c>
      <c r="D10200" s="6" t="s">
        <v>1755</v>
      </c>
      <c r="E10200" s="6">
        <v>25001</v>
      </c>
      <c r="F10200" s="6" t="s">
        <v>13</v>
      </c>
      <c r="G10200" s="6" t="s">
        <v>1756</v>
      </c>
      <c r="H10200" s="6" t="s">
        <v>1757</v>
      </c>
      <c r="I10200" s="7">
        <v>4.3766334000000002</v>
      </c>
      <c r="J10200" s="8">
        <v>-74.669945499999997</v>
      </c>
    </row>
    <row r="10201" spans="1:10" x14ac:dyDescent="0.35">
      <c r="A10201" s="5" t="s">
        <v>10</v>
      </c>
      <c r="B10201" s="6">
        <v>98777</v>
      </c>
      <c r="C10201" s="6" t="s">
        <v>294</v>
      </c>
      <c r="D10201" s="6" t="s">
        <v>10300</v>
      </c>
      <c r="E10201" s="6">
        <v>41357</v>
      </c>
      <c r="F10201" s="6" t="s">
        <v>13</v>
      </c>
      <c r="G10201" s="6" t="s">
        <v>544</v>
      </c>
      <c r="H10201" s="6" t="s">
        <v>19693</v>
      </c>
      <c r="I10201" s="7">
        <v>2.9234711999999998</v>
      </c>
      <c r="J10201" s="8">
        <v>-75.285388900000001</v>
      </c>
    </row>
    <row r="10202" spans="1:10" x14ac:dyDescent="0.35">
      <c r="A10202" s="5" t="s">
        <v>10</v>
      </c>
      <c r="B10202" s="6">
        <v>155561</v>
      </c>
      <c r="C10202" s="6" t="s">
        <v>24</v>
      </c>
      <c r="D10202" s="6" t="s">
        <v>88</v>
      </c>
      <c r="E10202" s="6">
        <v>15001</v>
      </c>
      <c r="F10202" s="6" t="s">
        <v>18</v>
      </c>
      <c r="G10202" s="6" t="s">
        <v>514</v>
      </c>
      <c r="H10202" s="6" t="s">
        <v>19694</v>
      </c>
      <c r="I10202" s="7">
        <v>5.5309724999999998</v>
      </c>
      <c r="J10202" s="8">
        <v>-73.364684400000002</v>
      </c>
    </row>
    <row r="10203" spans="1:10" x14ac:dyDescent="0.35">
      <c r="A10203" s="5" t="s">
        <v>10</v>
      </c>
      <c r="B10203" s="6">
        <v>221070</v>
      </c>
      <c r="C10203" s="6" t="s">
        <v>16</v>
      </c>
      <c r="D10203" s="6" t="s">
        <v>17</v>
      </c>
      <c r="E10203" s="6">
        <v>68679</v>
      </c>
      <c r="F10203" s="6" t="s">
        <v>18</v>
      </c>
      <c r="G10203" s="6" t="s">
        <v>19695</v>
      </c>
      <c r="H10203" s="6" t="s">
        <v>19696</v>
      </c>
      <c r="I10203" s="7">
        <v>6.5555091000000001</v>
      </c>
      <c r="J10203" s="8">
        <v>-73.145015999999998</v>
      </c>
    </row>
    <row r="10204" spans="1:10" x14ac:dyDescent="0.35">
      <c r="A10204" s="5" t="s">
        <v>10</v>
      </c>
      <c r="B10204" s="6">
        <v>222396</v>
      </c>
      <c r="C10204" s="6" t="s">
        <v>24</v>
      </c>
      <c r="D10204" s="6" t="s">
        <v>8811</v>
      </c>
      <c r="E10204" s="6">
        <v>15690</v>
      </c>
      <c r="F10204" s="6" t="s">
        <v>18</v>
      </c>
      <c r="G10204" s="6" t="s">
        <v>19697</v>
      </c>
      <c r="H10204" s="6" t="s">
        <v>19698</v>
      </c>
      <c r="I10204" s="7">
        <v>5.4545110000000001</v>
      </c>
      <c r="J10204" s="8">
        <v>-73.362003000000001</v>
      </c>
    </row>
    <row r="10205" spans="1:10" x14ac:dyDescent="0.35">
      <c r="A10205" s="5" t="s">
        <v>10</v>
      </c>
      <c r="B10205" s="6">
        <v>228784</v>
      </c>
      <c r="C10205" s="6" t="s">
        <v>302</v>
      </c>
      <c r="D10205" s="6" t="s">
        <v>359</v>
      </c>
      <c r="E10205" s="6">
        <v>8001</v>
      </c>
      <c r="F10205" s="6" t="s">
        <v>2161</v>
      </c>
      <c r="G10205" s="6" t="s">
        <v>19699</v>
      </c>
      <c r="H10205" s="6" t="s">
        <v>19700</v>
      </c>
      <c r="I10205" s="7">
        <v>10.9585943</v>
      </c>
      <c r="J10205" s="8">
        <v>-74.831739499999998</v>
      </c>
    </row>
    <row r="10206" spans="1:10" x14ac:dyDescent="0.35">
      <c r="A10206" s="5" t="s">
        <v>10</v>
      </c>
      <c r="B10206" s="6">
        <v>229973</v>
      </c>
      <c r="C10206" s="6" t="s">
        <v>68</v>
      </c>
      <c r="D10206" s="6" t="s">
        <v>69</v>
      </c>
      <c r="E10206" s="6">
        <v>11001</v>
      </c>
      <c r="F10206" s="6" t="s">
        <v>2161</v>
      </c>
      <c r="G10206" s="6" t="s">
        <v>19701</v>
      </c>
      <c r="H10206" s="6" t="s">
        <v>19702</v>
      </c>
      <c r="I10206" s="7">
        <v>4.5968707000000002</v>
      </c>
      <c r="J10206" s="8">
        <v>-74.141728200000003</v>
      </c>
    </row>
    <row r="10207" spans="1:10" x14ac:dyDescent="0.35">
      <c r="A10207" s="5" t="s">
        <v>10</v>
      </c>
      <c r="B10207" s="6">
        <v>169661</v>
      </c>
      <c r="C10207" s="6" t="s">
        <v>68</v>
      </c>
      <c r="D10207" s="6" t="s">
        <v>69</v>
      </c>
      <c r="E10207" s="6">
        <v>11001</v>
      </c>
      <c r="F10207" s="6" t="s">
        <v>13</v>
      </c>
      <c r="G10207" s="6" t="s">
        <v>1087</v>
      </c>
      <c r="H10207" s="6" t="s">
        <v>18163</v>
      </c>
      <c r="I10207" s="7">
        <v>4.6626272000000002</v>
      </c>
      <c r="J10207" s="8">
        <v>-74.065611500000003</v>
      </c>
    </row>
    <row r="10208" spans="1:10" x14ac:dyDescent="0.35">
      <c r="A10208" s="5" t="s">
        <v>10</v>
      </c>
      <c r="B10208" s="6">
        <v>199976</v>
      </c>
      <c r="C10208" s="6" t="s">
        <v>24</v>
      </c>
      <c r="D10208" s="6" t="s">
        <v>88</v>
      </c>
      <c r="E10208" s="6">
        <v>15001</v>
      </c>
      <c r="F10208" s="6" t="s">
        <v>18</v>
      </c>
      <c r="G10208" s="6" t="s">
        <v>19703</v>
      </c>
      <c r="H10208" s="6" t="s">
        <v>19704</v>
      </c>
      <c r="I10208" s="7">
        <v>5.5181108999999999</v>
      </c>
      <c r="J10208" s="8">
        <v>-73.360239399999998</v>
      </c>
    </row>
    <row r="10209" spans="1:10" x14ac:dyDescent="0.35">
      <c r="A10209" s="5" t="s">
        <v>10</v>
      </c>
      <c r="B10209" s="6">
        <v>165744</v>
      </c>
      <c r="C10209" s="6" t="s">
        <v>42</v>
      </c>
      <c r="D10209" s="6" t="s">
        <v>43</v>
      </c>
      <c r="E10209" s="6">
        <v>17001</v>
      </c>
      <c r="F10209" s="6" t="s">
        <v>18</v>
      </c>
      <c r="G10209" s="6" t="s">
        <v>3480</v>
      </c>
      <c r="H10209" s="6" t="s">
        <v>3481</v>
      </c>
      <c r="I10209" s="7">
        <v>5.0646551999999998</v>
      </c>
      <c r="J10209" s="8">
        <v>-75.497407699999997</v>
      </c>
    </row>
    <row r="10210" spans="1:10" x14ac:dyDescent="0.35">
      <c r="A10210" s="5" t="s">
        <v>10</v>
      </c>
      <c r="B10210" s="6">
        <v>208930</v>
      </c>
      <c r="C10210" s="6" t="s">
        <v>2821</v>
      </c>
      <c r="D10210" s="6" t="s">
        <v>2822</v>
      </c>
      <c r="E10210" s="6">
        <v>47001</v>
      </c>
      <c r="F10210" s="6" t="s">
        <v>2161</v>
      </c>
      <c r="G10210" s="6" t="s">
        <v>19705</v>
      </c>
      <c r="H10210" s="6" t="s">
        <v>19706</v>
      </c>
      <c r="I10210" s="7">
        <v>11.232297300000001</v>
      </c>
      <c r="J10210" s="8">
        <v>-74.178873600000003</v>
      </c>
    </row>
    <row r="10211" spans="1:10" x14ac:dyDescent="0.35">
      <c r="A10211" s="5" t="s">
        <v>10</v>
      </c>
      <c r="B10211" s="6">
        <v>240314</v>
      </c>
      <c r="C10211" s="6" t="s">
        <v>190</v>
      </c>
      <c r="D10211" s="6" t="s">
        <v>19707</v>
      </c>
      <c r="E10211" s="6">
        <v>5873</v>
      </c>
      <c r="F10211" s="6" t="s">
        <v>2161</v>
      </c>
      <c r="G10211" s="6" t="s">
        <v>19708</v>
      </c>
      <c r="H10211" s="6" t="s">
        <v>19709</v>
      </c>
      <c r="I10211" s="7">
        <v>6.5886541000000003</v>
      </c>
      <c r="J10211" s="8">
        <v>-76.896276999999998</v>
      </c>
    </row>
    <row r="10212" spans="1:10" x14ac:dyDescent="0.35">
      <c r="A10212" s="5" t="s">
        <v>10</v>
      </c>
      <c r="B10212" s="6">
        <v>238766</v>
      </c>
      <c r="C10212" s="6" t="s">
        <v>68</v>
      </c>
      <c r="D10212" s="6" t="s">
        <v>69</v>
      </c>
      <c r="E10212" s="6">
        <v>11001</v>
      </c>
      <c r="F10212" s="6" t="s">
        <v>2161</v>
      </c>
      <c r="G10212" s="6" t="s">
        <v>19710</v>
      </c>
      <c r="H10212" s="6" t="s">
        <v>19711</v>
      </c>
      <c r="I10212" s="7">
        <v>4.6321927000000001</v>
      </c>
      <c r="J10212" s="8">
        <v>-74.188542400000003</v>
      </c>
    </row>
    <row r="10213" spans="1:10" x14ac:dyDescent="0.35">
      <c r="A10213" s="5" t="s">
        <v>10</v>
      </c>
      <c r="B10213" s="6">
        <v>143492</v>
      </c>
      <c r="C10213" s="6" t="s">
        <v>278</v>
      </c>
      <c r="D10213" s="6" t="s">
        <v>1331</v>
      </c>
      <c r="E10213" s="6">
        <v>50006</v>
      </c>
      <c r="F10213" s="6" t="s">
        <v>13</v>
      </c>
      <c r="G10213" s="6" t="s">
        <v>1636</v>
      </c>
      <c r="H10213" s="6" t="s">
        <v>1637</v>
      </c>
      <c r="I10213" s="7">
        <v>3.991663</v>
      </c>
      <c r="J10213" s="8">
        <v>-73.766129000000006</v>
      </c>
    </row>
    <row r="10214" spans="1:10" x14ac:dyDescent="0.35">
      <c r="A10214" s="5" t="s">
        <v>10</v>
      </c>
      <c r="B10214" s="6">
        <v>199684</v>
      </c>
      <c r="C10214" s="6" t="s">
        <v>68</v>
      </c>
      <c r="D10214" s="6" t="s">
        <v>69</v>
      </c>
      <c r="E10214" s="6">
        <v>11001</v>
      </c>
      <c r="F10214" s="6" t="s">
        <v>13</v>
      </c>
      <c r="G10214" s="6" t="s">
        <v>2049</v>
      </c>
      <c r="H10214" s="6" t="s">
        <v>2050</v>
      </c>
      <c r="I10214" s="7">
        <v>4.6418299000000003</v>
      </c>
      <c r="J10214" s="8">
        <v>-74.154884999999993</v>
      </c>
    </row>
    <row r="10215" spans="1:10" x14ac:dyDescent="0.35">
      <c r="A10215" s="5" t="s">
        <v>10</v>
      </c>
      <c r="B10215" s="6">
        <v>180546</v>
      </c>
      <c r="C10215" s="6" t="s">
        <v>11</v>
      </c>
      <c r="D10215" s="6" t="s">
        <v>221</v>
      </c>
      <c r="E10215" s="6">
        <v>25430</v>
      </c>
      <c r="F10215" s="6" t="s">
        <v>13</v>
      </c>
      <c r="G10215" s="6" t="s">
        <v>222</v>
      </c>
      <c r="H10215" s="6" t="s">
        <v>223</v>
      </c>
      <c r="I10215" s="7">
        <v>4.7269186000000003</v>
      </c>
      <c r="J10215" s="8">
        <v>-74.256828900000002</v>
      </c>
    </row>
    <row r="10216" spans="1:10" x14ac:dyDescent="0.35">
      <c r="A10216" s="5" t="s">
        <v>10</v>
      </c>
      <c r="B10216" s="6">
        <v>206315</v>
      </c>
      <c r="C10216" s="6" t="s">
        <v>68</v>
      </c>
      <c r="D10216" s="6" t="s">
        <v>69</v>
      </c>
      <c r="E10216" s="6">
        <v>11001</v>
      </c>
      <c r="F10216" s="6" t="s">
        <v>13</v>
      </c>
      <c r="G10216" s="6" t="s">
        <v>2690</v>
      </c>
      <c r="H10216" s="6" t="s">
        <v>2691</v>
      </c>
      <c r="I10216" s="7">
        <v>4.6948641999999996</v>
      </c>
      <c r="J10216" s="8">
        <v>-74.085528100000005</v>
      </c>
    </row>
    <row r="10217" spans="1:10" x14ac:dyDescent="0.35">
      <c r="A10217" s="5" t="s">
        <v>10</v>
      </c>
      <c r="B10217" s="6">
        <v>191770</v>
      </c>
      <c r="C10217" s="6" t="s">
        <v>68</v>
      </c>
      <c r="D10217" s="6" t="s">
        <v>69</v>
      </c>
      <c r="E10217" s="6">
        <v>11001</v>
      </c>
      <c r="F10217" s="6" t="s">
        <v>13</v>
      </c>
      <c r="G10217" s="6" t="s">
        <v>2357</v>
      </c>
      <c r="H10217" s="6" t="s">
        <v>2358</v>
      </c>
      <c r="I10217" s="7">
        <v>4.7470920000000003</v>
      </c>
      <c r="J10217" s="8">
        <v>-74.1159119</v>
      </c>
    </row>
    <row r="10218" spans="1:10" x14ac:dyDescent="0.35">
      <c r="A10218" s="5" t="s">
        <v>10</v>
      </c>
      <c r="B10218" s="6">
        <v>246733</v>
      </c>
      <c r="C10218" s="6" t="s">
        <v>109</v>
      </c>
      <c r="D10218" s="6" t="s">
        <v>227</v>
      </c>
      <c r="E10218" s="6">
        <v>13001</v>
      </c>
      <c r="F10218" s="6" t="s">
        <v>18</v>
      </c>
      <c r="G10218" s="6" t="s">
        <v>19712</v>
      </c>
      <c r="H10218" s="6" t="s">
        <v>19713</v>
      </c>
      <c r="I10218" s="7">
        <v>10.379054</v>
      </c>
      <c r="J10218" s="8">
        <v>-75.496068100000002</v>
      </c>
    </row>
    <row r="10219" spans="1:10" x14ac:dyDescent="0.35">
      <c r="A10219" s="5" t="s">
        <v>10</v>
      </c>
      <c r="B10219" s="6">
        <v>192317</v>
      </c>
      <c r="C10219" s="6" t="s">
        <v>55</v>
      </c>
      <c r="D10219" s="6" t="s">
        <v>5655</v>
      </c>
      <c r="E10219" s="6">
        <v>73168</v>
      </c>
      <c r="F10219" s="6" t="s">
        <v>18</v>
      </c>
      <c r="G10219" s="6" t="s">
        <v>18281</v>
      </c>
      <c r="H10219" s="6" t="s">
        <v>18282</v>
      </c>
      <c r="I10219" s="7">
        <v>3.7242044999999999</v>
      </c>
      <c r="J10219" s="8">
        <v>-75.484065299999997</v>
      </c>
    </row>
    <row r="10220" spans="1:10" x14ac:dyDescent="0.35">
      <c r="A10220" s="5" t="s">
        <v>10</v>
      </c>
      <c r="B10220" s="6">
        <v>231655</v>
      </c>
      <c r="C10220" s="6" t="s">
        <v>55</v>
      </c>
      <c r="D10220" s="6" t="s">
        <v>56</v>
      </c>
      <c r="E10220" s="6">
        <v>73001</v>
      </c>
      <c r="F10220" s="6" t="s">
        <v>18</v>
      </c>
      <c r="G10220" s="6" t="s">
        <v>19714</v>
      </c>
      <c r="H10220" s="6" t="s">
        <v>19715</v>
      </c>
      <c r="I10220" s="7">
        <v>4.4098177999999999</v>
      </c>
      <c r="J10220" s="8">
        <v>-75.145969100000002</v>
      </c>
    </row>
    <row r="10221" spans="1:10" x14ac:dyDescent="0.35">
      <c r="A10221" s="5" t="s">
        <v>10</v>
      </c>
      <c r="B10221" s="6">
        <v>210888</v>
      </c>
      <c r="C10221" s="6" t="s">
        <v>466</v>
      </c>
      <c r="D10221" s="6" t="s">
        <v>2069</v>
      </c>
      <c r="E10221" s="6">
        <v>81794</v>
      </c>
      <c r="F10221" s="6" t="s">
        <v>18</v>
      </c>
      <c r="G10221" s="6" t="s">
        <v>19716</v>
      </c>
      <c r="H10221" s="6" t="s">
        <v>19717</v>
      </c>
      <c r="I10221" s="7">
        <v>6.4591256000000001</v>
      </c>
      <c r="J10221" s="8">
        <v>-71.724976699999999</v>
      </c>
    </row>
    <row r="10222" spans="1:10" x14ac:dyDescent="0.35">
      <c r="A10222" s="5" t="s">
        <v>10</v>
      </c>
      <c r="B10222" s="6">
        <v>219094</v>
      </c>
      <c r="C10222" s="6" t="s">
        <v>28</v>
      </c>
      <c r="D10222" s="6" t="s">
        <v>1046</v>
      </c>
      <c r="E10222" s="6">
        <v>54599</v>
      </c>
      <c r="F10222" s="6" t="s">
        <v>18</v>
      </c>
      <c r="G10222" s="6" t="s">
        <v>19718</v>
      </c>
      <c r="H10222" s="6" t="s">
        <v>19719</v>
      </c>
      <c r="I10222" s="7">
        <v>7.5780260999999998</v>
      </c>
      <c r="J10222" s="8">
        <v>-72.475555299999996</v>
      </c>
    </row>
    <row r="10223" spans="1:10" x14ac:dyDescent="0.35">
      <c r="A10223" s="5" t="s">
        <v>10</v>
      </c>
      <c r="B10223" s="6">
        <v>243836</v>
      </c>
      <c r="C10223" s="6" t="s">
        <v>28</v>
      </c>
      <c r="D10223" s="6" t="s">
        <v>29</v>
      </c>
      <c r="E10223" s="6">
        <v>54001</v>
      </c>
      <c r="F10223" s="6" t="s">
        <v>18</v>
      </c>
      <c r="G10223" s="6" t="s">
        <v>19720</v>
      </c>
      <c r="H10223" s="6" t="s">
        <v>19721</v>
      </c>
      <c r="I10223" s="7">
        <v>7.8787412000000003</v>
      </c>
      <c r="J10223" s="8">
        <v>-72.500086600000003</v>
      </c>
    </row>
    <row r="10224" spans="1:10" x14ac:dyDescent="0.35">
      <c r="A10224" s="5" t="s">
        <v>10</v>
      </c>
      <c r="B10224" s="6">
        <v>218542</v>
      </c>
      <c r="C10224" s="6" t="s">
        <v>278</v>
      </c>
      <c r="D10224" s="6" t="s">
        <v>2336</v>
      </c>
      <c r="E10224" s="6">
        <v>50226</v>
      </c>
      <c r="F10224" s="6" t="s">
        <v>2161</v>
      </c>
      <c r="G10224" s="6" t="s">
        <v>19722</v>
      </c>
      <c r="H10224" s="6" t="s">
        <v>19723</v>
      </c>
      <c r="I10224" s="7">
        <v>4.2700782999999998</v>
      </c>
      <c r="J10224" s="8">
        <v>-73.481760999999906</v>
      </c>
    </row>
    <row r="10225" spans="1:10" x14ac:dyDescent="0.35">
      <c r="A10225" s="5" t="s">
        <v>10</v>
      </c>
      <c r="B10225" s="6">
        <v>221158</v>
      </c>
      <c r="C10225" s="6" t="s">
        <v>11</v>
      </c>
      <c r="D10225" s="6" t="s">
        <v>6124</v>
      </c>
      <c r="E10225" s="6">
        <v>25377</v>
      </c>
      <c r="F10225" s="6" t="s">
        <v>2161</v>
      </c>
      <c r="G10225" s="6" t="s">
        <v>19724</v>
      </c>
      <c r="H10225" s="6" t="s">
        <v>19725</v>
      </c>
      <c r="I10225" s="7">
        <v>4.7196781999999997</v>
      </c>
      <c r="J10225" s="8">
        <v>-73.972270499999993</v>
      </c>
    </row>
    <row r="10226" spans="1:10" x14ac:dyDescent="0.35">
      <c r="A10226" s="5" t="s">
        <v>10</v>
      </c>
      <c r="B10226" s="6">
        <v>220751</v>
      </c>
      <c r="C10226" s="6" t="s">
        <v>28</v>
      </c>
      <c r="D10226" s="6" t="s">
        <v>29</v>
      </c>
      <c r="E10226" s="6">
        <v>54001</v>
      </c>
      <c r="F10226" s="6" t="s">
        <v>2161</v>
      </c>
      <c r="G10226" s="6" t="s">
        <v>19726</v>
      </c>
      <c r="H10226" s="6" t="s">
        <v>19727</v>
      </c>
      <c r="I10226" s="7">
        <v>7.9099247999999998</v>
      </c>
      <c r="J10226" s="8">
        <v>-72.524295600000002</v>
      </c>
    </row>
    <row r="10227" spans="1:10" x14ac:dyDescent="0.35">
      <c r="A10227" s="5" t="s">
        <v>10</v>
      </c>
      <c r="B10227" s="6">
        <v>98809</v>
      </c>
      <c r="C10227" s="6" t="s">
        <v>294</v>
      </c>
      <c r="D10227" s="6" t="s">
        <v>1617</v>
      </c>
      <c r="E10227" s="6">
        <v>41530</v>
      </c>
      <c r="F10227" s="6" t="s">
        <v>13</v>
      </c>
      <c r="G10227" s="6" t="s">
        <v>544</v>
      </c>
      <c r="H10227" s="6" t="s">
        <v>18741</v>
      </c>
      <c r="I10227" s="7">
        <v>1.7239260000000001</v>
      </c>
      <c r="J10227" s="8">
        <v>-76.134490099999994</v>
      </c>
    </row>
    <row r="10228" spans="1:10" x14ac:dyDescent="0.35">
      <c r="A10228" s="5" t="s">
        <v>10</v>
      </c>
      <c r="B10228" s="6">
        <v>197413</v>
      </c>
      <c r="C10228" s="6" t="s">
        <v>28</v>
      </c>
      <c r="D10228" s="6" t="s">
        <v>29</v>
      </c>
      <c r="E10228" s="6">
        <v>54001</v>
      </c>
      <c r="F10228" s="6" t="s">
        <v>13</v>
      </c>
      <c r="G10228" s="6" t="s">
        <v>19455</v>
      </c>
      <c r="H10228" s="6" t="s">
        <v>19728</v>
      </c>
      <c r="I10228" s="7">
        <v>7.9298931000000001</v>
      </c>
      <c r="J10228" s="8">
        <v>-72.517196200000001</v>
      </c>
    </row>
    <row r="10229" spans="1:10" x14ac:dyDescent="0.35">
      <c r="A10229" s="5" t="s">
        <v>10</v>
      </c>
      <c r="B10229" s="6">
        <v>190502</v>
      </c>
      <c r="C10229" s="6" t="s">
        <v>24</v>
      </c>
      <c r="D10229" s="6" t="s">
        <v>19729</v>
      </c>
      <c r="E10229" s="6">
        <v>15377</v>
      </c>
      <c r="F10229" s="6" t="s">
        <v>18</v>
      </c>
      <c r="G10229" s="6" t="s">
        <v>19730</v>
      </c>
      <c r="H10229" s="6" t="s">
        <v>19731</v>
      </c>
      <c r="I10229" s="7">
        <v>5.5627629999999897</v>
      </c>
      <c r="J10229" s="8">
        <v>-72.577627999999905</v>
      </c>
    </row>
    <row r="10230" spans="1:10" x14ac:dyDescent="0.35">
      <c r="A10230" s="5" t="s">
        <v>10</v>
      </c>
      <c r="B10230" s="6">
        <v>232030</v>
      </c>
      <c r="C10230" s="6" t="s">
        <v>28</v>
      </c>
      <c r="D10230" s="6" t="s">
        <v>29</v>
      </c>
      <c r="E10230" s="6">
        <v>54001</v>
      </c>
      <c r="F10230" s="6" t="s">
        <v>18</v>
      </c>
      <c r="G10230" s="6" t="s">
        <v>19732</v>
      </c>
      <c r="H10230" s="6" t="s">
        <v>19733</v>
      </c>
      <c r="I10230" s="7">
        <v>7.8913235999999998</v>
      </c>
      <c r="J10230" s="8">
        <v>-72.494512799999995</v>
      </c>
    </row>
    <row r="10231" spans="1:10" x14ac:dyDescent="0.35">
      <c r="A10231" s="5" t="s">
        <v>10</v>
      </c>
      <c r="B10231" s="6">
        <v>215457</v>
      </c>
      <c r="C10231" s="6" t="s">
        <v>24</v>
      </c>
      <c r="D10231" s="6" t="s">
        <v>476</v>
      </c>
      <c r="E10231" s="6">
        <v>15693</v>
      </c>
      <c r="F10231" s="6" t="s">
        <v>2161</v>
      </c>
      <c r="G10231" s="6" t="s">
        <v>19078</v>
      </c>
      <c r="H10231" s="6" t="s">
        <v>19734</v>
      </c>
      <c r="I10231" s="7">
        <v>5.8741303</v>
      </c>
      <c r="J10231" s="8">
        <v>-72.982869699999995</v>
      </c>
    </row>
    <row r="10232" spans="1:10" x14ac:dyDescent="0.35">
      <c r="A10232" s="5" t="s">
        <v>10</v>
      </c>
      <c r="B10232" s="6">
        <v>224164</v>
      </c>
      <c r="C10232" s="6" t="s">
        <v>68</v>
      </c>
      <c r="D10232" s="6" t="s">
        <v>69</v>
      </c>
      <c r="E10232" s="6">
        <v>11001</v>
      </c>
      <c r="F10232" s="6" t="s">
        <v>2161</v>
      </c>
      <c r="G10232" s="6" t="s">
        <v>19735</v>
      </c>
      <c r="H10232" s="6" t="s">
        <v>19736</v>
      </c>
      <c r="I10232" s="7">
        <v>4.6302075999999897</v>
      </c>
      <c r="J10232" s="8">
        <v>-74.066081799999907</v>
      </c>
    </row>
    <row r="10233" spans="1:10" x14ac:dyDescent="0.35">
      <c r="A10233" s="5" t="s">
        <v>10</v>
      </c>
      <c r="B10233" s="6">
        <v>228192</v>
      </c>
      <c r="C10233" s="6" t="s">
        <v>68</v>
      </c>
      <c r="D10233" s="6" t="s">
        <v>69</v>
      </c>
      <c r="E10233" s="6">
        <v>11001</v>
      </c>
      <c r="F10233" s="6" t="s">
        <v>2161</v>
      </c>
      <c r="G10233" s="6" t="s">
        <v>19737</v>
      </c>
      <c r="H10233" s="6" t="s">
        <v>19738</v>
      </c>
      <c r="I10233" s="7">
        <v>4.6534494999999998</v>
      </c>
      <c r="J10233" s="8">
        <v>-74.057931199999999</v>
      </c>
    </row>
    <row r="10234" spans="1:10" x14ac:dyDescent="0.35">
      <c r="A10234" s="5" t="s">
        <v>10</v>
      </c>
      <c r="B10234" s="6">
        <v>218541</v>
      </c>
      <c r="C10234" s="6" t="s">
        <v>55</v>
      </c>
      <c r="D10234" s="6" t="s">
        <v>731</v>
      </c>
      <c r="E10234" s="6">
        <v>73268</v>
      </c>
      <c r="F10234" s="6" t="s">
        <v>2161</v>
      </c>
      <c r="G10234" s="6" t="s">
        <v>19739</v>
      </c>
      <c r="H10234" s="6" t="s">
        <v>19740</v>
      </c>
      <c r="I10234" s="7">
        <v>4.1550408999999897</v>
      </c>
      <c r="J10234" s="8">
        <v>-74.874577399999893</v>
      </c>
    </row>
    <row r="10235" spans="1:10" x14ac:dyDescent="0.35">
      <c r="A10235" s="5" t="s">
        <v>10</v>
      </c>
      <c r="B10235" s="6">
        <v>234902</v>
      </c>
      <c r="C10235" s="6" t="s">
        <v>278</v>
      </c>
      <c r="D10235" s="6" t="s">
        <v>3651</v>
      </c>
      <c r="E10235" s="6">
        <v>50313</v>
      </c>
      <c r="F10235" s="6" t="s">
        <v>2161</v>
      </c>
      <c r="G10235" s="6" t="s">
        <v>19741</v>
      </c>
      <c r="H10235" s="6" t="s">
        <v>19742</v>
      </c>
      <c r="I10235" s="7">
        <v>6.139621</v>
      </c>
      <c r="J10235" s="8">
        <v>-75.183586000000005</v>
      </c>
    </row>
    <row r="10236" spans="1:10" x14ac:dyDescent="0.35">
      <c r="A10236" s="5" t="s">
        <v>10</v>
      </c>
      <c r="B10236" s="6">
        <v>238055</v>
      </c>
      <c r="C10236" s="6" t="s">
        <v>24</v>
      </c>
      <c r="D10236" s="6" t="s">
        <v>282</v>
      </c>
      <c r="E10236" s="6">
        <v>15407</v>
      </c>
      <c r="F10236" s="6" t="s">
        <v>18</v>
      </c>
      <c r="G10236" s="6" t="s">
        <v>19743</v>
      </c>
      <c r="H10236" s="6" t="s">
        <v>19744</v>
      </c>
      <c r="I10236" s="7">
        <v>5.6314048999999997</v>
      </c>
      <c r="J10236" s="8">
        <v>-73.525771599999999</v>
      </c>
    </row>
    <row r="10237" spans="1:10" x14ac:dyDescent="0.35">
      <c r="A10237" s="5" t="s">
        <v>10</v>
      </c>
      <c r="B10237" s="6">
        <v>213547</v>
      </c>
      <c r="C10237" s="6" t="s">
        <v>24</v>
      </c>
      <c r="D10237" s="6" t="s">
        <v>19745</v>
      </c>
      <c r="E10237" s="6">
        <v>15114</v>
      </c>
      <c r="F10237" s="6" t="s">
        <v>18</v>
      </c>
      <c r="G10237" s="6" t="s">
        <v>19746</v>
      </c>
      <c r="H10237" s="6" t="s">
        <v>19747</v>
      </c>
      <c r="I10237" s="7">
        <v>5.8301805</v>
      </c>
      <c r="J10237" s="8">
        <v>-72.884166300000004</v>
      </c>
    </row>
    <row r="10238" spans="1:10" x14ac:dyDescent="0.35">
      <c r="A10238" s="5" t="s">
        <v>10</v>
      </c>
      <c r="B10238" s="6">
        <v>211006</v>
      </c>
      <c r="C10238" s="6" t="s">
        <v>11</v>
      </c>
      <c r="D10238" s="6" t="s">
        <v>407</v>
      </c>
      <c r="E10238" s="6">
        <v>25126</v>
      </c>
      <c r="F10238" s="6" t="s">
        <v>2161</v>
      </c>
      <c r="G10238" s="6" t="s">
        <v>19748</v>
      </c>
      <c r="H10238" s="6" t="s">
        <v>19749</v>
      </c>
      <c r="I10238" s="7">
        <v>4.9187216999999999</v>
      </c>
      <c r="J10238" s="8">
        <v>-74.022556999999907</v>
      </c>
    </row>
    <row r="10239" spans="1:10" x14ac:dyDescent="0.35">
      <c r="A10239" s="5" t="s">
        <v>10</v>
      </c>
      <c r="B10239" s="6">
        <v>220739</v>
      </c>
      <c r="C10239" s="6" t="s">
        <v>11</v>
      </c>
      <c r="D10239" s="6" t="s">
        <v>159</v>
      </c>
      <c r="E10239" s="6">
        <v>25175</v>
      </c>
      <c r="F10239" s="6" t="s">
        <v>2161</v>
      </c>
      <c r="G10239" s="6" t="s">
        <v>19750</v>
      </c>
      <c r="H10239" s="6" t="s">
        <v>19751</v>
      </c>
      <c r="I10239" s="7">
        <v>4.8880603999999996</v>
      </c>
      <c r="J10239" s="8">
        <v>-74.061373399999994</v>
      </c>
    </row>
    <row r="10240" spans="1:10" x14ac:dyDescent="0.35">
      <c r="A10240" s="5" t="s">
        <v>10</v>
      </c>
      <c r="B10240" s="6">
        <v>221144</v>
      </c>
      <c r="C10240" s="6" t="s">
        <v>24</v>
      </c>
      <c r="D10240" s="6" t="s">
        <v>88</v>
      </c>
      <c r="E10240" s="6">
        <v>15001</v>
      </c>
      <c r="F10240" s="6" t="s">
        <v>2161</v>
      </c>
      <c r="G10240" s="6" t="s">
        <v>19752</v>
      </c>
      <c r="H10240" s="6" t="s">
        <v>19753</v>
      </c>
      <c r="I10240" s="7">
        <v>5.1919601000000002</v>
      </c>
      <c r="J10240" s="8">
        <v>-73.787121499999998</v>
      </c>
    </row>
    <row r="10241" spans="1:10" x14ac:dyDescent="0.35">
      <c r="A10241" s="5" t="s">
        <v>10</v>
      </c>
      <c r="B10241" s="6">
        <v>225688</v>
      </c>
      <c r="C10241" s="6" t="s">
        <v>11</v>
      </c>
      <c r="D10241" s="6" t="s">
        <v>334</v>
      </c>
      <c r="E10241" s="6">
        <v>25754</v>
      </c>
      <c r="F10241" s="6" t="s">
        <v>2161</v>
      </c>
      <c r="G10241" s="6" t="s">
        <v>19754</v>
      </c>
      <c r="H10241" s="6" t="s">
        <v>19755</v>
      </c>
      <c r="I10241" s="7">
        <v>4.6160350000000001</v>
      </c>
      <c r="J10241" s="8">
        <v>-74.150943999999996</v>
      </c>
    </row>
    <row r="10242" spans="1:10" x14ac:dyDescent="0.35">
      <c r="A10242" s="5" t="s">
        <v>10</v>
      </c>
      <c r="B10242" s="6">
        <v>230371</v>
      </c>
      <c r="C10242" s="6" t="s">
        <v>457</v>
      </c>
      <c r="D10242" s="6" t="s">
        <v>4400</v>
      </c>
      <c r="E10242" s="6">
        <v>52001</v>
      </c>
      <c r="F10242" s="6" t="s">
        <v>2161</v>
      </c>
      <c r="G10242" s="6" t="s">
        <v>19756</v>
      </c>
      <c r="H10242" s="6" t="s">
        <v>19757</v>
      </c>
      <c r="I10242" s="7">
        <v>1.2113225999999999</v>
      </c>
      <c r="J10242" s="8">
        <v>-77.284883999999906</v>
      </c>
    </row>
    <row r="10243" spans="1:10" x14ac:dyDescent="0.35">
      <c r="A10243" s="5" t="s">
        <v>10</v>
      </c>
      <c r="B10243" s="6">
        <v>229966</v>
      </c>
      <c r="C10243" s="6" t="s">
        <v>366</v>
      </c>
      <c r="D10243" s="6" t="s">
        <v>367</v>
      </c>
      <c r="E10243" s="6">
        <v>44430</v>
      </c>
      <c r="F10243" s="6" t="s">
        <v>2161</v>
      </c>
      <c r="G10243" s="6" t="s">
        <v>19758</v>
      </c>
      <c r="H10243" s="6" t="s">
        <v>19759</v>
      </c>
      <c r="I10243" s="7">
        <v>11.3765827</v>
      </c>
      <c r="J10243" s="8">
        <v>-72.259425199999995</v>
      </c>
    </row>
    <row r="10244" spans="1:10" x14ac:dyDescent="0.35">
      <c r="A10244" s="5" t="s">
        <v>10</v>
      </c>
      <c r="B10244" s="6">
        <v>229247</v>
      </c>
      <c r="C10244" s="6" t="s">
        <v>24</v>
      </c>
      <c r="D10244" s="6" t="s">
        <v>343</v>
      </c>
      <c r="E10244" s="6">
        <v>15814</v>
      </c>
      <c r="F10244" s="6" t="s">
        <v>2161</v>
      </c>
      <c r="G10244" s="6" t="s">
        <v>19760</v>
      </c>
      <c r="H10244" s="6" t="s">
        <v>19761</v>
      </c>
      <c r="I10244" s="7">
        <v>5.5664009999999999</v>
      </c>
      <c r="J10244" s="8">
        <v>-73.185051000000001</v>
      </c>
    </row>
    <row r="10245" spans="1:10" x14ac:dyDescent="0.35">
      <c r="A10245" s="5" t="s">
        <v>10</v>
      </c>
      <c r="B10245" s="6">
        <v>173768</v>
      </c>
      <c r="C10245" s="6" t="s">
        <v>24</v>
      </c>
      <c r="D10245" s="6" t="s">
        <v>317</v>
      </c>
      <c r="E10245" s="6">
        <v>15176</v>
      </c>
      <c r="F10245" s="6" t="s">
        <v>13</v>
      </c>
      <c r="G10245" s="6" t="s">
        <v>1087</v>
      </c>
      <c r="H10245" s="6" t="s">
        <v>18349</v>
      </c>
      <c r="I10245" s="7">
        <v>5.6045144000000002</v>
      </c>
      <c r="J10245" s="8">
        <v>-73.828386499999993</v>
      </c>
    </row>
    <row r="10246" spans="1:10" x14ac:dyDescent="0.35">
      <c r="A10246" s="5" t="s">
        <v>10</v>
      </c>
      <c r="B10246" s="6">
        <v>182675</v>
      </c>
      <c r="C10246" s="6" t="s">
        <v>38</v>
      </c>
      <c r="D10246" s="6" t="s">
        <v>9498</v>
      </c>
      <c r="E10246" s="6">
        <v>19548</v>
      </c>
      <c r="F10246" s="6" t="s">
        <v>13</v>
      </c>
      <c r="G10246" s="6" t="s">
        <v>19617</v>
      </c>
      <c r="H10246" s="6" t="s">
        <v>19762</v>
      </c>
      <c r="I10246" s="7">
        <v>2.6434438999999998</v>
      </c>
      <c r="J10246" s="8">
        <v>-76.533071399999997</v>
      </c>
    </row>
    <row r="10247" spans="1:10" x14ac:dyDescent="0.35">
      <c r="A10247" s="5" t="s">
        <v>10</v>
      </c>
      <c r="B10247" s="6">
        <v>180569</v>
      </c>
      <c r="C10247" s="6" t="s">
        <v>551</v>
      </c>
      <c r="D10247" s="6" t="s">
        <v>3942</v>
      </c>
      <c r="E10247" s="6">
        <v>20295</v>
      </c>
      <c r="F10247" s="6" t="s">
        <v>13</v>
      </c>
      <c r="G10247" s="6" t="s">
        <v>19763</v>
      </c>
      <c r="H10247" s="6" t="s">
        <v>19764</v>
      </c>
      <c r="I10247" s="7">
        <v>8.3266933999999999</v>
      </c>
      <c r="J10247" s="8">
        <v>-73.742480700000002</v>
      </c>
    </row>
    <row r="10248" spans="1:10" x14ac:dyDescent="0.35">
      <c r="A10248" s="5" t="s">
        <v>10</v>
      </c>
      <c r="B10248" s="6">
        <v>236282</v>
      </c>
      <c r="C10248" s="6" t="s">
        <v>117</v>
      </c>
      <c r="D10248" s="6" t="s">
        <v>3492</v>
      </c>
      <c r="E10248" s="6">
        <v>76520</v>
      </c>
      <c r="F10248" s="6" t="s">
        <v>13</v>
      </c>
      <c r="G10248" s="6" t="s">
        <v>19765</v>
      </c>
      <c r="H10248" s="6" t="s">
        <v>19766</v>
      </c>
      <c r="I10248" s="7">
        <v>3.5264826</v>
      </c>
      <c r="J10248" s="8">
        <v>-76.2996093</v>
      </c>
    </row>
    <row r="10249" spans="1:10" x14ac:dyDescent="0.35">
      <c r="A10249" s="5" t="s">
        <v>10</v>
      </c>
      <c r="B10249" s="6">
        <v>171244</v>
      </c>
      <c r="C10249" s="6" t="s">
        <v>16</v>
      </c>
      <c r="D10249" s="6" t="s">
        <v>846</v>
      </c>
      <c r="E10249" s="6">
        <v>68500</v>
      </c>
      <c r="F10249" s="6" t="s">
        <v>18</v>
      </c>
      <c r="G10249" s="6" t="s">
        <v>18192</v>
      </c>
      <c r="H10249" s="6" t="s">
        <v>18193</v>
      </c>
      <c r="I10249" s="7">
        <v>6.2646699999999997</v>
      </c>
      <c r="J10249" s="8">
        <v>-73.298379999999995</v>
      </c>
    </row>
    <row r="10250" spans="1:10" x14ac:dyDescent="0.35">
      <c r="A10250" s="5" t="s">
        <v>10</v>
      </c>
      <c r="B10250" s="6">
        <v>243852</v>
      </c>
      <c r="C10250" s="6" t="s">
        <v>28</v>
      </c>
      <c r="D10250" s="6" t="s">
        <v>29</v>
      </c>
      <c r="E10250" s="6">
        <v>54001</v>
      </c>
      <c r="F10250" s="6" t="s">
        <v>18</v>
      </c>
      <c r="G10250" s="6" t="s">
        <v>19767</v>
      </c>
      <c r="H10250" s="6" t="s">
        <v>19768</v>
      </c>
      <c r="I10250" s="7">
        <v>7.9174822000000002</v>
      </c>
      <c r="J10250" s="8">
        <v>-72.511226600000001</v>
      </c>
    </row>
    <row r="10251" spans="1:10" x14ac:dyDescent="0.35">
      <c r="A10251" s="5" t="s">
        <v>10</v>
      </c>
      <c r="B10251" s="6">
        <v>220757</v>
      </c>
      <c r="C10251" s="6" t="s">
        <v>24</v>
      </c>
      <c r="D10251" s="6" t="s">
        <v>88</v>
      </c>
      <c r="E10251" s="6">
        <v>15001</v>
      </c>
      <c r="F10251" s="6" t="s">
        <v>2161</v>
      </c>
      <c r="G10251" s="6" t="s">
        <v>19769</v>
      </c>
      <c r="H10251" s="6" t="s">
        <v>19770</v>
      </c>
      <c r="I10251" s="7">
        <v>5.5378050999999999</v>
      </c>
      <c r="J10251" s="8">
        <v>-73.356269999999995</v>
      </c>
    </row>
    <row r="10252" spans="1:10" x14ac:dyDescent="0.35">
      <c r="A10252" s="5" t="s">
        <v>10</v>
      </c>
      <c r="B10252" s="6">
        <v>229252</v>
      </c>
      <c r="C10252" s="6" t="s">
        <v>68</v>
      </c>
      <c r="D10252" s="6" t="s">
        <v>69</v>
      </c>
      <c r="E10252" s="6">
        <v>11001</v>
      </c>
      <c r="F10252" s="6" t="s">
        <v>2161</v>
      </c>
      <c r="G10252" s="6" t="s">
        <v>19771</v>
      </c>
      <c r="H10252" s="6" t="s">
        <v>19772</v>
      </c>
      <c r="I10252" s="7">
        <v>4.6006970999999997</v>
      </c>
      <c r="J10252" s="8">
        <v>-74.186151699999996</v>
      </c>
    </row>
    <row r="10253" spans="1:10" x14ac:dyDescent="0.35">
      <c r="A10253" s="5" t="s">
        <v>10</v>
      </c>
      <c r="B10253" s="6">
        <v>243898</v>
      </c>
      <c r="C10253" s="6" t="s">
        <v>28</v>
      </c>
      <c r="D10253" s="6" t="s">
        <v>352</v>
      </c>
      <c r="E10253" s="6">
        <v>54261</v>
      </c>
      <c r="F10253" s="6" t="s">
        <v>18</v>
      </c>
      <c r="G10253" s="6" t="s">
        <v>19773</v>
      </c>
      <c r="H10253" s="6" t="s">
        <v>19774</v>
      </c>
      <c r="I10253" s="7">
        <v>7.8891350999999998</v>
      </c>
      <c r="J10253" s="8">
        <v>-72.502294899999995</v>
      </c>
    </row>
    <row r="10254" spans="1:10" x14ac:dyDescent="0.35">
      <c r="A10254" s="5" t="s">
        <v>10</v>
      </c>
      <c r="B10254" s="6">
        <v>209017</v>
      </c>
      <c r="C10254" s="6" t="s">
        <v>11</v>
      </c>
      <c r="D10254" s="6" t="s">
        <v>407</v>
      </c>
      <c r="E10254" s="6">
        <v>25126</v>
      </c>
      <c r="F10254" s="6" t="s">
        <v>2161</v>
      </c>
      <c r="G10254" s="6" t="s">
        <v>19775</v>
      </c>
      <c r="H10254" s="6" t="s">
        <v>19776</v>
      </c>
      <c r="I10254" s="7">
        <v>4.9407144999999897</v>
      </c>
      <c r="J10254" s="8">
        <v>-74.023396499999905</v>
      </c>
    </row>
    <row r="10255" spans="1:10" x14ac:dyDescent="0.35">
      <c r="A10255" s="5" t="s">
        <v>10</v>
      </c>
      <c r="B10255" s="6">
        <v>228512</v>
      </c>
      <c r="C10255" s="6" t="s">
        <v>55</v>
      </c>
      <c r="D10255" s="6" t="s">
        <v>56</v>
      </c>
      <c r="E10255" s="6">
        <v>73001</v>
      </c>
      <c r="F10255" s="6" t="s">
        <v>2161</v>
      </c>
      <c r="G10255" s="6" t="s">
        <v>19777</v>
      </c>
      <c r="H10255" s="6" t="s">
        <v>19778</v>
      </c>
      <c r="I10255" s="7">
        <v>4.3987455000000004</v>
      </c>
      <c r="J10255" s="8">
        <v>-75.149318500000007</v>
      </c>
    </row>
    <row r="10256" spans="1:10" x14ac:dyDescent="0.35">
      <c r="A10256" s="5" t="s">
        <v>10</v>
      </c>
      <c r="B10256" s="6">
        <v>231919</v>
      </c>
      <c r="C10256" s="6" t="s">
        <v>294</v>
      </c>
      <c r="D10256" s="6" t="s">
        <v>4244</v>
      </c>
      <c r="E10256" s="6">
        <v>41298</v>
      </c>
      <c r="F10256" s="6" t="s">
        <v>2161</v>
      </c>
      <c r="G10256" s="6" t="s">
        <v>19779</v>
      </c>
      <c r="H10256" s="6" t="s">
        <v>19780</v>
      </c>
      <c r="I10256" s="7">
        <v>2.2527512999999999</v>
      </c>
      <c r="J10256" s="8">
        <v>-75.608200100000005</v>
      </c>
    </row>
    <row r="10257" spans="1:10" x14ac:dyDescent="0.35">
      <c r="A10257" s="5" t="s">
        <v>10</v>
      </c>
      <c r="B10257" s="6">
        <v>199694</v>
      </c>
      <c r="C10257" s="6" t="s">
        <v>68</v>
      </c>
      <c r="D10257" s="6" t="s">
        <v>69</v>
      </c>
      <c r="E10257" s="6">
        <v>11001</v>
      </c>
      <c r="F10257" s="6" t="s">
        <v>13</v>
      </c>
      <c r="G10257" s="6" t="s">
        <v>140</v>
      </c>
      <c r="H10257" s="6" t="s">
        <v>141</v>
      </c>
      <c r="I10257" s="7">
        <v>4.6714412999999997</v>
      </c>
      <c r="J10257" s="8">
        <v>-74.106902399999996</v>
      </c>
    </row>
    <row r="10258" spans="1:10" x14ac:dyDescent="0.35">
      <c r="A10258" s="5" t="s">
        <v>10</v>
      </c>
      <c r="B10258" s="6">
        <v>141690</v>
      </c>
      <c r="C10258" s="6" t="s">
        <v>11</v>
      </c>
      <c r="D10258" s="6" t="s">
        <v>101</v>
      </c>
      <c r="E10258" s="6">
        <v>25473</v>
      </c>
      <c r="F10258" s="6" t="s">
        <v>13</v>
      </c>
      <c r="G10258" s="6" t="s">
        <v>403</v>
      </c>
      <c r="H10258" s="6" t="s">
        <v>404</v>
      </c>
      <c r="I10258" s="7">
        <v>4.6802367</v>
      </c>
      <c r="J10258" s="8">
        <v>-74.229671300000007</v>
      </c>
    </row>
    <row r="10259" spans="1:10" x14ac:dyDescent="0.35">
      <c r="A10259" s="5" t="s">
        <v>10</v>
      </c>
      <c r="B10259" s="6">
        <v>215539</v>
      </c>
      <c r="C10259" s="6" t="s">
        <v>28</v>
      </c>
      <c r="D10259" s="6" t="s">
        <v>49</v>
      </c>
      <c r="E10259" s="6">
        <v>54498</v>
      </c>
      <c r="F10259" s="6" t="s">
        <v>13</v>
      </c>
      <c r="G10259" s="6" t="s">
        <v>19781</v>
      </c>
      <c r="H10259" s="6" t="s">
        <v>19782</v>
      </c>
      <c r="I10259" s="7">
        <v>8.2520500000000006</v>
      </c>
      <c r="J10259" s="8">
        <v>-73.353219899999999</v>
      </c>
    </row>
    <row r="10260" spans="1:10" x14ac:dyDescent="0.35">
      <c r="A10260" s="5" t="s">
        <v>10</v>
      </c>
      <c r="B10260" s="6">
        <v>133567</v>
      </c>
      <c r="C10260" s="6" t="s">
        <v>55</v>
      </c>
      <c r="D10260" s="6" t="s">
        <v>18056</v>
      </c>
      <c r="E10260" s="6">
        <v>73770</v>
      </c>
      <c r="F10260" s="6" t="s">
        <v>18</v>
      </c>
      <c r="G10260" s="6" t="s">
        <v>2610</v>
      </c>
      <c r="H10260" s="6" t="s">
        <v>19783</v>
      </c>
      <c r="I10260" s="7">
        <v>4.0476260000000002</v>
      </c>
      <c r="J10260" s="8">
        <v>-74.831871999999905</v>
      </c>
    </row>
    <row r="10261" spans="1:10" x14ac:dyDescent="0.35">
      <c r="A10261" s="5" t="s">
        <v>10</v>
      </c>
      <c r="B10261" s="6">
        <v>236162</v>
      </c>
      <c r="C10261" s="6" t="s">
        <v>24</v>
      </c>
      <c r="D10261" s="6" t="s">
        <v>616</v>
      </c>
      <c r="E10261" s="6">
        <v>15820</v>
      </c>
      <c r="F10261" s="6" t="s">
        <v>18</v>
      </c>
      <c r="G10261" s="6" t="s">
        <v>19784</v>
      </c>
      <c r="H10261" s="6" t="s">
        <v>19785</v>
      </c>
      <c r="I10261" s="7">
        <v>5.7685917999999896</v>
      </c>
      <c r="J10261" s="8">
        <v>-72.831808699999996</v>
      </c>
    </row>
    <row r="10262" spans="1:10" x14ac:dyDescent="0.35">
      <c r="A10262" s="5" t="s">
        <v>10</v>
      </c>
      <c r="B10262" s="6">
        <v>233673</v>
      </c>
      <c r="C10262" s="6" t="s">
        <v>42</v>
      </c>
      <c r="D10262" s="6" t="s">
        <v>396</v>
      </c>
      <c r="E10262" s="6">
        <v>17380</v>
      </c>
      <c r="F10262" s="6" t="s">
        <v>18</v>
      </c>
      <c r="G10262" s="6" t="s">
        <v>19786</v>
      </c>
      <c r="H10262" s="6" t="s">
        <v>19787</v>
      </c>
      <c r="I10262" s="7">
        <v>5.472709</v>
      </c>
      <c r="J10262" s="8">
        <v>-74.667984000000004</v>
      </c>
    </row>
    <row r="10263" spans="1:10" x14ac:dyDescent="0.35">
      <c r="A10263" s="5" t="s">
        <v>10</v>
      </c>
      <c r="B10263" s="6">
        <v>173765</v>
      </c>
      <c r="C10263" s="6" t="s">
        <v>28</v>
      </c>
      <c r="D10263" s="6" t="s">
        <v>29</v>
      </c>
      <c r="E10263" s="6">
        <v>54001</v>
      </c>
      <c r="F10263" s="6" t="s">
        <v>13</v>
      </c>
      <c r="G10263" s="6" t="s">
        <v>1087</v>
      </c>
      <c r="H10263" s="6" t="s">
        <v>18539</v>
      </c>
      <c r="I10263" s="7">
        <v>7.8853853999999997</v>
      </c>
      <c r="J10263" s="8">
        <v>-72.502399800000006</v>
      </c>
    </row>
    <row r="10264" spans="1:10" x14ac:dyDescent="0.35">
      <c r="A10264" s="5" t="s">
        <v>10</v>
      </c>
      <c r="B10264" s="6">
        <v>141689</v>
      </c>
      <c r="C10264" s="6" t="s">
        <v>11</v>
      </c>
      <c r="D10264" s="6" t="s">
        <v>407</v>
      </c>
      <c r="E10264" s="6">
        <v>25126</v>
      </c>
      <c r="F10264" s="6" t="s">
        <v>13</v>
      </c>
      <c r="G10264" s="6" t="s">
        <v>408</v>
      </c>
      <c r="H10264" s="6" t="s">
        <v>409</v>
      </c>
      <c r="I10264" s="7">
        <v>4.9167299</v>
      </c>
      <c r="J10264" s="8">
        <v>-74.025903999999997</v>
      </c>
    </row>
    <row r="10265" spans="1:10" x14ac:dyDescent="0.35">
      <c r="A10265" s="5" t="s">
        <v>10</v>
      </c>
      <c r="B10265" s="6">
        <v>141715</v>
      </c>
      <c r="C10265" s="6" t="s">
        <v>11</v>
      </c>
      <c r="D10265" s="6" t="s">
        <v>680</v>
      </c>
      <c r="E10265" s="6">
        <v>25743</v>
      </c>
      <c r="F10265" s="6" t="s">
        <v>13</v>
      </c>
      <c r="G10265" s="6" t="s">
        <v>2681</v>
      </c>
      <c r="H10265" s="6" t="s">
        <v>2682</v>
      </c>
      <c r="I10265" s="7">
        <v>4.4029246000000004</v>
      </c>
      <c r="J10265" s="8">
        <v>-74.385581500000001</v>
      </c>
    </row>
    <row r="10266" spans="1:10" x14ac:dyDescent="0.35">
      <c r="A10266" s="5" t="s">
        <v>10</v>
      </c>
      <c r="B10266" s="6">
        <v>221196</v>
      </c>
      <c r="C10266" s="6" t="s">
        <v>28</v>
      </c>
      <c r="D10266" s="6" t="s">
        <v>29</v>
      </c>
      <c r="E10266" s="6">
        <v>54001</v>
      </c>
      <c r="F10266" s="6" t="s">
        <v>18</v>
      </c>
      <c r="G10266" s="6" t="s">
        <v>19788</v>
      </c>
      <c r="H10266" s="6" t="s">
        <v>19789</v>
      </c>
      <c r="I10266" s="7">
        <v>7.8873544000000004</v>
      </c>
      <c r="J10266" s="8">
        <v>-72.486672900000002</v>
      </c>
    </row>
    <row r="10267" spans="1:10" x14ac:dyDescent="0.35">
      <c r="A10267" s="5" t="s">
        <v>10</v>
      </c>
      <c r="B10267" s="6">
        <v>190352</v>
      </c>
      <c r="C10267" s="6" t="s">
        <v>42</v>
      </c>
      <c r="D10267" s="6" t="s">
        <v>46</v>
      </c>
      <c r="E10267" s="6">
        <v>17174</v>
      </c>
      <c r="F10267" s="6" t="s">
        <v>18</v>
      </c>
      <c r="G10267" s="6" t="s">
        <v>19790</v>
      </c>
      <c r="H10267" s="6" t="s">
        <v>19791</v>
      </c>
      <c r="I10267" s="7">
        <v>4.9844569999999999</v>
      </c>
      <c r="J10267" s="8">
        <v>-75.605520799999994</v>
      </c>
    </row>
    <row r="10268" spans="1:10" x14ac:dyDescent="0.35">
      <c r="A10268" s="5" t="s">
        <v>10</v>
      </c>
      <c r="B10268" s="6">
        <v>219062</v>
      </c>
      <c r="C10268" s="6" t="s">
        <v>11</v>
      </c>
      <c r="D10268" s="6" t="s">
        <v>221</v>
      </c>
      <c r="E10268" s="6">
        <v>25430</v>
      </c>
      <c r="F10268" s="6" t="s">
        <v>2161</v>
      </c>
      <c r="G10268" s="6" t="s">
        <v>19792</v>
      </c>
      <c r="H10268" s="6" t="s">
        <v>19793</v>
      </c>
      <c r="I10268" s="7">
        <v>4.7339637999999997</v>
      </c>
      <c r="J10268" s="8">
        <v>-74.261746599999995</v>
      </c>
    </row>
    <row r="10269" spans="1:10" x14ac:dyDescent="0.35">
      <c r="A10269" s="5" t="s">
        <v>10</v>
      </c>
      <c r="B10269" s="6">
        <v>220765</v>
      </c>
      <c r="C10269" s="6" t="s">
        <v>4364</v>
      </c>
      <c r="D10269" s="6" t="s">
        <v>8079</v>
      </c>
      <c r="E10269" s="6">
        <v>70215</v>
      </c>
      <c r="F10269" s="6" t="s">
        <v>2161</v>
      </c>
      <c r="G10269" s="6" t="s">
        <v>19794</v>
      </c>
      <c r="H10269" s="6" t="s">
        <v>19795</v>
      </c>
      <c r="I10269" s="7">
        <v>9.3234199999999898</v>
      </c>
      <c r="J10269" s="8">
        <v>-75.294909199999907</v>
      </c>
    </row>
    <row r="10270" spans="1:10" x14ac:dyDescent="0.35">
      <c r="A10270" s="5" t="s">
        <v>10</v>
      </c>
      <c r="B10270" s="6">
        <v>229519</v>
      </c>
      <c r="C10270" s="6" t="s">
        <v>55</v>
      </c>
      <c r="D10270" s="6" t="s">
        <v>573</v>
      </c>
      <c r="E10270" s="6">
        <v>73026</v>
      </c>
      <c r="F10270" s="6" t="s">
        <v>18</v>
      </c>
      <c r="G10270" s="6" t="s">
        <v>19796</v>
      </c>
      <c r="H10270" s="6" t="s">
        <v>19797</v>
      </c>
      <c r="I10270" s="7">
        <v>4.5661014</v>
      </c>
      <c r="J10270" s="8">
        <v>-74.952804499999999</v>
      </c>
    </row>
    <row r="10271" spans="1:10" x14ac:dyDescent="0.35">
      <c r="A10271" s="5" t="s">
        <v>10</v>
      </c>
      <c r="B10271" s="6">
        <v>216624</v>
      </c>
      <c r="C10271" s="6" t="s">
        <v>457</v>
      </c>
      <c r="D10271" s="6" t="s">
        <v>15027</v>
      </c>
      <c r="E10271" s="6">
        <v>52240</v>
      </c>
      <c r="F10271" s="6" t="s">
        <v>2161</v>
      </c>
      <c r="G10271" s="6" t="s">
        <v>19491</v>
      </c>
      <c r="H10271" s="6" t="s">
        <v>19798</v>
      </c>
      <c r="I10271" s="7">
        <v>1.359869</v>
      </c>
      <c r="J10271" s="8">
        <v>-77.282840999999905</v>
      </c>
    </row>
    <row r="10272" spans="1:10" x14ac:dyDescent="0.35">
      <c r="A10272" s="5" t="s">
        <v>10</v>
      </c>
      <c r="B10272" s="6">
        <v>226669</v>
      </c>
      <c r="C10272" s="6" t="s">
        <v>457</v>
      </c>
      <c r="D10272" s="6" t="s">
        <v>4400</v>
      </c>
      <c r="E10272" s="6">
        <v>52001</v>
      </c>
      <c r="F10272" s="6" t="s">
        <v>2161</v>
      </c>
      <c r="G10272" s="6" t="s">
        <v>19799</v>
      </c>
      <c r="H10272" s="6" t="s">
        <v>19800</v>
      </c>
      <c r="I10272" s="7">
        <v>1.2002653999999999</v>
      </c>
      <c r="J10272" s="8">
        <v>-77.2927885</v>
      </c>
    </row>
    <row r="10273" spans="1:10" x14ac:dyDescent="0.35">
      <c r="A10273" s="5" t="s">
        <v>10</v>
      </c>
      <c r="B10273" s="6">
        <v>237976</v>
      </c>
      <c r="C10273" s="6" t="s">
        <v>68</v>
      </c>
      <c r="D10273" s="6" t="s">
        <v>69</v>
      </c>
      <c r="E10273" s="6">
        <v>11001</v>
      </c>
      <c r="F10273" s="6" t="s">
        <v>2161</v>
      </c>
      <c r="G10273" s="6" t="s">
        <v>19801</v>
      </c>
      <c r="H10273" s="6" t="s">
        <v>19802</v>
      </c>
      <c r="I10273" s="7">
        <v>4.6023570999999999</v>
      </c>
      <c r="J10273" s="8">
        <v>-74.163954799999999</v>
      </c>
    </row>
    <row r="10274" spans="1:10" x14ac:dyDescent="0.35">
      <c r="A10274" s="5" t="s">
        <v>10</v>
      </c>
      <c r="B10274" s="6">
        <v>226059</v>
      </c>
      <c r="C10274" s="6" t="s">
        <v>68</v>
      </c>
      <c r="D10274" s="6" t="s">
        <v>69</v>
      </c>
      <c r="E10274" s="6">
        <v>11001</v>
      </c>
      <c r="F10274" s="6" t="s">
        <v>2161</v>
      </c>
      <c r="G10274" s="6" t="s">
        <v>19803</v>
      </c>
      <c r="H10274" s="6" t="s">
        <v>19804</v>
      </c>
      <c r="I10274" s="7">
        <v>4.6105757999999897</v>
      </c>
      <c r="J10274" s="8">
        <v>-74.165570099999997</v>
      </c>
    </row>
    <row r="10275" spans="1:10" x14ac:dyDescent="0.35">
      <c r="A10275" s="5" t="s">
        <v>10</v>
      </c>
      <c r="B10275" s="6">
        <v>230728</v>
      </c>
      <c r="C10275" s="6" t="s">
        <v>42</v>
      </c>
      <c r="D10275" s="6" t="s">
        <v>602</v>
      </c>
      <c r="E10275" s="6">
        <v>17777</v>
      </c>
      <c r="F10275" s="6" t="s">
        <v>2161</v>
      </c>
      <c r="G10275" s="6" t="s">
        <v>19805</v>
      </c>
      <c r="H10275" s="6" t="s">
        <v>19806</v>
      </c>
      <c r="I10275" s="7">
        <v>5.4564107999999996</v>
      </c>
      <c r="J10275" s="8">
        <v>-75.649787700000005</v>
      </c>
    </row>
    <row r="10276" spans="1:10" x14ac:dyDescent="0.35">
      <c r="A10276" s="5" t="s">
        <v>10</v>
      </c>
      <c r="B10276" s="6">
        <v>199457</v>
      </c>
      <c r="C10276" s="6" t="s">
        <v>68</v>
      </c>
      <c r="D10276" s="6" t="s">
        <v>69</v>
      </c>
      <c r="E10276" s="6">
        <v>11001</v>
      </c>
      <c r="F10276" s="6" t="s">
        <v>13</v>
      </c>
      <c r="G10276" s="6" t="s">
        <v>19807</v>
      </c>
      <c r="H10276" s="6" t="s">
        <v>19808</v>
      </c>
      <c r="I10276" s="7">
        <v>4.7458758999999997</v>
      </c>
      <c r="J10276" s="8">
        <v>-74.044493700000004</v>
      </c>
    </row>
    <row r="10277" spans="1:10" x14ac:dyDescent="0.35">
      <c r="A10277" s="5" t="s">
        <v>10</v>
      </c>
      <c r="B10277" s="6">
        <v>230026</v>
      </c>
      <c r="C10277" s="6" t="s">
        <v>68</v>
      </c>
      <c r="D10277" s="6" t="s">
        <v>69</v>
      </c>
      <c r="E10277" s="6">
        <v>11001</v>
      </c>
      <c r="F10277" s="6" t="s">
        <v>13</v>
      </c>
      <c r="G10277" s="6" t="s">
        <v>19809</v>
      </c>
      <c r="H10277" s="6" t="s">
        <v>19810</v>
      </c>
      <c r="I10277" s="7">
        <v>4.7156335</v>
      </c>
      <c r="J10277" s="8">
        <v>-74.124431200000004</v>
      </c>
    </row>
    <row r="10278" spans="1:10" x14ac:dyDescent="0.35">
      <c r="A10278" s="5" t="s">
        <v>10</v>
      </c>
      <c r="B10278" s="6">
        <v>221751</v>
      </c>
      <c r="C10278" s="6" t="s">
        <v>68</v>
      </c>
      <c r="D10278" s="6" t="s">
        <v>69</v>
      </c>
      <c r="E10278" s="6">
        <v>11001</v>
      </c>
      <c r="F10278" s="6" t="s">
        <v>18</v>
      </c>
      <c r="G10278" s="6" t="s">
        <v>568</v>
      </c>
      <c r="H10278" s="6" t="s">
        <v>569</v>
      </c>
      <c r="I10278" s="7">
        <v>4.5455603</v>
      </c>
      <c r="J10278" s="8">
        <v>-74.105619700000005</v>
      </c>
    </row>
    <row r="10279" spans="1:10" x14ac:dyDescent="0.35">
      <c r="A10279" s="5" t="s">
        <v>10</v>
      </c>
      <c r="B10279" s="6">
        <v>229246</v>
      </c>
      <c r="C10279" s="6" t="s">
        <v>294</v>
      </c>
      <c r="D10279" s="6" t="s">
        <v>447</v>
      </c>
      <c r="E10279" s="6">
        <v>41551</v>
      </c>
      <c r="F10279" s="6" t="s">
        <v>2161</v>
      </c>
      <c r="G10279" s="6" t="s">
        <v>12034</v>
      </c>
      <c r="H10279" s="6" t="s">
        <v>19811</v>
      </c>
      <c r="I10279" s="7">
        <v>1.8533299000000001</v>
      </c>
      <c r="J10279" s="8">
        <v>-76.035724000000002</v>
      </c>
    </row>
    <row r="10280" spans="1:10" x14ac:dyDescent="0.35">
      <c r="A10280" s="5" t="s">
        <v>10</v>
      </c>
      <c r="B10280" s="6">
        <v>141690</v>
      </c>
      <c r="C10280" s="6" t="s">
        <v>11</v>
      </c>
      <c r="D10280" s="6" t="s">
        <v>101</v>
      </c>
      <c r="E10280" s="6">
        <v>25473</v>
      </c>
      <c r="F10280" s="6" t="s">
        <v>13</v>
      </c>
      <c r="G10280" s="6" t="s">
        <v>403</v>
      </c>
      <c r="H10280" s="6" t="s">
        <v>404</v>
      </c>
      <c r="I10280" s="7">
        <v>4.6802367</v>
      </c>
      <c r="J10280" s="8">
        <v>-74.229671300000007</v>
      </c>
    </row>
    <row r="10281" spans="1:10" x14ac:dyDescent="0.35">
      <c r="A10281" s="5" t="s">
        <v>10</v>
      </c>
      <c r="B10281" s="6">
        <v>147868</v>
      </c>
      <c r="C10281" s="6" t="s">
        <v>11</v>
      </c>
      <c r="D10281" s="6" t="s">
        <v>3054</v>
      </c>
      <c r="E10281" s="6">
        <v>25269</v>
      </c>
      <c r="F10281" s="6" t="s">
        <v>13</v>
      </c>
      <c r="G10281" s="6" t="s">
        <v>17788</v>
      </c>
      <c r="H10281" s="6" t="s">
        <v>17789</v>
      </c>
      <c r="I10281" s="7">
        <v>4.8097642</v>
      </c>
      <c r="J10281" s="8">
        <v>-74.356405499999994</v>
      </c>
    </row>
    <row r="10282" spans="1:10" x14ac:dyDescent="0.35">
      <c r="A10282" s="5" t="s">
        <v>10</v>
      </c>
      <c r="B10282" s="6">
        <v>198525</v>
      </c>
      <c r="C10282" s="6" t="s">
        <v>11</v>
      </c>
      <c r="D10282" s="6" t="s">
        <v>407</v>
      </c>
      <c r="E10282" s="6">
        <v>25126</v>
      </c>
      <c r="F10282" s="6" t="s">
        <v>13</v>
      </c>
      <c r="G10282" s="6" t="s">
        <v>160</v>
      </c>
      <c r="H10282" s="6" t="s">
        <v>17984</v>
      </c>
      <c r="I10282" s="7">
        <v>4.9069954999999998</v>
      </c>
      <c r="J10282" s="8">
        <v>-74.023196100000007</v>
      </c>
    </row>
    <row r="10283" spans="1:10" x14ac:dyDescent="0.35">
      <c r="A10283" s="5" t="s">
        <v>10</v>
      </c>
      <c r="B10283" s="6">
        <v>191496</v>
      </c>
      <c r="C10283" s="6" t="s">
        <v>190</v>
      </c>
      <c r="D10283" s="6" t="s">
        <v>191</v>
      </c>
      <c r="E10283" s="6">
        <v>5001</v>
      </c>
      <c r="F10283" s="6" t="s">
        <v>13</v>
      </c>
      <c r="G10283" s="6" t="s">
        <v>18429</v>
      </c>
      <c r="H10283" s="6" t="s">
        <v>18430</v>
      </c>
      <c r="I10283" s="7">
        <v>6.2302906</v>
      </c>
      <c r="J10283" s="8">
        <v>-75.573896099999999</v>
      </c>
    </row>
    <row r="10284" spans="1:10" x14ac:dyDescent="0.35">
      <c r="A10284" s="5" t="s">
        <v>10</v>
      </c>
      <c r="B10284" s="6">
        <v>245744</v>
      </c>
      <c r="C10284" s="6" t="s">
        <v>109</v>
      </c>
      <c r="D10284" s="6" t="s">
        <v>19812</v>
      </c>
      <c r="E10284" s="6">
        <v>13440</v>
      </c>
      <c r="F10284" s="6" t="s">
        <v>18</v>
      </c>
      <c r="G10284" s="6" t="s">
        <v>19813</v>
      </c>
      <c r="H10284" s="6" t="s">
        <v>19814</v>
      </c>
      <c r="I10284" s="7">
        <v>10.4719365</v>
      </c>
      <c r="J10284" s="8">
        <v>-73.244375300000002</v>
      </c>
    </row>
    <row r="10285" spans="1:10" x14ac:dyDescent="0.35">
      <c r="A10285" s="5" t="s">
        <v>10</v>
      </c>
      <c r="B10285" s="6">
        <v>231056</v>
      </c>
      <c r="C10285" s="6" t="s">
        <v>109</v>
      </c>
      <c r="D10285" s="6" t="s">
        <v>658</v>
      </c>
      <c r="E10285" s="6">
        <v>13836</v>
      </c>
      <c r="F10285" s="6" t="s">
        <v>18</v>
      </c>
      <c r="G10285" s="6" t="s">
        <v>19815</v>
      </c>
      <c r="H10285" s="6" t="s">
        <v>19816</v>
      </c>
      <c r="I10285" s="7">
        <v>10.339163900000001</v>
      </c>
      <c r="J10285" s="8">
        <v>-75.422507800000005</v>
      </c>
    </row>
    <row r="10286" spans="1:10" x14ac:dyDescent="0.35">
      <c r="A10286" s="5" t="s">
        <v>10</v>
      </c>
      <c r="B10286" s="6">
        <v>218033</v>
      </c>
      <c r="C10286" s="6" t="s">
        <v>55</v>
      </c>
      <c r="D10286" s="6" t="s">
        <v>731</v>
      </c>
      <c r="E10286" s="6">
        <v>73268</v>
      </c>
      <c r="F10286" s="6" t="s">
        <v>18</v>
      </c>
      <c r="G10286" s="6" t="s">
        <v>19817</v>
      </c>
      <c r="H10286" s="6" t="s">
        <v>19818</v>
      </c>
      <c r="I10286" s="7">
        <v>4.1452491</v>
      </c>
      <c r="J10286" s="8">
        <v>-74.884606399999996</v>
      </c>
    </row>
    <row r="10287" spans="1:10" x14ac:dyDescent="0.35">
      <c r="A10287" s="5" t="s">
        <v>10</v>
      </c>
      <c r="B10287" s="6">
        <v>244706</v>
      </c>
      <c r="C10287" s="6" t="s">
        <v>24</v>
      </c>
      <c r="D10287" s="6" t="s">
        <v>88</v>
      </c>
      <c r="E10287" s="6">
        <v>15001</v>
      </c>
      <c r="F10287" s="6" t="s">
        <v>18</v>
      </c>
      <c r="G10287" s="6" t="s">
        <v>19819</v>
      </c>
      <c r="H10287" s="6" t="s">
        <v>19820</v>
      </c>
      <c r="I10287" s="7">
        <v>5.5158044000000004</v>
      </c>
      <c r="J10287" s="8">
        <v>-73.370634899999999</v>
      </c>
    </row>
    <row r="10288" spans="1:10" x14ac:dyDescent="0.35">
      <c r="A10288" s="5" t="s">
        <v>10</v>
      </c>
      <c r="B10288" s="6">
        <v>243897</v>
      </c>
      <c r="C10288" s="6" t="s">
        <v>28</v>
      </c>
      <c r="D10288" s="6" t="s">
        <v>1541</v>
      </c>
      <c r="E10288" s="6">
        <v>54720</v>
      </c>
      <c r="F10288" s="6" t="s">
        <v>18</v>
      </c>
      <c r="G10288" s="6" t="s">
        <v>19821</v>
      </c>
      <c r="H10288" s="6" t="s">
        <v>19822</v>
      </c>
      <c r="I10288" s="7">
        <v>7.9077659999999996</v>
      </c>
      <c r="J10288" s="8">
        <v>-72.502444800000006</v>
      </c>
    </row>
    <row r="10289" spans="1:10" x14ac:dyDescent="0.35">
      <c r="A10289" s="5" t="s">
        <v>10</v>
      </c>
      <c r="B10289" s="6">
        <v>230729</v>
      </c>
      <c r="C10289" s="6" t="s">
        <v>68</v>
      </c>
      <c r="D10289" s="6" t="s">
        <v>69</v>
      </c>
      <c r="E10289" s="6">
        <v>11001</v>
      </c>
      <c r="F10289" s="6" t="s">
        <v>2161</v>
      </c>
      <c r="G10289" s="6" t="s">
        <v>19823</v>
      </c>
      <c r="H10289" s="6" t="s">
        <v>19824</v>
      </c>
      <c r="I10289" s="7">
        <v>4.7282959</v>
      </c>
      <c r="J10289" s="8">
        <v>-74.1044172</v>
      </c>
    </row>
    <row r="10290" spans="1:10" x14ac:dyDescent="0.35">
      <c r="A10290" s="5" t="s">
        <v>10</v>
      </c>
      <c r="B10290" s="6">
        <v>228195</v>
      </c>
      <c r="C10290" s="6" t="s">
        <v>11</v>
      </c>
      <c r="D10290" s="6" t="s">
        <v>101</v>
      </c>
      <c r="E10290" s="6">
        <v>25473</v>
      </c>
      <c r="F10290" s="6" t="s">
        <v>2161</v>
      </c>
      <c r="G10290" s="6" t="s">
        <v>19825</v>
      </c>
      <c r="H10290" s="6" t="s">
        <v>19826</v>
      </c>
      <c r="I10290" s="7">
        <v>4.7181905999999998</v>
      </c>
      <c r="J10290" s="8">
        <v>-74.223732499999997</v>
      </c>
    </row>
    <row r="10291" spans="1:10" x14ac:dyDescent="0.35">
      <c r="A10291" s="5" t="s">
        <v>10</v>
      </c>
      <c r="B10291" s="6">
        <v>190749</v>
      </c>
      <c r="C10291" s="6" t="s">
        <v>24</v>
      </c>
      <c r="D10291" s="6" t="s">
        <v>88</v>
      </c>
      <c r="E10291" s="6">
        <v>15001</v>
      </c>
      <c r="F10291" s="6" t="s">
        <v>18</v>
      </c>
      <c r="G10291" s="6" t="s">
        <v>2894</v>
      </c>
      <c r="H10291" s="6" t="s">
        <v>2895</v>
      </c>
      <c r="I10291" s="7">
        <v>5.5140840999999998</v>
      </c>
      <c r="J10291" s="8">
        <v>-73.364787800000002</v>
      </c>
    </row>
    <row r="10292" spans="1:10" x14ac:dyDescent="0.35">
      <c r="A10292" s="5" t="s">
        <v>10</v>
      </c>
      <c r="B10292" s="6">
        <v>239195</v>
      </c>
      <c r="C10292" s="6" t="s">
        <v>61</v>
      </c>
      <c r="D10292" s="6" t="s">
        <v>62</v>
      </c>
      <c r="E10292" s="6">
        <v>63001</v>
      </c>
      <c r="F10292" s="6" t="s">
        <v>18</v>
      </c>
      <c r="G10292" s="6" t="s">
        <v>19827</v>
      </c>
      <c r="H10292" s="6" t="s">
        <v>19828</v>
      </c>
      <c r="I10292" s="7">
        <v>4.5344579999999999</v>
      </c>
      <c r="J10292" s="8">
        <v>-75.699620199999998</v>
      </c>
    </row>
    <row r="10293" spans="1:10" x14ac:dyDescent="0.35">
      <c r="A10293" s="5" t="s">
        <v>10</v>
      </c>
      <c r="B10293" s="6">
        <v>173583</v>
      </c>
      <c r="C10293" s="6" t="s">
        <v>68</v>
      </c>
      <c r="D10293" s="6" t="s">
        <v>69</v>
      </c>
      <c r="E10293" s="6">
        <v>11001</v>
      </c>
      <c r="F10293" s="6" t="s">
        <v>18</v>
      </c>
      <c r="G10293" s="6" t="s">
        <v>1885</v>
      </c>
      <c r="H10293" s="6" t="s">
        <v>1886</v>
      </c>
      <c r="I10293" s="7">
        <v>4.6858019000000004</v>
      </c>
      <c r="J10293" s="8">
        <v>-74.0535098</v>
      </c>
    </row>
    <row r="10294" spans="1:10" x14ac:dyDescent="0.35">
      <c r="A10294" s="5" t="s">
        <v>10</v>
      </c>
      <c r="B10294" s="6">
        <v>221169</v>
      </c>
      <c r="C10294" s="6" t="s">
        <v>3788</v>
      </c>
      <c r="D10294" s="6" t="s">
        <v>3974</v>
      </c>
      <c r="E10294" s="6">
        <v>18001</v>
      </c>
      <c r="F10294" s="6" t="s">
        <v>2161</v>
      </c>
      <c r="G10294" s="6" t="s">
        <v>19829</v>
      </c>
      <c r="H10294" s="6" t="s">
        <v>19830</v>
      </c>
      <c r="I10294" s="7">
        <v>1.6166096000000001</v>
      </c>
      <c r="J10294" s="8">
        <v>-75.611642699999905</v>
      </c>
    </row>
    <row r="10295" spans="1:10" x14ac:dyDescent="0.35">
      <c r="A10295" s="5" t="s">
        <v>10</v>
      </c>
      <c r="B10295" s="6">
        <v>231169</v>
      </c>
      <c r="C10295" s="6" t="s">
        <v>28</v>
      </c>
      <c r="D10295" s="6" t="s">
        <v>153</v>
      </c>
      <c r="E10295" s="6">
        <v>54518</v>
      </c>
      <c r="F10295" s="6" t="s">
        <v>2161</v>
      </c>
      <c r="G10295" s="6" t="s">
        <v>19831</v>
      </c>
      <c r="H10295" s="6" t="s">
        <v>19832</v>
      </c>
      <c r="I10295" s="7">
        <v>7.3721825000000001</v>
      </c>
      <c r="J10295" s="8">
        <v>-72.647409499999995</v>
      </c>
    </row>
    <row r="10296" spans="1:10" x14ac:dyDescent="0.35">
      <c r="A10296" s="5" t="s">
        <v>10</v>
      </c>
      <c r="B10296" s="6">
        <v>98814</v>
      </c>
      <c r="C10296" s="6" t="s">
        <v>294</v>
      </c>
      <c r="D10296" s="6" t="s">
        <v>5252</v>
      </c>
      <c r="E10296" s="6">
        <v>41807</v>
      </c>
      <c r="F10296" s="6" t="s">
        <v>13</v>
      </c>
      <c r="G10296" s="6" t="s">
        <v>544</v>
      </c>
      <c r="H10296" s="6" t="s">
        <v>19833</v>
      </c>
      <c r="I10296" s="7">
        <v>1.974415</v>
      </c>
      <c r="J10296" s="8">
        <v>-75.932846999999995</v>
      </c>
    </row>
    <row r="10297" spans="1:10" x14ac:dyDescent="0.35">
      <c r="A10297" s="5" t="s">
        <v>10</v>
      </c>
      <c r="B10297" s="6">
        <v>190314</v>
      </c>
      <c r="C10297" s="6" t="s">
        <v>11</v>
      </c>
      <c r="D10297" s="6" t="s">
        <v>5259</v>
      </c>
      <c r="E10297" s="6">
        <v>25320</v>
      </c>
      <c r="F10297" s="6" t="s">
        <v>13</v>
      </c>
      <c r="G10297" s="6" t="s">
        <v>19006</v>
      </c>
      <c r="H10297" s="6" t="s">
        <v>19007</v>
      </c>
      <c r="I10297" s="7">
        <v>5.0679067</v>
      </c>
      <c r="J10297" s="8">
        <v>-74.595619200000002</v>
      </c>
    </row>
    <row r="10298" spans="1:10" x14ac:dyDescent="0.35">
      <c r="A10298" s="5" t="s">
        <v>10</v>
      </c>
      <c r="B10298" s="6">
        <v>191489</v>
      </c>
      <c r="C10298" s="6" t="s">
        <v>55</v>
      </c>
      <c r="D10298" s="6" t="s">
        <v>56</v>
      </c>
      <c r="E10298" s="6">
        <v>73001</v>
      </c>
      <c r="F10298" s="6" t="s">
        <v>13</v>
      </c>
      <c r="G10298" s="6" t="s">
        <v>19530</v>
      </c>
      <c r="H10298" s="6" t="s">
        <v>19531</v>
      </c>
      <c r="I10298" s="7">
        <v>4.4440387000000001</v>
      </c>
      <c r="J10298" s="8">
        <v>-75.236857700000002</v>
      </c>
    </row>
    <row r="10299" spans="1:10" x14ac:dyDescent="0.35">
      <c r="A10299" s="5" t="s">
        <v>10</v>
      </c>
      <c r="B10299" s="6">
        <v>228737</v>
      </c>
      <c r="C10299" s="6" t="s">
        <v>24</v>
      </c>
      <c r="D10299" s="6" t="s">
        <v>137</v>
      </c>
      <c r="E10299" s="6">
        <v>15238</v>
      </c>
      <c r="F10299" s="6" t="s">
        <v>18</v>
      </c>
      <c r="G10299" s="6" t="s">
        <v>19834</v>
      </c>
      <c r="H10299" s="6" t="s">
        <v>19835</v>
      </c>
      <c r="I10299" s="7">
        <v>5.8204304999999996</v>
      </c>
      <c r="J10299" s="8">
        <v>-73.024873900000003</v>
      </c>
    </row>
    <row r="10300" spans="1:10" x14ac:dyDescent="0.35">
      <c r="A10300" s="5" t="s">
        <v>10</v>
      </c>
      <c r="B10300" s="6">
        <v>233827</v>
      </c>
      <c r="C10300" s="6" t="s">
        <v>55</v>
      </c>
      <c r="D10300" s="6" t="s">
        <v>56</v>
      </c>
      <c r="E10300" s="6">
        <v>73001</v>
      </c>
      <c r="F10300" s="6" t="s">
        <v>18</v>
      </c>
      <c r="G10300" s="6" t="s">
        <v>19836</v>
      </c>
      <c r="H10300" s="6" t="s">
        <v>19837</v>
      </c>
      <c r="I10300" s="7">
        <v>4.4472651000000001</v>
      </c>
      <c r="J10300" s="8">
        <v>-75.241413100000003</v>
      </c>
    </row>
    <row r="10301" spans="1:10" x14ac:dyDescent="0.35">
      <c r="A10301" s="5" t="s">
        <v>10</v>
      </c>
      <c r="B10301" s="6">
        <v>223396</v>
      </c>
      <c r="C10301" s="6" t="s">
        <v>294</v>
      </c>
      <c r="D10301" s="6" t="s">
        <v>447</v>
      </c>
      <c r="E10301" s="6">
        <v>41551</v>
      </c>
      <c r="F10301" s="6" t="s">
        <v>2161</v>
      </c>
      <c r="G10301" s="6" t="s">
        <v>19838</v>
      </c>
      <c r="H10301" s="6" t="s">
        <v>19839</v>
      </c>
      <c r="I10301" s="7">
        <v>1.8501863999999999</v>
      </c>
      <c r="J10301" s="8">
        <v>-76.046664300000003</v>
      </c>
    </row>
    <row r="10302" spans="1:10" x14ac:dyDescent="0.35">
      <c r="A10302" s="5" t="s">
        <v>10</v>
      </c>
      <c r="B10302" s="6">
        <v>212166</v>
      </c>
      <c r="C10302" s="6" t="s">
        <v>190</v>
      </c>
      <c r="D10302" s="6" t="s">
        <v>15531</v>
      </c>
      <c r="E10302" s="6">
        <v>5790</v>
      </c>
      <c r="F10302" s="6" t="s">
        <v>2161</v>
      </c>
      <c r="G10302" s="6" t="s">
        <v>19840</v>
      </c>
      <c r="H10302" s="6" t="s">
        <v>19841</v>
      </c>
      <c r="I10302" s="7">
        <v>7.5831909999999896</v>
      </c>
      <c r="J10302" s="8">
        <v>-75.399965999999907</v>
      </c>
    </row>
    <row r="10303" spans="1:10" x14ac:dyDescent="0.35">
      <c r="A10303" s="5" t="s">
        <v>10</v>
      </c>
      <c r="B10303" s="6">
        <v>216581</v>
      </c>
      <c r="C10303" s="6" t="s">
        <v>302</v>
      </c>
      <c r="D10303" s="6" t="s">
        <v>359</v>
      </c>
      <c r="E10303" s="6">
        <v>8001</v>
      </c>
      <c r="F10303" s="6" t="s">
        <v>2161</v>
      </c>
      <c r="G10303" s="6" t="s">
        <v>19842</v>
      </c>
      <c r="H10303" s="6" t="s">
        <v>19843</v>
      </c>
      <c r="I10303" s="7">
        <v>10.9311714</v>
      </c>
      <c r="J10303" s="8">
        <v>-74.807153900000003</v>
      </c>
    </row>
    <row r="10304" spans="1:10" x14ac:dyDescent="0.35">
      <c r="A10304" s="5" t="s">
        <v>10</v>
      </c>
      <c r="B10304" s="6">
        <v>213365</v>
      </c>
      <c r="C10304" s="6" t="s">
        <v>551</v>
      </c>
      <c r="D10304" s="6" t="s">
        <v>4403</v>
      </c>
      <c r="E10304" s="6">
        <v>20013</v>
      </c>
      <c r="F10304" s="6" t="s">
        <v>2161</v>
      </c>
      <c r="G10304" s="6" t="s">
        <v>19179</v>
      </c>
      <c r="H10304" s="6" t="s">
        <v>19844</v>
      </c>
      <c r="I10304" s="7">
        <v>10.034716</v>
      </c>
      <c r="J10304" s="8">
        <v>-73.237105</v>
      </c>
    </row>
    <row r="10305" spans="1:10" x14ac:dyDescent="0.35">
      <c r="A10305" s="5" t="s">
        <v>10</v>
      </c>
      <c r="B10305" s="6">
        <v>224892</v>
      </c>
      <c r="C10305" s="6" t="s">
        <v>11</v>
      </c>
      <c r="D10305" s="6" t="s">
        <v>1547</v>
      </c>
      <c r="E10305" s="6">
        <v>25817</v>
      </c>
      <c r="F10305" s="6" t="s">
        <v>2161</v>
      </c>
      <c r="G10305" s="6" t="s">
        <v>19845</v>
      </c>
      <c r="H10305" s="6" t="s">
        <v>19846</v>
      </c>
      <c r="I10305" s="7">
        <v>5.0034041</v>
      </c>
      <c r="J10305" s="8">
        <v>-73.939733399999994</v>
      </c>
    </row>
    <row r="10306" spans="1:10" x14ac:dyDescent="0.35">
      <c r="A10306" s="5" t="s">
        <v>10</v>
      </c>
      <c r="B10306" s="6">
        <v>44014</v>
      </c>
      <c r="C10306" s="6" t="s">
        <v>308</v>
      </c>
      <c r="D10306" s="6" t="s">
        <v>309</v>
      </c>
      <c r="E10306" s="6">
        <v>23001</v>
      </c>
      <c r="F10306" s="6" t="s">
        <v>13</v>
      </c>
      <c r="G10306" s="6" t="s">
        <v>19847</v>
      </c>
      <c r="H10306" s="6" t="s">
        <v>19848</v>
      </c>
      <c r="I10306" s="7">
        <v>8.7330819999999996</v>
      </c>
      <c r="J10306" s="8">
        <v>-75.894569200000007</v>
      </c>
    </row>
    <row r="10307" spans="1:10" x14ac:dyDescent="0.35">
      <c r="A10307" s="5" t="s">
        <v>10</v>
      </c>
      <c r="B10307" s="6">
        <v>209334</v>
      </c>
      <c r="C10307" s="6" t="s">
        <v>24</v>
      </c>
      <c r="D10307" s="6" t="s">
        <v>2225</v>
      </c>
      <c r="E10307" s="6">
        <v>15248</v>
      </c>
      <c r="F10307" s="6" t="s">
        <v>18</v>
      </c>
      <c r="G10307" s="6" t="s">
        <v>19849</v>
      </c>
      <c r="H10307" s="6" t="s">
        <v>19850</v>
      </c>
      <c r="I10307" s="7">
        <v>5.5378050999999999</v>
      </c>
      <c r="J10307" s="8">
        <v>-73.356269999999995</v>
      </c>
    </row>
    <row r="10308" spans="1:10" x14ac:dyDescent="0.35">
      <c r="A10308" s="5" t="s">
        <v>10</v>
      </c>
      <c r="B10308" s="6">
        <v>246429</v>
      </c>
      <c r="C10308" s="6" t="s">
        <v>28</v>
      </c>
      <c r="D10308" s="6" t="s">
        <v>91</v>
      </c>
      <c r="E10308" s="6">
        <v>54874</v>
      </c>
      <c r="F10308" s="6" t="s">
        <v>18</v>
      </c>
      <c r="G10308" s="6" t="s">
        <v>19851</v>
      </c>
      <c r="H10308" s="6" t="s">
        <v>19852</v>
      </c>
      <c r="I10308" s="7">
        <v>7.8633708000000002</v>
      </c>
      <c r="J10308" s="8">
        <v>-72.475726899999998</v>
      </c>
    </row>
    <row r="10309" spans="1:10" x14ac:dyDescent="0.35">
      <c r="A10309" s="5" t="s">
        <v>10</v>
      </c>
      <c r="B10309" s="6">
        <v>246028</v>
      </c>
      <c r="C10309" s="6" t="s">
        <v>28</v>
      </c>
      <c r="D10309" s="6" t="s">
        <v>49</v>
      </c>
      <c r="E10309" s="6">
        <v>54498</v>
      </c>
      <c r="F10309" s="6" t="s">
        <v>18</v>
      </c>
      <c r="G10309" s="6" t="s">
        <v>19853</v>
      </c>
      <c r="H10309" s="6" t="s">
        <v>752</v>
      </c>
      <c r="I10309" s="7">
        <v>8.2459287000000003</v>
      </c>
      <c r="J10309" s="8">
        <v>-73.351821900000004</v>
      </c>
    </row>
    <row r="10310" spans="1:10" x14ac:dyDescent="0.35">
      <c r="A10310" s="5" t="s">
        <v>10</v>
      </c>
      <c r="B10310" s="6">
        <v>227169</v>
      </c>
      <c r="C10310" s="6" t="s">
        <v>28</v>
      </c>
      <c r="D10310" s="6" t="s">
        <v>1541</v>
      </c>
      <c r="E10310" s="6">
        <v>54720</v>
      </c>
      <c r="F10310" s="6" t="s">
        <v>18</v>
      </c>
      <c r="G10310" s="6" t="s">
        <v>19854</v>
      </c>
      <c r="H10310" s="6" t="s">
        <v>19855</v>
      </c>
      <c r="I10310" s="7">
        <v>8.0850919999999995</v>
      </c>
      <c r="J10310" s="8">
        <v>-72.799937</v>
      </c>
    </row>
    <row r="10311" spans="1:10" x14ac:dyDescent="0.35">
      <c r="A10311" s="5" t="s">
        <v>10</v>
      </c>
      <c r="B10311" s="6">
        <v>246066</v>
      </c>
      <c r="C10311" s="6" t="s">
        <v>68</v>
      </c>
      <c r="D10311" s="6" t="s">
        <v>69</v>
      </c>
      <c r="E10311" s="6">
        <v>11001</v>
      </c>
      <c r="F10311" s="6" t="s">
        <v>13</v>
      </c>
      <c r="G10311" s="6" t="s">
        <v>18110</v>
      </c>
      <c r="H10311" s="6" t="s">
        <v>19856</v>
      </c>
      <c r="I10311" s="7">
        <v>4.5991150999999997</v>
      </c>
      <c r="J10311" s="8">
        <v>-74.107902499999994</v>
      </c>
    </row>
    <row r="10312" spans="1:10" x14ac:dyDescent="0.35">
      <c r="A10312" s="5" t="s">
        <v>10</v>
      </c>
      <c r="B10312" s="6">
        <v>223761</v>
      </c>
      <c r="C10312" s="6" t="s">
        <v>2821</v>
      </c>
      <c r="D10312" s="6" t="s">
        <v>2822</v>
      </c>
      <c r="E10312" s="6">
        <v>47001</v>
      </c>
      <c r="F10312" s="6" t="s">
        <v>13</v>
      </c>
      <c r="G10312" s="6" t="s">
        <v>19857</v>
      </c>
      <c r="H10312" s="6" t="s">
        <v>19858</v>
      </c>
      <c r="I10312" s="7">
        <v>11.240354699999999</v>
      </c>
      <c r="J10312" s="8">
        <v>-74.211022700000001</v>
      </c>
    </row>
    <row r="10313" spans="1:10" x14ac:dyDescent="0.35">
      <c r="A10313" s="5" t="s">
        <v>10</v>
      </c>
      <c r="B10313" s="6">
        <v>225366</v>
      </c>
      <c r="C10313" s="6" t="s">
        <v>94</v>
      </c>
      <c r="D10313" s="6" t="s">
        <v>98</v>
      </c>
      <c r="E10313" s="6">
        <v>66001</v>
      </c>
      <c r="F10313" s="6" t="s">
        <v>13</v>
      </c>
      <c r="G10313" s="6" t="s">
        <v>19859</v>
      </c>
      <c r="H10313" s="6" t="s">
        <v>19860</v>
      </c>
      <c r="I10313" s="7">
        <v>4.8118777000000001</v>
      </c>
      <c r="J10313" s="8">
        <v>-75.691327999999999</v>
      </c>
    </row>
    <row r="10314" spans="1:10" x14ac:dyDescent="0.35">
      <c r="A10314" s="5" t="s">
        <v>10</v>
      </c>
      <c r="B10314" s="6">
        <v>93889</v>
      </c>
      <c r="C10314" s="6" t="s">
        <v>16</v>
      </c>
      <c r="D10314" s="6" t="s">
        <v>224</v>
      </c>
      <c r="E10314" s="6">
        <v>68755</v>
      </c>
      <c r="F10314" s="6" t="s">
        <v>18</v>
      </c>
      <c r="G10314" s="6" t="s">
        <v>19861</v>
      </c>
      <c r="H10314" s="6" t="s">
        <v>19862</v>
      </c>
      <c r="I10314" s="7">
        <v>6.4686649999999997</v>
      </c>
      <c r="J10314" s="8">
        <v>-73.264040999999906</v>
      </c>
    </row>
    <row r="10315" spans="1:10" x14ac:dyDescent="0.35">
      <c r="A10315" s="5" t="s">
        <v>10</v>
      </c>
      <c r="B10315" s="6">
        <v>231216</v>
      </c>
      <c r="C10315" s="6" t="s">
        <v>24</v>
      </c>
      <c r="D10315" s="6" t="s">
        <v>2502</v>
      </c>
      <c r="E10315" s="6">
        <v>15638</v>
      </c>
      <c r="F10315" s="6" t="s">
        <v>18</v>
      </c>
      <c r="G10315" s="6" t="s">
        <v>19863</v>
      </c>
      <c r="H10315" s="6" t="s">
        <v>19864</v>
      </c>
      <c r="I10315" s="7">
        <v>5.5841759</v>
      </c>
      <c r="J10315" s="8">
        <v>-73.542606399999997</v>
      </c>
    </row>
    <row r="10316" spans="1:10" x14ac:dyDescent="0.35">
      <c r="A10316" s="5" t="s">
        <v>10</v>
      </c>
      <c r="B10316" s="6">
        <v>235447</v>
      </c>
      <c r="C10316" s="6" t="s">
        <v>55</v>
      </c>
      <c r="D10316" s="6" t="s">
        <v>165</v>
      </c>
      <c r="E10316" s="6">
        <v>73449</v>
      </c>
      <c r="F10316" s="6" t="s">
        <v>18</v>
      </c>
      <c r="G10316" s="6" t="s">
        <v>19865</v>
      </c>
      <c r="H10316" s="6" t="s">
        <v>19866</v>
      </c>
      <c r="I10316" s="7">
        <v>4.2004719000000001</v>
      </c>
      <c r="J10316" s="8">
        <v>-74.650104400000004</v>
      </c>
    </row>
    <row r="10317" spans="1:10" x14ac:dyDescent="0.35">
      <c r="A10317" s="5" t="s">
        <v>10</v>
      </c>
      <c r="B10317" s="6">
        <v>223045</v>
      </c>
      <c r="C10317" s="6" t="s">
        <v>28</v>
      </c>
      <c r="D10317" s="6" t="s">
        <v>322</v>
      </c>
      <c r="E10317" s="6">
        <v>54405</v>
      </c>
      <c r="F10317" s="6" t="s">
        <v>2161</v>
      </c>
      <c r="G10317" s="6" t="s">
        <v>2151</v>
      </c>
      <c r="H10317" s="6" t="s">
        <v>19867</v>
      </c>
      <c r="I10317" s="7">
        <v>7.8140700000000001</v>
      </c>
      <c r="J10317" s="8">
        <v>-72.512309999999999</v>
      </c>
    </row>
    <row r="10318" spans="1:10" x14ac:dyDescent="0.35">
      <c r="A10318" s="5" t="s">
        <v>10</v>
      </c>
      <c r="B10318" s="6">
        <v>235318</v>
      </c>
      <c r="C10318" s="6" t="s">
        <v>16</v>
      </c>
      <c r="D10318" s="6" t="s">
        <v>1348</v>
      </c>
      <c r="E10318" s="6">
        <v>68167</v>
      </c>
      <c r="F10318" s="6" t="s">
        <v>2161</v>
      </c>
      <c r="G10318" s="6" t="s">
        <v>19868</v>
      </c>
      <c r="H10318" s="6" t="s">
        <v>19869</v>
      </c>
      <c r="I10318" s="7">
        <v>6.2859226000000001</v>
      </c>
      <c r="J10318" s="8">
        <v>-73.147033100000002</v>
      </c>
    </row>
    <row r="10319" spans="1:10" x14ac:dyDescent="0.35">
      <c r="A10319" s="5" t="s">
        <v>10</v>
      </c>
      <c r="B10319" s="6">
        <v>236328</v>
      </c>
      <c r="C10319" s="6" t="s">
        <v>16</v>
      </c>
      <c r="D10319" s="6" t="s">
        <v>2825</v>
      </c>
      <c r="E10319" s="6">
        <v>68276</v>
      </c>
      <c r="F10319" s="6" t="s">
        <v>2161</v>
      </c>
      <c r="G10319" s="6" t="s">
        <v>19870</v>
      </c>
      <c r="H10319" s="6" t="s">
        <v>19871</v>
      </c>
      <c r="I10319" s="7">
        <v>3.5191587000000002</v>
      </c>
      <c r="J10319" s="8">
        <v>-76.3049994</v>
      </c>
    </row>
    <row r="10320" spans="1:10" x14ac:dyDescent="0.35">
      <c r="A10320" s="5" t="s">
        <v>10</v>
      </c>
      <c r="B10320" s="6">
        <v>98752</v>
      </c>
      <c r="C10320" s="6" t="s">
        <v>294</v>
      </c>
      <c r="D10320" s="6" t="s">
        <v>703</v>
      </c>
      <c r="E10320" s="6">
        <v>41001</v>
      </c>
      <c r="F10320" s="6" t="s">
        <v>13</v>
      </c>
      <c r="G10320" s="6" t="s">
        <v>544</v>
      </c>
      <c r="H10320" s="6" t="s">
        <v>19872</v>
      </c>
      <c r="I10320" s="7">
        <v>2.9234319000000002</v>
      </c>
      <c r="J10320" s="8">
        <v>-75.289112900000006</v>
      </c>
    </row>
    <row r="10321" spans="1:10" x14ac:dyDescent="0.35">
      <c r="A10321" s="5" t="s">
        <v>10</v>
      </c>
      <c r="B10321" s="6">
        <v>178969</v>
      </c>
      <c r="C10321" s="6" t="s">
        <v>38</v>
      </c>
      <c r="D10321" s="6" t="s">
        <v>39</v>
      </c>
      <c r="E10321" s="6">
        <v>19001</v>
      </c>
      <c r="F10321" s="6" t="s">
        <v>13</v>
      </c>
      <c r="G10321" s="6" t="s">
        <v>17786</v>
      </c>
      <c r="H10321" s="6" t="s">
        <v>17787</v>
      </c>
      <c r="I10321" s="7">
        <v>2.4290645</v>
      </c>
      <c r="J10321" s="8">
        <v>-76.611133100000004</v>
      </c>
    </row>
    <row r="10322" spans="1:10" x14ac:dyDescent="0.35">
      <c r="A10322" s="5" t="s">
        <v>10</v>
      </c>
      <c r="B10322" s="6">
        <v>141690</v>
      </c>
      <c r="C10322" s="6" t="s">
        <v>11</v>
      </c>
      <c r="D10322" s="6" t="s">
        <v>101</v>
      </c>
      <c r="E10322" s="6">
        <v>25473</v>
      </c>
      <c r="F10322" s="6" t="s">
        <v>13</v>
      </c>
      <c r="G10322" s="6" t="s">
        <v>403</v>
      </c>
      <c r="H10322" s="6" t="s">
        <v>404</v>
      </c>
      <c r="I10322" s="7">
        <v>4.6802367</v>
      </c>
      <c r="J10322" s="8">
        <v>-74.229671300000007</v>
      </c>
    </row>
    <row r="10323" spans="1:10" x14ac:dyDescent="0.35">
      <c r="A10323" s="5" t="s">
        <v>10</v>
      </c>
      <c r="B10323" s="6">
        <v>141701</v>
      </c>
      <c r="C10323" s="6" t="s">
        <v>11</v>
      </c>
      <c r="D10323" s="6" t="s">
        <v>1206</v>
      </c>
      <c r="E10323" s="6">
        <v>25875</v>
      </c>
      <c r="F10323" s="6" t="s">
        <v>13</v>
      </c>
      <c r="G10323" s="6" t="s">
        <v>18180</v>
      </c>
      <c r="H10323" s="6" t="s">
        <v>18181</v>
      </c>
      <c r="I10323" s="7">
        <v>5.0113294000000002</v>
      </c>
      <c r="J10323" s="8">
        <v>-74.470791000000006</v>
      </c>
    </row>
    <row r="10324" spans="1:10" x14ac:dyDescent="0.35">
      <c r="A10324" s="5" t="s">
        <v>10</v>
      </c>
      <c r="B10324" s="6">
        <v>236241</v>
      </c>
      <c r="C10324" s="6" t="s">
        <v>11</v>
      </c>
      <c r="D10324" s="6" t="s">
        <v>12</v>
      </c>
      <c r="E10324" s="6">
        <v>25899</v>
      </c>
      <c r="F10324" s="6" t="s">
        <v>13</v>
      </c>
      <c r="G10324" s="6" t="s">
        <v>19873</v>
      </c>
      <c r="H10324" s="6" t="s">
        <v>19874</v>
      </c>
      <c r="I10324" s="7">
        <v>5.0226521000000002</v>
      </c>
      <c r="J10324" s="8">
        <v>-74.0041054</v>
      </c>
    </row>
    <row r="10325" spans="1:10" x14ac:dyDescent="0.35">
      <c r="A10325" s="5" t="s">
        <v>10</v>
      </c>
      <c r="B10325" s="6">
        <v>244006</v>
      </c>
      <c r="C10325" s="6" t="s">
        <v>55</v>
      </c>
      <c r="D10325" s="6" t="s">
        <v>56</v>
      </c>
      <c r="E10325" s="6">
        <v>73001</v>
      </c>
      <c r="F10325" s="6" t="s">
        <v>18</v>
      </c>
      <c r="G10325" s="6" t="s">
        <v>19875</v>
      </c>
      <c r="H10325" s="6" t="s">
        <v>19876</v>
      </c>
      <c r="I10325" s="7">
        <v>4.4455698000000003</v>
      </c>
      <c r="J10325" s="8">
        <v>-75.247009800000001</v>
      </c>
    </row>
    <row r="10326" spans="1:10" x14ac:dyDescent="0.35">
      <c r="A10326" s="5" t="s">
        <v>10</v>
      </c>
      <c r="B10326" s="6">
        <v>172654</v>
      </c>
      <c r="C10326" s="6" t="s">
        <v>42</v>
      </c>
      <c r="D10326" s="6" t="s">
        <v>43</v>
      </c>
      <c r="E10326" s="6">
        <v>17001</v>
      </c>
      <c r="F10326" s="6" t="s">
        <v>18</v>
      </c>
      <c r="G10326" s="6" t="s">
        <v>950</v>
      </c>
      <c r="H10326" s="6" t="s">
        <v>951</v>
      </c>
      <c r="I10326" s="7">
        <v>5.0866499999999997</v>
      </c>
      <c r="J10326" s="8">
        <v>-75.410049999999998</v>
      </c>
    </row>
    <row r="10327" spans="1:10" x14ac:dyDescent="0.35">
      <c r="A10327" s="5" t="s">
        <v>10</v>
      </c>
      <c r="B10327" s="6">
        <v>184120</v>
      </c>
      <c r="C10327" s="6" t="s">
        <v>68</v>
      </c>
      <c r="D10327" s="6" t="s">
        <v>69</v>
      </c>
      <c r="E10327" s="6">
        <v>11001</v>
      </c>
      <c r="F10327" s="6" t="s">
        <v>18</v>
      </c>
      <c r="G10327" s="6" t="s">
        <v>17705</v>
      </c>
      <c r="H10327" s="6" t="s">
        <v>17706</v>
      </c>
      <c r="I10327" s="7">
        <v>4.6856081999999999</v>
      </c>
      <c r="J10327" s="8">
        <v>-74.052892999999997</v>
      </c>
    </row>
    <row r="10328" spans="1:10" x14ac:dyDescent="0.35">
      <c r="A10328" s="5" t="s">
        <v>10</v>
      </c>
      <c r="B10328" s="6">
        <v>184120</v>
      </c>
      <c r="C10328" s="6" t="s">
        <v>68</v>
      </c>
      <c r="D10328" s="6" t="s">
        <v>69</v>
      </c>
      <c r="E10328" s="6">
        <v>11001</v>
      </c>
      <c r="F10328" s="6" t="s">
        <v>18</v>
      </c>
      <c r="G10328" s="6" t="s">
        <v>17705</v>
      </c>
      <c r="H10328" s="6" t="s">
        <v>17706</v>
      </c>
      <c r="I10328" s="7">
        <v>4.6856081999999999</v>
      </c>
      <c r="J10328" s="8">
        <v>-74.052892999999997</v>
      </c>
    </row>
    <row r="10329" spans="1:10" x14ac:dyDescent="0.35">
      <c r="A10329" s="5" t="s">
        <v>10</v>
      </c>
      <c r="B10329" s="6">
        <v>220750</v>
      </c>
      <c r="C10329" s="6" t="s">
        <v>68</v>
      </c>
      <c r="D10329" s="6" t="s">
        <v>69</v>
      </c>
      <c r="E10329" s="6">
        <v>11001</v>
      </c>
      <c r="F10329" s="6" t="s">
        <v>2161</v>
      </c>
      <c r="G10329" s="6" t="s">
        <v>19877</v>
      </c>
      <c r="H10329" s="6" t="s">
        <v>19878</v>
      </c>
      <c r="I10329" s="7">
        <v>4.7457669999999998</v>
      </c>
      <c r="J10329" s="8">
        <v>-74.111248799999998</v>
      </c>
    </row>
    <row r="10330" spans="1:10" x14ac:dyDescent="0.35">
      <c r="A10330" s="5" t="s">
        <v>10</v>
      </c>
      <c r="B10330" s="6">
        <v>237185</v>
      </c>
      <c r="C10330" s="6" t="s">
        <v>24</v>
      </c>
      <c r="D10330" s="6" t="s">
        <v>85</v>
      </c>
      <c r="E10330" s="6">
        <v>15759</v>
      </c>
      <c r="F10330" s="6" t="s">
        <v>2161</v>
      </c>
      <c r="G10330" s="6" t="s">
        <v>19879</v>
      </c>
      <c r="H10330" s="6" t="s">
        <v>19880</v>
      </c>
      <c r="I10330" s="7">
        <v>5.7410718000000003</v>
      </c>
      <c r="J10330" s="8">
        <v>-72.913246099999995</v>
      </c>
    </row>
    <row r="10331" spans="1:10" x14ac:dyDescent="0.35">
      <c r="A10331" s="5" t="s">
        <v>10</v>
      </c>
      <c r="B10331" s="6">
        <v>182928</v>
      </c>
      <c r="C10331" s="6" t="s">
        <v>16</v>
      </c>
      <c r="D10331" s="6" t="s">
        <v>2825</v>
      </c>
      <c r="E10331" s="6">
        <v>68276</v>
      </c>
      <c r="F10331" s="6" t="s">
        <v>13</v>
      </c>
      <c r="G10331" s="6" t="s">
        <v>160</v>
      </c>
      <c r="H10331" s="6" t="s">
        <v>18367</v>
      </c>
      <c r="I10331" s="7">
        <v>7.0702856000000001</v>
      </c>
      <c r="J10331" s="8">
        <v>-73.082480899999993</v>
      </c>
    </row>
    <row r="10332" spans="1:10" x14ac:dyDescent="0.35">
      <c r="A10332" s="5" t="s">
        <v>10</v>
      </c>
      <c r="B10332" s="6">
        <v>214953</v>
      </c>
      <c r="C10332" s="6" t="s">
        <v>366</v>
      </c>
      <c r="D10332" s="6" t="s">
        <v>9675</v>
      </c>
      <c r="E10332" s="6">
        <v>44855</v>
      </c>
      <c r="F10332" s="6" t="s">
        <v>18</v>
      </c>
      <c r="G10332" s="6" t="s">
        <v>19881</v>
      </c>
      <c r="H10332" s="6" t="s">
        <v>19882</v>
      </c>
      <c r="I10332" s="7">
        <v>10.5599284</v>
      </c>
      <c r="J10332" s="8">
        <v>-73.012880199999998</v>
      </c>
    </row>
    <row r="10333" spans="1:10" x14ac:dyDescent="0.35">
      <c r="A10333" s="5" t="s">
        <v>10</v>
      </c>
      <c r="B10333" s="6">
        <v>218547</v>
      </c>
      <c r="C10333" s="6" t="s">
        <v>457</v>
      </c>
      <c r="D10333" s="6" t="s">
        <v>13984</v>
      </c>
      <c r="E10333" s="6">
        <v>52260</v>
      </c>
      <c r="F10333" s="6" t="s">
        <v>2161</v>
      </c>
      <c r="G10333" s="6" t="s">
        <v>19883</v>
      </c>
      <c r="H10333" s="6" t="s">
        <v>19884</v>
      </c>
      <c r="I10333" s="7">
        <v>1.4099904999999999</v>
      </c>
      <c r="J10333" s="8">
        <v>-77.396139599999998</v>
      </c>
    </row>
    <row r="10334" spans="1:10" x14ac:dyDescent="0.35">
      <c r="A10334" s="5" t="s">
        <v>10</v>
      </c>
      <c r="B10334" s="6">
        <v>141690</v>
      </c>
      <c r="C10334" s="6" t="s">
        <v>11</v>
      </c>
      <c r="D10334" s="6" t="s">
        <v>101</v>
      </c>
      <c r="E10334" s="6">
        <v>25473</v>
      </c>
      <c r="F10334" s="6" t="s">
        <v>13</v>
      </c>
      <c r="G10334" s="6" t="s">
        <v>403</v>
      </c>
      <c r="H10334" s="6" t="s">
        <v>404</v>
      </c>
      <c r="I10334" s="7">
        <v>4.6802367</v>
      </c>
      <c r="J10334" s="8">
        <v>-74.229671300000007</v>
      </c>
    </row>
    <row r="10335" spans="1:10" x14ac:dyDescent="0.35">
      <c r="A10335" s="5" t="s">
        <v>10</v>
      </c>
      <c r="B10335" s="6">
        <v>222075</v>
      </c>
      <c r="C10335" s="6" t="s">
        <v>278</v>
      </c>
      <c r="D10335" s="6" t="s">
        <v>1331</v>
      </c>
      <c r="E10335" s="6">
        <v>50006</v>
      </c>
      <c r="F10335" s="6" t="s">
        <v>13</v>
      </c>
      <c r="G10335" s="6" t="s">
        <v>18791</v>
      </c>
      <c r="H10335" s="6" t="s">
        <v>18792</v>
      </c>
      <c r="I10335" s="7">
        <v>3.9869468000000001</v>
      </c>
      <c r="J10335" s="8">
        <v>-73.763960999999995</v>
      </c>
    </row>
    <row r="10336" spans="1:10" x14ac:dyDescent="0.35">
      <c r="A10336" s="5" t="s">
        <v>10</v>
      </c>
      <c r="B10336" s="6">
        <v>230443</v>
      </c>
      <c r="C10336" s="6" t="s">
        <v>2130</v>
      </c>
      <c r="D10336" s="6" t="s">
        <v>2131</v>
      </c>
      <c r="E10336" s="6">
        <v>85001</v>
      </c>
      <c r="F10336" s="6" t="s">
        <v>18</v>
      </c>
      <c r="G10336" s="6" t="s">
        <v>19885</v>
      </c>
      <c r="H10336" s="6" t="s">
        <v>19886</v>
      </c>
      <c r="I10336" s="7">
        <v>5.3179515000000004</v>
      </c>
      <c r="J10336" s="8">
        <v>-72.398882400000005</v>
      </c>
    </row>
    <row r="10337" spans="1:10" x14ac:dyDescent="0.35">
      <c r="A10337" s="5" t="s">
        <v>10</v>
      </c>
      <c r="B10337" s="6">
        <v>243828</v>
      </c>
      <c r="C10337" s="6" t="s">
        <v>28</v>
      </c>
      <c r="D10337" s="6" t="s">
        <v>29</v>
      </c>
      <c r="E10337" s="6">
        <v>54001</v>
      </c>
      <c r="F10337" s="6" t="s">
        <v>18</v>
      </c>
      <c r="G10337" s="6" t="s">
        <v>19887</v>
      </c>
      <c r="H10337" s="6" t="s">
        <v>19888</v>
      </c>
      <c r="I10337" s="7">
        <v>7.8804366999999997</v>
      </c>
      <c r="J10337" s="8">
        <v>-72.517793600000005</v>
      </c>
    </row>
    <row r="10338" spans="1:10" x14ac:dyDescent="0.35">
      <c r="A10338" s="5" t="s">
        <v>10</v>
      </c>
      <c r="B10338" s="6">
        <v>244027</v>
      </c>
      <c r="C10338" s="6" t="s">
        <v>28</v>
      </c>
      <c r="D10338" s="6" t="s">
        <v>29</v>
      </c>
      <c r="E10338" s="6">
        <v>54001</v>
      </c>
      <c r="F10338" s="6" t="s">
        <v>18</v>
      </c>
      <c r="G10338" s="6" t="s">
        <v>19889</v>
      </c>
      <c r="H10338" s="6" t="s">
        <v>752</v>
      </c>
      <c r="I10338" s="7">
        <v>7.8871837999999999</v>
      </c>
      <c r="J10338" s="8">
        <v>-72.480651600000002</v>
      </c>
    </row>
    <row r="10339" spans="1:10" x14ac:dyDescent="0.35">
      <c r="A10339" s="5" t="s">
        <v>10</v>
      </c>
      <c r="B10339" s="6">
        <v>238727</v>
      </c>
      <c r="C10339" s="6" t="s">
        <v>94</v>
      </c>
      <c r="D10339" s="6" t="s">
        <v>843</v>
      </c>
      <c r="E10339" s="6">
        <v>66400</v>
      </c>
      <c r="F10339" s="6" t="s">
        <v>18</v>
      </c>
      <c r="G10339" s="6" t="s">
        <v>19890</v>
      </c>
      <c r="H10339" s="6" t="s">
        <v>19891</v>
      </c>
      <c r="I10339" s="7">
        <v>4.9033949000000003</v>
      </c>
      <c r="J10339" s="8">
        <v>-75.880831799999996</v>
      </c>
    </row>
    <row r="10340" spans="1:10" x14ac:dyDescent="0.35">
      <c r="A10340" s="5" t="s">
        <v>10</v>
      </c>
      <c r="B10340" s="6">
        <v>211358</v>
      </c>
      <c r="C10340" s="6" t="s">
        <v>11</v>
      </c>
      <c r="D10340" s="6" t="s">
        <v>251</v>
      </c>
      <c r="E10340" s="6">
        <v>25214</v>
      </c>
      <c r="F10340" s="6" t="s">
        <v>2161</v>
      </c>
      <c r="G10340" s="6" t="s">
        <v>19892</v>
      </c>
      <c r="H10340" s="6" t="s">
        <v>19893</v>
      </c>
      <c r="I10340" s="7">
        <v>4.8066670999999896</v>
      </c>
      <c r="J10340" s="8">
        <v>-74.104695599999999</v>
      </c>
    </row>
    <row r="10341" spans="1:10" x14ac:dyDescent="0.35">
      <c r="A10341" s="5" t="s">
        <v>10</v>
      </c>
      <c r="B10341" s="6">
        <v>197981</v>
      </c>
      <c r="C10341" s="6" t="s">
        <v>55</v>
      </c>
      <c r="D10341" s="6" t="s">
        <v>56</v>
      </c>
      <c r="E10341" s="6">
        <v>73001</v>
      </c>
      <c r="F10341" s="6" t="s">
        <v>13</v>
      </c>
      <c r="G10341" s="6" t="s">
        <v>160</v>
      </c>
      <c r="H10341" s="6" t="s">
        <v>18364</v>
      </c>
      <c r="I10341" s="7">
        <v>4.4442002</v>
      </c>
      <c r="J10341" s="8">
        <v>-75.238916000000003</v>
      </c>
    </row>
    <row r="10342" spans="1:10" x14ac:dyDescent="0.35">
      <c r="A10342" s="5" t="s">
        <v>10</v>
      </c>
      <c r="B10342" s="6">
        <v>141701</v>
      </c>
      <c r="C10342" s="6" t="s">
        <v>11</v>
      </c>
      <c r="D10342" s="6" t="s">
        <v>1206</v>
      </c>
      <c r="E10342" s="6">
        <v>25875</v>
      </c>
      <c r="F10342" s="6" t="s">
        <v>13</v>
      </c>
      <c r="G10342" s="6" t="s">
        <v>18180</v>
      </c>
      <c r="H10342" s="6" t="s">
        <v>18181</v>
      </c>
      <c r="I10342" s="7">
        <v>5.0113294000000002</v>
      </c>
      <c r="J10342" s="8">
        <v>-74.470791000000006</v>
      </c>
    </row>
    <row r="10343" spans="1:10" x14ac:dyDescent="0.35">
      <c r="A10343" s="5" t="s">
        <v>10</v>
      </c>
      <c r="B10343" s="6">
        <v>191490</v>
      </c>
      <c r="C10343" s="6" t="s">
        <v>55</v>
      </c>
      <c r="D10343" s="6" t="s">
        <v>56</v>
      </c>
      <c r="E10343" s="6">
        <v>73001</v>
      </c>
      <c r="F10343" s="6" t="s">
        <v>13</v>
      </c>
      <c r="G10343" s="6" t="s">
        <v>18746</v>
      </c>
      <c r="H10343" s="6" t="s">
        <v>18747</v>
      </c>
      <c r="I10343" s="7">
        <v>4.4417951000000002</v>
      </c>
      <c r="J10343" s="8">
        <v>-75.177502399999995</v>
      </c>
    </row>
    <row r="10344" spans="1:10" x14ac:dyDescent="0.35">
      <c r="A10344" s="5" t="s">
        <v>10</v>
      </c>
      <c r="B10344" s="6">
        <v>247306</v>
      </c>
      <c r="C10344" s="6" t="s">
        <v>68</v>
      </c>
      <c r="D10344" s="6" t="s">
        <v>69</v>
      </c>
      <c r="E10344" s="6">
        <v>11001</v>
      </c>
      <c r="F10344" s="6" t="s">
        <v>13</v>
      </c>
      <c r="G10344" s="6" t="s">
        <v>17752</v>
      </c>
      <c r="H10344" s="6" t="s">
        <v>19894</v>
      </c>
      <c r="I10344" s="7">
        <v>4.6665226000000004</v>
      </c>
      <c r="J10344" s="8">
        <v>-74.054059899999999</v>
      </c>
    </row>
    <row r="10345" spans="1:10" x14ac:dyDescent="0.35">
      <c r="A10345" s="5" t="s">
        <v>10</v>
      </c>
      <c r="B10345" s="6">
        <v>134495</v>
      </c>
      <c r="C10345" s="6" t="s">
        <v>11</v>
      </c>
      <c r="D10345" s="6" t="s">
        <v>997</v>
      </c>
      <c r="E10345" s="6">
        <v>25599</v>
      </c>
      <c r="F10345" s="6" t="s">
        <v>18</v>
      </c>
      <c r="G10345" s="6" t="s">
        <v>998</v>
      </c>
      <c r="H10345" s="6" t="s">
        <v>999</v>
      </c>
      <c r="I10345" s="7">
        <v>4.5213019999999897</v>
      </c>
      <c r="J10345" s="8">
        <v>-74.593705999999997</v>
      </c>
    </row>
    <row r="10346" spans="1:10" x14ac:dyDescent="0.35">
      <c r="A10346" s="5" t="s">
        <v>10</v>
      </c>
      <c r="B10346" s="6">
        <v>246141</v>
      </c>
      <c r="C10346" s="6" t="s">
        <v>55</v>
      </c>
      <c r="D10346" s="6" t="s">
        <v>19659</v>
      </c>
      <c r="E10346" s="6">
        <v>73624</v>
      </c>
      <c r="F10346" s="6" t="s">
        <v>18</v>
      </c>
      <c r="G10346" s="6" t="s">
        <v>19895</v>
      </c>
      <c r="H10346" s="6" t="s">
        <v>19896</v>
      </c>
      <c r="I10346" s="7">
        <v>4.2410534000000002</v>
      </c>
      <c r="J10346" s="8">
        <v>-75.240267500000002</v>
      </c>
    </row>
    <row r="10347" spans="1:10" x14ac:dyDescent="0.35">
      <c r="A10347" s="5" t="s">
        <v>10</v>
      </c>
      <c r="B10347" s="6">
        <v>227717</v>
      </c>
      <c r="C10347" s="6" t="s">
        <v>61</v>
      </c>
      <c r="D10347" s="6" t="s">
        <v>62</v>
      </c>
      <c r="E10347" s="6">
        <v>63001</v>
      </c>
      <c r="F10347" s="6" t="s">
        <v>18</v>
      </c>
      <c r="G10347" s="6" t="s">
        <v>2672</v>
      </c>
      <c r="H10347" s="6" t="s">
        <v>2673</v>
      </c>
      <c r="I10347" s="7">
        <v>4.5504834000000001</v>
      </c>
      <c r="J10347" s="8">
        <v>-75.659676699999906</v>
      </c>
    </row>
    <row r="10348" spans="1:10" x14ac:dyDescent="0.35">
      <c r="A10348" s="5" t="s">
        <v>10</v>
      </c>
      <c r="B10348" s="6">
        <v>164444</v>
      </c>
      <c r="C10348" s="6" t="s">
        <v>42</v>
      </c>
      <c r="D10348" s="6" t="s">
        <v>43</v>
      </c>
      <c r="E10348" s="6">
        <v>17001</v>
      </c>
      <c r="F10348" s="6" t="s">
        <v>18</v>
      </c>
      <c r="G10348" s="6" t="s">
        <v>19897</v>
      </c>
      <c r="H10348" s="6" t="s">
        <v>19898</v>
      </c>
      <c r="I10348" s="7">
        <v>5.0476226000000004</v>
      </c>
      <c r="J10348" s="8">
        <v>-75.478777999999906</v>
      </c>
    </row>
    <row r="10349" spans="1:10" x14ac:dyDescent="0.35">
      <c r="A10349" s="5" t="s">
        <v>10</v>
      </c>
      <c r="B10349" s="6">
        <v>198236</v>
      </c>
      <c r="C10349" s="6" t="s">
        <v>61</v>
      </c>
      <c r="D10349" s="6" t="s">
        <v>62</v>
      </c>
      <c r="E10349" s="6">
        <v>63001</v>
      </c>
      <c r="F10349" s="6" t="s">
        <v>18</v>
      </c>
      <c r="G10349" s="6" t="s">
        <v>2716</v>
      </c>
      <c r="H10349" s="6" t="s">
        <v>2717</v>
      </c>
      <c r="I10349" s="7">
        <v>4.5161936999999996</v>
      </c>
      <c r="J10349" s="8">
        <v>-75.712137299999995</v>
      </c>
    </row>
    <row r="10350" spans="1:10" x14ac:dyDescent="0.35">
      <c r="A10350" s="5" t="s">
        <v>10</v>
      </c>
      <c r="B10350" s="6">
        <v>212799</v>
      </c>
      <c r="C10350" s="6" t="s">
        <v>278</v>
      </c>
      <c r="D10350" s="6" t="s">
        <v>279</v>
      </c>
      <c r="E10350" s="6">
        <v>50001</v>
      </c>
      <c r="F10350" s="6" t="s">
        <v>18</v>
      </c>
      <c r="G10350" s="6" t="s">
        <v>19899</v>
      </c>
      <c r="H10350" s="6" t="s">
        <v>19900</v>
      </c>
      <c r="I10350" s="7">
        <v>4.1403686000000004</v>
      </c>
      <c r="J10350" s="8">
        <v>-73.615535600000001</v>
      </c>
    </row>
    <row r="10351" spans="1:10" x14ac:dyDescent="0.35">
      <c r="A10351" s="5" t="s">
        <v>10</v>
      </c>
      <c r="B10351" s="6">
        <v>232723</v>
      </c>
      <c r="C10351" s="6" t="s">
        <v>551</v>
      </c>
      <c r="D10351" s="6" t="s">
        <v>3868</v>
      </c>
      <c r="E10351" s="6">
        <v>20001</v>
      </c>
      <c r="F10351" s="6" t="s">
        <v>2161</v>
      </c>
      <c r="G10351" s="6" t="s">
        <v>19901</v>
      </c>
      <c r="H10351" s="6" t="s">
        <v>19902</v>
      </c>
      <c r="I10351" s="7">
        <v>10.4674663</v>
      </c>
      <c r="J10351" s="8">
        <v>-73.236442400000001</v>
      </c>
    </row>
    <row r="10352" spans="1:10" x14ac:dyDescent="0.35">
      <c r="A10352" s="5" t="s">
        <v>10</v>
      </c>
      <c r="B10352" s="6">
        <v>220753</v>
      </c>
      <c r="C10352" s="6" t="s">
        <v>28</v>
      </c>
      <c r="D10352" s="6" t="s">
        <v>322</v>
      </c>
      <c r="E10352" s="6">
        <v>54405</v>
      </c>
      <c r="F10352" s="6" t="s">
        <v>2161</v>
      </c>
      <c r="G10352" s="6" t="s">
        <v>323</v>
      </c>
      <c r="H10352" s="6" t="s">
        <v>19903</v>
      </c>
      <c r="I10352" s="7">
        <v>7.8331989999999996</v>
      </c>
      <c r="J10352" s="8">
        <v>-72.504391999999996</v>
      </c>
    </row>
    <row r="10353" spans="1:10" x14ac:dyDescent="0.35">
      <c r="A10353" s="5" t="s">
        <v>10</v>
      </c>
      <c r="B10353" s="6">
        <v>232720</v>
      </c>
      <c r="C10353" s="6" t="s">
        <v>24</v>
      </c>
      <c r="D10353" s="6" t="s">
        <v>1566</v>
      </c>
      <c r="E10353" s="6">
        <v>15755</v>
      </c>
      <c r="F10353" s="6" t="s">
        <v>2161</v>
      </c>
      <c r="G10353" s="6" t="s">
        <v>19904</v>
      </c>
      <c r="H10353" s="6" t="s">
        <v>19905</v>
      </c>
      <c r="I10353" s="7">
        <v>6.0413779999999999</v>
      </c>
      <c r="J10353" s="8">
        <v>-72.637065000000007</v>
      </c>
    </row>
    <row r="10354" spans="1:10" x14ac:dyDescent="0.35">
      <c r="A10354" s="5" t="s">
        <v>10</v>
      </c>
      <c r="B10354" s="6">
        <v>237180</v>
      </c>
      <c r="C10354" s="6" t="s">
        <v>466</v>
      </c>
      <c r="D10354" s="6" t="s">
        <v>1576</v>
      </c>
      <c r="E10354" s="6">
        <v>81065</v>
      </c>
      <c r="F10354" s="6" t="s">
        <v>2161</v>
      </c>
      <c r="G10354" s="6" t="s">
        <v>19906</v>
      </c>
      <c r="H10354" s="6" t="s">
        <v>19907</v>
      </c>
      <c r="I10354" s="7">
        <v>7.0293340000000004</v>
      </c>
      <c r="J10354" s="8">
        <v>-71.4294759</v>
      </c>
    </row>
    <row r="10355" spans="1:10" x14ac:dyDescent="0.35">
      <c r="A10355" s="5" t="s">
        <v>10</v>
      </c>
      <c r="B10355" s="6">
        <v>141690</v>
      </c>
      <c r="C10355" s="6" t="s">
        <v>11</v>
      </c>
      <c r="D10355" s="6" t="s">
        <v>101</v>
      </c>
      <c r="E10355" s="6">
        <v>25473</v>
      </c>
      <c r="F10355" s="6" t="s">
        <v>13</v>
      </c>
      <c r="G10355" s="6" t="s">
        <v>403</v>
      </c>
      <c r="H10355" s="6" t="s">
        <v>404</v>
      </c>
      <c r="I10355" s="7">
        <v>4.6802367</v>
      </c>
      <c r="J10355" s="8">
        <v>-74.229671300000007</v>
      </c>
    </row>
    <row r="10356" spans="1:10" x14ac:dyDescent="0.35">
      <c r="A10356" s="5" t="s">
        <v>10</v>
      </c>
      <c r="B10356" s="6">
        <v>115543</v>
      </c>
      <c r="C10356" s="6" t="s">
        <v>2130</v>
      </c>
      <c r="D10356" s="6" t="s">
        <v>4238</v>
      </c>
      <c r="E10356" s="6">
        <v>85410</v>
      </c>
      <c r="F10356" s="6" t="s">
        <v>18</v>
      </c>
      <c r="G10356" s="6" t="s">
        <v>19908</v>
      </c>
      <c r="H10356" s="6" t="s">
        <v>19909</v>
      </c>
      <c r="I10356" s="7">
        <v>5.0177812999999896</v>
      </c>
      <c r="J10356" s="8">
        <v>-72.750984399999993</v>
      </c>
    </row>
    <row r="10357" spans="1:10" x14ac:dyDescent="0.35">
      <c r="A10357" s="5" t="s">
        <v>10</v>
      </c>
      <c r="B10357" s="6">
        <v>218624</v>
      </c>
      <c r="C10357" s="6" t="s">
        <v>109</v>
      </c>
      <c r="D10357" s="6" t="s">
        <v>227</v>
      </c>
      <c r="E10357" s="6">
        <v>13001</v>
      </c>
      <c r="F10357" s="6" t="s">
        <v>18</v>
      </c>
      <c r="G10357" s="6" t="s">
        <v>19910</v>
      </c>
      <c r="H10357" s="6" t="s">
        <v>19911</v>
      </c>
      <c r="I10357" s="7">
        <v>10.3905884</v>
      </c>
      <c r="J10357" s="8">
        <v>-75.4884275</v>
      </c>
    </row>
    <row r="10358" spans="1:10" x14ac:dyDescent="0.35">
      <c r="A10358" s="5" t="s">
        <v>10</v>
      </c>
      <c r="B10358" s="6">
        <v>198255</v>
      </c>
      <c r="C10358" s="6" t="s">
        <v>28</v>
      </c>
      <c r="D10358" s="6" t="s">
        <v>29</v>
      </c>
      <c r="E10358" s="6">
        <v>54001</v>
      </c>
      <c r="F10358" s="6" t="s">
        <v>18</v>
      </c>
      <c r="G10358" s="6" t="s">
        <v>2529</v>
      </c>
      <c r="H10358" s="6" t="s">
        <v>2530</v>
      </c>
      <c r="I10358" s="7">
        <v>7.8945086999999896</v>
      </c>
      <c r="J10358" s="8">
        <v>-72.498086299999997</v>
      </c>
    </row>
    <row r="10359" spans="1:10" x14ac:dyDescent="0.35">
      <c r="A10359" s="5" t="s">
        <v>10</v>
      </c>
      <c r="B10359" s="6">
        <v>190971</v>
      </c>
      <c r="C10359" s="6" t="s">
        <v>38</v>
      </c>
      <c r="D10359" s="6" t="s">
        <v>39</v>
      </c>
      <c r="E10359" s="6">
        <v>19001</v>
      </c>
      <c r="F10359" s="6" t="s">
        <v>18</v>
      </c>
      <c r="G10359" s="6" t="s">
        <v>19912</v>
      </c>
      <c r="H10359" s="6" t="s">
        <v>19913</v>
      </c>
      <c r="I10359" s="7">
        <v>2.4527538999999998</v>
      </c>
      <c r="J10359" s="8">
        <v>-76.598831199999907</v>
      </c>
    </row>
    <row r="10360" spans="1:10" x14ac:dyDescent="0.35">
      <c r="A10360" s="5" t="s">
        <v>10</v>
      </c>
      <c r="B10360" s="6">
        <v>237062</v>
      </c>
      <c r="C10360" s="6" t="s">
        <v>55</v>
      </c>
      <c r="D10360" s="6" t="s">
        <v>56</v>
      </c>
      <c r="E10360" s="6">
        <v>73001</v>
      </c>
      <c r="F10360" s="6" t="s">
        <v>18</v>
      </c>
      <c r="G10360" s="6" t="s">
        <v>19914</v>
      </c>
      <c r="H10360" s="6" t="s">
        <v>19915</v>
      </c>
      <c r="I10360" s="7">
        <v>4.4462780999999998</v>
      </c>
      <c r="J10360" s="8">
        <v>-75.243063500000005</v>
      </c>
    </row>
    <row r="10361" spans="1:10" x14ac:dyDescent="0.35">
      <c r="A10361" s="5" t="s">
        <v>10</v>
      </c>
      <c r="B10361" s="6">
        <v>220731</v>
      </c>
      <c r="C10361" s="6" t="s">
        <v>68</v>
      </c>
      <c r="D10361" s="6" t="s">
        <v>69</v>
      </c>
      <c r="E10361" s="6">
        <v>11001</v>
      </c>
      <c r="F10361" s="6" t="s">
        <v>2161</v>
      </c>
      <c r="G10361" s="6" t="s">
        <v>19916</v>
      </c>
      <c r="H10361" s="6" t="s">
        <v>19917</v>
      </c>
      <c r="I10361" s="7">
        <v>4.6083819999999998</v>
      </c>
      <c r="J10361" s="8">
        <v>-74.184237199999998</v>
      </c>
    </row>
    <row r="10362" spans="1:10" x14ac:dyDescent="0.35">
      <c r="A10362" s="5" t="s">
        <v>10</v>
      </c>
      <c r="B10362" s="6">
        <v>234913</v>
      </c>
      <c r="C10362" s="6" t="s">
        <v>457</v>
      </c>
      <c r="D10362" s="6" t="s">
        <v>4400</v>
      </c>
      <c r="E10362" s="6">
        <v>52001</v>
      </c>
      <c r="F10362" s="6" t="s">
        <v>2161</v>
      </c>
      <c r="G10362" s="6" t="s">
        <v>19918</v>
      </c>
      <c r="H10362" s="6" t="s">
        <v>19919</v>
      </c>
      <c r="I10362" s="7">
        <v>1.2140332</v>
      </c>
      <c r="J10362" s="8">
        <v>-77.270406300000005</v>
      </c>
    </row>
    <row r="10363" spans="1:10" x14ac:dyDescent="0.35">
      <c r="A10363" s="5" t="s">
        <v>10</v>
      </c>
      <c r="B10363" s="6">
        <v>199694</v>
      </c>
      <c r="C10363" s="6" t="s">
        <v>68</v>
      </c>
      <c r="D10363" s="6" t="s">
        <v>69</v>
      </c>
      <c r="E10363" s="6">
        <v>11001</v>
      </c>
      <c r="F10363" s="6" t="s">
        <v>13</v>
      </c>
      <c r="G10363" s="6" t="s">
        <v>140</v>
      </c>
      <c r="H10363" s="6" t="s">
        <v>141</v>
      </c>
      <c r="I10363" s="7">
        <v>4.6714412999999997</v>
      </c>
      <c r="J10363" s="8">
        <v>-74.106902399999996</v>
      </c>
    </row>
    <row r="10364" spans="1:10" x14ac:dyDescent="0.35">
      <c r="A10364" s="5" t="s">
        <v>10</v>
      </c>
      <c r="B10364" s="6">
        <v>225615</v>
      </c>
      <c r="C10364" s="6" t="s">
        <v>109</v>
      </c>
      <c r="D10364" s="6" t="s">
        <v>10849</v>
      </c>
      <c r="E10364" s="6">
        <v>13670</v>
      </c>
      <c r="F10364" s="6" t="s">
        <v>18</v>
      </c>
      <c r="G10364" s="6" t="s">
        <v>19920</v>
      </c>
      <c r="H10364" s="6" t="s">
        <v>19921</v>
      </c>
      <c r="I10364" s="7">
        <v>7.477887</v>
      </c>
      <c r="J10364" s="8">
        <v>-73.924107999999904</v>
      </c>
    </row>
    <row r="10365" spans="1:10" x14ac:dyDescent="0.35">
      <c r="A10365" s="5" t="s">
        <v>10</v>
      </c>
      <c r="B10365" s="6">
        <v>232747</v>
      </c>
      <c r="C10365" s="6" t="s">
        <v>24</v>
      </c>
      <c r="D10365" s="6" t="s">
        <v>88</v>
      </c>
      <c r="E10365" s="6">
        <v>15001</v>
      </c>
      <c r="F10365" s="6" t="s">
        <v>18</v>
      </c>
      <c r="G10365" s="6" t="s">
        <v>19922</v>
      </c>
      <c r="H10365" s="6" t="s">
        <v>19923</v>
      </c>
      <c r="I10365" s="7">
        <v>5.5287120999999999</v>
      </c>
      <c r="J10365" s="8">
        <v>-73.366670999999997</v>
      </c>
    </row>
    <row r="10366" spans="1:10" x14ac:dyDescent="0.35">
      <c r="A10366" s="5" t="s">
        <v>10</v>
      </c>
      <c r="B10366" s="6">
        <v>234531</v>
      </c>
      <c r="C10366" s="6" t="s">
        <v>24</v>
      </c>
      <c r="D10366" s="6" t="s">
        <v>88</v>
      </c>
      <c r="E10366" s="6">
        <v>15001</v>
      </c>
      <c r="F10366" s="6" t="s">
        <v>18</v>
      </c>
      <c r="G10366" s="6" t="s">
        <v>19924</v>
      </c>
      <c r="H10366" s="6" t="s">
        <v>19925</v>
      </c>
      <c r="I10366" s="7">
        <v>5.5219564999999999</v>
      </c>
      <c r="J10366" s="8">
        <v>-73.370472100000001</v>
      </c>
    </row>
    <row r="10367" spans="1:10" x14ac:dyDescent="0.35">
      <c r="A10367" s="5" t="s">
        <v>10</v>
      </c>
      <c r="B10367" s="6">
        <v>210041</v>
      </c>
      <c r="C10367" s="6" t="s">
        <v>278</v>
      </c>
      <c r="D10367" s="6" t="s">
        <v>279</v>
      </c>
      <c r="E10367" s="6">
        <v>50001</v>
      </c>
      <c r="F10367" s="6" t="s">
        <v>18</v>
      </c>
      <c r="G10367" s="6" t="s">
        <v>19926</v>
      </c>
      <c r="H10367" s="6" t="s">
        <v>19927</v>
      </c>
      <c r="I10367" s="7">
        <v>4.1284304999999897</v>
      </c>
      <c r="J10367" s="8">
        <v>-73.637440900000001</v>
      </c>
    </row>
    <row r="10368" spans="1:10" x14ac:dyDescent="0.35">
      <c r="A10368" s="5" t="s">
        <v>10</v>
      </c>
      <c r="B10368" s="6">
        <v>220743</v>
      </c>
      <c r="C10368" s="6" t="s">
        <v>24</v>
      </c>
      <c r="D10368" s="6" t="s">
        <v>530</v>
      </c>
      <c r="E10368" s="6">
        <v>15516</v>
      </c>
      <c r="F10368" s="6" t="s">
        <v>2161</v>
      </c>
      <c r="G10368" s="6" t="s">
        <v>19928</v>
      </c>
      <c r="H10368" s="6" t="s">
        <v>19929</v>
      </c>
      <c r="I10368" s="7">
        <v>5.7790505999999997</v>
      </c>
      <c r="J10368" s="8">
        <v>-73.116214499999998</v>
      </c>
    </row>
    <row r="10369" spans="1:10" x14ac:dyDescent="0.35">
      <c r="A10369" s="5" t="s">
        <v>10</v>
      </c>
      <c r="B10369" s="6">
        <v>219067</v>
      </c>
      <c r="C10369" s="6" t="s">
        <v>278</v>
      </c>
      <c r="D10369" s="6" t="s">
        <v>279</v>
      </c>
      <c r="E10369" s="6">
        <v>50001</v>
      </c>
      <c r="F10369" s="6" t="s">
        <v>2161</v>
      </c>
      <c r="G10369" s="6" t="s">
        <v>19930</v>
      </c>
      <c r="H10369" s="6" t="s">
        <v>19931</v>
      </c>
      <c r="I10369" s="7">
        <v>4.1417000000000002</v>
      </c>
      <c r="J10369" s="8">
        <v>-73.633699999999905</v>
      </c>
    </row>
    <row r="10370" spans="1:10" x14ac:dyDescent="0.35">
      <c r="A10370" s="5" t="s">
        <v>10</v>
      </c>
      <c r="B10370" s="6">
        <v>229248</v>
      </c>
      <c r="C10370" s="6" t="s">
        <v>11</v>
      </c>
      <c r="D10370" s="6" t="s">
        <v>2313</v>
      </c>
      <c r="E10370" s="6">
        <v>25785</v>
      </c>
      <c r="F10370" s="6" t="s">
        <v>2161</v>
      </c>
      <c r="G10370" s="6" t="s">
        <v>19932</v>
      </c>
      <c r="H10370" s="6" t="s">
        <v>19933</v>
      </c>
      <c r="I10370" s="7">
        <v>4.9169619999999998</v>
      </c>
      <c r="J10370" s="8">
        <v>-74.096357999999995</v>
      </c>
    </row>
    <row r="10371" spans="1:10" x14ac:dyDescent="0.35">
      <c r="A10371" s="5" t="s">
        <v>10</v>
      </c>
      <c r="B10371" s="6">
        <v>41256</v>
      </c>
      <c r="C10371" s="6" t="s">
        <v>308</v>
      </c>
      <c r="D10371" s="6" t="s">
        <v>309</v>
      </c>
      <c r="E10371" s="6">
        <v>23001</v>
      </c>
      <c r="F10371" s="6" t="s">
        <v>13</v>
      </c>
      <c r="G10371" s="6" t="s">
        <v>19934</v>
      </c>
      <c r="H10371" s="6" t="s">
        <v>19935</v>
      </c>
      <c r="I10371" s="7">
        <v>8.7359694999999995</v>
      </c>
      <c r="J10371" s="8">
        <v>-75.888437600000003</v>
      </c>
    </row>
    <row r="10372" spans="1:10" x14ac:dyDescent="0.35">
      <c r="A10372" s="5" t="s">
        <v>10</v>
      </c>
      <c r="B10372" s="6">
        <v>231889</v>
      </c>
      <c r="C10372" s="6" t="s">
        <v>117</v>
      </c>
      <c r="D10372" s="6" t="s">
        <v>1334</v>
      </c>
      <c r="E10372" s="6">
        <v>76001</v>
      </c>
      <c r="F10372" s="6" t="s">
        <v>13</v>
      </c>
      <c r="G10372" s="6" t="s">
        <v>19936</v>
      </c>
      <c r="H10372" s="6" t="s">
        <v>19937</v>
      </c>
      <c r="I10372" s="7">
        <v>3.4520890999999998</v>
      </c>
      <c r="J10372" s="8">
        <v>-76.530402600000002</v>
      </c>
    </row>
    <row r="10373" spans="1:10" x14ac:dyDescent="0.35">
      <c r="A10373" s="5" t="s">
        <v>10</v>
      </c>
      <c r="B10373" s="6">
        <v>241798</v>
      </c>
      <c r="C10373" s="6" t="s">
        <v>109</v>
      </c>
      <c r="D10373" s="6" t="s">
        <v>19938</v>
      </c>
      <c r="E10373" s="6">
        <v>13300</v>
      </c>
      <c r="F10373" s="6" t="s">
        <v>18</v>
      </c>
      <c r="G10373" s="6" t="s">
        <v>19939</v>
      </c>
      <c r="H10373" s="6" t="s">
        <v>19940</v>
      </c>
      <c r="I10373" s="7">
        <v>8.9560069999999996</v>
      </c>
      <c r="J10373" s="8">
        <v>-74.0774969</v>
      </c>
    </row>
    <row r="10374" spans="1:10" x14ac:dyDescent="0.35">
      <c r="A10374" s="5" t="s">
        <v>10</v>
      </c>
      <c r="B10374" s="6">
        <v>216627</v>
      </c>
      <c r="C10374" s="6" t="s">
        <v>55</v>
      </c>
      <c r="D10374" s="6" t="s">
        <v>56</v>
      </c>
      <c r="E10374" s="6">
        <v>73001</v>
      </c>
      <c r="F10374" s="6" t="s">
        <v>18</v>
      </c>
      <c r="G10374" s="6" t="s">
        <v>19941</v>
      </c>
      <c r="H10374" s="6" t="s">
        <v>19942</v>
      </c>
      <c r="I10374" s="7">
        <v>4.4441326999999999</v>
      </c>
      <c r="J10374" s="8">
        <v>-75.218783299999998</v>
      </c>
    </row>
    <row r="10375" spans="1:10" x14ac:dyDescent="0.35">
      <c r="A10375" s="5" t="s">
        <v>10</v>
      </c>
      <c r="B10375" s="6">
        <v>244527</v>
      </c>
      <c r="C10375" s="6" t="s">
        <v>466</v>
      </c>
      <c r="D10375" s="6" t="s">
        <v>2533</v>
      </c>
      <c r="E10375" s="6">
        <v>81591</v>
      </c>
      <c r="F10375" s="6" t="s">
        <v>18</v>
      </c>
      <c r="G10375" s="6" t="s">
        <v>19943</v>
      </c>
      <c r="H10375" s="6" t="s">
        <v>19944</v>
      </c>
      <c r="I10375" s="7">
        <v>6.2811669999999999</v>
      </c>
      <c r="J10375" s="8">
        <v>-71.104795899999999</v>
      </c>
    </row>
    <row r="10376" spans="1:10" x14ac:dyDescent="0.35">
      <c r="A10376" s="5" t="s">
        <v>10</v>
      </c>
      <c r="B10376" s="6">
        <v>216291</v>
      </c>
      <c r="C10376" s="6" t="s">
        <v>42</v>
      </c>
      <c r="D10376" s="6" t="s">
        <v>1182</v>
      </c>
      <c r="E10376" s="6">
        <v>17541</v>
      </c>
      <c r="F10376" s="6" t="s">
        <v>18</v>
      </c>
      <c r="G10376" s="6" t="s">
        <v>19945</v>
      </c>
      <c r="H10376" s="6" t="s">
        <v>19946</v>
      </c>
      <c r="I10376" s="7">
        <v>5.3813243999999996</v>
      </c>
      <c r="J10376" s="8">
        <v>-75.162933699999996</v>
      </c>
    </row>
    <row r="10377" spans="1:10" x14ac:dyDescent="0.35">
      <c r="A10377" s="5" t="s">
        <v>10</v>
      </c>
      <c r="B10377" s="6">
        <v>226670</v>
      </c>
      <c r="C10377" s="6" t="s">
        <v>11</v>
      </c>
      <c r="D10377" s="6" t="s">
        <v>1547</v>
      </c>
      <c r="E10377" s="6">
        <v>25817</v>
      </c>
      <c r="F10377" s="6" t="s">
        <v>2161</v>
      </c>
      <c r="G10377" s="6" t="s">
        <v>19080</v>
      </c>
      <c r="H10377" s="6" t="s">
        <v>19947</v>
      </c>
      <c r="I10377" s="7">
        <v>4.9659372999999896</v>
      </c>
      <c r="J10377" s="8">
        <v>-73.913059899999993</v>
      </c>
    </row>
    <row r="10378" spans="1:10" x14ac:dyDescent="0.35">
      <c r="A10378" s="5" t="s">
        <v>10</v>
      </c>
      <c r="B10378" s="6">
        <v>228198</v>
      </c>
      <c r="C10378" s="6" t="s">
        <v>457</v>
      </c>
      <c r="D10378" s="6" t="s">
        <v>19948</v>
      </c>
      <c r="E10378" s="6">
        <v>52720</v>
      </c>
      <c r="F10378" s="6" t="s">
        <v>2161</v>
      </c>
      <c r="G10378" s="6" t="s">
        <v>19949</v>
      </c>
      <c r="H10378" s="6" t="s">
        <v>19950</v>
      </c>
      <c r="I10378" s="7">
        <v>1.0371516000000001</v>
      </c>
      <c r="J10378" s="8">
        <v>-77.621745699999906</v>
      </c>
    </row>
    <row r="10379" spans="1:10" x14ac:dyDescent="0.35">
      <c r="A10379" s="5" t="s">
        <v>10</v>
      </c>
      <c r="B10379" s="6">
        <v>232725</v>
      </c>
      <c r="C10379" s="6" t="s">
        <v>2130</v>
      </c>
      <c r="D10379" s="6" t="s">
        <v>5723</v>
      </c>
      <c r="E10379" s="6">
        <v>85250</v>
      </c>
      <c r="F10379" s="6" t="s">
        <v>2161</v>
      </c>
      <c r="G10379" s="6" t="s">
        <v>19951</v>
      </c>
      <c r="H10379" s="6" t="s">
        <v>19952</v>
      </c>
      <c r="I10379" s="7">
        <v>5.8806390000000004</v>
      </c>
      <c r="J10379" s="8">
        <v>-71.892911999999995</v>
      </c>
    </row>
    <row r="10380" spans="1:10" x14ac:dyDescent="0.35">
      <c r="A10380" s="5" t="s">
        <v>10</v>
      </c>
      <c r="B10380" s="6">
        <v>232734</v>
      </c>
      <c r="C10380" s="6" t="s">
        <v>11</v>
      </c>
      <c r="D10380" s="6" t="s">
        <v>12</v>
      </c>
      <c r="E10380" s="6">
        <v>25899</v>
      </c>
      <c r="F10380" s="6" t="s">
        <v>2161</v>
      </c>
      <c r="G10380" s="6" t="s">
        <v>19953</v>
      </c>
      <c r="H10380" s="6" t="s">
        <v>19954</v>
      </c>
      <c r="I10380" s="7">
        <v>5.0297599999999996</v>
      </c>
      <c r="J10380" s="8">
        <v>-73.991739999999993</v>
      </c>
    </row>
    <row r="10381" spans="1:10" x14ac:dyDescent="0.35">
      <c r="A10381" s="5" t="s">
        <v>10</v>
      </c>
      <c r="B10381" s="6">
        <v>210131</v>
      </c>
      <c r="C10381" s="6" t="s">
        <v>3788</v>
      </c>
      <c r="D10381" s="6" t="s">
        <v>3974</v>
      </c>
      <c r="E10381" s="6">
        <v>18001</v>
      </c>
      <c r="F10381" s="6" t="s">
        <v>2161</v>
      </c>
      <c r="G10381" s="6" t="s">
        <v>19955</v>
      </c>
      <c r="H10381" s="6" t="s">
        <v>19956</v>
      </c>
      <c r="I10381" s="7">
        <v>1.6239949</v>
      </c>
      <c r="J10381" s="8">
        <v>-75.591353499999997</v>
      </c>
    </row>
    <row r="10382" spans="1:10" x14ac:dyDescent="0.35">
      <c r="A10382" s="5" t="s">
        <v>10</v>
      </c>
      <c r="B10382" s="6">
        <v>218986</v>
      </c>
      <c r="C10382" s="6" t="s">
        <v>11</v>
      </c>
      <c r="D10382" s="6" t="s">
        <v>6067</v>
      </c>
      <c r="E10382" s="6">
        <v>25288</v>
      </c>
      <c r="F10382" s="6" t="s">
        <v>2161</v>
      </c>
      <c r="G10382" s="6" t="s">
        <v>19957</v>
      </c>
      <c r="H10382" s="6" t="s">
        <v>19958</v>
      </c>
      <c r="I10382" s="7">
        <v>5.3983143</v>
      </c>
      <c r="J10382" s="8">
        <v>-73.780078099999997</v>
      </c>
    </row>
    <row r="10383" spans="1:10" x14ac:dyDescent="0.35">
      <c r="A10383" s="5" t="s">
        <v>10</v>
      </c>
      <c r="B10383" s="6">
        <v>143492</v>
      </c>
      <c r="C10383" s="6" t="s">
        <v>278</v>
      </c>
      <c r="D10383" s="6" t="s">
        <v>1331</v>
      </c>
      <c r="E10383" s="6">
        <v>50006</v>
      </c>
      <c r="F10383" s="6" t="s">
        <v>13</v>
      </c>
      <c r="G10383" s="6" t="s">
        <v>1636</v>
      </c>
      <c r="H10383" s="6" t="s">
        <v>1637</v>
      </c>
      <c r="I10383" s="7">
        <v>3.991663</v>
      </c>
      <c r="J10383" s="8">
        <v>-73.766129000000006</v>
      </c>
    </row>
    <row r="10384" spans="1:10" x14ac:dyDescent="0.35">
      <c r="A10384" s="5" t="s">
        <v>10</v>
      </c>
      <c r="B10384" s="6">
        <v>130962</v>
      </c>
      <c r="C10384" s="6" t="s">
        <v>28</v>
      </c>
      <c r="D10384" s="6" t="s">
        <v>91</v>
      </c>
      <c r="E10384" s="6">
        <v>54874</v>
      </c>
      <c r="F10384" s="6" t="s">
        <v>13</v>
      </c>
      <c r="G10384" s="6" t="s">
        <v>50</v>
      </c>
      <c r="H10384" s="6" t="s">
        <v>18898</v>
      </c>
      <c r="I10384" s="7">
        <v>7.8331958999999998</v>
      </c>
      <c r="J10384" s="8">
        <v>-72.472956400000001</v>
      </c>
    </row>
    <row r="10385" spans="1:10" x14ac:dyDescent="0.35">
      <c r="A10385" s="5" t="s">
        <v>10</v>
      </c>
      <c r="B10385" s="6">
        <v>236287</v>
      </c>
      <c r="C10385" s="6" t="s">
        <v>61</v>
      </c>
      <c r="D10385" s="6" t="s">
        <v>62</v>
      </c>
      <c r="E10385" s="6">
        <v>63001</v>
      </c>
      <c r="F10385" s="6" t="s">
        <v>13</v>
      </c>
      <c r="G10385" s="6" t="s">
        <v>19959</v>
      </c>
      <c r="H10385" s="6" t="s">
        <v>19960</v>
      </c>
      <c r="I10385" s="7">
        <v>4.5326567000000004</v>
      </c>
      <c r="J10385" s="8">
        <v>-75.674500699999996</v>
      </c>
    </row>
    <row r="10386" spans="1:10" x14ac:dyDescent="0.35">
      <c r="A10386" s="5" t="s">
        <v>10</v>
      </c>
      <c r="B10386" s="6">
        <v>213210</v>
      </c>
      <c r="C10386" s="6" t="s">
        <v>24</v>
      </c>
      <c r="D10386" s="6" t="s">
        <v>4857</v>
      </c>
      <c r="E10386" s="6">
        <v>15664</v>
      </c>
      <c r="F10386" s="6" t="s">
        <v>18</v>
      </c>
      <c r="G10386" s="6" t="s">
        <v>19961</v>
      </c>
      <c r="H10386" s="6" t="s">
        <v>19962</v>
      </c>
      <c r="I10386" s="7">
        <v>6.0183666999999996</v>
      </c>
      <c r="J10386" s="8">
        <v>-73.541177099999999</v>
      </c>
    </row>
    <row r="10387" spans="1:10" x14ac:dyDescent="0.35">
      <c r="A10387" s="5" t="s">
        <v>10</v>
      </c>
      <c r="B10387" s="6">
        <v>245661</v>
      </c>
      <c r="C10387" s="6" t="s">
        <v>42</v>
      </c>
      <c r="D10387" s="6" t="s">
        <v>212</v>
      </c>
      <c r="E10387" s="6">
        <v>17495</v>
      </c>
      <c r="F10387" s="6" t="s">
        <v>18</v>
      </c>
      <c r="G10387" s="6" t="s">
        <v>19963</v>
      </c>
      <c r="H10387" s="6" t="s">
        <v>19964</v>
      </c>
      <c r="I10387" s="7">
        <v>5.5762689999999999</v>
      </c>
      <c r="J10387" s="8">
        <v>-74.889556999999996</v>
      </c>
    </row>
    <row r="10388" spans="1:10" x14ac:dyDescent="0.35">
      <c r="A10388" s="5" t="s">
        <v>10</v>
      </c>
      <c r="B10388" s="6">
        <v>220723</v>
      </c>
      <c r="C10388" s="6" t="s">
        <v>11</v>
      </c>
      <c r="D10388" s="6" t="s">
        <v>2313</v>
      </c>
      <c r="E10388" s="6">
        <v>25785</v>
      </c>
      <c r="F10388" s="6" t="s">
        <v>2161</v>
      </c>
      <c r="G10388" s="6" t="s">
        <v>19965</v>
      </c>
      <c r="H10388" s="6" t="s">
        <v>19966</v>
      </c>
      <c r="I10388" s="7">
        <v>4.8908775999999996</v>
      </c>
      <c r="J10388" s="8">
        <v>-74.115117600000005</v>
      </c>
    </row>
    <row r="10389" spans="1:10" x14ac:dyDescent="0.35">
      <c r="A10389" s="5" t="s">
        <v>10</v>
      </c>
      <c r="B10389" s="6">
        <v>223388</v>
      </c>
      <c r="C10389" s="6" t="s">
        <v>457</v>
      </c>
      <c r="D10389" s="6" t="s">
        <v>18507</v>
      </c>
      <c r="E10389" s="6">
        <v>52250</v>
      </c>
      <c r="F10389" s="6" t="s">
        <v>2161</v>
      </c>
      <c r="G10389" s="6" t="s">
        <v>19967</v>
      </c>
      <c r="H10389" s="6" t="s">
        <v>19968</v>
      </c>
      <c r="I10389" s="7">
        <v>2.479311</v>
      </c>
      <c r="J10389" s="8">
        <v>-78.110210999999893</v>
      </c>
    </row>
    <row r="10390" spans="1:10" x14ac:dyDescent="0.35">
      <c r="A10390" s="5" t="s">
        <v>10</v>
      </c>
      <c r="B10390" s="6">
        <v>233654</v>
      </c>
      <c r="C10390" s="6" t="s">
        <v>2130</v>
      </c>
      <c r="D10390" s="6" t="s">
        <v>2131</v>
      </c>
      <c r="E10390" s="6">
        <v>85001</v>
      </c>
      <c r="F10390" s="6" t="s">
        <v>2161</v>
      </c>
      <c r="G10390" s="6" t="s">
        <v>3888</v>
      </c>
      <c r="H10390" s="6" t="s">
        <v>19969</v>
      </c>
      <c r="I10390" s="7">
        <v>5.3349900000000003</v>
      </c>
      <c r="J10390" s="8">
        <v>-72.389629999999997</v>
      </c>
    </row>
    <row r="10391" spans="1:10" x14ac:dyDescent="0.35">
      <c r="A10391" s="5" t="s">
        <v>10</v>
      </c>
      <c r="B10391" s="6">
        <v>141706</v>
      </c>
      <c r="C10391" s="6" t="s">
        <v>11</v>
      </c>
      <c r="D10391" s="6" t="s">
        <v>21</v>
      </c>
      <c r="E10391" s="6">
        <v>25386</v>
      </c>
      <c r="F10391" s="6" t="s">
        <v>13</v>
      </c>
      <c r="G10391" s="6" t="s">
        <v>3214</v>
      </c>
      <c r="H10391" s="6" t="s">
        <v>3215</v>
      </c>
      <c r="I10391" s="7">
        <v>4.6321469999999998</v>
      </c>
      <c r="J10391" s="8">
        <v>-74.463014000000001</v>
      </c>
    </row>
    <row r="10392" spans="1:10" x14ac:dyDescent="0.35">
      <c r="A10392" s="5" t="s">
        <v>10</v>
      </c>
      <c r="B10392" s="6">
        <v>215432</v>
      </c>
      <c r="C10392" s="6" t="s">
        <v>68</v>
      </c>
      <c r="D10392" s="6" t="s">
        <v>69</v>
      </c>
      <c r="E10392" s="6">
        <v>11001</v>
      </c>
      <c r="F10392" s="6" t="s">
        <v>13</v>
      </c>
      <c r="G10392" s="6" t="s">
        <v>19970</v>
      </c>
      <c r="H10392" s="6" t="s">
        <v>19971</v>
      </c>
      <c r="I10392" s="7">
        <v>4.5990324999999999</v>
      </c>
      <c r="J10392" s="8">
        <v>-74.180579199999997</v>
      </c>
    </row>
    <row r="10393" spans="1:10" x14ac:dyDescent="0.35">
      <c r="A10393" s="5" t="s">
        <v>10</v>
      </c>
      <c r="B10393" s="6">
        <v>179992</v>
      </c>
      <c r="C10393" s="6" t="s">
        <v>294</v>
      </c>
      <c r="D10393" s="6" t="s">
        <v>2887</v>
      </c>
      <c r="E10393" s="6">
        <v>41668</v>
      </c>
      <c r="F10393" s="6" t="s">
        <v>18</v>
      </c>
      <c r="G10393" s="6" t="s">
        <v>3541</v>
      </c>
      <c r="H10393" s="6" t="s">
        <v>3542</v>
      </c>
      <c r="I10393" s="7">
        <v>1.8799121999999999</v>
      </c>
      <c r="J10393" s="8">
        <v>-76.270209199999996</v>
      </c>
    </row>
    <row r="10394" spans="1:10" x14ac:dyDescent="0.35">
      <c r="A10394" s="5" t="s">
        <v>10</v>
      </c>
      <c r="B10394" s="6">
        <v>146299</v>
      </c>
      <c r="C10394" s="6" t="s">
        <v>38</v>
      </c>
      <c r="D10394" s="6" t="s">
        <v>39</v>
      </c>
      <c r="E10394" s="6">
        <v>19001</v>
      </c>
      <c r="F10394" s="6" t="s">
        <v>18</v>
      </c>
      <c r="G10394" s="6" t="s">
        <v>19972</v>
      </c>
      <c r="H10394" s="6" t="s">
        <v>19973</v>
      </c>
      <c r="I10394" s="7">
        <v>2.4437009999999999</v>
      </c>
      <c r="J10394" s="8">
        <v>-76.615179900000001</v>
      </c>
    </row>
    <row r="10395" spans="1:10" x14ac:dyDescent="0.35">
      <c r="A10395" s="5" t="s">
        <v>10</v>
      </c>
      <c r="B10395" s="6">
        <v>238776</v>
      </c>
      <c r="C10395" s="6" t="s">
        <v>457</v>
      </c>
      <c r="D10395" s="6" t="s">
        <v>4400</v>
      </c>
      <c r="E10395" s="6">
        <v>52001</v>
      </c>
      <c r="F10395" s="6" t="s">
        <v>2161</v>
      </c>
      <c r="G10395" s="6" t="s">
        <v>19974</v>
      </c>
      <c r="H10395" s="6" t="s">
        <v>19975</v>
      </c>
      <c r="I10395" s="7">
        <v>1.2169345</v>
      </c>
      <c r="J10395" s="8">
        <v>-77.265815900000007</v>
      </c>
    </row>
    <row r="10396" spans="1:10" x14ac:dyDescent="0.35">
      <c r="A10396" s="5" t="s">
        <v>10</v>
      </c>
      <c r="B10396" s="6">
        <v>233195</v>
      </c>
      <c r="C10396" s="6" t="s">
        <v>68</v>
      </c>
      <c r="D10396" s="6" t="s">
        <v>69</v>
      </c>
      <c r="E10396" s="6">
        <v>11001</v>
      </c>
      <c r="F10396" s="6" t="s">
        <v>18</v>
      </c>
      <c r="G10396" s="6" t="s">
        <v>19976</v>
      </c>
      <c r="H10396" s="6" t="s">
        <v>19977</v>
      </c>
      <c r="I10396" s="7">
        <v>4.6841400000000002</v>
      </c>
      <c r="J10396" s="8">
        <v>-74.0916</v>
      </c>
    </row>
    <row r="10397" spans="1:10" x14ac:dyDescent="0.35">
      <c r="A10397" s="5" t="s">
        <v>10</v>
      </c>
      <c r="B10397" s="6">
        <v>198310</v>
      </c>
      <c r="C10397" s="6" t="s">
        <v>11</v>
      </c>
      <c r="D10397" s="6" t="s">
        <v>334</v>
      </c>
      <c r="E10397" s="6">
        <v>25754</v>
      </c>
      <c r="F10397" s="6" t="s">
        <v>13</v>
      </c>
      <c r="G10397" s="6" t="s">
        <v>160</v>
      </c>
      <c r="H10397" s="6" t="s">
        <v>2238</v>
      </c>
      <c r="I10397" s="7">
        <v>4.5811564000000002</v>
      </c>
      <c r="J10397" s="8">
        <v>-74.212740100000005</v>
      </c>
    </row>
    <row r="10398" spans="1:10" x14ac:dyDescent="0.35">
      <c r="A10398" s="5" t="s">
        <v>10</v>
      </c>
      <c r="B10398" s="6">
        <v>234470</v>
      </c>
      <c r="C10398" s="6" t="s">
        <v>55</v>
      </c>
      <c r="D10398" s="6" t="s">
        <v>56</v>
      </c>
      <c r="E10398" s="6">
        <v>73001</v>
      </c>
      <c r="F10398" s="6" t="s">
        <v>18</v>
      </c>
      <c r="G10398" s="6" t="s">
        <v>19978</v>
      </c>
      <c r="H10398" s="6" t="s">
        <v>19979</v>
      </c>
      <c r="I10398" s="7">
        <v>4.4320085000000002</v>
      </c>
      <c r="J10398" s="8">
        <v>-75.242971499999996</v>
      </c>
    </row>
    <row r="10399" spans="1:10" x14ac:dyDescent="0.35">
      <c r="A10399" s="5" t="s">
        <v>10</v>
      </c>
      <c r="B10399" s="6">
        <v>214992</v>
      </c>
      <c r="C10399" s="6" t="s">
        <v>24</v>
      </c>
      <c r="D10399" s="6" t="s">
        <v>88</v>
      </c>
      <c r="E10399" s="6">
        <v>15001</v>
      </c>
      <c r="F10399" s="6" t="s">
        <v>18</v>
      </c>
      <c r="G10399" s="6" t="s">
        <v>19980</v>
      </c>
      <c r="H10399" s="6" t="s">
        <v>19981</v>
      </c>
      <c r="I10399" s="7">
        <v>5.5696119999999896</v>
      </c>
      <c r="J10399" s="8">
        <v>-73.338796599999995</v>
      </c>
    </row>
    <row r="10400" spans="1:10" x14ac:dyDescent="0.35">
      <c r="A10400" s="5" t="s">
        <v>10</v>
      </c>
      <c r="B10400" s="6">
        <v>216908</v>
      </c>
      <c r="C10400" s="6" t="s">
        <v>11</v>
      </c>
      <c r="D10400" s="6" t="s">
        <v>1294</v>
      </c>
      <c r="E10400" s="6">
        <v>25873</v>
      </c>
      <c r="F10400" s="6" t="s">
        <v>18</v>
      </c>
      <c r="G10400" s="6" t="s">
        <v>19982</v>
      </c>
      <c r="H10400" s="6" t="s">
        <v>19983</v>
      </c>
      <c r="I10400" s="7">
        <v>5.2152089999999998</v>
      </c>
      <c r="J10400" s="8">
        <v>-73.594624899999999</v>
      </c>
    </row>
    <row r="10401" spans="1:10" x14ac:dyDescent="0.35">
      <c r="A10401" s="5" t="s">
        <v>10</v>
      </c>
      <c r="B10401" s="6">
        <v>221153</v>
      </c>
      <c r="C10401" s="6" t="s">
        <v>278</v>
      </c>
      <c r="D10401" s="6" t="s">
        <v>3651</v>
      </c>
      <c r="E10401" s="6">
        <v>50313</v>
      </c>
      <c r="F10401" s="6" t="s">
        <v>2161</v>
      </c>
      <c r="G10401" s="6" t="s">
        <v>10780</v>
      </c>
      <c r="H10401" s="6" t="s">
        <v>19984</v>
      </c>
      <c r="I10401" s="7">
        <v>3.5436442000000001</v>
      </c>
      <c r="J10401" s="8">
        <v>-73.702810700000001</v>
      </c>
    </row>
    <row r="10402" spans="1:10" x14ac:dyDescent="0.35">
      <c r="A10402" s="5" t="s">
        <v>10</v>
      </c>
      <c r="B10402" s="6">
        <v>237983</v>
      </c>
      <c r="C10402" s="6" t="s">
        <v>11</v>
      </c>
      <c r="D10402" s="6" t="s">
        <v>513</v>
      </c>
      <c r="E10402" s="6">
        <v>25286</v>
      </c>
      <c r="F10402" s="6" t="s">
        <v>2161</v>
      </c>
      <c r="G10402" s="6" t="s">
        <v>19985</v>
      </c>
      <c r="H10402" s="6" t="s">
        <v>19986</v>
      </c>
      <c r="I10402" s="7">
        <v>4.5792481</v>
      </c>
      <c r="J10402" s="8">
        <v>-74.218884099999997</v>
      </c>
    </row>
    <row r="10403" spans="1:10" x14ac:dyDescent="0.35">
      <c r="A10403" s="5" t="s">
        <v>10</v>
      </c>
      <c r="B10403" s="6">
        <v>180539</v>
      </c>
      <c r="C10403" s="6" t="s">
        <v>68</v>
      </c>
      <c r="D10403" s="6" t="s">
        <v>69</v>
      </c>
      <c r="E10403" s="6">
        <v>11001</v>
      </c>
      <c r="F10403" s="6" t="s">
        <v>13</v>
      </c>
      <c r="G10403" s="6" t="s">
        <v>2188</v>
      </c>
      <c r="H10403" s="6" t="s">
        <v>2189</v>
      </c>
      <c r="I10403" s="7">
        <v>4.7369498999999999</v>
      </c>
      <c r="J10403" s="8">
        <v>-74.084834099999995</v>
      </c>
    </row>
    <row r="10404" spans="1:10" x14ac:dyDescent="0.35">
      <c r="A10404" s="5" t="s">
        <v>10</v>
      </c>
      <c r="B10404" s="6">
        <v>190346</v>
      </c>
      <c r="C10404" s="6" t="s">
        <v>11</v>
      </c>
      <c r="D10404" s="6" t="s">
        <v>101</v>
      </c>
      <c r="E10404" s="6">
        <v>25473</v>
      </c>
      <c r="F10404" s="6" t="s">
        <v>13</v>
      </c>
      <c r="G10404" s="6" t="s">
        <v>160</v>
      </c>
      <c r="H10404" s="6" t="s">
        <v>2915</v>
      </c>
      <c r="I10404" s="7">
        <v>4.7092565999999998</v>
      </c>
      <c r="J10404" s="8">
        <v>-74.226229900000007</v>
      </c>
    </row>
    <row r="10405" spans="1:10" x14ac:dyDescent="0.35">
      <c r="A10405" s="5" t="s">
        <v>10</v>
      </c>
      <c r="B10405" s="6">
        <v>191489</v>
      </c>
      <c r="C10405" s="6" t="s">
        <v>55</v>
      </c>
      <c r="D10405" s="6" t="s">
        <v>56</v>
      </c>
      <c r="E10405" s="6">
        <v>73001</v>
      </c>
      <c r="F10405" s="6" t="s">
        <v>13</v>
      </c>
      <c r="G10405" s="6" t="s">
        <v>19530</v>
      </c>
      <c r="H10405" s="6" t="s">
        <v>19531</v>
      </c>
      <c r="I10405" s="7">
        <v>4.4440387000000001</v>
      </c>
      <c r="J10405" s="8">
        <v>-75.236857700000002</v>
      </c>
    </row>
    <row r="10406" spans="1:10" x14ac:dyDescent="0.35">
      <c r="A10406" s="5" t="s">
        <v>10</v>
      </c>
      <c r="B10406" s="6">
        <v>172863</v>
      </c>
      <c r="C10406" s="6" t="s">
        <v>11</v>
      </c>
      <c r="D10406" s="6" t="s">
        <v>3104</v>
      </c>
      <c r="E10406" s="6">
        <v>25245</v>
      </c>
      <c r="F10406" s="6" t="s">
        <v>13</v>
      </c>
      <c r="G10406" s="6" t="s">
        <v>19987</v>
      </c>
      <c r="H10406" s="6" t="s">
        <v>19988</v>
      </c>
      <c r="I10406" s="7">
        <v>4.5744100999999997</v>
      </c>
      <c r="J10406" s="8">
        <v>-74.305294000000004</v>
      </c>
    </row>
    <row r="10407" spans="1:10" x14ac:dyDescent="0.35">
      <c r="A10407" s="5" t="s">
        <v>10</v>
      </c>
      <c r="B10407" s="6">
        <v>208240</v>
      </c>
      <c r="C10407" s="6" t="s">
        <v>109</v>
      </c>
      <c r="D10407" s="6" t="s">
        <v>227</v>
      </c>
      <c r="E10407" s="6">
        <v>13001</v>
      </c>
      <c r="F10407" s="6" t="s">
        <v>18</v>
      </c>
      <c r="G10407" s="6" t="s">
        <v>19989</v>
      </c>
      <c r="H10407" s="6" t="s">
        <v>19990</v>
      </c>
      <c r="I10407" s="7">
        <v>10.388460500000001</v>
      </c>
      <c r="J10407" s="8">
        <v>-75.458009200000006</v>
      </c>
    </row>
    <row r="10408" spans="1:10" x14ac:dyDescent="0.35">
      <c r="A10408" s="5" t="s">
        <v>10</v>
      </c>
      <c r="B10408" s="6">
        <v>224503</v>
      </c>
      <c r="C10408" s="6" t="s">
        <v>109</v>
      </c>
      <c r="D10408" s="6" t="s">
        <v>227</v>
      </c>
      <c r="E10408" s="6">
        <v>13001</v>
      </c>
      <c r="F10408" s="6" t="s">
        <v>18</v>
      </c>
      <c r="G10408" s="6" t="s">
        <v>19991</v>
      </c>
      <c r="H10408" s="6" t="s">
        <v>19992</v>
      </c>
      <c r="I10408" s="7">
        <v>10.387066300000001</v>
      </c>
      <c r="J10408" s="8">
        <v>-75.495648899999907</v>
      </c>
    </row>
    <row r="10409" spans="1:10" x14ac:dyDescent="0.35">
      <c r="A10409" s="5" t="s">
        <v>10</v>
      </c>
      <c r="B10409" s="6">
        <v>246336</v>
      </c>
      <c r="C10409" s="6" t="s">
        <v>55</v>
      </c>
      <c r="D10409" s="6" t="s">
        <v>56</v>
      </c>
      <c r="E10409" s="6">
        <v>73001</v>
      </c>
      <c r="F10409" s="6" t="s">
        <v>18</v>
      </c>
      <c r="G10409" s="6" t="s">
        <v>19993</v>
      </c>
      <c r="H10409" s="6" t="s">
        <v>19994</v>
      </c>
      <c r="I10409" s="7">
        <v>4.4430262000000003</v>
      </c>
      <c r="J10409" s="8">
        <v>-75.238704600000005</v>
      </c>
    </row>
    <row r="10410" spans="1:10" x14ac:dyDescent="0.35">
      <c r="A10410" s="5" t="s">
        <v>10</v>
      </c>
      <c r="B10410" s="6">
        <v>225312</v>
      </c>
      <c r="C10410" s="6" t="s">
        <v>11</v>
      </c>
      <c r="D10410" s="6" t="s">
        <v>5326</v>
      </c>
      <c r="E10410" s="6">
        <v>25200</v>
      </c>
      <c r="F10410" s="6" t="s">
        <v>2161</v>
      </c>
      <c r="G10410" s="6" t="s">
        <v>19995</v>
      </c>
      <c r="H10410" s="6" t="s">
        <v>19996</v>
      </c>
      <c r="I10410" s="7">
        <v>5.0612409999999999</v>
      </c>
      <c r="J10410" s="8">
        <v>-73.976407999999907</v>
      </c>
    </row>
    <row r="10411" spans="1:10" x14ac:dyDescent="0.35">
      <c r="A10411" s="5" t="s">
        <v>10</v>
      </c>
      <c r="B10411" s="6">
        <v>230725</v>
      </c>
      <c r="C10411" s="6" t="s">
        <v>11</v>
      </c>
      <c r="D10411" s="6" t="s">
        <v>4073</v>
      </c>
      <c r="E10411" s="6">
        <v>25740</v>
      </c>
      <c r="F10411" s="6" t="s">
        <v>2161</v>
      </c>
      <c r="G10411" s="6" t="s">
        <v>19997</v>
      </c>
      <c r="H10411" s="6" t="s">
        <v>19998</v>
      </c>
      <c r="I10411" s="7">
        <v>4.490094</v>
      </c>
      <c r="J10411" s="8">
        <v>-74.259979999999999</v>
      </c>
    </row>
    <row r="10412" spans="1:10" x14ac:dyDescent="0.35">
      <c r="A10412" s="5" t="s">
        <v>10</v>
      </c>
      <c r="B10412" s="6">
        <v>233659</v>
      </c>
      <c r="C10412" s="6" t="s">
        <v>68</v>
      </c>
      <c r="D10412" s="6" t="s">
        <v>69</v>
      </c>
      <c r="E10412" s="6">
        <v>11001</v>
      </c>
      <c r="F10412" s="6" t="s">
        <v>2161</v>
      </c>
      <c r="G10412" s="6" t="s">
        <v>19999</v>
      </c>
      <c r="H10412" s="6" t="s">
        <v>20000</v>
      </c>
      <c r="I10412" s="7">
        <v>4.61564</v>
      </c>
      <c r="J10412" s="8">
        <v>-74.153049999999993</v>
      </c>
    </row>
    <row r="10413" spans="1:10" x14ac:dyDescent="0.35">
      <c r="A10413" s="5" t="s">
        <v>10</v>
      </c>
      <c r="B10413" s="6">
        <v>215443</v>
      </c>
      <c r="C10413" s="6" t="s">
        <v>28</v>
      </c>
      <c r="D10413" s="6" t="s">
        <v>1571</v>
      </c>
      <c r="E10413" s="6">
        <v>54743</v>
      </c>
      <c r="F10413" s="6" t="s">
        <v>2161</v>
      </c>
      <c r="G10413" s="6" t="s">
        <v>20001</v>
      </c>
      <c r="H10413" s="6" t="s">
        <v>20002</v>
      </c>
      <c r="I10413" s="7">
        <v>7.1920579999999896</v>
      </c>
      <c r="J10413" s="8">
        <v>-72.712567999999905</v>
      </c>
    </row>
    <row r="10414" spans="1:10" x14ac:dyDescent="0.35">
      <c r="A10414" s="5" t="s">
        <v>10</v>
      </c>
      <c r="B10414" s="6">
        <v>141702</v>
      </c>
      <c r="C10414" s="6" t="s">
        <v>11</v>
      </c>
      <c r="D10414" s="6" t="s">
        <v>6124</v>
      </c>
      <c r="E10414" s="6">
        <v>25377</v>
      </c>
      <c r="F10414" s="6" t="s">
        <v>13</v>
      </c>
      <c r="G10414" s="6" t="s">
        <v>18387</v>
      </c>
      <c r="H10414" s="6" t="s">
        <v>18388</v>
      </c>
      <c r="I10414" s="7">
        <v>4.7201183000000002</v>
      </c>
      <c r="J10414" s="8">
        <v>-73.968011700000005</v>
      </c>
    </row>
    <row r="10415" spans="1:10" x14ac:dyDescent="0.35">
      <c r="A10415" s="5" t="s">
        <v>10</v>
      </c>
      <c r="B10415" s="6">
        <v>141706</v>
      </c>
      <c r="C10415" s="6" t="s">
        <v>11</v>
      </c>
      <c r="D10415" s="6" t="s">
        <v>21</v>
      </c>
      <c r="E10415" s="6">
        <v>25386</v>
      </c>
      <c r="F10415" s="6" t="s">
        <v>13</v>
      </c>
      <c r="G10415" s="6" t="s">
        <v>3214</v>
      </c>
      <c r="H10415" s="6" t="s">
        <v>3215</v>
      </c>
      <c r="I10415" s="7">
        <v>4.6321469999999998</v>
      </c>
      <c r="J10415" s="8">
        <v>-74.463014000000001</v>
      </c>
    </row>
    <row r="10416" spans="1:10" x14ac:dyDescent="0.35">
      <c r="A10416" s="5" t="s">
        <v>10</v>
      </c>
      <c r="B10416" s="6">
        <v>184814</v>
      </c>
      <c r="C10416" s="6" t="s">
        <v>4364</v>
      </c>
      <c r="D10416" s="6" t="s">
        <v>4365</v>
      </c>
      <c r="E10416" s="6">
        <v>70001</v>
      </c>
      <c r="F10416" s="6" t="s">
        <v>13</v>
      </c>
      <c r="G10416" s="6" t="s">
        <v>160</v>
      </c>
      <c r="H10416" s="6" t="s">
        <v>18988</v>
      </c>
      <c r="I10416" s="7">
        <v>9.3008717000000001</v>
      </c>
      <c r="J10416" s="8">
        <v>-75.3969247</v>
      </c>
    </row>
    <row r="10417" spans="1:10" x14ac:dyDescent="0.35">
      <c r="A10417" s="5" t="s">
        <v>10</v>
      </c>
      <c r="B10417" s="6">
        <v>247300</v>
      </c>
      <c r="C10417" s="6" t="s">
        <v>68</v>
      </c>
      <c r="D10417" s="6" t="s">
        <v>69</v>
      </c>
      <c r="E10417" s="6">
        <v>11001</v>
      </c>
      <c r="F10417" s="6" t="s">
        <v>13</v>
      </c>
      <c r="G10417" s="6" t="s">
        <v>17752</v>
      </c>
      <c r="H10417" s="6" t="s">
        <v>20003</v>
      </c>
      <c r="I10417" s="7">
        <v>4.6641395000000001</v>
      </c>
      <c r="J10417" s="8">
        <v>-74.061183200000002</v>
      </c>
    </row>
    <row r="10418" spans="1:10" x14ac:dyDescent="0.35">
      <c r="A10418" s="5" t="s">
        <v>10</v>
      </c>
      <c r="B10418" s="6">
        <v>221438</v>
      </c>
      <c r="C10418" s="6" t="s">
        <v>68</v>
      </c>
      <c r="D10418" s="6" t="s">
        <v>69</v>
      </c>
      <c r="E10418" s="6">
        <v>11001</v>
      </c>
      <c r="F10418" s="6" t="s">
        <v>18</v>
      </c>
      <c r="G10418" s="6" t="s">
        <v>568</v>
      </c>
      <c r="H10418" s="6" t="s">
        <v>569</v>
      </c>
      <c r="I10418" s="7">
        <v>4.5455603</v>
      </c>
      <c r="J10418" s="8">
        <v>-74.105619700000005</v>
      </c>
    </row>
    <row r="10419" spans="1:10" x14ac:dyDescent="0.35">
      <c r="A10419" s="5" t="s">
        <v>10</v>
      </c>
      <c r="B10419" s="6">
        <v>204736</v>
      </c>
      <c r="C10419" s="6" t="s">
        <v>38</v>
      </c>
      <c r="D10419" s="6" t="s">
        <v>39</v>
      </c>
      <c r="E10419" s="6">
        <v>19001</v>
      </c>
      <c r="F10419" s="6" t="s">
        <v>18</v>
      </c>
      <c r="G10419" s="6" t="s">
        <v>20004</v>
      </c>
      <c r="H10419" s="6" t="s">
        <v>20005</v>
      </c>
      <c r="I10419" s="7">
        <v>2.4745816</v>
      </c>
      <c r="J10419" s="8">
        <v>-76.554941499999998</v>
      </c>
    </row>
    <row r="10420" spans="1:10" x14ac:dyDescent="0.35">
      <c r="A10420" s="5" t="s">
        <v>10</v>
      </c>
      <c r="B10420" s="6">
        <v>231752</v>
      </c>
      <c r="C10420" s="6" t="s">
        <v>42</v>
      </c>
      <c r="D10420" s="6" t="s">
        <v>43</v>
      </c>
      <c r="E10420" s="6">
        <v>17001</v>
      </c>
      <c r="F10420" s="6" t="s">
        <v>18</v>
      </c>
      <c r="G10420" s="6" t="s">
        <v>2159</v>
      </c>
      <c r="H10420" s="6" t="s">
        <v>2160</v>
      </c>
      <c r="I10420" s="7">
        <v>5.0655320000000001</v>
      </c>
      <c r="J10420" s="8">
        <v>-75.499759999999995</v>
      </c>
    </row>
    <row r="10421" spans="1:10" x14ac:dyDescent="0.35">
      <c r="A10421" s="5" t="s">
        <v>10</v>
      </c>
      <c r="B10421" s="6">
        <v>231916</v>
      </c>
      <c r="C10421" s="6" t="s">
        <v>11</v>
      </c>
      <c r="D10421" s="6" t="s">
        <v>1547</v>
      </c>
      <c r="E10421" s="6">
        <v>25817</v>
      </c>
      <c r="F10421" s="6" t="s">
        <v>2161</v>
      </c>
      <c r="G10421" s="6" t="s">
        <v>20006</v>
      </c>
      <c r="H10421" s="6" t="s">
        <v>20007</v>
      </c>
      <c r="I10421" s="7">
        <v>4.9668837000000003</v>
      </c>
      <c r="J10421" s="8">
        <v>-73.912154299999997</v>
      </c>
    </row>
    <row r="10422" spans="1:10" x14ac:dyDescent="0.35">
      <c r="A10422" s="5" t="s">
        <v>10</v>
      </c>
      <c r="B10422" s="6">
        <v>147089</v>
      </c>
      <c r="C10422" s="6" t="s">
        <v>11</v>
      </c>
      <c r="D10422" s="6" t="s">
        <v>3379</v>
      </c>
      <c r="E10422" s="6">
        <v>25407</v>
      </c>
      <c r="F10422" s="6" t="s">
        <v>13</v>
      </c>
      <c r="G10422" s="6" t="s">
        <v>17869</v>
      </c>
      <c r="H10422" s="6" t="s">
        <v>17870</v>
      </c>
      <c r="I10422" s="7">
        <v>5.3062820999999998</v>
      </c>
      <c r="J10422" s="8">
        <v>-73.712502000000001</v>
      </c>
    </row>
    <row r="10423" spans="1:10" x14ac:dyDescent="0.35">
      <c r="A10423" s="5" t="s">
        <v>10</v>
      </c>
      <c r="B10423" s="6">
        <v>143499</v>
      </c>
      <c r="C10423" s="6" t="s">
        <v>278</v>
      </c>
      <c r="D10423" s="6" t="s">
        <v>279</v>
      </c>
      <c r="E10423" s="6">
        <v>50001</v>
      </c>
      <c r="F10423" s="6" t="s">
        <v>13</v>
      </c>
      <c r="G10423" s="6" t="s">
        <v>18339</v>
      </c>
      <c r="H10423" s="6" t="s">
        <v>18340</v>
      </c>
      <c r="I10423" s="7">
        <v>4.1021460000000003</v>
      </c>
      <c r="J10423" s="8">
        <v>-73.651165000000006</v>
      </c>
    </row>
    <row r="10424" spans="1:10" x14ac:dyDescent="0.35">
      <c r="A10424" s="5" t="s">
        <v>10</v>
      </c>
      <c r="B10424" s="6">
        <v>182674</v>
      </c>
      <c r="C10424" s="6" t="s">
        <v>68</v>
      </c>
      <c r="D10424" s="6" t="s">
        <v>69</v>
      </c>
      <c r="E10424" s="6">
        <v>11001</v>
      </c>
      <c r="F10424" s="6" t="s">
        <v>13</v>
      </c>
      <c r="G10424" s="6" t="s">
        <v>19617</v>
      </c>
      <c r="H10424" s="6" t="s">
        <v>20008</v>
      </c>
      <c r="I10424" s="7">
        <v>4.6739363000000003</v>
      </c>
      <c r="J10424" s="8">
        <v>-74.143118200000004</v>
      </c>
    </row>
    <row r="10425" spans="1:10" x14ac:dyDescent="0.35">
      <c r="A10425" s="5" t="s">
        <v>10</v>
      </c>
      <c r="B10425" s="6">
        <v>141708</v>
      </c>
      <c r="C10425" s="6" t="s">
        <v>11</v>
      </c>
      <c r="D10425" s="6" t="s">
        <v>431</v>
      </c>
      <c r="E10425" s="6">
        <v>25402</v>
      </c>
      <c r="F10425" s="6" t="s">
        <v>13</v>
      </c>
      <c r="G10425" s="6" t="s">
        <v>18540</v>
      </c>
      <c r="H10425" s="6" t="s">
        <v>18541</v>
      </c>
      <c r="I10425" s="7">
        <v>5.0005280000000001</v>
      </c>
      <c r="J10425" s="8">
        <v>-74.339438999999999</v>
      </c>
    </row>
    <row r="10426" spans="1:10" x14ac:dyDescent="0.35">
      <c r="A10426" s="5" t="s">
        <v>10</v>
      </c>
      <c r="B10426" s="6">
        <v>180551</v>
      </c>
      <c r="C10426" s="6" t="s">
        <v>294</v>
      </c>
      <c r="D10426" s="6" t="s">
        <v>703</v>
      </c>
      <c r="E10426" s="6">
        <v>41001</v>
      </c>
      <c r="F10426" s="6" t="s">
        <v>13</v>
      </c>
      <c r="G10426" s="6" t="s">
        <v>20009</v>
      </c>
      <c r="H10426" s="6" t="s">
        <v>20010</v>
      </c>
      <c r="I10426" s="7">
        <v>2.9265911999999998</v>
      </c>
      <c r="J10426" s="8">
        <v>-75.2869168</v>
      </c>
    </row>
    <row r="10427" spans="1:10" x14ac:dyDescent="0.35">
      <c r="A10427" s="5" t="s">
        <v>10</v>
      </c>
      <c r="B10427" s="6">
        <v>93938</v>
      </c>
      <c r="C10427" s="6" t="s">
        <v>16</v>
      </c>
      <c r="D10427" s="6" t="s">
        <v>17896</v>
      </c>
      <c r="E10427" s="6">
        <v>68296</v>
      </c>
      <c r="F10427" s="6" t="s">
        <v>18</v>
      </c>
      <c r="G10427" s="6" t="s">
        <v>20011</v>
      </c>
      <c r="H10427" s="6" t="s">
        <v>20012</v>
      </c>
      <c r="I10427" s="7">
        <v>6.6382018</v>
      </c>
      <c r="J10427" s="8">
        <v>-73.287467100000001</v>
      </c>
    </row>
    <row r="10428" spans="1:10" x14ac:dyDescent="0.35">
      <c r="A10428" s="5" t="s">
        <v>10</v>
      </c>
      <c r="B10428" s="6">
        <v>237591</v>
      </c>
      <c r="C10428" s="6" t="s">
        <v>55</v>
      </c>
      <c r="D10428" s="6" t="s">
        <v>56</v>
      </c>
      <c r="E10428" s="6">
        <v>73001</v>
      </c>
      <c r="F10428" s="6" t="s">
        <v>18</v>
      </c>
      <c r="G10428" s="6" t="s">
        <v>20013</v>
      </c>
      <c r="H10428" s="6" t="s">
        <v>20014</v>
      </c>
      <c r="I10428" s="7">
        <v>4.4557454999999999</v>
      </c>
      <c r="J10428" s="8">
        <v>-75.131778199999999</v>
      </c>
    </row>
    <row r="10429" spans="1:10" x14ac:dyDescent="0.35">
      <c r="A10429" s="5" t="s">
        <v>10</v>
      </c>
      <c r="B10429" s="6">
        <v>148820</v>
      </c>
      <c r="C10429" s="6" t="s">
        <v>38</v>
      </c>
      <c r="D10429" s="6" t="s">
        <v>39</v>
      </c>
      <c r="E10429" s="6">
        <v>19001</v>
      </c>
      <c r="F10429" s="6" t="s">
        <v>18</v>
      </c>
      <c r="G10429" s="6" t="s">
        <v>672</v>
      </c>
      <c r="H10429" s="6" t="s">
        <v>673</v>
      </c>
      <c r="I10429" s="7">
        <v>2.4350019999999999</v>
      </c>
      <c r="J10429" s="8">
        <v>-76.618151900000001</v>
      </c>
    </row>
    <row r="10430" spans="1:10" x14ac:dyDescent="0.35">
      <c r="A10430" s="5" t="s">
        <v>10</v>
      </c>
      <c r="B10430" s="6">
        <v>198406</v>
      </c>
      <c r="C10430" s="6" t="s">
        <v>42</v>
      </c>
      <c r="D10430" s="6" t="s">
        <v>1066</v>
      </c>
      <c r="E10430" s="6">
        <v>17653</v>
      </c>
      <c r="F10430" s="6" t="s">
        <v>18</v>
      </c>
      <c r="G10430" s="6" t="s">
        <v>20015</v>
      </c>
      <c r="H10430" s="6" t="s">
        <v>20016</v>
      </c>
      <c r="I10430" s="7">
        <v>5.3764127999999998</v>
      </c>
      <c r="J10430" s="8">
        <v>-75.371741399999905</v>
      </c>
    </row>
    <row r="10431" spans="1:10" x14ac:dyDescent="0.35">
      <c r="A10431" s="5" t="s">
        <v>10</v>
      </c>
      <c r="B10431" s="6">
        <v>217073</v>
      </c>
      <c r="C10431" s="6" t="s">
        <v>68</v>
      </c>
      <c r="D10431" s="6" t="s">
        <v>69</v>
      </c>
      <c r="E10431" s="6">
        <v>11001</v>
      </c>
      <c r="F10431" s="6" t="s">
        <v>2161</v>
      </c>
      <c r="G10431" s="6" t="s">
        <v>20017</v>
      </c>
      <c r="H10431" s="6" t="s">
        <v>20018</v>
      </c>
      <c r="I10431" s="7">
        <v>4.6030530000000001</v>
      </c>
      <c r="J10431" s="8">
        <v>-74.194476600000002</v>
      </c>
    </row>
    <row r="10432" spans="1:10" x14ac:dyDescent="0.35">
      <c r="A10432" s="5" t="s">
        <v>10</v>
      </c>
      <c r="B10432" s="6">
        <v>232730</v>
      </c>
      <c r="C10432" s="6" t="s">
        <v>11</v>
      </c>
      <c r="D10432" s="6" t="s">
        <v>5326</v>
      </c>
      <c r="E10432" s="6">
        <v>25200</v>
      </c>
      <c r="F10432" s="6" t="s">
        <v>2161</v>
      </c>
      <c r="G10432" s="6" t="s">
        <v>20019</v>
      </c>
      <c r="H10432" s="6" t="s">
        <v>20020</v>
      </c>
      <c r="I10432" s="7">
        <v>5.0717685000000001</v>
      </c>
      <c r="J10432" s="8">
        <v>-73.970865500000002</v>
      </c>
    </row>
    <row r="10433" spans="1:10" x14ac:dyDescent="0.35">
      <c r="A10433" s="5" t="s">
        <v>10</v>
      </c>
      <c r="B10433" s="6">
        <v>180536</v>
      </c>
      <c r="C10433" s="6" t="s">
        <v>68</v>
      </c>
      <c r="D10433" s="6" t="s">
        <v>69</v>
      </c>
      <c r="E10433" s="6">
        <v>11001</v>
      </c>
      <c r="F10433" s="6" t="s">
        <v>13</v>
      </c>
      <c r="G10433" s="6" t="s">
        <v>129</v>
      </c>
      <c r="H10433" s="6" t="s">
        <v>130</v>
      </c>
      <c r="I10433" s="7">
        <v>4.6966169999999998</v>
      </c>
      <c r="J10433" s="8">
        <v>-74.106278000000003</v>
      </c>
    </row>
    <row r="10434" spans="1:10" x14ac:dyDescent="0.35">
      <c r="A10434" s="5" t="s">
        <v>10</v>
      </c>
      <c r="B10434" s="6">
        <v>222686</v>
      </c>
      <c r="C10434" s="6" t="s">
        <v>68</v>
      </c>
      <c r="D10434" s="6" t="s">
        <v>69</v>
      </c>
      <c r="E10434" s="6">
        <v>11001</v>
      </c>
      <c r="F10434" s="6" t="s">
        <v>13</v>
      </c>
      <c r="G10434" s="6" t="s">
        <v>17871</v>
      </c>
      <c r="H10434" s="6" t="s">
        <v>17872</v>
      </c>
      <c r="I10434" s="7">
        <v>4.6357056999999999</v>
      </c>
      <c r="J10434" s="8">
        <v>-74.170505700000007</v>
      </c>
    </row>
    <row r="10435" spans="1:10" x14ac:dyDescent="0.35">
      <c r="A10435" s="5" t="s">
        <v>10</v>
      </c>
      <c r="B10435" s="6">
        <v>247302</v>
      </c>
      <c r="C10435" s="6" t="s">
        <v>68</v>
      </c>
      <c r="D10435" s="6" t="s">
        <v>69</v>
      </c>
      <c r="E10435" s="6">
        <v>11001</v>
      </c>
      <c r="F10435" s="6" t="s">
        <v>13</v>
      </c>
      <c r="G10435" s="6" t="s">
        <v>17752</v>
      </c>
      <c r="H10435" s="6" t="s">
        <v>20021</v>
      </c>
      <c r="I10435" s="7">
        <v>4.6628463</v>
      </c>
      <c r="J10435" s="8">
        <v>-74.059139799999997</v>
      </c>
    </row>
    <row r="10436" spans="1:10" x14ac:dyDescent="0.35">
      <c r="A10436" s="5" t="s">
        <v>10</v>
      </c>
      <c r="B10436" s="6">
        <v>141697</v>
      </c>
      <c r="C10436" s="6" t="s">
        <v>11</v>
      </c>
      <c r="D10436" s="6" t="s">
        <v>156</v>
      </c>
      <c r="E10436" s="6">
        <v>25815</v>
      </c>
      <c r="F10436" s="6" t="s">
        <v>13</v>
      </c>
      <c r="G10436" s="6" t="s">
        <v>157</v>
      </c>
      <c r="H10436" s="6" t="s">
        <v>158</v>
      </c>
      <c r="I10436" s="7">
        <v>4.4585293999999998</v>
      </c>
      <c r="J10436" s="8">
        <v>-74.6368449</v>
      </c>
    </row>
    <row r="10437" spans="1:10" x14ac:dyDescent="0.35">
      <c r="A10437" s="5" t="s">
        <v>10</v>
      </c>
      <c r="B10437" s="6">
        <v>215723</v>
      </c>
      <c r="C10437" s="6" t="s">
        <v>42</v>
      </c>
      <c r="D10437" s="6" t="s">
        <v>275</v>
      </c>
      <c r="E10437" s="6">
        <v>17614</v>
      </c>
      <c r="F10437" s="6" t="s">
        <v>18</v>
      </c>
      <c r="G10437" s="6" t="s">
        <v>20022</v>
      </c>
      <c r="H10437" s="6" t="s">
        <v>20023</v>
      </c>
      <c r="I10437" s="7">
        <v>5.4206838999999896</v>
      </c>
      <c r="J10437" s="8">
        <v>-75.705387999999999</v>
      </c>
    </row>
    <row r="10438" spans="1:10" x14ac:dyDescent="0.35">
      <c r="A10438" s="5" t="s">
        <v>10</v>
      </c>
      <c r="B10438" s="6">
        <v>221520</v>
      </c>
      <c r="C10438" s="6" t="s">
        <v>11</v>
      </c>
      <c r="D10438" s="6" t="s">
        <v>20024</v>
      </c>
      <c r="E10438" s="6">
        <v>25326</v>
      </c>
      <c r="F10438" s="6" t="s">
        <v>2161</v>
      </c>
      <c r="G10438" s="6" t="s">
        <v>20025</v>
      </c>
      <c r="H10438" s="6" t="s">
        <v>20026</v>
      </c>
      <c r="I10438" s="7">
        <v>4.9344523999999996</v>
      </c>
      <c r="J10438" s="8">
        <v>-73.831331800000001</v>
      </c>
    </row>
    <row r="10439" spans="1:10" x14ac:dyDescent="0.35">
      <c r="A10439" s="5" t="s">
        <v>10</v>
      </c>
      <c r="B10439" s="6">
        <v>230716</v>
      </c>
      <c r="C10439" s="6" t="s">
        <v>11</v>
      </c>
      <c r="D10439" s="6" t="s">
        <v>12</v>
      </c>
      <c r="E10439" s="6">
        <v>25899</v>
      </c>
      <c r="F10439" s="6" t="s">
        <v>2161</v>
      </c>
      <c r="G10439" s="6" t="s">
        <v>20027</v>
      </c>
      <c r="H10439" s="6" t="s">
        <v>20028</v>
      </c>
      <c r="I10439" s="7">
        <v>5.0261233000000001</v>
      </c>
      <c r="J10439" s="8">
        <v>-74.002291</v>
      </c>
    </row>
    <row r="10440" spans="1:10" x14ac:dyDescent="0.35">
      <c r="A10440" s="5" t="s">
        <v>10</v>
      </c>
      <c r="B10440" s="6">
        <v>208971</v>
      </c>
      <c r="C10440" s="6" t="s">
        <v>11</v>
      </c>
      <c r="D10440" s="6" t="s">
        <v>6667</v>
      </c>
      <c r="E10440" s="6">
        <v>25295</v>
      </c>
      <c r="F10440" s="6" t="s">
        <v>2161</v>
      </c>
      <c r="G10440" s="6" t="s">
        <v>20029</v>
      </c>
      <c r="H10440" s="6" t="s">
        <v>20030</v>
      </c>
      <c r="I10440" s="7">
        <v>4.9803889999999997</v>
      </c>
      <c r="J10440" s="8">
        <v>-73.884664000000001</v>
      </c>
    </row>
    <row r="10441" spans="1:10" x14ac:dyDescent="0.35">
      <c r="A10441" s="5" t="s">
        <v>10</v>
      </c>
      <c r="B10441" s="6">
        <v>225319</v>
      </c>
      <c r="C10441" s="6" t="s">
        <v>16</v>
      </c>
      <c r="D10441" s="6" t="s">
        <v>17</v>
      </c>
      <c r="E10441" s="6">
        <v>68679</v>
      </c>
      <c r="F10441" s="6" t="s">
        <v>2161</v>
      </c>
      <c r="G10441" s="6" t="s">
        <v>20031</v>
      </c>
      <c r="H10441" s="6" t="s">
        <v>20032</v>
      </c>
      <c r="I10441" s="7">
        <v>6.5641476000000001</v>
      </c>
      <c r="J10441" s="8">
        <v>-73.147453099999893</v>
      </c>
    </row>
    <row r="10442" spans="1:10" x14ac:dyDescent="0.35">
      <c r="A10442" s="5" t="s">
        <v>10</v>
      </c>
      <c r="B10442" s="6">
        <v>189743</v>
      </c>
      <c r="C10442" s="6" t="s">
        <v>24</v>
      </c>
      <c r="D10442" s="6" t="s">
        <v>168</v>
      </c>
      <c r="E10442" s="6">
        <v>15572</v>
      </c>
      <c r="F10442" s="6" t="s">
        <v>13</v>
      </c>
      <c r="G10442" s="6" t="s">
        <v>19641</v>
      </c>
      <c r="H10442" s="6" t="s">
        <v>19642</v>
      </c>
      <c r="I10442" s="7">
        <v>5.9756767000000002</v>
      </c>
      <c r="J10442" s="8">
        <v>-74.5922391</v>
      </c>
    </row>
    <row r="10443" spans="1:10" x14ac:dyDescent="0.35">
      <c r="A10443" s="5" t="s">
        <v>10</v>
      </c>
      <c r="B10443" s="6">
        <v>229660</v>
      </c>
      <c r="C10443" s="6" t="s">
        <v>28</v>
      </c>
      <c r="D10443" s="6" t="s">
        <v>29</v>
      </c>
      <c r="E10443" s="6">
        <v>54001</v>
      </c>
      <c r="F10443" s="6" t="s">
        <v>18</v>
      </c>
      <c r="G10443" s="6" t="s">
        <v>20033</v>
      </c>
      <c r="H10443" s="6" t="s">
        <v>20034</v>
      </c>
      <c r="I10443" s="7">
        <v>7.9660734</v>
      </c>
      <c r="J10443" s="8">
        <v>-72.459627800000007</v>
      </c>
    </row>
    <row r="10444" spans="1:10" x14ac:dyDescent="0.35">
      <c r="A10444" s="5" t="s">
        <v>10</v>
      </c>
      <c r="B10444" s="6">
        <v>176220</v>
      </c>
      <c r="C10444" s="6" t="s">
        <v>38</v>
      </c>
      <c r="D10444" s="6" t="s">
        <v>39</v>
      </c>
      <c r="E10444" s="6">
        <v>19001</v>
      </c>
      <c r="F10444" s="6" t="s">
        <v>18</v>
      </c>
      <c r="G10444" s="6" t="s">
        <v>20035</v>
      </c>
      <c r="H10444" s="6" t="s">
        <v>20036</v>
      </c>
      <c r="I10444" s="7">
        <v>2.4409939</v>
      </c>
      <c r="J10444" s="8">
        <v>-76.609077099999993</v>
      </c>
    </row>
    <row r="10445" spans="1:10" x14ac:dyDescent="0.35">
      <c r="A10445" s="5" t="s">
        <v>10</v>
      </c>
      <c r="B10445" s="6">
        <v>245742</v>
      </c>
      <c r="C10445" s="6" t="s">
        <v>42</v>
      </c>
      <c r="D10445" s="6" t="s">
        <v>1066</v>
      </c>
      <c r="E10445" s="6">
        <v>17653</v>
      </c>
      <c r="F10445" s="6" t="s">
        <v>18</v>
      </c>
      <c r="G10445" s="6" t="s">
        <v>20037</v>
      </c>
      <c r="H10445" s="6" t="s">
        <v>20038</v>
      </c>
      <c r="I10445" s="7">
        <v>5.4053224999999996</v>
      </c>
      <c r="J10445" s="8">
        <v>-75.487848999999997</v>
      </c>
    </row>
    <row r="10446" spans="1:10" x14ac:dyDescent="0.35">
      <c r="A10446" s="5" t="s">
        <v>10</v>
      </c>
      <c r="B10446" s="6">
        <v>234669</v>
      </c>
      <c r="C10446" s="6" t="s">
        <v>42</v>
      </c>
      <c r="D10446" s="6" t="s">
        <v>396</v>
      </c>
      <c r="E10446" s="6">
        <v>17380</v>
      </c>
      <c r="F10446" s="6" t="s">
        <v>18</v>
      </c>
      <c r="G10446" s="6" t="s">
        <v>20039</v>
      </c>
      <c r="H10446" s="6" t="s">
        <v>20040</v>
      </c>
      <c r="I10446" s="7">
        <v>5.4524623999999999</v>
      </c>
      <c r="J10446" s="8">
        <v>-74.663207900000003</v>
      </c>
    </row>
    <row r="10447" spans="1:10" x14ac:dyDescent="0.35">
      <c r="A10447" s="5" t="s">
        <v>10</v>
      </c>
      <c r="B10447" s="6">
        <v>221161</v>
      </c>
      <c r="C10447" s="6" t="s">
        <v>68</v>
      </c>
      <c r="D10447" s="6" t="s">
        <v>69</v>
      </c>
      <c r="E10447" s="6">
        <v>11001</v>
      </c>
      <c r="F10447" s="6" t="s">
        <v>2161</v>
      </c>
      <c r="G10447" s="6" t="s">
        <v>20041</v>
      </c>
      <c r="H10447" s="6" t="s">
        <v>20042</v>
      </c>
      <c r="I10447" s="7">
        <v>4.6801592999999997</v>
      </c>
      <c r="J10447" s="8">
        <v>-74.103908200000006</v>
      </c>
    </row>
    <row r="10448" spans="1:10" x14ac:dyDescent="0.35">
      <c r="A10448" s="5" t="s">
        <v>10</v>
      </c>
      <c r="B10448" s="6">
        <v>231181</v>
      </c>
      <c r="C10448" s="6" t="s">
        <v>42</v>
      </c>
      <c r="D10448" s="6" t="s">
        <v>396</v>
      </c>
      <c r="E10448" s="6">
        <v>17380</v>
      </c>
      <c r="F10448" s="6" t="s">
        <v>2161</v>
      </c>
      <c r="G10448" s="6" t="s">
        <v>20043</v>
      </c>
      <c r="H10448" s="6" t="s">
        <v>20044</v>
      </c>
      <c r="I10448" s="7">
        <v>5.4559568000000001</v>
      </c>
      <c r="J10448" s="8">
        <v>-74.665362700000003</v>
      </c>
    </row>
    <row r="10449" spans="1:10" x14ac:dyDescent="0.35">
      <c r="A10449" s="5" t="s">
        <v>10</v>
      </c>
      <c r="B10449" s="6">
        <v>175063</v>
      </c>
      <c r="C10449" s="6" t="s">
        <v>11</v>
      </c>
      <c r="D10449" s="6" t="s">
        <v>101</v>
      </c>
      <c r="E10449" s="6">
        <v>25473</v>
      </c>
      <c r="F10449" s="6" t="s">
        <v>13</v>
      </c>
      <c r="G10449" s="6" t="s">
        <v>102</v>
      </c>
      <c r="H10449" s="6" t="s">
        <v>103</v>
      </c>
      <c r="I10449" s="7">
        <v>4.7059442999999996</v>
      </c>
      <c r="J10449" s="8">
        <v>-74.230198799999997</v>
      </c>
    </row>
    <row r="10450" spans="1:10" x14ac:dyDescent="0.35">
      <c r="A10450" s="5" t="s">
        <v>10</v>
      </c>
      <c r="B10450" s="6">
        <v>236279</v>
      </c>
      <c r="C10450" s="6" t="s">
        <v>38</v>
      </c>
      <c r="D10450" s="6" t="s">
        <v>39</v>
      </c>
      <c r="E10450" s="6">
        <v>19001</v>
      </c>
      <c r="F10450" s="6" t="s">
        <v>13</v>
      </c>
      <c r="G10450" s="6" t="s">
        <v>20045</v>
      </c>
      <c r="H10450" s="6" t="s">
        <v>20046</v>
      </c>
      <c r="I10450" s="7">
        <v>2.4501094000000001</v>
      </c>
      <c r="J10450" s="8">
        <v>-76.6103746</v>
      </c>
    </row>
    <row r="10451" spans="1:10" x14ac:dyDescent="0.35">
      <c r="A10451" s="5" t="s">
        <v>10</v>
      </c>
      <c r="B10451" s="6">
        <v>114672</v>
      </c>
      <c r="C10451" s="6" t="s">
        <v>294</v>
      </c>
      <c r="D10451" s="6" t="s">
        <v>543</v>
      </c>
      <c r="E10451" s="6">
        <v>41396</v>
      </c>
      <c r="F10451" s="6" t="s">
        <v>13</v>
      </c>
      <c r="G10451" s="6" t="s">
        <v>544</v>
      </c>
      <c r="H10451" s="6" t="s">
        <v>20047</v>
      </c>
      <c r="I10451" s="7">
        <v>2.3825202999999999</v>
      </c>
      <c r="J10451" s="8">
        <v>-75.895243800000003</v>
      </c>
    </row>
    <row r="10452" spans="1:10" x14ac:dyDescent="0.35">
      <c r="A10452" s="5" t="s">
        <v>10</v>
      </c>
      <c r="B10452" s="6">
        <v>69735</v>
      </c>
      <c r="C10452" s="6" t="s">
        <v>16</v>
      </c>
      <c r="D10452" s="6" t="s">
        <v>254</v>
      </c>
      <c r="E10452" s="6">
        <v>68079</v>
      </c>
      <c r="F10452" s="6" t="s">
        <v>18</v>
      </c>
      <c r="G10452" s="6" t="s">
        <v>20048</v>
      </c>
      <c r="H10452" s="6" t="s">
        <v>20049</v>
      </c>
      <c r="I10452" s="7">
        <v>6.6358489999999897</v>
      </c>
      <c r="J10452" s="8">
        <v>-73.223409000000004</v>
      </c>
    </row>
    <row r="10453" spans="1:10" x14ac:dyDescent="0.35">
      <c r="A10453" s="5" t="s">
        <v>10</v>
      </c>
      <c r="B10453" s="6">
        <v>177256</v>
      </c>
      <c r="C10453" s="6" t="s">
        <v>16</v>
      </c>
      <c r="D10453" s="6" t="s">
        <v>17</v>
      </c>
      <c r="E10453" s="6">
        <v>68679</v>
      </c>
      <c r="F10453" s="6" t="s">
        <v>18</v>
      </c>
      <c r="G10453" s="6" t="s">
        <v>20050</v>
      </c>
      <c r="H10453" s="6" t="s">
        <v>20051</v>
      </c>
      <c r="I10453" s="7">
        <v>6.5448078000000001</v>
      </c>
      <c r="J10453" s="8">
        <v>-73.1316554</v>
      </c>
    </row>
    <row r="10454" spans="1:10" x14ac:dyDescent="0.35">
      <c r="A10454" s="5" t="s">
        <v>10</v>
      </c>
      <c r="B10454" s="6">
        <v>215466</v>
      </c>
      <c r="C10454" s="6" t="s">
        <v>294</v>
      </c>
      <c r="D10454" s="6" t="s">
        <v>7520</v>
      </c>
      <c r="E10454" s="6">
        <v>41078</v>
      </c>
      <c r="F10454" s="6" t="s">
        <v>2161</v>
      </c>
      <c r="G10454" s="6" t="s">
        <v>20052</v>
      </c>
      <c r="H10454" s="6" t="s">
        <v>7522</v>
      </c>
      <c r="I10454" s="7">
        <v>1.8501080000000001</v>
      </c>
      <c r="J10454" s="8">
        <v>-76.046735499999997</v>
      </c>
    </row>
    <row r="10455" spans="1:10" x14ac:dyDescent="0.35">
      <c r="A10455" s="5" t="s">
        <v>10</v>
      </c>
      <c r="B10455" s="6">
        <v>237988</v>
      </c>
      <c r="C10455" s="6" t="s">
        <v>16</v>
      </c>
      <c r="D10455" s="6" t="s">
        <v>17</v>
      </c>
      <c r="E10455" s="6">
        <v>68679</v>
      </c>
      <c r="F10455" s="6" t="s">
        <v>2161</v>
      </c>
      <c r="G10455" s="6" t="s">
        <v>20053</v>
      </c>
      <c r="H10455" s="6" t="s">
        <v>20054</v>
      </c>
      <c r="I10455" s="7">
        <v>6.5564261000000004</v>
      </c>
      <c r="J10455" s="8">
        <v>-73.135236300000003</v>
      </c>
    </row>
    <row r="10456" spans="1:10" x14ac:dyDescent="0.35">
      <c r="A10456" s="5" t="s">
        <v>10</v>
      </c>
      <c r="B10456" s="6">
        <v>220755</v>
      </c>
      <c r="C10456" s="6" t="s">
        <v>457</v>
      </c>
      <c r="D10456" s="6" t="s">
        <v>4400</v>
      </c>
      <c r="E10456" s="6">
        <v>52001</v>
      </c>
      <c r="F10456" s="6" t="s">
        <v>2161</v>
      </c>
      <c r="G10456" s="6" t="s">
        <v>20055</v>
      </c>
      <c r="H10456" s="6" t="s">
        <v>20056</v>
      </c>
      <c r="I10456" s="7">
        <v>1.2194313999999999</v>
      </c>
      <c r="J10456" s="8">
        <v>-77.280417599999893</v>
      </c>
    </row>
    <row r="10457" spans="1:10" x14ac:dyDescent="0.35">
      <c r="A10457" s="5" t="s">
        <v>10</v>
      </c>
      <c r="B10457" s="6">
        <v>231920</v>
      </c>
      <c r="C10457" s="6" t="s">
        <v>3788</v>
      </c>
      <c r="D10457" s="6" t="s">
        <v>3974</v>
      </c>
      <c r="E10457" s="6">
        <v>18001</v>
      </c>
      <c r="F10457" s="6" t="s">
        <v>2161</v>
      </c>
      <c r="G10457" s="6" t="s">
        <v>20057</v>
      </c>
      <c r="H10457" s="6" t="s">
        <v>20058</v>
      </c>
      <c r="I10457" s="7">
        <v>1.6283563000000001</v>
      </c>
      <c r="J10457" s="8">
        <v>-75.597611200000003</v>
      </c>
    </row>
    <row r="10458" spans="1:10" x14ac:dyDescent="0.35">
      <c r="A10458" s="5" t="s">
        <v>10</v>
      </c>
      <c r="B10458" s="6">
        <v>226676</v>
      </c>
      <c r="C10458" s="6" t="s">
        <v>16</v>
      </c>
      <c r="D10458" s="6" t="s">
        <v>78</v>
      </c>
      <c r="E10458" s="6">
        <v>68001</v>
      </c>
      <c r="F10458" s="6" t="s">
        <v>2161</v>
      </c>
      <c r="G10458" s="6" t="s">
        <v>20059</v>
      </c>
      <c r="H10458" s="6" t="s">
        <v>20060</v>
      </c>
      <c r="I10458" s="7">
        <v>7.1208111999999897</v>
      </c>
      <c r="J10458" s="8">
        <v>-73.117222799999993</v>
      </c>
    </row>
    <row r="10459" spans="1:10" x14ac:dyDescent="0.35">
      <c r="A10459" s="5" t="s">
        <v>10</v>
      </c>
      <c r="B10459" s="6">
        <v>221521</v>
      </c>
      <c r="C10459" s="6" t="s">
        <v>11</v>
      </c>
      <c r="D10459" s="6" t="s">
        <v>407</v>
      </c>
      <c r="E10459" s="6">
        <v>25126</v>
      </c>
      <c r="F10459" s="6" t="s">
        <v>2161</v>
      </c>
      <c r="G10459" s="6" t="s">
        <v>20061</v>
      </c>
      <c r="H10459" s="6" t="s">
        <v>20062</v>
      </c>
      <c r="I10459" s="7">
        <v>4.9205622</v>
      </c>
      <c r="J10459" s="8">
        <v>-74.033039599999995</v>
      </c>
    </row>
    <row r="10460" spans="1:10" x14ac:dyDescent="0.35">
      <c r="A10460" s="5" t="s">
        <v>10</v>
      </c>
      <c r="B10460" s="6">
        <v>87415</v>
      </c>
      <c r="C10460" s="6" t="s">
        <v>24</v>
      </c>
      <c r="D10460" s="6" t="s">
        <v>1643</v>
      </c>
      <c r="E10460" s="6">
        <v>15762</v>
      </c>
      <c r="F10460" s="6" t="s">
        <v>18</v>
      </c>
      <c r="G10460" s="6" t="s">
        <v>20063</v>
      </c>
      <c r="H10460" s="6" t="s">
        <v>20064</v>
      </c>
      <c r="I10460" s="7">
        <v>5.5668379999999997</v>
      </c>
      <c r="J10460" s="8">
        <v>-73.450094999999905</v>
      </c>
    </row>
    <row r="10461" spans="1:10" x14ac:dyDescent="0.35">
      <c r="A10461" s="5" t="s">
        <v>10</v>
      </c>
      <c r="B10461" s="6">
        <v>211260</v>
      </c>
      <c r="C10461" s="6" t="s">
        <v>278</v>
      </c>
      <c r="D10461" s="6" t="s">
        <v>279</v>
      </c>
      <c r="E10461" s="6">
        <v>50001</v>
      </c>
      <c r="F10461" s="6" t="s">
        <v>18</v>
      </c>
      <c r="G10461" s="6" t="s">
        <v>20065</v>
      </c>
      <c r="H10461" s="6" t="s">
        <v>20066</v>
      </c>
      <c r="I10461" s="7">
        <v>4.1184514999999999</v>
      </c>
      <c r="J10461" s="8">
        <v>-73.596087199999999</v>
      </c>
    </row>
    <row r="10462" spans="1:10" x14ac:dyDescent="0.35">
      <c r="A10462" s="5" t="s">
        <v>10</v>
      </c>
      <c r="B10462" s="6">
        <v>215706</v>
      </c>
      <c r="C10462" s="6" t="s">
        <v>278</v>
      </c>
      <c r="D10462" s="6" t="s">
        <v>279</v>
      </c>
      <c r="E10462" s="6">
        <v>50001</v>
      </c>
      <c r="F10462" s="6" t="s">
        <v>18</v>
      </c>
      <c r="G10462" s="6" t="s">
        <v>113</v>
      </c>
      <c r="H10462" s="6" t="s">
        <v>20067</v>
      </c>
      <c r="I10462" s="7">
        <v>4.0765364000000002</v>
      </c>
      <c r="J10462" s="8">
        <v>-73.668497700000003</v>
      </c>
    </row>
    <row r="10463" spans="1:10" x14ac:dyDescent="0.35">
      <c r="A10463" s="5" t="s">
        <v>10</v>
      </c>
      <c r="B10463" s="6">
        <v>246160</v>
      </c>
      <c r="C10463" s="6" t="s">
        <v>11</v>
      </c>
      <c r="D10463" s="6" t="s">
        <v>901</v>
      </c>
      <c r="E10463" s="6">
        <v>25307</v>
      </c>
      <c r="F10463" s="6" t="s">
        <v>18</v>
      </c>
      <c r="G10463" s="6" t="s">
        <v>20068</v>
      </c>
      <c r="H10463" s="6" t="s">
        <v>20069</v>
      </c>
      <c r="I10463" s="7">
        <v>4.3075514999999998</v>
      </c>
      <c r="J10463" s="8">
        <v>-74.797227199999995</v>
      </c>
    </row>
    <row r="10464" spans="1:10" x14ac:dyDescent="0.35">
      <c r="A10464" s="5" t="s">
        <v>10</v>
      </c>
      <c r="B10464" s="6">
        <v>210573</v>
      </c>
      <c r="C10464" s="6" t="s">
        <v>68</v>
      </c>
      <c r="D10464" s="6" t="s">
        <v>69</v>
      </c>
      <c r="E10464" s="6">
        <v>11001</v>
      </c>
      <c r="F10464" s="6" t="s">
        <v>18</v>
      </c>
      <c r="G10464" s="6" t="s">
        <v>20070</v>
      </c>
      <c r="H10464" s="6" t="s">
        <v>20071</v>
      </c>
      <c r="I10464" s="7">
        <v>4.7554040000000004</v>
      </c>
      <c r="J10464" s="8">
        <v>-74.101307199999994</v>
      </c>
    </row>
    <row r="10465" spans="1:10" x14ac:dyDescent="0.35">
      <c r="A10465" s="5" t="s">
        <v>10</v>
      </c>
      <c r="B10465" s="6">
        <v>232553</v>
      </c>
      <c r="C10465" s="6" t="s">
        <v>294</v>
      </c>
      <c r="D10465" s="6" t="s">
        <v>543</v>
      </c>
      <c r="E10465" s="6">
        <v>41396</v>
      </c>
      <c r="F10465" s="6" t="s">
        <v>18</v>
      </c>
      <c r="G10465" s="6" t="s">
        <v>20072</v>
      </c>
      <c r="H10465" s="6" t="s">
        <v>20073</v>
      </c>
      <c r="I10465" s="7">
        <v>2.389011</v>
      </c>
      <c r="J10465" s="8">
        <v>-75.894246899999999</v>
      </c>
    </row>
    <row r="10466" spans="1:10" x14ac:dyDescent="0.35">
      <c r="A10466" s="5" t="s">
        <v>10</v>
      </c>
      <c r="B10466" s="6">
        <v>236556</v>
      </c>
      <c r="C10466" s="6" t="s">
        <v>117</v>
      </c>
      <c r="D10466" s="6" t="s">
        <v>1334</v>
      </c>
      <c r="E10466" s="6">
        <v>76001</v>
      </c>
      <c r="F10466" s="6" t="s">
        <v>18</v>
      </c>
      <c r="G10466" s="6" t="s">
        <v>20074</v>
      </c>
      <c r="H10466" s="6" t="s">
        <v>20075</v>
      </c>
      <c r="I10466" s="7">
        <v>3.4196745000000002</v>
      </c>
      <c r="J10466" s="8">
        <v>-76.532813099999998</v>
      </c>
    </row>
    <row r="10467" spans="1:10" x14ac:dyDescent="0.35">
      <c r="A10467" s="5" t="s">
        <v>10</v>
      </c>
      <c r="B10467" s="6">
        <v>160391</v>
      </c>
      <c r="C10467" s="6" t="s">
        <v>16</v>
      </c>
      <c r="D10467" s="6" t="s">
        <v>78</v>
      </c>
      <c r="E10467" s="6">
        <v>68001</v>
      </c>
      <c r="F10467" s="6" t="s">
        <v>18</v>
      </c>
      <c r="G10467" s="6" t="s">
        <v>4450</v>
      </c>
      <c r="H10467" s="6" t="s">
        <v>4451</v>
      </c>
      <c r="I10467" s="7">
        <v>7.1200134999999998</v>
      </c>
      <c r="J10467" s="8">
        <v>-73.127584400000003</v>
      </c>
    </row>
    <row r="10468" spans="1:10" x14ac:dyDescent="0.35">
      <c r="A10468" s="5" t="s">
        <v>10</v>
      </c>
      <c r="B10468" s="6">
        <v>163217</v>
      </c>
      <c r="C10468" s="6" t="s">
        <v>294</v>
      </c>
      <c r="D10468" s="6" t="s">
        <v>4244</v>
      </c>
      <c r="E10468" s="6">
        <v>41298</v>
      </c>
      <c r="F10468" s="6" t="s">
        <v>13</v>
      </c>
      <c r="G10468" s="6" t="s">
        <v>20076</v>
      </c>
      <c r="H10468" s="6" t="s">
        <v>20077</v>
      </c>
      <c r="I10468" s="7">
        <v>2.2512349</v>
      </c>
      <c r="J10468" s="8">
        <v>-75.527201699999907</v>
      </c>
    </row>
    <row r="10469" spans="1:10" x14ac:dyDescent="0.35">
      <c r="A10469" s="5" t="s">
        <v>10</v>
      </c>
      <c r="B10469" s="6">
        <v>237745</v>
      </c>
      <c r="C10469" s="6" t="s">
        <v>117</v>
      </c>
      <c r="D10469" s="6" t="s">
        <v>1334</v>
      </c>
      <c r="E10469" s="6">
        <v>76001</v>
      </c>
      <c r="F10469" s="6" t="s">
        <v>18</v>
      </c>
      <c r="G10469" s="6" t="s">
        <v>20078</v>
      </c>
      <c r="H10469" s="6" t="s">
        <v>20079</v>
      </c>
      <c r="I10469" s="7">
        <v>3.4300296000000001</v>
      </c>
      <c r="J10469" s="8">
        <v>-76.536078700000004</v>
      </c>
    </row>
    <row r="10470" spans="1:10" x14ac:dyDescent="0.35">
      <c r="A10470" s="5" t="s">
        <v>10</v>
      </c>
      <c r="B10470" s="6">
        <v>185098</v>
      </c>
      <c r="C10470" s="6" t="s">
        <v>11</v>
      </c>
      <c r="D10470" s="6" t="s">
        <v>334</v>
      </c>
      <c r="E10470" s="6">
        <v>25754</v>
      </c>
      <c r="F10470" s="6" t="s">
        <v>18</v>
      </c>
      <c r="G10470" s="6" t="s">
        <v>4996</v>
      </c>
      <c r="H10470" s="6" t="s">
        <v>4997</v>
      </c>
      <c r="I10470" s="7">
        <v>4.5779883999999997</v>
      </c>
      <c r="J10470" s="8">
        <v>-74.242845099999997</v>
      </c>
    </row>
    <row r="10471" spans="1:10" x14ac:dyDescent="0.35">
      <c r="A10471" s="5" t="s">
        <v>10</v>
      </c>
      <c r="B10471" s="6">
        <v>189927</v>
      </c>
      <c r="C10471" s="6" t="s">
        <v>11</v>
      </c>
      <c r="D10471" s="6" t="s">
        <v>334</v>
      </c>
      <c r="E10471" s="6">
        <v>25754</v>
      </c>
      <c r="F10471" s="6" t="s">
        <v>18</v>
      </c>
      <c r="G10471" s="6" t="s">
        <v>20080</v>
      </c>
      <c r="H10471" s="6" t="s">
        <v>20081</v>
      </c>
      <c r="I10471" s="7">
        <v>4.5813075999999997</v>
      </c>
      <c r="J10471" s="8">
        <v>-74.220373899999998</v>
      </c>
    </row>
    <row r="10472" spans="1:10" x14ac:dyDescent="0.35">
      <c r="A10472" s="5" t="s">
        <v>10</v>
      </c>
      <c r="B10472" s="6">
        <v>199497</v>
      </c>
      <c r="C10472" s="6" t="s">
        <v>11</v>
      </c>
      <c r="D10472" s="6" t="s">
        <v>159</v>
      </c>
      <c r="E10472" s="6">
        <v>25175</v>
      </c>
      <c r="F10472" s="6" t="s">
        <v>2161</v>
      </c>
      <c r="G10472" s="6" t="s">
        <v>19078</v>
      </c>
      <c r="H10472" s="6" t="s">
        <v>18665</v>
      </c>
      <c r="I10472" s="7">
        <v>4.8564558</v>
      </c>
      <c r="J10472" s="8">
        <v>-74.061523699999995</v>
      </c>
    </row>
    <row r="10473" spans="1:10" x14ac:dyDescent="0.35">
      <c r="A10473" s="5" t="s">
        <v>10</v>
      </c>
      <c r="B10473" s="6">
        <v>210675</v>
      </c>
      <c r="C10473" s="6" t="s">
        <v>190</v>
      </c>
      <c r="D10473" s="6" t="s">
        <v>191</v>
      </c>
      <c r="E10473" s="6">
        <v>5001</v>
      </c>
      <c r="F10473" s="6" t="s">
        <v>18</v>
      </c>
      <c r="G10473" s="6" t="s">
        <v>4501</v>
      </c>
      <c r="H10473" s="6" t="s">
        <v>4502</v>
      </c>
      <c r="I10473" s="7">
        <v>4.6474224999999896</v>
      </c>
      <c r="J10473" s="8">
        <v>-74.177553199999906</v>
      </c>
    </row>
    <row r="10474" spans="1:10" x14ac:dyDescent="0.35">
      <c r="A10474" s="5" t="s">
        <v>10</v>
      </c>
      <c r="B10474" s="6">
        <v>223200</v>
      </c>
      <c r="C10474" s="6" t="s">
        <v>68</v>
      </c>
      <c r="D10474" s="6" t="s">
        <v>69</v>
      </c>
      <c r="E10474" s="6">
        <v>11001</v>
      </c>
      <c r="F10474" s="6" t="s">
        <v>18</v>
      </c>
      <c r="G10474" s="6" t="s">
        <v>20082</v>
      </c>
      <c r="H10474" s="6" t="s">
        <v>20083</v>
      </c>
      <c r="I10474" s="7">
        <v>4.6780609999999996</v>
      </c>
      <c r="J10474" s="8">
        <v>-74.088941800000001</v>
      </c>
    </row>
    <row r="10475" spans="1:10" x14ac:dyDescent="0.35">
      <c r="A10475" s="5" t="s">
        <v>10</v>
      </c>
      <c r="B10475" s="6">
        <v>246157</v>
      </c>
      <c r="C10475" s="6" t="s">
        <v>278</v>
      </c>
      <c r="D10475" s="6" t="s">
        <v>279</v>
      </c>
      <c r="E10475" s="6">
        <v>50001</v>
      </c>
      <c r="F10475" s="6" t="s">
        <v>18</v>
      </c>
      <c r="G10475" s="6" t="s">
        <v>20084</v>
      </c>
      <c r="H10475" s="6" t="s">
        <v>4846</v>
      </c>
      <c r="I10475" s="7">
        <v>4.1368122999999999</v>
      </c>
      <c r="J10475" s="8">
        <v>-73.613015399999995</v>
      </c>
    </row>
    <row r="10476" spans="1:10" x14ac:dyDescent="0.35">
      <c r="A10476" s="5" t="s">
        <v>10</v>
      </c>
      <c r="B10476" s="6">
        <v>215956</v>
      </c>
      <c r="C10476" s="6" t="s">
        <v>3788</v>
      </c>
      <c r="D10476" s="6" t="s">
        <v>3974</v>
      </c>
      <c r="E10476" s="6">
        <v>18001</v>
      </c>
      <c r="F10476" s="6" t="s">
        <v>18</v>
      </c>
      <c r="G10476" s="6" t="s">
        <v>20085</v>
      </c>
      <c r="H10476" s="6" t="s">
        <v>20086</v>
      </c>
      <c r="I10476" s="7">
        <v>1.6157163999999999</v>
      </c>
      <c r="J10476" s="8">
        <v>-75.613240300000001</v>
      </c>
    </row>
    <row r="10477" spans="1:10" x14ac:dyDescent="0.35">
      <c r="A10477" s="5" t="s">
        <v>10</v>
      </c>
      <c r="B10477" s="6">
        <v>209980</v>
      </c>
      <c r="C10477" s="6" t="s">
        <v>11</v>
      </c>
      <c r="D10477" s="6" t="s">
        <v>12</v>
      </c>
      <c r="E10477" s="6">
        <v>25899</v>
      </c>
      <c r="F10477" s="6" t="s">
        <v>18</v>
      </c>
      <c r="G10477" s="6" t="s">
        <v>20087</v>
      </c>
      <c r="H10477" s="6" t="s">
        <v>20088</v>
      </c>
      <c r="I10477" s="7">
        <v>5.0287879999999996</v>
      </c>
      <c r="J10477" s="8">
        <v>-73.997305699999998</v>
      </c>
    </row>
    <row r="10478" spans="1:10" x14ac:dyDescent="0.35">
      <c r="A10478" s="5" t="s">
        <v>10</v>
      </c>
      <c r="B10478" s="6">
        <v>244876</v>
      </c>
      <c r="C10478" s="6" t="s">
        <v>11</v>
      </c>
      <c r="D10478" s="6" t="s">
        <v>997</v>
      </c>
      <c r="E10478" s="6">
        <v>25599</v>
      </c>
      <c r="F10478" s="6" t="s">
        <v>18</v>
      </c>
      <c r="G10478" s="6" t="s">
        <v>20089</v>
      </c>
      <c r="H10478" s="6" t="s">
        <v>20090</v>
      </c>
      <c r="I10478" s="7">
        <v>4.5158763000000004</v>
      </c>
      <c r="J10478" s="8">
        <v>-74.587778599999993</v>
      </c>
    </row>
    <row r="10479" spans="1:10" x14ac:dyDescent="0.35">
      <c r="A10479" s="5" t="s">
        <v>10</v>
      </c>
      <c r="B10479" s="6">
        <v>216059</v>
      </c>
      <c r="C10479" s="6" t="s">
        <v>11</v>
      </c>
      <c r="D10479" s="6" t="s">
        <v>337</v>
      </c>
      <c r="E10479" s="6">
        <v>25290</v>
      </c>
      <c r="F10479" s="6" t="s">
        <v>18</v>
      </c>
      <c r="G10479" s="6" t="s">
        <v>20091</v>
      </c>
      <c r="H10479" s="6" t="s">
        <v>20092</v>
      </c>
      <c r="I10479" s="7">
        <v>4.3434521999999998</v>
      </c>
      <c r="J10479" s="8">
        <v>-74.361784</v>
      </c>
    </row>
    <row r="10480" spans="1:10" x14ac:dyDescent="0.35">
      <c r="A10480" s="5" t="s">
        <v>10</v>
      </c>
      <c r="B10480" s="6">
        <v>230449</v>
      </c>
      <c r="C10480" s="6" t="s">
        <v>117</v>
      </c>
      <c r="D10480" s="6" t="s">
        <v>1334</v>
      </c>
      <c r="E10480" s="6">
        <v>76001</v>
      </c>
      <c r="F10480" s="6" t="s">
        <v>13</v>
      </c>
      <c r="G10480" s="6" t="s">
        <v>20093</v>
      </c>
      <c r="H10480" s="6" t="s">
        <v>20094</v>
      </c>
      <c r="I10480" s="7">
        <v>3.4508421999999999</v>
      </c>
      <c r="J10480" s="8">
        <v>-76.529407399999997</v>
      </c>
    </row>
    <row r="10481" spans="1:10" x14ac:dyDescent="0.35">
      <c r="A10481" s="5" t="s">
        <v>10</v>
      </c>
      <c r="B10481" s="6">
        <v>224838</v>
      </c>
      <c r="C10481" s="6" t="s">
        <v>11</v>
      </c>
      <c r="D10481" s="6" t="s">
        <v>513</v>
      </c>
      <c r="E10481" s="6">
        <v>25286</v>
      </c>
      <c r="F10481" s="6" t="s">
        <v>18</v>
      </c>
      <c r="G10481" s="6" t="s">
        <v>20095</v>
      </c>
      <c r="H10481" s="6" t="s">
        <v>20096</v>
      </c>
      <c r="I10481" s="7">
        <v>4.7176676999999998</v>
      </c>
      <c r="J10481" s="8">
        <v>-74.211874100000003</v>
      </c>
    </row>
    <row r="10482" spans="1:10" x14ac:dyDescent="0.35">
      <c r="A10482" s="5" t="s">
        <v>10</v>
      </c>
      <c r="B10482" s="6">
        <v>244117</v>
      </c>
      <c r="C10482" s="6" t="s">
        <v>11</v>
      </c>
      <c r="D10482" s="6" t="s">
        <v>12</v>
      </c>
      <c r="E10482" s="6">
        <v>25899</v>
      </c>
      <c r="F10482" s="6" t="s">
        <v>18</v>
      </c>
      <c r="G10482" s="6" t="s">
        <v>20097</v>
      </c>
      <c r="H10482" s="6" t="s">
        <v>20098</v>
      </c>
      <c r="I10482" s="7">
        <v>5.0328073</v>
      </c>
      <c r="J10482" s="8">
        <v>-73.996083999999996</v>
      </c>
    </row>
    <row r="10483" spans="1:10" x14ac:dyDescent="0.35">
      <c r="A10483" s="5" t="s">
        <v>10</v>
      </c>
      <c r="B10483" s="6">
        <v>237023</v>
      </c>
      <c r="C10483" s="6" t="s">
        <v>278</v>
      </c>
      <c r="D10483" s="6" t="s">
        <v>3651</v>
      </c>
      <c r="E10483" s="6">
        <v>50313</v>
      </c>
      <c r="F10483" s="6" t="s">
        <v>18</v>
      </c>
      <c r="G10483" s="6" t="s">
        <v>20099</v>
      </c>
      <c r="H10483" s="6" t="s">
        <v>20100</v>
      </c>
      <c r="I10483" s="7">
        <v>4.1349267999999997</v>
      </c>
      <c r="J10483" s="8">
        <v>-73.603466299999994</v>
      </c>
    </row>
    <row r="10484" spans="1:10" x14ac:dyDescent="0.35">
      <c r="A10484" s="5" t="s">
        <v>10</v>
      </c>
      <c r="B10484" s="6">
        <v>246685</v>
      </c>
      <c r="C10484" s="6" t="s">
        <v>294</v>
      </c>
      <c r="D10484" s="6" t="s">
        <v>1107</v>
      </c>
      <c r="E10484" s="6">
        <v>41006</v>
      </c>
      <c r="F10484" s="6" t="s">
        <v>18</v>
      </c>
      <c r="G10484" s="6" t="s">
        <v>20101</v>
      </c>
      <c r="H10484" s="6" t="s">
        <v>20102</v>
      </c>
      <c r="I10484" s="7">
        <v>1.8048253999999999</v>
      </c>
      <c r="J10484" s="8">
        <v>-75.888208599999999</v>
      </c>
    </row>
    <row r="10485" spans="1:10" x14ac:dyDescent="0.35">
      <c r="A10485" s="5" t="s">
        <v>10</v>
      </c>
      <c r="B10485" s="6">
        <v>209313</v>
      </c>
      <c r="C10485" s="6" t="s">
        <v>68</v>
      </c>
      <c r="D10485" s="6" t="s">
        <v>69</v>
      </c>
      <c r="E10485" s="6">
        <v>11001</v>
      </c>
      <c r="F10485" s="6" t="s">
        <v>18</v>
      </c>
      <c r="G10485" s="6" t="s">
        <v>3392</v>
      </c>
      <c r="H10485" s="6" t="s">
        <v>20103</v>
      </c>
      <c r="I10485" s="7">
        <v>4.685899</v>
      </c>
      <c r="J10485" s="8">
        <v>-74.049918499999904</v>
      </c>
    </row>
    <row r="10486" spans="1:10" x14ac:dyDescent="0.35">
      <c r="A10486" s="5" t="s">
        <v>10</v>
      </c>
      <c r="B10486" s="6">
        <v>239777</v>
      </c>
      <c r="C10486" s="6" t="s">
        <v>278</v>
      </c>
      <c r="D10486" s="6" t="s">
        <v>6853</v>
      </c>
      <c r="E10486" s="6">
        <v>50223</v>
      </c>
      <c r="F10486" s="6" t="s">
        <v>18</v>
      </c>
      <c r="G10486" s="6" t="s">
        <v>20104</v>
      </c>
      <c r="H10486" s="6" t="s">
        <v>20105</v>
      </c>
      <c r="I10486" s="7">
        <v>3.766667</v>
      </c>
      <c r="J10486" s="8">
        <v>-73.833332999999996</v>
      </c>
    </row>
    <row r="10487" spans="1:10" x14ac:dyDescent="0.35">
      <c r="A10487" s="5" t="s">
        <v>10</v>
      </c>
      <c r="B10487" s="6">
        <v>220414</v>
      </c>
      <c r="C10487" s="6" t="s">
        <v>2130</v>
      </c>
      <c r="D10487" s="6" t="s">
        <v>2131</v>
      </c>
      <c r="E10487" s="6">
        <v>85001</v>
      </c>
      <c r="F10487" s="6" t="s">
        <v>18</v>
      </c>
      <c r="G10487" s="6" t="s">
        <v>113</v>
      </c>
      <c r="H10487" s="6" t="s">
        <v>20106</v>
      </c>
      <c r="I10487" s="7">
        <v>5.3287123999999997</v>
      </c>
      <c r="J10487" s="8">
        <v>-72.402743899999905</v>
      </c>
    </row>
    <row r="10488" spans="1:10" x14ac:dyDescent="0.35">
      <c r="A10488" s="5" t="s">
        <v>10</v>
      </c>
      <c r="B10488" s="6">
        <v>180721</v>
      </c>
      <c r="C10488" s="6" t="s">
        <v>11</v>
      </c>
      <c r="D10488" s="6" t="s">
        <v>513</v>
      </c>
      <c r="E10488" s="6">
        <v>25286</v>
      </c>
      <c r="F10488" s="6" t="s">
        <v>18</v>
      </c>
      <c r="G10488" s="6" t="s">
        <v>20107</v>
      </c>
      <c r="H10488" s="6" t="s">
        <v>20108</v>
      </c>
      <c r="I10488" s="7">
        <v>4.7131084999999997</v>
      </c>
      <c r="J10488" s="8">
        <v>-74.199338999999995</v>
      </c>
    </row>
    <row r="10489" spans="1:10" x14ac:dyDescent="0.35">
      <c r="A10489" s="5" t="s">
        <v>10</v>
      </c>
      <c r="B10489" s="6">
        <v>231687</v>
      </c>
      <c r="C10489" s="6" t="s">
        <v>302</v>
      </c>
      <c r="D10489" s="6" t="s">
        <v>359</v>
      </c>
      <c r="E10489" s="6">
        <v>8001</v>
      </c>
      <c r="F10489" s="6" t="s">
        <v>18</v>
      </c>
      <c r="G10489" s="6" t="s">
        <v>20109</v>
      </c>
      <c r="H10489" s="6" t="s">
        <v>20110</v>
      </c>
      <c r="I10489" s="7">
        <v>10.982011</v>
      </c>
      <c r="J10489" s="8">
        <v>-74.784132999999997</v>
      </c>
    </row>
    <row r="10490" spans="1:10" x14ac:dyDescent="0.35">
      <c r="A10490" s="5" t="s">
        <v>10</v>
      </c>
      <c r="B10490" s="6">
        <v>239812</v>
      </c>
      <c r="C10490" s="6" t="s">
        <v>68</v>
      </c>
      <c r="D10490" s="6" t="s">
        <v>69</v>
      </c>
      <c r="E10490" s="6">
        <v>11001</v>
      </c>
      <c r="F10490" s="6" t="s">
        <v>2161</v>
      </c>
      <c r="G10490" s="6" t="s">
        <v>4883</v>
      </c>
      <c r="H10490" s="6" t="s">
        <v>20111</v>
      </c>
      <c r="I10490" s="7">
        <v>4.7564377000000002</v>
      </c>
      <c r="J10490" s="8">
        <v>-74.084878200000006</v>
      </c>
    </row>
    <row r="10491" spans="1:10" x14ac:dyDescent="0.35">
      <c r="A10491" s="5" t="s">
        <v>10</v>
      </c>
      <c r="B10491" s="6">
        <v>209157</v>
      </c>
      <c r="C10491" s="6" t="s">
        <v>24</v>
      </c>
      <c r="D10491" s="6" t="s">
        <v>862</v>
      </c>
      <c r="E10491" s="6">
        <v>15104</v>
      </c>
      <c r="F10491" s="6" t="s">
        <v>18</v>
      </c>
      <c r="G10491" s="6" t="s">
        <v>20112</v>
      </c>
      <c r="H10491" s="6" t="s">
        <v>20113</v>
      </c>
      <c r="I10491" s="7">
        <v>5.4545110000000001</v>
      </c>
      <c r="J10491" s="8">
        <v>-73.362003000000001</v>
      </c>
    </row>
    <row r="10492" spans="1:10" x14ac:dyDescent="0.35">
      <c r="A10492" s="5" t="s">
        <v>10</v>
      </c>
      <c r="B10492" s="6">
        <v>162897</v>
      </c>
      <c r="C10492" s="6" t="s">
        <v>294</v>
      </c>
      <c r="D10492" s="6" t="s">
        <v>4244</v>
      </c>
      <c r="E10492" s="6">
        <v>41298</v>
      </c>
      <c r="F10492" s="6" t="s">
        <v>13</v>
      </c>
      <c r="G10492" s="6" t="s">
        <v>4245</v>
      </c>
      <c r="H10492" s="6" t="s">
        <v>4246</v>
      </c>
      <c r="I10492" s="7">
        <v>2.1969120000000002</v>
      </c>
      <c r="J10492" s="8">
        <v>-75.629863999999998</v>
      </c>
    </row>
    <row r="10493" spans="1:10" x14ac:dyDescent="0.35">
      <c r="A10493" s="5" t="s">
        <v>10</v>
      </c>
      <c r="B10493" s="6">
        <v>215813</v>
      </c>
      <c r="C10493" s="6" t="s">
        <v>11</v>
      </c>
      <c r="D10493" s="6" t="s">
        <v>334</v>
      </c>
      <c r="E10493" s="6">
        <v>25754</v>
      </c>
      <c r="F10493" s="6" t="s">
        <v>18</v>
      </c>
      <c r="G10493" s="6" t="s">
        <v>20114</v>
      </c>
      <c r="H10493" s="6" t="s">
        <v>20115</v>
      </c>
      <c r="I10493" s="7">
        <v>4.5778993999999997</v>
      </c>
      <c r="J10493" s="8">
        <v>-74.196189500000003</v>
      </c>
    </row>
    <row r="10494" spans="1:10" x14ac:dyDescent="0.35">
      <c r="A10494" s="5" t="s">
        <v>10</v>
      </c>
      <c r="B10494" s="6">
        <v>236801</v>
      </c>
      <c r="C10494" s="6" t="s">
        <v>11</v>
      </c>
      <c r="D10494" s="6" t="s">
        <v>221</v>
      </c>
      <c r="E10494" s="6">
        <v>25430</v>
      </c>
      <c r="F10494" s="6" t="s">
        <v>18</v>
      </c>
      <c r="G10494" s="6" t="s">
        <v>20116</v>
      </c>
      <c r="H10494" s="6" t="s">
        <v>20117</v>
      </c>
      <c r="I10494" s="7">
        <v>4.7366538</v>
      </c>
      <c r="J10494" s="8">
        <v>-74.261665899999997</v>
      </c>
    </row>
    <row r="10495" spans="1:10" x14ac:dyDescent="0.35">
      <c r="A10495" s="5" t="s">
        <v>10</v>
      </c>
      <c r="B10495" s="6">
        <v>234968</v>
      </c>
      <c r="C10495" s="6" t="s">
        <v>117</v>
      </c>
      <c r="D10495" s="6" t="s">
        <v>1334</v>
      </c>
      <c r="E10495" s="6">
        <v>76001</v>
      </c>
      <c r="F10495" s="6" t="s">
        <v>18</v>
      </c>
      <c r="G10495" s="6" t="s">
        <v>20118</v>
      </c>
      <c r="H10495" s="6" t="s">
        <v>20119</v>
      </c>
      <c r="I10495" s="7">
        <v>3.4049193</v>
      </c>
      <c r="J10495" s="8">
        <v>-76.536544199999994</v>
      </c>
    </row>
    <row r="10496" spans="1:10" x14ac:dyDescent="0.35">
      <c r="A10496" s="5" t="s">
        <v>10</v>
      </c>
      <c r="B10496" s="6">
        <v>237327</v>
      </c>
      <c r="C10496" s="6" t="s">
        <v>24</v>
      </c>
      <c r="D10496" s="6" t="s">
        <v>1643</v>
      </c>
      <c r="E10496" s="6">
        <v>15762</v>
      </c>
      <c r="F10496" s="6" t="s">
        <v>18</v>
      </c>
      <c r="G10496" s="6" t="s">
        <v>20120</v>
      </c>
      <c r="H10496" s="6" t="s">
        <v>1568</v>
      </c>
      <c r="I10496" s="7">
        <v>5.5020917999999996</v>
      </c>
      <c r="J10496" s="8">
        <v>-73.335245299999997</v>
      </c>
    </row>
    <row r="10497" spans="1:10" x14ac:dyDescent="0.35">
      <c r="A10497" s="5" t="s">
        <v>10</v>
      </c>
      <c r="B10497" s="6">
        <v>162901</v>
      </c>
      <c r="C10497" s="6" t="s">
        <v>294</v>
      </c>
      <c r="D10497" s="6" t="s">
        <v>3557</v>
      </c>
      <c r="E10497" s="6">
        <v>41319</v>
      </c>
      <c r="F10497" s="6" t="s">
        <v>13</v>
      </c>
      <c r="G10497" s="6" t="s">
        <v>6176</v>
      </c>
      <c r="H10497" s="6" t="s">
        <v>6177</v>
      </c>
      <c r="I10497" s="7">
        <v>2.4405233000000002</v>
      </c>
      <c r="J10497" s="8">
        <v>-76.608055399999998</v>
      </c>
    </row>
    <row r="10498" spans="1:10" x14ac:dyDescent="0.35">
      <c r="A10498" s="5" t="s">
        <v>10</v>
      </c>
      <c r="B10498" s="6">
        <v>215974</v>
      </c>
      <c r="C10498" s="6" t="s">
        <v>3788</v>
      </c>
      <c r="D10498" s="6" t="s">
        <v>3974</v>
      </c>
      <c r="E10498" s="6">
        <v>18001</v>
      </c>
      <c r="F10498" s="6" t="s">
        <v>18</v>
      </c>
      <c r="G10498" s="6" t="s">
        <v>20121</v>
      </c>
      <c r="H10498" s="6" t="s">
        <v>20122</v>
      </c>
      <c r="I10498" s="7">
        <v>1.6186545000000001</v>
      </c>
      <c r="J10498" s="8">
        <v>-75.605133600000002</v>
      </c>
    </row>
    <row r="10499" spans="1:10" x14ac:dyDescent="0.35">
      <c r="A10499" s="5" t="s">
        <v>10</v>
      </c>
      <c r="B10499" s="6">
        <v>238199</v>
      </c>
      <c r="C10499" s="6" t="s">
        <v>11</v>
      </c>
      <c r="D10499" s="6" t="s">
        <v>2313</v>
      </c>
      <c r="E10499" s="6">
        <v>25785</v>
      </c>
      <c r="F10499" s="6" t="s">
        <v>18</v>
      </c>
      <c r="G10499" s="6" t="s">
        <v>20123</v>
      </c>
      <c r="H10499" s="6" t="s">
        <v>20124</v>
      </c>
      <c r="I10499" s="7">
        <v>4.9146238999999996</v>
      </c>
      <c r="J10499" s="8">
        <v>-74.098584399999993</v>
      </c>
    </row>
    <row r="10500" spans="1:10" x14ac:dyDescent="0.35">
      <c r="A10500" s="5" t="s">
        <v>10</v>
      </c>
      <c r="B10500" s="6">
        <v>213281</v>
      </c>
      <c r="C10500" s="6" t="s">
        <v>551</v>
      </c>
      <c r="D10500" s="6" t="s">
        <v>4203</v>
      </c>
      <c r="E10500" s="6">
        <v>20228</v>
      </c>
      <c r="F10500" s="6" t="s">
        <v>18</v>
      </c>
      <c r="G10500" s="6" t="s">
        <v>4204</v>
      </c>
      <c r="H10500" s="6" t="s">
        <v>4205</v>
      </c>
      <c r="I10500" s="7">
        <v>9.1990303999999998</v>
      </c>
      <c r="J10500" s="8">
        <v>-73.543723399999905</v>
      </c>
    </row>
    <row r="10501" spans="1:10" x14ac:dyDescent="0.35">
      <c r="A10501" s="5" t="s">
        <v>10</v>
      </c>
      <c r="B10501" s="6">
        <v>214128</v>
      </c>
      <c r="C10501" s="6" t="s">
        <v>551</v>
      </c>
      <c r="D10501" s="6" t="s">
        <v>977</v>
      </c>
      <c r="E10501" s="6">
        <v>20011</v>
      </c>
      <c r="F10501" s="6" t="s">
        <v>18</v>
      </c>
      <c r="G10501" s="6" t="s">
        <v>20125</v>
      </c>
      <c r="H10501" s="6" t="s">
        <v>20126</v>
      </c>
      <c r="I10501" s="7">
        <v>8.3017164999999995</v>
      </c>
      <c r="J10501" s="8">
        <v>-73.623153099999996</v>
      </c>
    </row>
    <row r="10502" spans="1:10" x14ac:dyDescent="0.35">
      <c r="A10502" s="5" t="s">
        <v>10</v>
      </c>
      <c r="B10502" s="6">
        <v>116347</v>
      </c>
      <c r="C10502" s="6" t="s">
        <v>278</v>
      </c>
      <c r="D10502" s="6" t="s">
        <v>3651</v>
      </c>
      <c r="E10502" s="6">
        <v>50313</v>
      </c>
      <c r="F10502" s="6" t="s">
        <v>18</v>
      </c>
      <c r="G10502" s="6" t="s">
        <v>20127</v>
      </c>
      <c r="H10502" s="6" t="s">
        <v>20128</v>
      </c>
      <c r="I10502" s="7">
        <v>3.5394714999999999</v>
      </c>
      <c r="J10502" s="8">
        <v>-73.706173899999996</v>
      </c>
    </row>
    <row r="10503" spans="1:10" x14ac:dyDescent="0.35">
      <c r="A10503" s="5" t="s">
        <v>10</v>
      </c>
      <c r="B10503" s="6">
        <v>189184</v>
      </c>
      <c r="C10503" s="6" t="s">
        <v>294</v>
      </c>
      <c r="D10503" s="6" t="s">
        <v>703</v>
      </c>
      <c r="E10503" s="6">
        <v>41001</v>
      </c>
      <c r="F10503" s="6" t="s">
        <v>18</v>
      </c>
      <c r="G10503" s="6" t="s">
        <v>20129</v>
      </c>
      <c r="H10503" s="6" t="s">
        <v>20130</v>
      </c>
      <c r="I10503" s="7">
        <v>2.9548310999999998</v>
      </c>
      <c r="J10503" s="8">
        <v>-75.298497999999995</v>
      </c>
    </row>
    <row r="10504" spans="1:10" x14ac:dyDescent="0.35">
      <c r="A10504" s="5" t="s">
        <v>10</v>
      </c>
      <c r="B10504" s="6">
        <v>185823</v>
      </c>
      <c r="C10504" s="6" t="s">
        <v>117</v>
      </c>
      <c r="D10504" s="6" t="s">
        <v>1334</v>
      </c>
      <c r="E10504" s="6">
        <v>76001</v>
      </c>
      <c r="F10504" s="6" t="s">
        <v>18</v>
      </c>
      <c r="G10504" s="6" t="s">
        <v>20131</v>
      </c>
      <c r="H10504" s="6" t="s">
        <v>20132</v>
      </c>
      <c r="I10504" s="7">
        <v>3.4879836000000002</v>
      </c>
      <c r="J10504" s="8">
        <v>-76.491732200000001</v>
      </c>
    </row>
    <row r="10505" spans="1:10" x14ac:dyDescent="0.35">
      <c r="A10505" s="5" t="s">
        <v>10</v>
      </c>
      <c r="B10505" s="6">
        <v>238615</v>
      </c>
      <c r="C10505" s="6" t="s">
        <v>24</v>
      </c>
      <c r="D10505" s="6" t="s">
        <v>20133</v>
      </c>
      <c r="E10505" s="6">
        <v>15531</v>
      </c>
      <c r="F10505" s="6" t="s">
        <v>18</v>
      </c>
      <c r="G10505" s="6" t="s">
        <v>20134</v>
      </c>
      <c r="H10505" s="6" t="s">
        <v>20135</v>
      </c>
      <c r="I10505" s="7">
        <v>2.4410107000000001</v>
      </c>
      <c r="J10505" s="8">
        <v>-76.604657700000004</v>
      </c>
    </row>
    <row r="10506" spans="1:10" x14ac:dyDescent="0.35">
      <c r="A10506" s="5" t="s">
        <v>10</v>
      </c>
      <c r="B10506" s="6">
        <v>234055</v>
      </c>
      <c r="C10506" s="6" t="s">
        <v>11</v>
      </c>
      <c r="D10506" s="6" t="s">
        <v>12</v>
      </c>
      <c r="E10506" s="6">
        <v>25899</v>
      </c>
      <c r="F10506" s="6" t="s">
        <v>18</v>
      </c>
      <c r="G10506" s="6" t="s">
        <v>20136</v>
      </c>
      <c r="H10506" s="6" t="s">
        <v>20137</v>
      </c>
      <c r="I10506" s="7">
        <v>5.0298724999999997</v>
      </c>
      <c r="J10506" s="8">
        <v>-74.005495199999999</v>
      </c>
    </row>
    <row r="10507" spans="1:10" x14ac:dyDescent="0.35">
      <c r="A10507" s="5" t="s">
        <v>10</v>
      </c>
      <c r="B10507" s="6">
        <v>201799</v>
      </c>
      <c r="C10507" s="6" t="s">
        <v>278</v>
      </c>
      <c r="D10507" s="6" t="s">
        <v>279</v>
      </c>
      <c r="E10507" s="6">
        <v>50001</v>
      </c>
      <c r="F10507" s="6" t="s">
        <v>18</v>
      </c>
      <c r="G10507" s="6" t="s">
        <v>20138</v>
      </c>
      <c r="H10507" s="6" t="s">
        <v>20139</v>
      </c>
      <c r="I10507" s="7">
        <v>4.1260336999999998</v>
      </c>
      <c r="J10507" s="8">
        <v>-73.632165200000003</v>
      </c>
    </row>
    <row r="10508" spans="1:10" x14ac:dyDescent="0.35">
      <c r="A10508" s="5" t="s">
        <v>10</v>
      </c>
      <c r="B10508" s="6">
        <v>225395</v>
      </c>
      <c r="C10508" s="6" t="s">
        <v>278</v>
      </c>
      <c r="D10508" s="6" t="s">
        <v>2336</v>
      </c>
      <c r="E10508" s="6">
        <v>50226</v>
      </c>
      <c r="F10508" s="6" t="s">
        <v>18</v>
      </c>
      <c r="G10508" s="6" t="s">
        <v>20140</v>
      </c>
      <c r="H10508" s="6" t="s">
        <v>20141</v>
      </c>
      <c r="I10508" s="7">
        <v>4.2712640999999998</v>
      </c>
      <c r="J10508" s="8">
        <v>-73.487257399999905</v>
      </c>
    </row>
    <row r="10509" spans="1:10" x14ac:dyDescent="0.35">
      <c r="A10509" s="5" t="s">
        <v>10</v>
      </c>
      <c r="B10509" s="6">
        <v>216005</v>
      </c>
      <c r="C10509" s="6" t="s">
        <v>2130</v>
      </c>
      <c r="D10509" s="6" t="s">
        <v>2131</v>
      </c>
      <c r="E10509" s="6">
        <v>85001</v>
      </c>
      <c r="F10509" s="6" t="s">
        <v>18</v>
      </c>
      <c r="G10509" s="6" t="s">
        <v>20142</v>
      </c>
      <c r="H10509" s="6" t="s">
        <v>20143</v>
      </c>
      <c r="I10509" s="7">
        <v>5.3186527999999997</v>
      </c>
      <c r="J10509" s="8">
        <v>-72.398766999999907</v>
      </c>
    </row>
    <row r="10510" spans="1:10" x14ac:dyDescent="0.35">
      <c r="A10510" s="5" t="s">
        <v>10</v>
      </c>
      <c r="B10510" s="6">
        <v>238388</v>
      </c>
      <c r="C10510" s="6" t="s">
        <v>294</v>
      </c>
      <c r="D10510" s="6" t="s">
        <v>447</v>
      </c>
      <c r="E10510" s="6">
        <v>41551</v>
      </c>
      <c r="F10510" s="6" t="s">
        <v>18</v>
      </c>
      <c r="G10510" s="6" t="s">
        <v>20144</v>
      </c>
      <c r="H10510" s="6" t="s">
        <v>20145</v>
      </c>
      <c r="I10510" s="7">
        <v>1.8451103</v>
      </c>
      <c r="J10510" s="8">
        <v>-76.043012700000006</v>
      </c>
    </row>
    <row r="10511" spans="1:10" x14ac:dyDescent="0.35">
      <c r="A10511" s="5" t="s">
        <v>10</v>
      </c>
      <c r="B10511" s="6">
        <v>230174</v>
      </c>
      <c r="C10511" s="6" t="s">
        <v>3819</v>
      </c>
      <c r="D10511" s="6" t="s">
        <v>4615</v>
      </c>
      <c r="E10511" s="6">
        <v>86001</v>
      </c>
      <c r="F10511" s="6" t="s">
        <v>18</v>
      </c>
      <c r="G10511" s="6" t="s">
        <v>20146</v>
      </c>
      <c r="H10511" s="6" t="s">
        <v>20147</v>
      </c>
      <c r="I10511" s="7">
        <v>1.1458022999999999</v>
      </c>
      <c r="J10511" s="8">
        <v>-76.646096400000005</v>
      </c>
    </row>
    <row r="10512" spans="1:10" x14ac:dyDescent="0.35">
      <c r="A10512" s="5" t="s">
        <v>10</v>
      </c>
      <c r="B10512" s="6">
        <v>225468</v>
      </c>
      <c r="C10512" s="6" t="s">
        <v>117</v>
      </c>
      <c r="D10512" s="6" t="s">
        <v>1334</v>
      </c>
      <c r="E10512" s="6">
        <v>76001</v>
      </c>
      <c r="F10512" s="6" t="s">
        <v>18</v>
      </c>
      <c r="G10512" s="6" t="s">
        <v>20148</v>
      </c>
      <c r="H10512" s="6" t="s">
        <v>20149</v>
      </c>
      <c r="I10512" s="7">
        <v>3.4015843000000001</v>
      </c>
      <c r="J10512" s="8">
        <v>-76.524515699999995</v>
      </c>
    </row>
    <row r="10513" spans="1:10" x14ac:dyDescent="0.35">
      <c r="A10513" s="5" t="s">
        <v>10</v>
      </c>
      <c r="B10513" s="6">
        <v>118513</v>
      </c>
      <c r="C10513" s="6" t="s">
        <v>24</v>
      </c>
      <c r="D10513" s="6" t="s">
        <v>20150</v>
      </c>
      <c r="E10513" s="6">
        <v>15500</v>
      </c>
      <c r="F10513" s="6" t="s">
        <v>18</v>
      </c>
      <c r="G10513" s="6" t="s">
        <v>20151</v>
      </c>
      <c r="H10513" s="6" t="s">
        <v>20152</v>
      </c>
      <c r="I10513" s="7">
        <v>5.5944500000000001</v>
      </c>
      <c r="J10513" s="8">
        <v>-73.308252899999999</v>
      </c>
    </row>
    <row r="10514" spans="1:10" x14ac:dyDescent="0.35">
      <c r="A10514" s="5" t="s">
        <v>10</v>
      </c>
      <c r="B10514" s="6">
        <v>224308</v>
      </c>
      <c r="C10514" s="6" t="s">
        <v>2130</v>
      </c>
      <c r="D10514" s="6" t="s">
        <v>4238</v>
      </c>
      <c r="E10514" s="6">
        <v>85410</v>
      </c>
      <c r="F10514" s="6" t="s">
        <v>18</v>
      </c>
      <c r="G10514" s="6" t="s">
        <v>20153</v>
      </c>
      <c r="H10514" s="6" t="s">
        <v>20154</v>
      </c>
      <c r="I10514" s="7">
        <v>5.0106848999999896</v>
      </c>
      <c r="J10514" s="8">
        <v>-72.750495000000001</v>
      </c>
    </row>
    <row r="10515" spans="1:10" x14ac:dyDescent="0.35">
      <c r="A10515" s="5" t="s">
        <v>10</v>
      </c>
      <c r="B10515" s="6">
        <v>199752</v>
      </c>
      <c r="C10515" s="6" t="s">
        <v>11</v>
      </c>
      <c r="D10515" s="6" t="s">
        <v>337</v>
      </c>
      <c r="E10515" s="6">
        <v>25290</v>
      </c>
      <c r="F10515" s="6" t="s">
        <v>18</v>
      </c>
      <c r="G10515" s="6" t="s">
        <v>20155</v>
      </c>
      <c r="H10515" s="6" t="s">
        <v>20156</v>
      </c>
      <c r="I10515" s="7">
        <v>4.3267547999999998</v>
      </c>
      <c r="J10515" s="8">
        <v>-74.404071399999907</v>
      </c>
    </row>
    <row r="10516" spans="1:10" x14ac:dyDescent="0.35">
      <c r="A10516" s="5" t="s">
        <v>10</v>
      </c>
      <c r="B10516" s="6">
        <v>240112</v>
      </c>
      <c r="C10516" s="6" t="s">
        <v>11</v>
      </c>
      <c r="D10516" s="6" t="s">
        <v>334</v>
      </c>
      <c r="E10516" s="6">
        <v>25754</v>
      </c>
      <c r="F10516" s="6" t="s">
        <v>18</v>
      </c>
      <c r="G10516" s="6" t="s">
        <v>20157</v>
      </c>
      <c r="H10516" s="6" t="s">
        <v>20158</v>
      </c>
      <c r="I10516" s="7">
        <v>4.5780433</v>
      </c>
      <c r="J10516" s="8">
        <v>-74.220761800000005</v>
      </c>
    </row>
    <row r="10517" spans="1:10" x14ac:dyDescent="0.35">
      <c r="A10517" s="5" t="s">
        <v>10</v>
      </c>
      <c r="B10517" s="6">
        <v>244923</v>
      </c>
      <c r="C10517" s="6" t="s">
        <v>11</v>
      </c>
      <c r="D10517" s="6" t="s">
        <v>337</v>
      </c>
      <c r="E10517" s="6">
        <v>25290</v>
      </c>
      <c r="F10517" s="6" t="s">
        <v>18</v>
      </c>
      <c r="G10517" s="6" t="s">
        <v>20159</v>
      </c>
      <c r="H10517" s="6" t="s">
        <v>20160</v>
      </c>
      <c r="I10517" s="7">
        <v>4.3864428999999996</v>
      </c>
      <c r="J10517" s="8">
        <v>-74.3393607</v>
      </c>
    </row>
    <row r="10518" spans="1:10" x14ac:dyDescent="0.35">
      <c r="A10518" s="5" t="s">
        <v>10</v>
      </c>
      <c r="B10518" s="6">
        <v>190114</v>
      </c>
      <c r="C10518" s="6" t="s">
        <v>28</v>
      </c>
      <c r="D10518" s="6" t="s">
        <v>91</v>
      </c>
      <c r="E10518" s="6">
        <v>54874</v>
      </c>
      <c r="F10518" s="6" t="s">
        <v>18</v>
      </c>
      <c r="G10518" s="6" t="s">
        <v>20161</v>
      </c>
      <c r="H10518" s="6" t="s">
        <v>20162</v>
      </c>
      <c r="I10518" s="7">
        <v>7.8637341999999997</v>
      </c>
      <c r="J10518" s="8">
        <v>-72.4763284</v>
      </c>
    </row>
    <row r="10519" spans="1:10" x14ac:dyDescent="0.35">
      <c r="A10519" s="5" t="s">
        <v>10</v>
      </c>
      <c r="B10519" s="6">
        <v>92446</v>
      </c>
      <c r="C10519" s="6" t="s">
        <v>4364</v>
      </c>
      <c r="D10519" s="6" t="s">
        <v>8866</v>
      </c>
      <c r="E10519" s="6">
        <v>70702</v>
      </c>
      <c r="F10519" s="6" t="s">
        <v>18</v>
      </c>
      <c r="G10519" s="6" t="s">
        <v>20163</v>
      </c>
      <c r="H10519" s="6" t="s">
        <v>20164</v>
      </c>
      <c r="I10519" s="7">
        <v>9.2738750999999997</v>
      </c>
      <c r="J10519" s="8">
        <v>-75.241997400000002</v>
      </c>
    </row>
    <row r="10520" spans="1:10" x14ac:dyDescent="0.35">
      <c r="A10520" s="5" t="s">
        <v>10</v>
      </c>
      <c r="B10520" s="6">
        <v>241958</v>
      </c>
      <c r="C10520" s="6" t="s">
        <v>278</v>
      </c>
      <c r="D10520" s="6" t="s">
        <v>4924</v>
      </c>
      <c r="E10520" s="6">
        <v>50689</v>
      </c>
      <c r="F10520" s="6" t="s">
        <v>18</v>
      </c>
      <c r="G10520" s="6" t="s">
        <v>20165</v>
      </c>
      <c r="H10520" s="6" t="s">
        <v>20166</v>
      </c>
      <c r="I10520" s="7">
        <v>4.6425622000000004</v>
      </c>
      <c r="J10520" s="8">
        <v>-74.061268900000002</v>
      </c>
    </row>
    <row r="10521" spans="1:10" x14ac:dyDescent="0.35">
      <c r="A10521" s="5" t="s">
        <v>10</v>
      </c>
      <c r="B10521" s="6">
        <v>244684</v>
      </c>
      <c r="C10521" s="6" t="s">
        <v>11</v>
      </c>
      <c r="D10521" s="6" t="s">
        <v>337</v>
      </c>
      <c r="E10521" s="6">
        <v>25290</v>
      </c>
      <c r="F10521" s="6" t="s">
        <v>18</v>
      </c>
      <c r="G10521" s="6" t="s">
        <v>20167</v>
      </c>
      <c r="H10521" s="6" t="s">
        <v>20168</v>
      </c>
      <c r="I10521" s="7">
        <v>4.3387234000000001</v>
      </c>
      <c r="J10521" s="8">
        <v>-74.370296800000006</v>
      </c>
    </row>
    <row r="10522" spans="1:10" x14ac:dyDescent="0.35">
      <c r="A10522" s="5" t="s">
        <v>10</v>
      </c>
      <c r="B10522" s="6">
        <v>188478</v>
      </c>
      <c r="C10522" s="6" t="s">
        <v>11</v>
      </c>
      <c r="D10522" s="6" t="s">
        <v>334</v>
      </c>
      <c r="E10522" s="6">
        <v>25754</v>
      </c>
      <c r="F10522" s="6" t="s">
        <v>18</v>
      </c>
      <c r="G10522" s="6" t="s">
        <v>20169</v>
      </c>
      <c r="H10522" s="6" t="s">
        <v>20170</v>
      </c>
      <c r="I10522" s="7">
        <v>4.5787215999999997</v>
      </c>
      <c r="J10522" s="8">
        <v>-74.182256699999996</v>
      </c>
    </row>
    <row r="10523" spans="1:10" x14ac:dyDescent="0.35">
      <c r="A10523" s="5" t="s">
        <v>10</v>
      </c>
      <c r="B10523" s="6">
        <v>230602</v>
      </c>
      <c r="C10523" s="6" t="s">
        <v>68</v>
      </c>
      <c r="D10523" s="6" t="s">
        <v>69</v>
      </c>
      <c r="E10523" s="6">
        <v>11001</v>
      </c>
      <c r="F10523" s="6" t="s">
        <v>18</v>
      </c>
      <c r="G10523" s="6" t="s">
        <v>20171</v>
      </c>
      <c r="H10523" s="6" t="s">
        <v>20172</v>
      </c>
      <c r="I10523" s="7">
        <v>4.6269400000000003</v>
      </c>
      <c r="J10523" s="8">
        <v>-74.066564</v>
      </c>
    </row>
    <row r="10524" spans="1:10" x14ac:dyDescent="0.35">
      <c r="A10524" s="5" t="s">
        <v>10</v>
      </c>
      <c r="B10524" s="6">
        <v>236445</v>
      </c>
      <c r="C10524" s="6" t="s">
        <v>68</v>
      </c>
      <c r="D10524" s="6" t="s">
        <v>69</v>
      </c>
      <c r="E10524" s="6">
        <v>11001</v>
      </c>
      <c r="F10524" s="6" t="s">
        <v>18</v>
      </c>
      <c r="G10524" s="6" t="s">
        <v>18337</v>
      </c>
      <c r="H10524" s="6" t="s">
        <v>20173</v>
      </c>
      <c r="I10524" s="7">
        <v>4.5687343</v>
      </c>
      <c r="J10524" s="8">
        <v>-74.1006395</v>
      </c>
    </row>
    <row r="10525" spans="1:10" x14ac:dyDescent="0.35">
      <c r="A10525" s="5" t="s">
        <v>10</v>
      </c>
      <c r="B10525" s="6">
        <v>245372</v>
      </c>
      <c r="C10525" s="6" t="s">
        <v>278</v>
      </c>
      <c r="D10525" s="6" t="s">
        <v>279</v>
      </c>
      <c r="E10525" s="6">
        <v>50001</v>
      </c>
      <c r="F10525" s="6" t="s">
        <v>18</v>
      </c>
      <c r="G10525" s="6" t="s">
        <v>20174</v>
      </c>
      <c r="H10525" s="6" t="s">
        <v>20175</v>
      </c>
      <c r="I10525" s="7">
        <v>4.1517353000000004</v>
      </c>
      <c r="J10525" s="8">
        <v>-73.638173100000003</v>
      </c>
    </row>
    <row r="10526" spans="1:10" x14ac:dyDescent="0.35">
      <c r="A10526" s="5" t="s">
        <v>10</v>
      </c>
      <c r="B10526" s="6">
        <v>245842</v>
      </c>
      <c r="C10526" s="6" t="s">
        <v>278</v>
      </c>
      <c r="D10526" s="6" t="s">
        <v>279</v>
      </c>
      <c r="E10526" s="6">
        <v>50001</v>
      </c>
      <c r="F10526" s="6" t="s">
        <v>18</v>
      </c>
      <c r="G10526" s="6" t="s">
        <v>20176</v>
      </c>
      <c r="H10526" s="6" t="s">
        <v>20177</v>
      </c>
      <c r="I10526" s="7">
        <v>4.1384758000000001</v>
      </c>
      <c r="J10526" s="8">
        <v>-73.593554600000004</v>
      </c>
    </row>
    <row r="10527" spans="1:10" x14ac:dyDescent="0.35">
      <c r="A10527" s="5" t="s">
        <v>10</v>
      </c>
      <c r="B10527" s="6">
        <v>185306</v>
      </c>
      <c r="C10527" s="6" t="s">
        <v>11</v>
      </c>
      <c r="D10527" s="6" t="s">
        <v>2630</v>
      </c>
      <c r="E10527" s="6">
        <v>25769</v>
      </c>
      <c r="F10527" s="6" t="s">
        <v>18</v>
      </c>
      <c r="G10527" s="6" t="s">
        <v>20178</v>
      </c>
      <c r="H10527" s="6" t="s">
        <v>20179</v>
      </c>
      <c r="I10527" s="7">
        <v>4.9290010000000004</v>
      </c>
      <c r="J10527" s="8">
        <v>-74.172465000000003</v>
      </c>
    </row>
    <row r="10528" spans="1:10" x14ac:dyDescent="0.35">
      <c r="A10528" s="5" t="s">
        <v>10</v>
      </c>
      <c r="B10528" s="6">
        <v>230118</v>
      </c>
      <c r="C10528" s="6" t="s">
        <v>11</v>
      </c>
      <c r="D10528" s="6" t="s">
        <v>8975</v>
      </c>
      <c r="E10528" s="6">
        <v>25781</v>
      </c>
      <c r="F10528" s="6" t="s">
        <v>18</v>
      </c>
      <c r="G10528" s="6" t="s">
        <v>20180</v>
      </c>
      <c r="H10528" s="6" t="s">
        <v>11420</v>
      </c>
      <c r="I10528" s="7">
        <v>5.2474369999999997</v>
      </c>
      <c r="J10528" s="8">
        <v>-73.8529482</v>
      </c>
    </row>
    <row r="10529" spans="1:10" x14ac:dyDescent="0.35">
      <c r="A10529" s="5" t="s">
        <v>10</v>
      </c>
      <c r="B10529" s="6">
        <v>235684</v>
      </c>
      <c r="C10529" s="6" t="s">
        <v>117</v>
      </c>
      <c r="D10529" s="6" t="s">
        <v>1334</v>
      </c>
      <c r="E10529" s="6">
        <v>76001</v>
      </c>
      <c r="F10529" s="6" t="s">
        <v>18</v>
      </c>
      <c r="G10529" s="6" t="s">
        <v>20181</v>
      </c>
      <c r="H10529" s="6" t="s">
        <v>20182</v>
      </c>
      <c r="I10529" s="7">
        <v>3.4209288</v>
      </c>
      <c r="J10529" s="8">
        <v>-76.507427300000003</v>
      </c>
    </row>
    <row r="10530" spans="1:10" x14ac:dyDescent="0.35">
      <c r="A10530" s="5" t="s">
        <v>10</v>
      </c>
      <c r="B10530" s="6">
        <v>230450</v>
      </c>
      <c r="C10530" s="6" t="s">
        <v>117</v>
      </c>
      <c r="D10530" s="6" t="s">
        <v>1334</v>
      </c>
      <c r="E10530" s="6">
        <v>76001</v>
      </c>
      <c r="F10530" s="6" t="s">
        <v>13</v>
      </c>
      <c r="G10530" s="6" t="s">
        <v>20183</v>
      </c>
      <c r="H10530" s="6" t="s">
        <v>20184</v>
      </c>
      <c r="I10530" s="7">
        <v>3.4489675000000002</v>
      </c>
      <c r="J10530" s="8">
        <v>-76.5302334</v>
      </c>
    </row>
    <row r="10531" spans="1:10" x14ac:dyDescent="0.35">
      <c r="A10531" s="5" t="s">
        <v>10</v>
      </c>
      <c r="B10531" s="6">
        <v>76578</v>
      </c>
      <c r="C10531" s="6" t="s">
        <v>24</v>
      </c>
      <c r="D10531" s="6" t="s">
        <v>88</v>
      </c>
      <c r="E10531" s="6">
        <v>15001</v>
      </c>
      <c r="F10531" s="6" t="s">
        <v>18</v>
      </c>
      <c r="G10531" s="6" t="s">
        <v>20185</v>
      </c>
      <c r="H10531" s="6" t="s">
        <v>20186</v>
      </c>
      <c r="I10531" s="7">
        <v>5.5140840999999998</v>
      </c>
      <c r="J10531" s="8">
        <v>-73.364787800000002</v>
      </c>
    </row>
    <row r="10532" spans="1:10" x14ac:dyDescent="0.35">
      <c r="A10532" s="5" t="s">
        <v>10</v>
      </c>
      <c r="B10532" s="6">
        <v>154032</v>
      </c>
      <c r="C10532" s="6" t="s">
        <v>551</v>
      </c>
      <c r="D10532" s="6" t="s">
        <v>3868</v>
      </c>
      <c r="E10532" s="6">
        <v>20001</v>
      </c>
      <c r="F10532" s="6" t="s">
        <v>18</v>
      </c>
      <c r="G10532" s="6" t="s">
        <v>5495</v>
      </c>
      <c r="H10532" s="6" t="s">
        <v>5496</v>
      </c>
      <c r="I10532" s="7">
        <v>10.4880333</v>
      </c>
      <c r="J10532" s="8">
        <v>-73.255946100000003</v>
      </c>
    </row>
    <row r="10533" spans="1:10" x14ac:dyDescent="0.35">
      <c r="A10533" s="5" t="s">
        <v>10</v>
      </c>
      <c r="B10533" s="6">
        <v>209314</v>
      </c>
      <c r="C10533" s="6" t="s">
        <v>294</v>
      </c>
      <c r="D10533" s="6" t="s">
        <v>4081</v>
      </c>
      <c r="E10533" s="6">
        <v>41306</v>
      </c>
      <c r="F10533" s="6" t="s">
        <v>18</v>
      </c>
      <c r="G10533" s="6" t="s">
        <v>20187</v>
      </c>
      <c r="H10533" s="6" t="s">
        <v>20188</v>
      </c>
      <c r="I10533" s="7">
        <v>2.3866638999999998</v>
      </c>
      <c r="J10533" s="8">
        <v>-75.546696400000002</v>
      </c>
    </row>
    <row r="10534" spans="1:10" x14ac:dyDescent="0.35">
      <c r="A10534" s="5" t="s">
        <v>10</v>
      </c>
      <c r="B10534" s="6">
        <v>246735</v>
      </c>
      <c r="C10534" s="6" t="s">
        <v>294</v>
      </c>
      <c r="D10534" s="6" t="s">
        <v>703</v>
      </c>
      <c r="E10534" s="6">
        <v>41001</v>
      </c>
      <c r="F10534" s="6" t="s">
        <v>18</v>
      </c>
      <c r="G10534" s="6" t="s">
        <v>20189</v>
      </c>
      <c r="H10534" s="6" t="s">
        <v>20190</v>
      </c>
      <c r="I10534" s="7">
        <v>2.9473015</v>
      </c>
      <c r="J10534" s="8">
        <v>-75.248621200000002</v>
      </c>
    </row>
    <row r="10535" spans="1:10" x14ac:dyDescent="0.35">
      <c r="A10535" s="5" t="s">
        <v>10</v>
      </c>
      <c r="B10535" s="6">
        <v>231990</v>
      </c>
      <c r="C10535" s="6" t="s">
        <v>11</v>
      </c>
      <c r="D10535" s="6" t="s">
        <v>12</v>
      </c>
      <c r="E10535" s="6">
        <v>25899</v>
      </c>
      <c r="F10535" s="6" t="s">
        <v>18</v>
      </c>
      <c r="G10535" s="6" t="s">
        <v>20191</v>
      </c>
      <c r="H10535" s="6" t="s">
        <v>20192</v>
      </c>
      <c r="I10535" s="7">
        <v>5.0263944</v>
      </c>
      <c r="J10535" s="8">
        <v>-73.983725300000003</v>
      </c>
    </row>
    <row r="10536" spans="1:10" x14ac:dyDescent="0.35">
      <c r="A10536" s="5" t="s">
        <v>10</v>
      </c>
      <c r="B10536" s="6">
        <v>177441</v>
      </c>
      <c r="C10536" s="6" t="s">
        <v>117</v>
      </c>
      <c r="D10536" s="6" t="s">
        <v>1334</v>
      </c>
      <c r="E10536" s="6">
        <v>76001</v>
      </c>
      <c r="F10536" s="6" t="s">
        <v>18</v>
      </c>
      <c r="G10536" s="6" t="s">
        <v>20193</v>
      </c>
      <c r="H10536" s="6" t="s">
        <v>20194</v>
      </c>
      <c r="I10536" s="7">
        <v>3.4706982000000002</v>
      </c>
      <c r="J10536" s="8">
        <v>-76.510067100000001</v>
      </c>
    </row>
    <row r="10537" spans="1:10" x14ac:dyDescent="0.35">
      <c r="A10537" s="5" t="s">
        <v>10</v>
      </c>
      <c r="B10537" s="6">
        <v>190922</v>
      </c>
      <c r="C10537" s="6" t="s">
        <v>38</v>
      </c>
      <c r="D10537" s="6" t="s">
        <v>7839</v>
      </c>
      <c r="E10537" s="6">
        <v>19573</v>
      </c>
      <c r="F10537" s="6" t="s">
        <v>18</v>
      </c>
      <c r="G10537" s="6" t="s">
        <v>20195</v>
      </c>
      <c r="H10537" s="6" t="s">
        <v>20196</v>
      </c>
      <c r="I10537" s="7">
        <v>3.2205900000000001</v>
      </c>
      <c r="J10537" s="8">
        <v>-76.415464999999998</v>
      </c>
    </row>
    <row r="10538" spans="1:10" x14ac:dyDescent="0.35">
      <c r="A10538" s="5" t="s">
        <v>10</v>
      </c>
      <c r="B10538" s="6">
        <v>234673</v>
      </c>
      <c r="C10538" s="6" t="s">
        <v>117</v>
      </c>
      <c r="D10538" s="6" t="s">
        <v>3963</v>
      </c>
      <c r="E10538" s="6">
        <v>76377</v>
      </c>
      <c r="F10538" s="6" t="s">
        <v>18</v>
      </c>
      <c r="G10538" s="6" t="s">
        <v>20197</v>
      </c>
      <c r="H10538" s="6" t="s">
        <v>20198</v>
      </c>
      <c r="I10538" s="7">
        <v>3.4147422999999999</v>
      </c>
      <c r="J10538" s="8">
        <v>-76.466348800000006</v>
      </c>
    </row>
    <row r="10539" spans="1:10" x14ac:dyDescent="0.35">
      <c r="A10539" s="5" t="s">
        <v>10</v>
      </c>
      <c r="B10539" s="6">
        <v>221823</v>
      </c>
      <c r="C10539" s="6" t="s">
        <v>551</v>
      </c>
      <c r="D10539" s="6" t="s">
        <v>768</v>
      </c>
      <c r="E10539" s="6">
        <v>20621</v>
      </c>
      <c r="F10539" s="6" t="s">
        <v>18</v>
      </c>
      <c r="G10539" s="6" t="s">
        <v>20199</v>
      </c>
      <c r="H10539" s="6" t="s">
        <v>20200</v>
      </c>
      <c r="I10539" s="7">
        <v>10.3868315</v>
      </c>
      <c r="J10539" s="8">
        <v>-73.1706425</v>
      </c>
    </row>
    <row r="10540" spans="1:10" x14ac:dyDescent="0.35">
      <c r="A10540" s="5" t="s">
        <v>10</v>
      </c>
      <c r="B10540" s="6">
        <v>207036</v>
      </c>
      <c r="C10540" s="6" t="s">
        <v>11</v>
      </c>
      <c r="D10540" s="6" t="s">
        <v>3054</v>
      </c>
      <c r="E10540" s="6">
        <v>25269</v>
      </c>
      <c r="F10540" s="6" t="s">
        <v>18</v>
      </c>
      <c r="G10540" s="6" t="s">
        <v>20201</v>
      </c>
      <c r="H10540" s="6" t="s">
        <v>20202</v>
      </c>
      <c r="I10540" s="7">
        <v>4.8065519999999999</v>
      </c>
      <c r="J10540" s="8">
        <v>-74.347782199999997</v>
      </c>
    </row>
    <row r="10541" spans="1:10" x14ac:dyDescent="0.35">
      <c r="A10541" s="5" t="s">
        <v>10</v>
      </c>
      <c r="B10541" s="6">
        <v>186302</v>
      </c>
      <c r="C10541" s="6" t="s">
        <v>11</v>
      </c>
      <c r="D10541" s="6" t="s">
        <v>159</v>
      </c>
      <c r="E10541" s="6">
        <v>25175</v>
      </c>
      <c r="F10541" s="6" t="s">
        <v>18</v>
      </c>
      <c r="G10541" s="6" t="s">
        <v>20203</v>
      </c>
      <c r="H10541" s="6" t="s">
        <v>20204</v>
      </c>
      <c r="I10541" s="7">
        <v>4.8576021000000003</v>
      </c>
      <c r="J10541" s="8">
        <v>-74.061055199999998</v>
      </c>
    </row>
    <row r="10542" spans="1:10" x14ac:dyDescent="0.35">
      <c r="A10542" s="5" t="s">
        <v>10</v>
      </c>
      <c r="B10542" s="6">
        <v>237838</v>
      </c>
      <c r="C10542" s="6" t="s">
        <v>278</v>
      </c>
      <c r="D10542" s="6" t="s">
        <v>279</v>
      </c>
      <c r="E10542" s="6">
        <v>50001</v>
      </c>
      <c r="F10542" s="6" t="s">
        <v>18</v>
      </c>
      <c r="G10542" s="6" t="s">
        <v>20205</v>
      </c>
      <c r="H10542" s="6" t="s">
        <v>20206</v>
      </c>
      <c r="I10542" s="7">
        <v>4.1456508999999997</v>
      </c>
      <c r="J10542" s="8">
        <v>-73.636330599999994</v>
      </c>
    </row>
    <row r="10543" spans="1:10" x14ac:dyDescent="0.35">
      <c r="A10543" s="5" t="s">
        <v>10</v>
      </c>
      <c r="B10543" s="6">
        <v>226802</v>
      </c>
      <c r="C10543" s="6" t="s">
        <v>278</v>
      </c>
      <c r="D10543" s="6" t="s">
        <v>1524</v>
      </c>
      <c r="E10543" s="6">
        <v>50318</v>
      </c>
      <c r="F10543" s="6" t="s">
        <v>18</v>
      </c>
      <c r="G10543" s="6" t="s">
        <v>20207</v>
      </c>
      <c r="H10543" s="6" t="s">
        <v>20208</v>
      </c>
      <c r="I10543" s="7">
        <v>3.8782516</v>
      </c>
      <c r="J10543" s="8">
        <v>-73.767141100000003</v>
      </c>
    </row>
    <row r="10544" spans="1:10" x14ac:dyDescent="0.35">
      <c r="A10544" s="5" t="s">
        <v>10</v>
      </c>
      <c r="B10544" s="6">
        <v>206308</v>
      </c>
      <c r="C10544" s="6" t="s">
        <v>3819</v>
      </c>
      <c r="D10544" s="6" t="s">
        <v>14622</v>
      </c>
      <c r="E10544" s="6">
        <v>86865</v>
      </c>
      <c r="F10544" s="6" t="s">
        <v>18</v>
      </c>
      <c r="G10544" s="6" t="s">
        <v>20209</v>
      </c>
      <c r="H10544" s="6" t="s">
        <v>20210</v>
      </c>
      <c r="I10544" s="7">
        <v>0.42338500000000001</v>
      </c>
      <c r="J10544" s="8">
        <v>-76.904996999999995</v>
      </c>
    </row>
    <row r="10545" spans="1:10" x14ac:dyDescent="0.35">
      <c r="A10545" s="5" t="s">
        <v>10</v>
      </c>
      <c r="B10545" s="6">
        <v>232515</v>
      </c>
      <c r="C10545" s="6" t="s">
        <v>117</v>
      </c>
      <c r="D10545" s="6" t="s">
        <v>1334</v>
      </c>
      <c r="E10545" s="6">
        <v>76001</v>
      </c>
      <c r="F10545" s="6" t="s">
        <v>18</v>
      </c>
      <c r="G10545" s="6" t="s">
        <v>20211</v>
      </c>
      <c r="H10545" s="6" t="s">
        <v>20212</v>
      </c>
      <c r="I10545" s="7">
        <v>3.4118523999999999</v>
      </c>
      <c r="J10545" s="8">
        <v>-76.518207500000003</v>
      </c>
    </row>
    <row r="10546" spans="1:10" x14ac:dyDescent="0.35">
      <c r="A10546" s="5" t="s">
        <v>10</v>
      </c>
      <c r="B10546" s="6">
        <v>214538</v>
      </c>
      <c r="C10546" s="6" t="s">
        <v>278</v>
      </c>
      <c r="D10546" s="6" t="s">
        <v>279</v>
      </c>
      <c r="E10546" s="6">
        <v>50001</v>
      </c>
      <c r="F10546" s="6" t="s">
        <v>18</v>
      </c>
      <c r="G10546" s="6" t="s">
        <v>20213</v>
      </c>
      <c r="H10546" s="6" t="s">
        <v>20214</v>
      </c>
      <c r="I10546" s="7">
        <v>4.1171894</v>
      </c>
      <c r="J10546" s="8">
        <v>-73.598061099999995</v>
      </c>
    </row>
    <row r="10547" spans="1:10" x14ac:dyDescent="0.35">
      <c r="A10547" s="5" t="s">
        <v>10</v>
      </c>
      <c r="B10547" s="6">
        <v>183822</v>
      </c>
      <c r="C10547" s="6" t="s">
        <v>278</v>
      </c>
      <c r="D10547" s="6" t="s">
        <v>1524</v>
      </c>
      <c r="E10547" s="6">
        <v>50318</v>
      </c>
      <c r="F10547" s="6" t="s">
        <v>18</v>
      </c>
      <c r="G10547" s="6" t="s">
        <v>5203</v>
      </c>
      <c r="H10547" s="6" t="s">
        <v>5204</v>
      </c>
      <c r="I10547" s="7">
        <v>3.8804750000000001</v>
      </c>
      <c r="J10547" s="8">
        <v>-73.7698769</v>
      </c>
    </row>
    <row r="10548" spans="1:10" x14ac:dyDescent="0.35">
      <c r="A10548" s="5" t="s">
        <v>10</v>
      </c>
      <c r="B10548" s="6">
        <v>163217</v>
      </c>
      <c r="C10548" s="6" t="s">
        <v>294</v>
      </c>
      <c r="D10548" s="6" t="s">
        <v>4244</v>
      </c>
      <c r="E10548" s="6">
        <v>41298</v>
      </c>
      <c r="F10548" s="6" t="s">
        <v>13</v>
      </c>
      <c r="G10548" s="6" t="s">
        <v>20076</v>
      </c>
      <c r="H10548" s="6" t="s">
        <v>20077</v>
      </c>
      <c r="I10548" s="7">
        <v>2.2512349</v>
      </c>
      <c r="J10548" s="8">
        <v>-75.527201699999907</v>
      </c>
    </row>
    <row r="10549" spans="1:10" x14ac:dyDescent="0.35">
      <c r="A10549" s="5" t="s">
        <v>10</v>
      </c>
      <c r="B10549" s="6">
        <v>235727</v>
      </c>
      <c r="C10549" s="6" t="s">
        <v>11</v>
      </c>
      <c r="D10549" s="6" t="s">
        <v>221</v>
      </c>
      <c r="E10549" s="6">
        <v>25430</v>
      </c>
      <c r="F10549" s="6" t="s">
        <v>18</v>
      </c>
      <c r="G10549" s="6" t="s">
        <v>20215</v>
      </c>
      <c r="H10549" s="6" t="s">
        <v>20216</v>
      </c>
      <c r="I10549" s="7">
        <v>4.7438599000000004</v>
      </c>
      <c r="J10549" s="8">
        <v>-74.264460200000002</v>
      </c>
    </row>
    <row r="10550" spans="1:10" x14ac:dyDescent="0.35">
      <c r="A10550" s="5" t="s">
        <v>10</v>
      </c>
      <c r="B10550" s="6">
        <v>237596</v>
      </c>
      <c r="C10550" s="6" t="s">
        <v>4364</v>
      </c>
      <c r="D10550" s="6" t="s">
        <v>11876</v>
      </c>
      <c r="E10550" s="6">
        <v>70418</v>
      </c>
      <c r="F10550" s="6" t="s">
        <v>18</v>
      </c>
      <c r="G10550" s="6" t="s">
        <v>20217</v>
      </c>
      <c r="H10550" s="6" t="s">
        <v>20218</v>
      </c>
      <c r="I10550" s="7">
        <v>9.3804940000000006</v>
      </c>
      <c r="J10550" s="8">
        <v>-75.270949999999999</v>
      </c>
    </row>
    <row r="10551" spans="1:10" x14ac:dyDescent="0.35">
      <c r="A10551" s="5" t="s">
        <v>10</v>
      </c>
      <c r="B10551" s="6">
        <v>199464</v>
      </c>
      <c r="C10551" s="6" t="s">
        <v>278</v>
      </c>
      <c r="D10551" s="6" t="s">
        <v>3873</v>
      </c>
      <c r="E10551" s="6">
        <v>50568</v>
      </c>
      <c r="F10551" s="6" t="s">
        <v>18</v>
      </c>
      <c r="G10551" s="6" t="s">
        <v>20219</v>
      </c>
      <c r="H10551" s="6" t="s">
        <v>20220</v>
      </c>
      <c r="I10551" s="7">
        <v>4.3123762000000001</v>
      </c>
      <c r="J10551" s="8">
        <v>-72.082682199999994</v>
      </c>
    </row>
    <row r="10552" spans="1:10" x14ac:dyDescent="0.35">
      <c r="A10552" s="5" t="s">
        <v>10</v>
      </c>
      <c r="B10552" s="6">
        <v>188942</v>
      </c>
      <c r="C10552" s="6" t="s">
        <v>294</v>
      </c>
      <c r="D10552" s="6" t="s">
        <v>4634</v>
      </c>
      <c r="E10552" s="6">
        <v>41020</v>
      </c>
      <c r="F10552" s="6" t="s">
        <v>18</v>
      </c>
      <c r="G10552" s="6" t="s">
        <v>20221</v>
      </c>
      <c r="H10552" s="6" t="s">
        <v>20222</v>
      </c>
      <c r="I10552" s="7">
        <v>2.5242035999999999</v>
      </c>
      <c r="J10552" s="8">
        <v>-75.315812899999997</v>
      </c>
    </row>
    <row r="10553" spans="1:10" x14ac:dyDescent="0.35">
      <c r="A10553" s="5" t="s">
        <v>10</v>
      </c>
      <c r="B10553" s="6">
        <v>244869</v>
      </c>
      <c r="C10553" s="6" t="s">
        <v>294</v>
      </c>
      <c r="D10553" s="6" t="s">
        <v>447</v>
      </c>
      <c r="E10553" s="6">
        <v>41551</v>
      </c>
      <c r="F10553" s="6" t="s">
        <v>18</v>
      </c>
      <c r="G10553" s="6" t="s">
        <v>20223</v>
      </c>
      <c r="H10553" s="6" t="s">
        <v>20224</v>
      </c>
      <c r="I10553" s="7">
        <v>1.8477025</v>
      </c>
      <c r="J10553" s="8">
        <v>-76.040536299999999</v>
      </c>
    </row>
    <row r="10554" spans="1:10" x14ac:dyDescent="0.35">
      <c r="A10554" s="5" t="s">
        <v>10</v>
      </c>
      <c r="B10554" s="6">
        <v>204363</v>
      </c>
      <c r="C10554" s="6" t="s">
        <v>294</v>
      </c>
      <c r="D10554" s="6" t="s">
        <v>447</v>
      </c>
      <c r="E10554" s="6">
        <v>41551</v>
      </c>
      <c r="F10554" s="6" t="s">
        <v>18</v>
      </c>
      <c r="G10554" s="6" t="s">
        <v>20225</v>
      </c>
      <c r="H10554" s="6" t="s">
        <v>20226</v>
      </c>
      <c r="I10554" s="7">
        <v>1.8423798</v>
      </c>
      <c r="J10554" s="8">
        <v>-76.044991299999893</v>
      </c>
    </row>
    <row r="10555" spans="1:10" x14ac:dyDescent="0.35">
      <c r="A10555" s="5" t="s">
        <v>10</v>
      </c>
      <c r="B10555" s="6">
        <v>239784</v>
      </c>
      <c r="C10555" s="6" t="s">
        <v>11</v>
      </c>
      <c r="D10555" s="6" t="s">
        <v>101</v>
      </c>
      <c r="E10555" s="6">
        <v>25473</v>
      </c>
      <c r="F10555" s="6" t="s">
        <v>18</v>
      </c>
      <c r="G10555" s="6" t="s">
        <v>20227</v>
      </c>
      <c r="H10555" s="6" t="s">
        <v>20228</v>
      </c>
      <c r="I10555" s="7">
        <v>4.7185604000000003</v>
      </c>
      <c r="J10555" s="8">
        <v>-74.224066699999995</v>
      </c>
    </row>
    <row r="10556" spans="1:10" x14ac:dyDescent="0.35">
      <c r="A10556" s="5" t="s">
        <v>10</v>
      </c>
      <c r="B10556" s="6">
        <v>177590</v>
      </c>
      <c r="C10556" s="6" t="s">
        <v>117</v>
      </c>
      <c r="D10556" s="6" t="s">
        <v>4931</v>
      </c>
      <c r="E10556" s="6">
        <v>76892</v>
      </c>
      <c r="F10556" s="6" t="s">
        <v>18</v>
      </c>
      <c r="G10556" s="6" t="s">
        <v>20229</v>
      </c>
      <c r="H10556" s="6" t="s">
        <v>20230</v>
      </c>
      <c r="I10556" s="7">
        <v>3.545337</v>
      </c>
      <c r="J10556" s="8">
        <v>-76.495025999999996</v>
      </c>
    </row>
    <row r="10557" spans="1:10" x14ac:dyDescent="0.35">
      <c r="A10557" s="5" t="s">
        <v>10</v>
      </c>
      <c r="B10557" s="6">
        <v>237883</v>
      </c>
      <c r="C10557" s="6" t="s">
        <v>68</v>
      </c>
      <c r="D10557" s="6" t="s">
        <v>69</v>
      </c>
      <c r="E10557" s="6">
        <v>11001</v>
      </c>
      <c r="F10557" s="6" t="s">
        <v>2161</v>
      </c>
      <c r="G10557" s="6" t="s">
        <v>20231</v>
      </c>
      <c r="H10557" s="6" t="s">
        <v>20232</v>
      </c>
      <c r="I10557" s="7">
        <v>4.7366926999999999</v>
      </c>
      <c r="J10557" s="8">
        <v>-74.106498299999998</v>
      </c>
    </row>
    <row r="10558" spans="1:10" x14ac:dyDescent="0.35">
      <c r="A10558" s="5" t="s">
        <v>10</v>
      </c>
      <c r="B10558" s="6">
        <v>240334</v>
      </c>
      <c r="C10558" s="6" t="s">
        <v>294</v>
      </c>
      <c r="D10558" s="6" t="s">
        <v>447</v>
      </c>
      <c r="E10558" s="6">
        <v>41551</v>
      </c>
      <c r="F10558" s="6" t="s">
        <v>18</v>
      </c>
      <c r="G10558" s="6" t="s">
        <v>20233</v>
      </c>
      <c r="H10558" s="6" t="s">
        <v>20234</v>
      </c>
      <c r="I10558" s="7">
        <v>1.8537706</v>
      </c>
      <c r="J10558" s="8">
        <v>-76.046643500000002</v>
      </c>
    </row>
    <row r="10559" spans="1:10" x14ac:dyDescent="0.35">
      <c r="A10559" s="5" t="s">
        <v>10</v>
      </c>
      <c r="B10559" s="6">
        <v>210899</v>
      </c>
      <c r="C10559" s="6" t="s">
        <v>11</v>
      </c>
      <c r="D10559" s="6" t="s">
        <v>337</v>
      </c>
      <c r="E10559" s="6">
        <v>25290</v>
      </c>
      <c r="F10559" s="6" t="s">
        <v>18</v>
      </c>
      <c r="G10559" s="6" t="s">
        <v>20235</v>
      </c>
      <c r="H10559" s="6" t="s">
        <v>20236</v>
      </c>
      <c r="I10559" s="7">
        <v>4.3410868999999996</v>
      </c>
      <c r="J10559" s="8">
        <v>-74.363889499999999</v>
      </c>
    </row>
    <row r="10560" spans="1:10" x14ac:dyDescent="0.35">
      <c r="A10560" s="5" t="s">
        <v>10</v>
      </c>
      <c r="B10560" s="6">
        <v>245479</v>
      </c>
      <c r="C10560" s="6" t="s">
        <v>11</v>
      </c>
      <c r="D10560" s="6" t="s">
        <v>1633</v>
      </c>
      <c r="E10560" s="6">
        <v>25151</v>
      </c>
      <c r="F10560" s="6" t="s">
        <v>18</v>
      </c>
      <c r="G10560" s="6" t="s">
        <v>20237</v>
      </c>
      <c r="H10560" s="6" t="s">
        <v>20238</v>
      </c>
      <c r="I10560" s="7">
        <v>4.4072959999999997</v>
      </c>
      <c r="J10560" s="8">
        <v>-73.947306400000002</v>
      </c>
    </row>
    <row r="10561" spans="1:10" x14ac:dyDescent="0.35">
      <c r="A10561" s="5" t="s">
        <v>10</v>
      </c>
      <c r="B10561" s="6">
        <v>228616</v>
      </c>
      <c r="C10561" s="6" t="s">
        <v>68</v>
      </c>
      <c r="D10561" s="6" t="s">
        <v>69</v>
      </c>
      <c r="E10561" s="6">
        <v>11001</v>
      </c>
      <c r="F10561" s="6" t="s">
        <v>18</v>
      </c>
      <c r="G10561" s="6" t="s">
        <v>20239</v>
      </c>
      <c r="H10561" s="6" t="s">
        <v>20240</v>
      </c>
      <c r="I10561" s="7">
        <v>4.7055511999999897</v>
      </c>
      <c r="J10561" s="8">
        <v>-74.108458100000007</v>
      </c>
    </row>
    <row r="10562" spans="1:10" x14ac:dyDescent="0.35">
      <c r="A10562" s="5" t="s">
        <v>10</v>
      </c>
      <c r="B10562" s="6">
        <v>232533</v>
      </c>
      <c r="C10562" s="6" t="s">
        <v>278</v>
      </c>
      <c r="D10562" s="6" t="s">
        <v>279</v>
      </c>
      <c r="E10562" s="6">
        <v>50001</v>
      </c>
      <c r="F10562" s="6" t="s">
        <v>18</v>
      </c>
      <c r="G10562" s="6" t="s">
        <v>20241</v>
      </c>
      <c r="H10562" s="6" t="s">
        <v>20242</v>
      </c>
      <c r="I10562" s="7">
        <v>4.1383593000000003</v>
      </c>
      <c r="J10562" s="8">
        <v>-73.585871800000007</v>
      </c>
    </row>
    <row r="10563" spans="1:10" x14ac:dyDescent="0.35">
      <c r="A10563" s="5" t="s">
        <v>10</v>
      </c>
      <c r="B10563" s="6">
        <v>162903</v>
      </c>
      <c r="C10563" s="6" t="s">
        <v>294</v>
      </c>
      <c r="D10563" s="6" t="s">
        <v>4244</v>
      </c>
      <c r="E10563" s="6">
        <v>41298</v>
      </c>
      <c r="F10563" s="6" t="s">
        <v>13</v>
      </c>
      <c r="G10563" s="6" t="s">
        <v>20243</v>
      </c>
      <c r="H10563" s="6" t="s">
        <v>20244</v>
      </c>
      <c r="I10563" s="7">
        <v>2.1954030000000002</v>
      </c>
      <c r="J10563" s="8">
        <v>-75.627467899999999</v>
      </c>
    </row>
    <row r="10564" spans="1:10" x14ac:dyDescent="0.35">
      <c r="A10564" s="5" t="s">
        <v>10</v>
      </c>
      <c r="B10564" s="6">
        <v>210069</v>
      </c>
      <c r="C10564" s="6" t="s">
        <v>294</v>
      </c>
      <c r="D10564" s="6" t="s">
        <v>413</v>
      </c>
      <c r="E10564" s="6">
        <v>41503</v>
      </c>
      <c r="F10564" s="6" t="s">
        <v>18</v>
      </c>
      <c r="G10564" s="6" t="s">
        <v>20245</v>
      </c>
      <c r="H10564" s="6" t="s">
        <v>20246</v>
      </c>
      <c r="I10564" s="7">
        <v>2.0259109</v>
      </c>
      <c r="J10564" s="8">
        <v>-75.994963999999996</v>
      </c>
    </row>
    <row r="10565" spans="1:10" x14ac:dyDescent="0.35">
      <c r="A10565" s="5" t="s">
        <v>10</v>
      </c>
      <c r="B10565" s="6">
        <v>180721</v>
      </c>
      <c r="C10565" s="6" t="s">
        <v>11</v>
      </c>
      <c r="D10565" s="6" t="s">
        <v>513</v>
      </c>
      <c r="E10565" s="6">
        <v>25286</v>
      </c>
      <c r="F10565" s="6" t="s">
        <v>18</v>
      </c>
      <c r="G10565" s="6" t="s">
        <v>20107</v>
      </c>
      <c r="H10565" s="6" t="s">
        <v>20108</v>
      </c>
      <c r="I10565" s="7">
        <v>4.7131084999999997</v>
      </c>
      <c r="J10565" s="8">
        <v>-74.199338999999995</v>
      </c>
    </row>
    <row r="10566" spans="1:10" x14ac:dyDescent="0.35">
      <c r="A10566" s="5" t="s">
        <v>10</v>
      </c>
      <c r="B10566" s="6">
        <v>227805</v>
      </c>
      <c r="C10566" s="6" t="s">
        <v>11</v>
      </c>
      <c r="D10566" s="6" t="s">
        <v>12</v>
      </c>
      <c r="E10566" s="6">
        <v>25899</v>
      </c>
      <c r="F10566" s="6" t="s">
        <v>18</v>
      </c>
      <c r="G10566" s="6" t="s">
        <v>20247</v>
      </c>
      <c r="H10566" s="6" t="s">
        <v>20248</v>
      </c>
      <c r="I10566" s="7">
        <v>5.0246019999999998</v>
      </c>
      <c r="J10566" s="8">
        <v>-74.003239699999995</v>
      </c>
    </row>
    <row r="10567" spans="1:10" x14ac:dyDescent="0.35">
      <c r="A10567" s="5" t="s">
        <v>10</v>
      </c>
      <c r="B10567" s="6">
        <v>239068</v>
      </c>
      <c r="C10567" s="6" t="s">
        <v>11</v>
      </c>
      <c r="D10567" s="6" t="s">
        <v>901</v>
      </c>
      <c r="E10567" s="6">
        <v>25307</v>
      </c>
      <c r="F10567" s="6" t="s">
        <v>18</v>
      </c>
      <c r="G10567" s="6" t="s">
        <v>4905</v>
      </c>
      <c r="H10567" s="6" t="s">
        <v>20249</v>
      </c>
      <c r="I10567" s="7">
        <v>4.2892694000000002</v>
      </c>
      <c r="J10567" s="8">
        <v>-74.804156800000001</v>
      </c>
    </row>
    <row r="10568" spans="1:10" x14ac:dyDescent="0.35">
      <c r="A10568" s="5" t="s">
        <v>10</v>
      </c>
      <c r="B10568" s="6">
        <v>90580</v>
      </c>
      <c r="C10568" s="6" t="s">
        <v>24</v>
      </c>
      <c r="D10568" s="6" t="s">
        <v>88</v>
      </c>
      <c r="E10568" s="6">
        <v>15001</v>
      </c>
      <c r="F10568" s="6" t="s">
        <v>18</v>
      </c>
      <c r="G10568" s="6" t="s">
        <v>20250</v>
      </c>
      <c r="H10568" s="6" t="s">
        <v>20251</v>
      </c>
      <c r="I10568" s="7">
        <v>5.5307955</v>
      </c>
      <c r="J10568" s="8">
        <v>-73.363423299999994</v>
      </c>
    </row>
    <row r="10569" spans="1:10" x14ac:dyDescent="0.35">
      <c r="A10569" s="5" t="s">
        <v>10</v>
      </c>
      <c r="B10569" s="6">
        <v>234268</v>
      </c>
      <c r="C10569" s="6" t="s">
        <v>11</v>
      </c>
      <c r="D10569" s="6" t="s">
        <v>901</v>
      </c>
      <c r="E10569" s="6">
        <v>25307</v>
      </c>
      <c r="F10569" s="6" t="s">
        <v>18</v>
      </c>
      <c r="G10569" s="6" t="s">
        <v>20252</v>
      </c>
      <c r="H10569" s="6" t="s">
        <v>20253</v>
      </c>
      <c r="I10569" s="7">
        <v>4.3032398000000001</v>
      </c>
      <c r="J10569" s="8">
        <v>-74.794956999999997</v>
      </c>
    </row>
    <row r="10570" spans="1:10" x14ac:dyDescent="0.35">
      <c r="A10570" s="5" t="s">
        <v>10</v>
      </c>
      <c r="B10570" s="6">
        <v>236615</v>
      </c>
      <c r="C10570" s="6" t="s">
        <v>11</v>
      </c>
      <c r="D10570" s="6" t="s">
        <v>4218</v>
      </c>
      <c r="E10570" s="6">
        <v>25518</v>
      </c>
      <c r="F10570" s="6" t="s">
        <v>18</v>
      </c>
      <c r="G10570" s="6" t="s">
        <v>20254</v>
      </c>
      <c r="H10570" s="6" t="s">
        <v>4220</v>
      </c>
      <c r="I10570" s="7">
        <v>5.3703626</v>
      </c>
      <c r="J10570" s="8">
        <v>-74.155101099999996</v>
      </c>
    </row>
    <row r="10571" spans="1:10" x14ac:dyDescent="0.35">
      <c r="A10571" s="5" t="s">
        <v>10</v>
      </c>
      <c r="B10571" s="6">
        <v>210684</v>
      </c>
      <c r="C10571" s="6" t="s">
        <v>68</v>
      </c>
      <c r="D10571" s="6" t="s">
        <v>69</v>
      </c>
      <c r="E10571" s="6">
        <v>11001</v>
      </c>
      <c r="F10571" s="6" t="s">
        <v>18</v>
      </c>
      <c r="G10571" s="6" t="s">
        <v>20255</v>
      </c>
      <c r="H10571" s="6" t="s">
        <v>20256</v>
      </c>
      <c r="I10571" s="7">
        <v>4.5730594</v>
      </c>
      <c r="J10571" s="8">
        <v>-74.108485299999998</v>
      </c>
    </row>
    <row r="10572" spans="1:10" x14ac:dyDescent="0.35">
      <c r="A10572" s="5" t="s">
        <v>10</v>
      </c>
      <c r="B10572" s="6">
        <v>154882</v>
      </c>
      <c r="C10572" s="6" t="s">
        <v>24</v>
      </c>
      <c r="D10572" s="6" t="s">
        <v>88</v>
      </c>
      <c r="E10572" s="6">
        <v>15001</v>
      </c>
      <c r="F10572" s="6" t="s">
        <v>18</v>
      </c>
      <c r="G10572" s="6" t="s">
        <v>20257</v>
      </c>
      <c r="H10572" s="6" t="s">
        <v>20258</v>
      </c>
      <c r="I10572" s="7">
        <v>5.5446876999999999</v>
      </c>
      <c r="J10572" s="8">
        <v>-73.358215899999905</v>
      </c>
    </row>
    <row r="10573" spans="1:10" x14ac:dyDescent="0.35">
      <c r="A10573" s="5" t="s">
        <v>10</v>
      </c>
      <c r="B10573" s="6">
        <v>243306</v>
      </c>
      <c r="C10573" s="6" t="s">
        <v>551</v>
      </c>
      <c r="D10573" s="6" t="s">
        <v>3942</v>
      </c>
      <c r="E10573" s="6">
        <v>20295</v>
      </c>
      <c r="F10573" s="6" t="s">
        <v>18</v>
      </c>
      <c r="G10573" s="6" t="s">
        <v>20259</v>
      </c>
      <c r="H10573" s="6" t="s">
        <v>20260</v>
      </c>
      <c r="I10573" s="7">
        <v>10.488478799999999</v>
      </c>
      <c r="J10573" s="8">
        <v>-73.261618999999996</v>
      </c>
    </row>
    <row r="10574" spans="1:10" x14ac:dyDescent="0.35">
      <c r="A10574" s="5" t="s">
        <v>10</v>
      </c>
      <c r="B10574" s="6">
        <v>239649</v>
      </c>
      <c r="C10574" s="6" t="s">
        <v>2130</v>
      </c>
      <c r="D10574" s="6" t="s">
        <v>3979</v>
      </c>
      <c r="E10574" s="6">
        <v>85010</v>
      </c>
      <c r="F10574" s="6" t="s">
        <v>18</v>
      </c>
      <c r="G10574" s="6" t="s">
        <v>20261</v>
      </c>
      <c r="H10574" s="6" t="s">
        <v>20262</v>
      </c>
      <c r="I10574" s="7">
        <v>5.1688947000000001</v>
      </c>
      <c r="J10574" s="8">
        <v>-72.549604700000003</v>
      </c>
    </row>
    <row r="10575" spans="1:10" x14ac:dyDescent="0.35">
      <c r="A10575" s="5" t="s">
        <v>10</v>
      </c>
      <c r="B10575" s="6">
        <v>210583</v>
      </c>
      <c r="C10575" s="6" t="s">
        <v>278</v>
      </c>
      <c r="D10575" s="6" t="s">
        <v>279</v>
      </c>
      <c r="E10575" s="6">
        <v>50001</v>
      </c>
      <c r="F10575" s="6" t="s">
        <v>18</v>
      </c>
      <c r="G10575" s="6" t="s">
        <v>20263</v>
      </c>
      <c r="H10575" s="6" t="s">
        <v>20264</v>
      </c>
      <c r="I10575" s="7">
        <v>4.1233198</v>
      </c>
      <c r="J10575" s="8">
        <v>-73.624090699999996</v>
      </c>
    </row>
    <row r="10576" spans="1:10" x14ac:dyDescent="0.35">
      <c r="A10576" s="5" t="s">
        <v>10</v>
      </c>
      <c r="B10576" s="6">
        <v>244617</v>
      </c>
      <c r="C10576" s="6" t="s">
        <v>11</v>
      </c>
      <c r="D10576" s="6" t="s">
        <v>12</v>
      </c>
      <c r="E10576" s="6">
        <v>25899</v>
      </c>
      <c r="F10576" s="6" t="s">
        <v>18</v>
      </c>
      <c r="G10576" s="6" t="s">
        <v>20265</v>
      </c>
      <c r="H10576" s="6" t="s">
        <v>20266</v>
      </c>
      <c r="I10576" s="7">
        <v>5.0133444999999996</v>
      </c>
      <c r="J10576" s="8">
        <v>-73.993966400000005</v>
      </c>
    </row>
    <row r="10577" spans="1:10" x14ac:dyDescent="0.35">
      <c r="A10577" s="5" t="s">
        <v>10</v>
      </c>
      <c r="B10577" s="6">
        <v>200956</v>
      </c>
      <c r="C10577" s="6" t="s">
        <v>11</v>
      </c>
      <c r="D10577" s="6" t="s">
        <v>334</v>
      </c>
      <c r="E10577" s="6">
        <v>25754</v>
      </c>
      <c r="F10577" s="6" t="s">
        <v>18</v>
      </c>
      <c r="G10577" s="6" t="s">
        <v>4434</v>
      </c>
      <c r="H10577" s="6" t="s">
        <v>4435</v>
      </c>
      <c r="I10577" s="7">
        <v>4.7880599999999998</v>
      </c>
      <c r="J10577" s="8">
        <v>-73.716980000000007</v>
      </c>
    </row>
    <row r="10578" spans="1:10" x14ac:dyDescent="0.35">
      <c r="A10578" s="5" t="s">
        <v>10</v>
      </c>
      <c r="B10578" s="6">
        <v>207196</v>
      </c>
      <c r="C10578" s="6" t="s">
        <v>68</v>
      </c>
      <c r="D10578" s="6" t="s">
        <v>69</v>
      </c>
      <c r="E10578" s="6">
        <v>11001</v>
      </c>
      <c r="F10578" s="6" t="s">
        <v>18</v>
      </c>
      <c r="G10578" s="6" t="s">
        <v>20267</v>
      </c>
      <c r="H10578" s="6" t="s">
        <v>20268</v>
      </c>
      <c r="I10578" s="7">
        <v>4.6344554999999996</v>
      </c>
      <c r="J10578" s="8">
        <v>-74.196087899999995</v>
      </c>
    </row>
    <row r="10579" spans="1:10" x14ac:dyDescent="0.35">
      <c r="A10579" s="5" t="s">
        <v>10</v>
      </c>
      <c r="B10579" s="6">
        <v>241935</v>
      </c>
      <c r="C10579" s="6" t="s">
        <v>278</v>
      </c>
      <c r="D10579" s="6" t="s">
        <v>1331</v>
      </c>
      <c r="E10579" s="6">
        <v>50006</v>
      </c>
      <c r="F10579" s="6" t="s">
        <v>18</v>
      </c>
      <c r="G10579" s="6" t="s">
        <v>20269</v>
      </c>
      <c r="H10579" s="6" t="s">
        <v>20270</v>
      </c>
      <c r="I10579" s="7">
        <v>3.9953411999999999</v>
      </c>
      <c r="J10579" s="8">
        <v>-73.766079599999998</v>
      </c>
    </row>
    <row r="10580" spans="1:10" x14ac:dyDescent="0.35">
      <c r="A10580" s="5" t="s">
        <v>10</v>
      </c>
      <c r="B10580" s="6">
        <v>233936</v>
      </c>
      <c r="C10580" s="6" t="s">
        <v>11</v>
      </c>
      <c r="D10580" s="6" t="s">
        <v>12</v>
      </c>
      <c r="E10580" s="6">
        <v>25899</v>
      </c>
      <c r="F10580" s="6" t="s">
        <v>18</v>
      </c>
      <c r="G10580" s="6" t="s">
        <v>20271</v>
      </c>
      <c r="H10580" s="6" t="s">
        <v>20272</v>
      </c>
      <c r="I10580" s="7">
        <v>5.0259269</v>
      </c>
      <c r="J10580" s="8">
        <v>-73.994356699999997</v>
      </c>
    </row>
    <row r="10581" spans="1:10" x14ac:dyDescent="0.35">
      <c r="A10581" s="5" t="s">
        <v>10</v>
      </c>
      <c r="B10581" s="6">
        <v>231893</v>
      </c>
      <c r="C10581" s="6" t="s">
        <v>11</v>
      </c>
      <c r="D10581" s="6" t="s">
        <v>106</v>
      </c>
      <c r="E10581" s="6">
        <v>25843</v>
      </c>
      <c r="F10581" s="6" t="s">
        <v>18</v>
      </c>
      <c r="G10581" s="6" t="s">
        <v>20273</v>
      </c>
      <c r="H10581" s="6" t="s">
        <v>20274</v>
      </c>
      <c r="I10581" s="7">
        <v>5.3107230000000003</v>
      </c>
      <c r="J10581" s="8">
        <v>-73.807966100000002</v>
      </c>
    </row>
    <row r="10582" spans="1:10" x14ac:dyDescent="0.35">
      <c r="A10582" s="5" t="s">
        <v>10</v>
      </c>
      <c r="B10582" s="6">
        <v>234876</v>
      </c>
      <c r="C10582" s="6" t="s">
        <v>11</v>
      </c>
      <c r="D10582" s="6" t="s">
        <v>334</v>
      </c>
      <c r="E10582" s="6">
        <v>25754</v>
      </c>
      <c r="F10582" s="6" t="s">
        <v>18</v>
      </c>
      <c r="G10582" s="6" t="s">
        <v>20275</v>
      </c>
      <c r="H10582" s="6" t="s">
        <v>20276</v>
      </c>
      <c r="I10582" s="7">
        <v>4.5830731</v>
      </c>
      <c r="J10582" s="8">
        <v>-74.213797200000002</v>
      </c>
    </row>
    <row r="10583" spans="1:10" x14ac:dyDescent="0.35">
      <c r="A10583" s="5" t="s">
        <v>10</v>
      </c>
      <c r="B10583" s="6">
        <v>243508</v>
      </c>
      <c r="C10583" s="6" t="s">
        <v>11</v>
      </c>
      <c r="D10583" s="6" t="s">
        <v>1000</v>
      </c>
      <c r="E10583" s="6">
        <v>25123</v>
      </c>
      <c r="F10583" s="6" t="s">
        <v>18</v>
      </c>
      <c r="G10583" s="6" t="s">
        <v>20277</v>
      </c>
      <c r="H10583" s="6" t="s">
        <v>20278</v>
      </c>
      <c r="I10583" s="7">
        <v>5.2667400000000004</v>
      </c>
      <c r="J10583" s="8">
        <v>-74.566720000000004</v>
      </c>
    </row>
    <row r="10584" spans="1:10" x14ac:dyDescent="0.35">
      <c r="A10584" s="5" t="s">
        <v>10</v>
      </c>
      <c r="B10584" s="6">
        <v>190758</v>
      </c>
      <c r="C10584" s="6" t="s">
        <v>28</v>
      </c>
      <c r="D10584" s="6" t="s">
        <v>29</v>
      </c>
      <c r="E10584" s="6">
        <v>54001</v>
      </c>
      <c r="F10584" s="6" t="s">
        <v>18</v>
      </c>
      <c r="G10584" s="6" t="s">
        <v>20161</v>
      </c>
      <c r="H10584" s="6" t="s">
        <v>20279</v>
      </c>
      <c r="I10584" s="7">
        <v>7.8979434999999896</v>
      </c>
      <c r="J10584" s="8">
        <v>-72.526818699999893</v>
      </c>
    </row>
    <row r="10585" spans="1:10" x14ac:dyDescent="0.35">
      <c r="A10585" s="5" t="s">
        <v>10</v>
      </c>
      <c r="B10585" s="6">
        <v>188495</v>
      </c>
      <c r="C10585" s="6" t="s">
        <v>117</v>
      </c>
      <c r="D10585" s="6" t="s">
        <v>1334</v>
      </c>
      <c r="E10585" s="6">
        <v>76001</v>
      </c>
      <c r="F10585" s="6" t="s">
        <v>18</v>
      </c>
      <c r="G10585" s="6" t="s">
        <v>20280</v>
      </c>
      <c r="H10585" s="6" t="s">
        <v>20281</v>
      </c>
      <c r="I10585" s="7">
        <v>3.485773</v>
      </c>
      <c r="J10585" s="8">
        <v>-76.506960300000003</v>
      </c>
    </row>
    <row r="10586" spans="1:10" x14ac:dyDescent="0.35">
      <c r="A10586" s="5" t="s">
        <v>10</v>
      </c>
      <c r="B10586" s="6">
        <v>206611</v>
      </c>
      <c r="C10586" s="6" t="s">
        <v>117</v>
      </c>
      <c r="D10586" s="6" t="s">
        <v>3492</v>
      </c>
      <c r="E10586" s="6">
        <v>76520</v>
      </c>
      <c r="F10586" s="6" t="s">
        <v>18</v>
      </c>
      <c r="G10586" s="6" t="s">
        <v>5215</v>
      </c>
      <c r="H10586" s="6" t="s">
        <v>5216</v>
      </c>
      <c r="I10586" s="7">
        <v>3.4429397000000002</v>
      </c>
      <c r="J10586" s="8">
        <v>-76.523510199999905</v>
      </c>
    </row>
    <row r="10587" spans="1:10" x14ac:dyDescent="0.35">
      <c r="A10587" s="5" t="s">
        <v>10</v>
      </c>
      <c r="B10587" s="6">
        <v>228559</v>
      </c>
      <c r="C10587" s="6" t="s">
        <v>278</v>
      </c>
      <c r="D10587" s="6" t="s">
        <v>3651</v>
      </c>
      <c r="E10587" s="6">
        <v>50313</v>
      </c>
      <c r="F10587" s="6" t="s">
        <v>18</v>
      </c>
      <c r="G10587" s="6" t="s">
        <v>20282</v>
      </c>
      <c r="H10587" s="6" t="s">
        <v>20283</v>
      </c>
      <c r="I10587" s="7">
        <v>3.5583721000000001</v>
      </c>
      <c r="J10587" s="8">
        <v>-73.707147800000001</v>
      </c>
    </row>
    <row r="10588" spans="1:10" x14ac:dyDescent="0.35">
      <c r="A10588" s="5" t="s">
        <v>10</v>
      </c>
      <c r="B10588" s="6">
        <v>174126</v>
      </c>
      <c r="C10588" s="6" t="s">
        <v>11</v>
      </c>
      <c r="D10588" s="6" t="s">
        <v>334</v>
      </c>
      <c r="E10588" s="6">
        <v>25754</v>
      </c>
      <c r="F10588" s="6" t="s">
        <v>18</v>
      </c>
      <c r="G10588" s="6" t="s">
        <v>4116</v>
      </c>
      <c r="H10588" s="6" t="s">
        <v>4117</v>
      </c>
      <c r="I10588" s="7">
        <v>4.6124307999999896</v>
      </c>
      <c r="J10588" s="8">
        <v>-74.218864400000001</v>
      </c>
    </row>
    <row r="10589" spans="1:10" x14ac:dyDescent="0.35">
      <c r="A10589" s="5" t="s">
        <v>10</v>
      </c>
      <c r="B10589" s="6">
        <v>228405</v>
      </c>
      <c r="C10589" s="6" t="s">
        <v>11</v>
      </c>
      <c r="D10589" s="6" t="s">
        <v>12</v>
      </c>
      <c r="E10589" s="6">
        <v>25899</v>
      </c>
      <c r="F10589" s="6" t="s">
        <v>18</v>
      </c>
      <c r="G10589" s="6" t="s">
        <v>20284</v>
      </c>
      <c r="H10589" s="6" t="s">
        <v>20285</v>
      </c>
      <c r="I10589" s="7">
        <v>5.0788045000000004</v>
      </c>
      <c r="J10589" s="8">
        <v>-73.608186500000002</v>
      </c>
    </row>
    <row r="10590" spans="1:10" x14ac:dyDescent="0.35">
      <c r="A10590" s="5" t="s">
        <v>10</v>
      </c>
      <c r="B10590" s="6">
        <v>205792</v>
      </c>
      <c r="C10590" s="6" t="s">
        <v>11</v>
      </c>
      <c r="D10590" s="6" t="s">
        <v>334</v>
      </c>
      <c r="E10590" s="6">
        <v>25754</v>
      </c>
      <c r="F10590" s="6" t="s">
        <v>18</v>
      </c>
      <c r="G10590" s="6" t="s">
        <v>20286</v>
      </c>
      <c r="H10590" s="6" t="s">
        <v>20287</v>
      </c>
      <c r="I10590" s="7">
        <v>4.5833915999999997</v>
      </c>
      <c r="J10590" s="8">
        <v>-74.212489300000001</v>
      </c>
    </row>
    <row r="10591" spans="1:10" x14ac:dyDescent="0.35">
      <c r="A10591" s="5" t="s">
        <v>10</v>
      </c>
      <c r="B10591" s="6">
        <v>182713</v>
      </c>
      <c r="C10591" s="6" t="s">
        <v>11</v>
      </c>
      <c r="D10591" s="6" t="s">
        <v>334</v>
      </c>
      <c r="E10591" s="6">
        <v>25754</v>
      </c>
      <c r="F10591" s="6" t="s">
        <v>18</v>
      </c>
      <c r="G10591" s="6" t="s">
        <v>20288</v>
      </c>
      <c r="H10591" s="6" t="s">
        <v>20289</v>
      </c>
      <c r="I10591" s="7">
        <v>4.5631399999999998</v>
      </c>
      <c r="J10591" s="8">
        <v>-74.235739999999893</v>
      </c>
    </row>
    <row r="10592" spans="1:10" x14ac:dyDescent="0.35">
      <c r="A10592" s="5" t="s">
        <v>10</v>
      </c>
      <c r="B10592" s="6">
        <v>234608</v>
      </c>
      <c r="C10592" s="6" t="s">
        <v>68</v>
      </c>
      <c r="D10592" s="6" t="s">
        <v>69</v>
      </c>
      <c r="E10592" s="6">
        <v>11001</v>
      </c>
      <c r="F10592" s="6" t="s">
        <v>18</v>
      </c>
      <c r="G10592" s="6" t="s">
        <v>855</v>
      </c>
      <c r="H10592" s="6" t="s">
        <v>20290</v>
      </c>
      <c r="I10592" s="7">
        <v>4.7415709000000001</v>
      </c>
      <c r="J10592" s="8">
        <v>-74.103045499999993</v>
      </c>
    </row>
    <row r="10593" spans="1:10" x14ac:dyDescent="0.35">
      <c r="A10593" s="5" t="s">
        <v>10</v>
      </c>
      <c r="B10593" s="6">
        <v>169977</v>
      </c>
      <c r="C10593" s="6" t="s">
        <v>2130</v>
      </c>
      <c r="D10593" s="6" t="s">
        <v>2131</v>
      </c>
      <c r="E10593" s="6">
        <v>85001</v>
      </c>
      <c r="F10593" s="6" t="s">
        <v>18</v>
      </c>
      <c r="G10593" s="6" t="s">
        <v>20291</v>
      </c>
      <c r="H10593" s="6" t="s">
        <v>20292</v>
      </c>
      <c r="I10593" s="7">
        <v>5.3349862999999997</v>
      </c>
      <c r="J10593" s="8">
        <v>-72.389626100000001</v>
      </c>
    </row>
    <row r="10594" spans="1:10" x14ac:dyDescent="0.35">
      <c r="A10594" s="5" t="s">
        <v>10</v>
      </c>
      <c r="B10594" s="6">
        <v>231895</v>
      </c>
      <c r="C10594" s="6" t="s">
        <v>551</v>
      </c>
      <c r="D10594" s="6" t="s">
        <v>1550</v>
      </c>
      <c r="E10594" s="6">
        <v>20710</v>
      </c>
      <c r="F10594" s="6" t="s">
        <v>18</v>
      </c>
      <c r="G10594" s="6" t="s">
        <v>20293</v>
      </c>
      <c r="H10594" s="6" t="s">
        <v>20294</v>
      </c>
      <c r="I10594" s="7">
        <v>7.7636684000000002</v>
      </c>
      <c r="J10594" s="8">
        <v>-73.393211699999995</v>
      </c>
    </row>
    <row r="10595" spans="1:10" x14ac:dyDescent="0.35">
      <c r="A10595" s="5" t="s">
        <v>10</v>
      </c>
      <c r="B10595" s="6">
        <v>209887</v>
      </c>
      <c r="C10595" s="6" t="s">
        <v>294</v>
      </c>
      <c r="D10595" s="6" t="s">
        <v>703</v>
      </c>
      <c r="E10595" s="6">
        <v>41001</v>
      </c>
      <c r="F10595" s="6" t="s">
        <v>18</v>
      </c>
      <c r="G10595" s="6" t="s">
        <v>20295</v>
      </c>
      <c r="H10595" s="6" t="s">
        <v>20296</v>
      </c>
      <c r="I10595" s="7">
        <v>2.9433927999999998</v>
      </c>
      <c r="J10595" s="8">
        <v>-75.248767000000001</v>
      </c>
    </row>
    <row r="10596" spans="1:10" x14ac:dyDescent="0.35">
      <c r="A10596" s="5" t="s">
        <v>10</v>
      </c>
      <c r="B10596" s="6">
        <v>227915</v>
      </c>
      <c r="C10596" s="6" t="s">
        <v>190</v>
      </c>
      <c r="D10596" s="6" t="s">
        <v>6084</v>
      </c>
      <c r="E10596" s="6">
        <v>5154</v>
      </c>
      <c r="F10596" s="6" t="s">
        <v>18</v>
      </c>
      <c r="G10596" s="6" t="s">
        <v>20297</v>
      </c>
      <c r="H10596" s="6" t="s">
        <v>20298</v>
      </c>
      <c r="I10596" s="7">
        <v>8.0909314999999999</v>
      </c>
      <c r="J10596" s="8">
        <v>-74.779646599999893</v>
      </c>
    </row>
    <row r="10597" spans="1:10" x14ac:dyDescent="0.35">
      <c r="A10597" s="5" t="s">
        <v>10</v>
      </c>
      <c r="B10597" s="6">
        <v>220419</v>
      </c>
      <c r="C10597" s="6" t="s">
        <v>2130</v>
      </c>
      <c r="D10597" s="6" t="s">
        <v>2131</v>
      </c>
      <c r="E10597" s="6">
        <v>85001</v>
      </c>
      <c r="F10597" s="6" t="s">
        <v>18</v>
      </c>
      <c r="G10597" s="6" t="s">
        <v>20299</v>
      </c>
      <c r="H10597" s="6" t="s">
        <v>20300</v>
      </c>
      <c r="I10597" s="7">
        <v>5.3440943999999897</v>
      </c>
      <c r="J10597" s="8">
        <v>-72.402697200000006</v>
      </c>
    </row>
    <row r="10598" spans="1:10" x14ac:dyDescent="0.35">
      <c r="A10598" s="5" t="s">
        <v>10</v>
      </c>
      <c r="B10598" s="6">
        <v>204782</v>
      </c>
      <c r="C10598" s="6" t="s">
        <v>11</v>
      </c>
      <c r="D10598" s="6" t="s">
        <v>12</v>
      </c>
      <c r="E10598" s="6">
        <v>25899</v>
      </c>
      <c r="F10598" s="6" t="s">
        <v>18</v>
      </c>
      <c r="G10598" s="6" t="s">
        <v>20301</v>
      </c>
      <c r="H10598" s="6" t="s">
        <v>20302</v>
      </c>
      <c r="I10598" s="7">
        <v>5.0292496999999896</v>
      </c>
      <c r="J10598" s="8">
        <v>-73.983011899999994</v>
      </c>
    </row>
    <row r="10599" spans="1:10" x14ac:dyDescent="0.35">
      <c r="A10599" s="5" t="s">
        <v>10</v>
      </c>
      <c r="B10599" s="6">
        <v>228384</v>
      </c>
      <c r="C10599" s="6" t="s">
        <v>11</v>
      </c>
      <c r="D10599" s="6" t="s">
        <v>12</v>
      </c>
      <c r="E10599" s="6">
        <v>25899</v>
      </c>
      <c r="F10599" s="6" t="s">
        <v>18</v>
      </c>
      <c r="G10599" s="6" t="s">
        <v>20303</v>
      </c>
      <c r="H10599" s="6" t="s">
        <v>20304</v>
      </c>
      <c r="I10599" s="7">
        <v>5.0219092999999999</v>
      </c>
      <c r="J10599" s="8">
        <v>-73.970249300000006</v>
      </c>
    </row>
    <row r="10600" spans="1:10" x14ac:dyDescent="0.35">
      <c r="A10600" s="5" t="s">
        <v>10</v>
      </c>
      <c r="B10600" s="6">
        <v>235036</v>
      </c>
      <c r="C10600" s="6" t="s">
        <v>11</v>
      </c>
      <c r="D10600" s="6" t="s">
        <v>6124</v>
      </c>
      <c r="E10600" s="6">
        <v>25377</v>
      </c>
      <c r="F10600" s="6" t="s">
        <v>18</v>
      </c>
      <c r="G10600" s="6" t="s">
        <v>20305</v>
      </c>
      <c r="H10600" s="6" t="s">
        <v>20306</v>
      </c>
      <c r="I10600" s="7">
        <v>4.7191926999999998</v>
      </c>
      <c r="J10600" s="8">
        <v>-73.967581800000005</v>
      </c>
    </row>
    <row r="10601" spans="1:10" x14ac:dyDescent="0.35">
      <c r="A10601" s="5" t="s">
        <v>10</v>
      </c>
      <c r="B10601" s="6">
        <v>236606</v>
      </c>
      <c r="C10601" s="6" t="s">
        <v>117</v>
      </c>
      <c r="D10601" s="6" t="s">
        <v>3860</v>
      </c>
      <c r="E10601" s="6">
        <v>76130</v>
      </c>
      <c r="F10601" s="6" t="s">
        <v>18</v>
      </c>
      <c r="G10601" s="6" t="s">
        <v>20307</v>
      </c>
      <c r="H10601" s="6" t="s">
        <v>20308</v>
      </c>
      <c r="I10601" s="7">
        <v>3.4065880000000002</v>
      </c>
      <c r="J10601" s="8">
        <v>-76.341664300000005</v>
      </c>
    </row>
    <row r="10602" spans="1:10" x14ac:dyDescent="0.35">
      <c r="A10602" s="5" t="s">
        <v>10</v>
      </c>
      <c r="B10602" s="6">
        <v>238997</v>
      </c>
      <c r="C10602" s="6" t="s">
        <v>11</v>
      </c>
      <c r="D10602" s="6" t="s">
        <v>251</v>
      </c>
      <c r="E10602" s="6">
        <v>25214</v>
      </c>
      <c r="F10602" s="6" t="s">
        <v>2161</v>
      </c>
      <c r="G10602" s="6" t="s">
        <v>20309</v>
      </c>
      <c r="H10602" s="6" t="s">
        <v>20310</v>
      </c>
      <c r="I10602" s="7">
        <v>4.8128773000000002</v>
      </c>
      <c r="J10602" s="8">
        <v>-74.0995171</v>
      </c>
    </row>
    <row r="10603" spans="1:10" x14ac:dyDescent="0.35">
      <c r="A10603" s="5" t="s">
        <v>10</v>
      </c>
      <c r="B10603" s="6">
        <v>203773</v>
      </c>
      <c r="C10603" s="6" t="s">
        <v>16</v>
      </c>
      <c r="D10603" s="6" t="s">
        <v>510</v>
      </c>
      <c r="E10603" s="6">
        <v>68547</v>
      </c>
      <c r="F10603" s="6" t="s">
        <v>18</v>
      </c>
      <c r="G10603" s="6" t="s">
        <v>4079</v>
      </c>
      <c r="H10603" s="6" t="s">
        <v>4080</v>
      </c>
      <c r="I10603" s="7">
        <v>11.2453599</v>
      </c>
      <c r="J10603" s="8">
        <v>-74.208916799999997</v>
      </c>
    </row>
    <row r="10604" spans="1:10" x14ac:dyDescent="0.35">
      <c r="A10604" s="5" t="s">
        <v>10</v>
      </c>
      <c r="B10604" s="6">
        <v>246115</v>
      </c>
      <c r="C10604" s="6" t="s">
        <v>294</v>
      </c>
      <c r="D10604" s="6" t="s">
        <v>5252</v>
      </c>
      <c r="E10604" s="6">
        <v>41807</v>
      </c>
      <c r="F10604" s="6" t="s">
        <v>18</v>
      </c>
      <c r="G10604" s="6" t="s">
        <v>20311</v>
      </c>
      <c r="H10604" s="6" t="s">
        <v>20312</v>
      </c>
      <c r="I10604" s="7">
        <v>8.9592807000000008</v>
      </c>
      <c r="J10604" s="8">
        <v>-73.623029399999993</v>
      </c>
    </row>
    <row r="10605" spans="1:10" x14ac:dyDescent="0.35">
      <c r="A10605" s="5" t="s">
        <v>10</v>
      </c>
      <c r="B10605" s="6">
        <v>238531</v>
      </c>
      <c r="C10605" s="6" t="s">
        <v>16</v>
      </c>
      <c r="D10605" s="6" t="s">
        <v>1942</v>
      </c>
      <c r="E10605" s="6">
        <v>68406</v>
      </c>
      <c r="F10605" s="6" t="s">
        <v>2161</v>
      </c>
      <c r="G10605" s="6" t="s">
        <v>20313</v>
      </c>
      <c r="H10605" s="6" t="s">
        <v>20314</v>
      </c>
      <c r="I10605" s="7">
        <v>5.9972569</v>
      </c>
      <c r="J10605" s="8">
        <v>-72.694488000000007</v>
      </c>
    </row>
    <row r="10606" spans="1:10" x14ac:dyDescent="0.35">
      <c r="A10606" s="5" t="s">
        <v>10</v>
      </c>
      <c r="B10606" s="6">
        <v>246249</v>
      </c>
      <c r="C10606" s="6" t="s">
        <v>11</v>
      </c>
      <c r="D10606" s="6" t="s">
        <v>221</v>
      </c>
      <c r="E10606" s="6">
        <v>25430</v>
      </c>
      <c r="F10606" s="6" t="s">
        <v>18</v>
      </c>
      <c r="G10606" s="6" t="s">
        <v>20315</v>
      </c>
      <c r="H10606" s="6" t="s">
        <v>20316</v>
      </c>
      <c r="I10606" s="7">
        <v>4.7316098000000002</v>
      </c>
      <c r="J10606" s="8">
        <v>-74.263990500000006</v>
      </c>
    </row>
    <row r="10607" spans="1:10" x14ac:dyDescent="0.35">
      <c r="A10607" s="5" t="s">
        <v>10</v>
      </c>
      <c r="B10607" s="6">
        <v>190922</v>
      </c>
      <c r="C10607" s="6" t="s">
        <v>38</v>
      </c>
      <c r="D10607" s="6" t="s">
        <v>7839</v>
      </c>
      <c r="E10607" s="6">
        <v>19573</v>
      </c>
      <c r="F10607" s="6" t="s">
        <v>18</v>
      </c>
      <c r="G10607" s="6" t="s">
        <v>20195</v>
      </c>
      <c r="H10607" s="6" t="s">
        <v>20196</v>
      </c>
      <c r="I10607" s="7">
        <v>3.2205900000000001</v>
      </c>
      <c r="J10607" s="8">
        <v>-76.415464999999998</v>
      </c>
    </row>
    <row r="10608" spans="1:10" x14ac:dyDescent="0.35">
      <c r="A10608" s="5" t="s">
        <v>10</v>
      </c>
      <c r="B10608" s="6">
        <v>191174</v>
      </c>
      <c r="C10608" s="6" t="s">
        <v>68</v>
      </c>
      <c r="D10608" s="6" t="s">
        <v>69</v>
      </c>
      <c r="E10608" s="6">
        <v>11001</v>
      </c>
      <c r="F10608" s="6" t="s">
        <v>18</v>
      </c>
      <c r="G10608" s="6" t="s">
        <v>20317</v>
      </c>
      <c r="H10608" s="6" t="s">
        <v>20318</v>
      </c>
      <c r="I10608" s="7">
        <v>4.5899447000000002</v>
      </c>
      <c r="J10608" s="8">
        <v>-74.119350699999998</v>
      </c>
    </row>
    <row r="10609" spans="1:10" x14ac:dyDescent="0.35">
      <c r="A10609" s="5" t="s">
        <v>10</v>
      </c>
      <c r="B10609" s="6">
        <v>238650</v>
      </c>
      <c r="C10609" s="6" t="s">
        <v>308</v>
      </c>
      <c r="D10609" s="6" t="s">
        <v>8102</v>
      </c>
      <c r="E10609" s="6">
        <v>23417</v>
      </c>
      <c r="F10609" s="6" t="s">
        <v>18</v>
      </c>
      <c r="G10609" s="6" t="s">
        <v>20319</v>
      </c>
      <c r="H10609" s="6" t="s">
        <v>20320</v>
      </c>
      <c r="I10609" s="7">
        <v>9.2378286999999997</v>
      </c>
      <c r="J10609" s="8">
        <v>-75.812288600000002</v>
      </c>
    </row>
    <row r="10610" spans="1:10" x14ac:dyDescent="0.35">
      <c r="A10610" s="5" t="s">
        <v>10</v>
      </c>
      <c r="B10610" s="6">
        <v>177171</v>
      </c>
      <c r="C10610" s="6" t="s">
        <v>2821</v>
      </c>
      <c r="D10610" s="6" t="s">
        <v>18229</v>
      </c>
      <c r="E10610" s="6">
        <v>47161</v>
      </c>
      <c r="F10610" s="6" t="s">
        <v>18</v>
      </c>
      <c r="G10610" s="6" t="s">
        <v>20321</v>
      </c>
      <c r="H10610" s="6" t="s">
        <v>20322</v>
      </c>
      <c r="I10610" s="7">
        <v>10.327090999999999</v>
      </c>
      <c r="J10610" s="8">
        <v>-74.869001799999893</v>
      </c>
    </row>
    <row r="10611" spans="1:10" x14ac:dyDescent="0.35">
      <c r="A10611" s="5" t="s">
        <v>10</v>
      </c>
      <c r="B10611" s="6">
        <v>163218</v>
      </c>
      <c r="C10611" s="6" t="s">
        <v>294</v>
      </c>
      <c r="D10611" s="6" t="s">
        <v>4244</v>
      </c>
      <c r="E10611" s="6">
        <v>41298</v>
      </c>
      <c r="F10611" s="6" t="s">
        <v>13</v>
      </c>
      <c r="G10611" s="6" t="s">
        <v>20323</v>
      </c>
      <c r="H10611" s="6" t="s">
        <v>20324</v>
      </c>
      <c r="I10611" s="7">
        <v>3.4497939</v>
      </c>
      <c r="J10611" s="8">
        <v>-76.542650799999905</v>
      </c>
    </row>
    <row r="10612" spans="1:10" x14ac:dyDescent="0.35">
      <c r="A10612" s="5" t="s">
        <v>10</v>
      </c>
      <c r="B10612" s="6">
        <v>237942</v>
      </c>
      <c r="C10612" s="6" t="s">
        <v>11</v>
      </c>
      <c r="D10612" s="6" t="s">
        <v>2630</v>
      </c>
      <c r="E10612" s="6">
        <v>25769</v>
      </c>
      <c r="F10612" s="6" t="s">
        <v>18</v>
      </c>
      <c r="G10612" s="6" t="s">
        <v>20325</v>
      </c>
      <c r="H10612" s="6" t="s">
        <v>20326</v>
      </c>
      <c r="I10612" s="7">
        <v>4.9303898000000004</v>
      </c>
      <c r="J10612" s="8">
        <v>-74.171775699999998</v>
      </c>
    </row>
    <row r="10613" spans="1:10" x14ac:dyDescent="0.35">
      <c r="A10613" s="5" t="s">
        <v>10</v>
      </c>
      <c r="B10613" s="6">
        <v>216590</v>
      </c>
      <c r="C10613" s="6" t="s">
        <v>11</v>
      </c>
      <c r="D10613" s="6" t="s">
        <v>221</v>
      </c>
      <c r="E10613" s="6">
        <v>25430</v>
      </c>
      <c r="F10613" s="6" t="s">
        <v>18</v>
      </c>
      <c r="G10613" s="6" t="s">
        <v>20327</v>
      </c>
      <c r="H10613" s="6" t="s">
        <v>20328</v>
      </c>
      <c r="I10613" s="7">
        <v>4.7354338999999896</v>
      </c>
      <c r="J10613" s="8">
        <v>-74.265414100000001</v>
      </c>
    </row>
    <row r="10614" spans="1:10" x14ac:dyDescent="0.35">
      <c r="A10614" s="5" t="s">
        <v>10</v>
      </c>
      <c r="B10614" s="6">
        <v>187841</v>
      </c>
      <c r="C10614" s="6" t="s">
        <v>16</v>
      </c>
      <c r="D10614" s="6" t="s">
        <v>78</v>
      </c>
      <c r="E10614" s="6">
        <v>68001</v>
      </c>
      <c r="F10614" s="6" t="s">
        <v>18</v>
      </c>
      <c r="G10614" s="6" t="s">
        <v>186</v>
      </c>
      <c r="H10614" s="6" t="s">
        <v>6028</v>
      </c>
      <c r="I10614" s="7">
        <v>7.1086349000000002</v>
      </c>
      <c r="J10614" s="8">
        <v>-73.135182700000001</v>
      </c>
    </row>
    <row r="10615" spans="1:10" x14ac:dyDescent="0.35">
      <c r="A10615" s="5" t="s">
        <v>10</v>
      </c>
      <c r="B10615" s="6">
        <v>190810</v>
      </c>
      <c r="C10615" s="6" t="s">
        <v>28</v>
      </c>
      <c r="D10615" s="6" t="s">
        <v>29</v>
      </c>
      <c r="E10615" s="6">
        <v>54001</v>
      </c>
      <c r="F10615" s="6" t="s">
        <v>18</v>
      </c>
      <c r="G10615" s="6" t="s">
        <v>20329</v>
      </c>
      <c r="H10615" s="6" t="s">
        <v>20330</v>
      </c>
      <c r="I10615" s="7">
        <v>7.8907588000000004</v>
      </c>
      <c r="J10615" s="8">
        <v>-72.487974300000005</v>
      </c>
    </row>
    <row r="10616" spans="1:10" x14ac:dyDescent="0.35">
      <c r="A10616" s="5" t="s">
        <v>10</v>
      </c>
      <c r="B10616" s="6">
        <v>226345</v>
      </c>
      <c r="C10616" s="6" t="s">
        <v>2821</v>
      </c>
      <c r="D10616" s="6" t="s">
        <v>2822</v>
      </c>
      <c r="E10616" s="6">
        <v>47001</v>
      </c>
      <c r="F10616" s="6" t="s">
        <v>13</v>
      </c>
      <c r="G10616" s="6" t="s">
        <v>3737</v>
      </c>
      <c r="H10616" s="6" t="s">
        <v>20331</v>
      </c>
      <c r="I10616" s="7">
        <v>11.2386772</v>
      </c>
      <c r="J10616" s="8">
        <v>-74.208104599999999</v>
      </c>
    </row>
    <row r="10617" spans="1:10" x14ac:dyDescent="0.35">
      <c r="A10617" s="5" t="s">
        <v>10</v>
      </c>
      <c r="B10617" s="6">
        <v>232659</v>
      </c>
      <c r="C10617" s="6" t="s">
        <v>24</v>
      </c>
      <c r="D10617" s="6" t="s">
        <v>88</v>
      </c>
      <c r="E10617" s="6">
        <v>15001</v>
      </c>
      <c r="F10617" s="6" t="s">
        <v>18</v>
      </c>
      <c r="G10617" s="6" t="s">
        <v>20332</v>
      </c>
      <c r="H10617" s="6" t="s">
        <v>20333</v>
      </c>
      <c r="I10617" s="7">
        <v>5.5300513000000002</v>
      </c>
      <c r="J10617" s="8">
        <v>-73.3626182</v>
      </c>
    </row>
    <row r="10618" spans="1:10" x14ac:dyDescent="0.35">
      <c r="A10618" s="5" t="s">
        <v>10</v>
      </c>
      <c r="B10618" s="6">
        <v>167401</v>
      </c>
      <c r="C10618" s="6" t="s">
        <v>11</v>
      </c>
      <c r="D10618" s="6" t="s">
        <v>901</v>
      </c>
      <c r="E10618" s="6">
        <v>25307</v>
      </c>
      <c r="F10618" s="6" t="s">
        <v>18</v>
      </c>
      <c r="G10618" s="6" t="s">
        <v>6715</v>
      </c>
      <c r="H10618" s="6" t="s">
        <v>6716</v>
      </c>
      <c r="I10618" s="7">
        <v>4.3045958999999998</v>
      </c>
      <c r="J10618" s="8">
        <v>-74.803141400000001</v>
      </c>
    </row>
    <row r="10619" spans="1:10" x14ac:dyDescent="0.35">
      <c r="A10619" s="5" t="s">
        <v>10</v>
      </c>
      <c r="B10619" s="6">
        <v>216243</v>
      </c>
      <c r="C10619" s="6" t="s">
        <v>11</v>
      </c>
      <c r="D10619" s="6" t="s">
        <v>3054</v>
      </c>
      <c r="E10619" s="6">
        <v>25269</v>
      </c>
      <c r="F10619" s="6" t="s">
        <v>18</v>
      </c>
      <c r="G10619" s="6" t="s">
        <v>20334</v>
      </c>
      <c r="H10619" s="6" t="s">
        <v>20335</v>
      </c>
      <c r="I10619" s="7">
        <v>4.8100014</v>
      </c>
      <c r="J10619" s="8">
        <v>-74.344904799999995</v>
      </c>
    </row>
    <row r="10620" spans="1:10" x14ac:dyDescent="0.35">
      <c r="A10620" s="5" t="s">
        <v>10</v>
      </c>
      <c r="B10620" s="6">
        <v>206611</v>
      </c>
      <c r="C10620" s="6" t="s">
        <v>117</v>
      </c>
      <c r="D10620" s="6" t="s">
        <v>3492</v>
      </c>
      <c r="E10620" s="6">
        <v>76520</v>
      </c>
      <c r="F10620" s="6" t="s">
        <v>18</v>
      </c>
      <c r="G10620" s="6" t="s">
        <v>5215</v>
      </c>
      <c r="H10620" s="6" t="s">
        <v>5216</v>
      </c>
      <c r="I10620" s="7">
        <v>3.4429397000000002</v>
      </c>
      <c r="J10620" s="8">
        <v>-76.523510199999905</v>
      </c>
    </row>
    <row r="10621" spans="1:10" x14ac:dyDescent="0.35">
      <c r="A10621" s="5" t="s">
        <v>10</v>
      </c>
      <c r="B10621" s="6">
        <v>201487</v>
      </c>
      <c r="C10621" s="6" t="s">
        <v>117</v>
      </c>
      <c r="D10621" s="6" t="s">
        <v>3963</v>
      </c>
      <c r="E10621" s="6">
        <v>76377</v>
      </c>
      <c r="F10621" s="6" t="s">
        <v>18</v>
      </c>
      <c r="G10621" s="6" t="s">
        <v>6804</v>
      </c>
      <c r="H10621" s="6" t="s">
        <v>6805</v>
      </c>
      <c r="I10621" s="7">
        <v>3.9046441999999999</v>
      </c>
      <c r="J10621" s="8">
        <v>-75.929199699999998</v>
      </c>
    </row>
    <row r="10622" spans="1:10" x14ac:dyDescent="0.35">
      <c r="A10622" s="5" t="s">
        <v>10</v>
      </c>
      <c r="B10622" s="6">
        <v>198920</v>
      </c>
      <c r="C10622" s="6" t="s">
        <v>28</v>
      </c>
      <c r="D10622" s="6" t="s">
        <v>91</v>
      </c>
      <c r="E10622" s="6">
        <v>54874</v>
      </c>
      <c r="F10622" s="6" t="s">
        <v>18</v>
      </c>
      <c r="G10622" s="6" t="s">
        <v>20336</v>
      </c>
      <c r="H10622" s="6" t="s">
        <v>20337</v>
      </c>
      <c r="I10622" s="7">
        <v>7.8697299999999997</v>
      </c>
      <c r="J10622" s="8">
        <v>-72.462469999999996</v>
      </c>
    </row>
    <row r="10623" spans="1:10" x14ac:dyDescent="0.35">
      <c r="A10623" s="5" t="s">
        <v>10</v>
      </c>
      <c r="B10623" s="6">
        <v>68976</v>
      </c>
      <c r="C10623" s="6" t="s">
        <v>24</v>
      </c>
      <c r="D10623" s="6" t="s">
        <v>88</v>
      </c>
      <c r="E10623" s="6">
        <v>15001</v>
      </c>
      <c r="F10623" s="6" t="s">
        <v>18</v>
      </c>
      <c r="G10623" s="6" t="s">
        <v>20338</v>
      </c>
      <c r="H10623" s="6" t="s">
        <v>20339</v>
      </c>
      <c r="I10623" s="7">
        <v>5.5391849999999998</v>
      </c>
      <c r="J10623" s="8">
        <v>-73.367884000000004</v>
      </c>
    </row>
    <row r="10624" spans="1:10" x14ac:dyDescent="0.35">
      <c r="A10624" s="5" t="s">
        <v>10</v>
      </c>
      <c r="B10624" s="6">
        <v>228302</v>
      </c>
      <c r="C10624" s="6" t="s">
        <v>294</v>
      </c>
      <c r="D10624" s="6" t="s">
        <v>447</v>
      </c>
      <c r="E10624" s="6">
        <v>41551</v>
      </c>
      <c r="F10624" s="6" t="s">
        <v>18</v>
      </c>
      <c r="G10624" s="6" t="s">
        <v>20340</v>
      </c>
      <c r="H10624" s="6" t="s">
        <v>20341</v>
      </c>
      <c r="I10624" s="7">
        <v>1.8536178999999999</v>
      </c>
      <c r="J10624" s="8">
        <v>-76.045598900000002</v>
      </c>
    </row>
    <row r="10625" spans="1:10" x14ac:dyDescent="0.35">
      <c r="A10625" s="5" t="s">
        <v>10</v>
      </c>
      <c r="B10625" s="6">
        <v>238890</v>
      </c>
      <c r="C10625" s="6" t="s">
        <v>16</v>
      </c>
      <c r="D10625" s="6" t="s">
        <v>8062</v>
      </c>
      <c r="E10625" s="6">
        <v>68575</v>
      </c>
      <c r="F10625" s="6" t="s">
        <v>18</v>
      </c>
      <c r="G10625" s="6" t="s">
        <v>20342</v>
      </c>
      <c r="H10625" s="6" t="s">
        <v>20343</v>
      </c>
      <c r="I10625" s="7">
        <v>7.2483789999999999</v>
      </c>
      <c r="J10625" s="8">
        <v>-73.783569</v>
      </c>
    </row>
    <row r="10626" spans="1:10" x14ac:dyDescent="0.35">
      <c r="A10626" s="5" t="s">
        <v>10</v>
      </c>
      <c r="B10626" s="6">
        <v>163212</v>
      </c>
      <c r="C10626" s="6" t="s">
        <v>294</v>
      </c>
      <c r="D10626" s="6" t="s">
        <v>4789</v>
      </c>
      <c r="E10626" s="6">
        <v>41548</v>
      </c>
      <c r="F10626" s="6" t="s">
        <v>13</v>
      </c>
      <c r="G10626" s="6" t="s">
        <v>20344</v>
      </c>
      <c r="H10626" s="6" t="s">
        <v>20345</v>
      </c>
      <c r="I10626" s="7">
        <v>10.4229301</v>
      </c>
      <c r="J10626" s="8">
        <v>-75.550232399999999</v>
      </c>
    </row>
    <row r="10627" spans="1:10" x14ac:dyDescent="0.35">
      <c r="A10627" s="5" t="s">
        <v>10</v>
      </c>
      <c r="B10627" s="6">
        <v>184008</v>
      </c>
      <c r="C10627" s="6" t="s">
        <v>117</v>
      </c>
      <c r="D10627" s="6" t="s">
        <v>4931</v>
      </c>
      <c r="E10627" s="6">
        <v>76892</v>
      </c>
      <c r="F10627" s="6" t="s">
        <v>18</v>
      </c>
      <c r="G10627" s="6" t="s">
        <v>20346</v>
      </c>
      <c r="H10627" s="6" t="s">
        <v>20347</v>
      </c>
      <c r="I10627" s="7">
        <v>3.4302589999999999</v>
      </c>
      <c r="J10627" s="8">
        <v>-76.538771999999994</v>
      </c>
    </row>
    <row r="10628" spans="1:10" x14ac:dyDescent="0.35">
      <c r="A10628" s="5" t="s">
        <v>10</v>
      </c>
      <c r="B10628" s="6">
        <v>204897</v>
      </c>
      <c r="C10628" s="6" t="s">
        <v>11</v>
      </c>
      <c r="D10628" s="6" t="s">
        <v>4073</v>
      </c>
      <c r="E10628" s="6">
        <v>25740</v>
      </c>
      <c r="F10628" s="6" t="s">
        <v>18</v>
      </c>
      <c r="G10628" s="6" t="s">
        <v>20348</v>
      </c>
      <c r="H10628" s="6" t="s">
        <v>20349</v>
      </c>
      <c r="I10628" s="7">
        <v>4.4866899</v>
      </c>
      <c r="J10628" s="8">
        <v>-74.268337599999995</v>
      </c>
    </row>
    <row r="10629" spans="1:10" x14ac:dyDescent="0.35">
      <c r="A10629" s="5" t="s">
        <v>10</v>
      </c>
      <c r="B10629" s="6">
        <v>238156</v>
      </c>
      <c r="C10629" s="6" t="s">
        <v>2130</v>
      </c>
      <c r="D10629" s="6" t="s">
        <v>4238</v>
      </c>
      <c r="E10629" s="6">
        <v>85410</v>
      </c>
      <c r="F10629" s="6" t="s">
        <v>18</v>
      </c>
      <c r="G10629" s="6" t="s">
        <v>20350</v>
      </c>
      <c r="H10629" s="6" t="s">
        <v>20351</v>
      </c>
      <c r="I10629" s="7">
        <v>5.0136105000000004</v>
      </c>
      <c r="J10629" s="8">
        <v>-72.746744899999996</v>
      </c>
    </row>
    <row r="10630" spans="1:10" x14ac:dyDescent="0.35">
      <c r="A10630" s="5" t="s">
        <v>10</v>
      </c>
      <c r="B10630" s="6">
        <v>241870</v>
      </c>
      <c r="C10630" s="6" t="s">
        <v>278</v>
      </c>
      <c r="D10630" s="6" t="s">
        <v>279</v>
      </c>
      <c r="E10630" s="6">
        <v>50001</v>
      </c>
      <c r="F10630" s="6" t="s">
        <v>18</v>
      </c>
      <c r="G10630" s="6" t="s">
        <v>20352</v>
      </c>
      <c r="H10630" s="6" t="s">
        <v>20353</v>
      </c>
      <c r="I10630" s="7">
        <v>4.1054865999999999</v>
      </c>
      <c r="J10630" s="8">
        <v>-73.645860200000001</v>
      </c>
    </row>
    <row r="10631" spans="1:10" x14ac:dyDescent="0.35">
      <c r="A10631" s="5" t="s">
        <v>10</v>
      </c>
      <c r="B10631" s="6">
        <v>243216</v>
      </c>
      <c r="C10631" s="6" t="s">
        <v>11</v>
      </c>
      <c r="D10631" s="6" t="s">
        <v>1906</v>
      </c>
      <c r="E10631" s="6">
        <v>25793</v>
      </c>
      <c r="F10631" s="6" t="s">
        <v>18</v>
      </c>
      <c r="G10631" s="6" t="s">
        <v>20354</v>
      </c>
      <c r="H10631" s="6" t="s">
        <v>20355</v>
      </c>
      <c r="I10631" s="7">
        <v>5.1577769</v>
      </c>
      <c r="J10631" s="8">
        <v>-73.878296700000007</v>
      </c>
    </row>
    <row r="10632" spans="1:10" x14ac:dyDescent="0.35">
      <c r="A10632" s="5" t="s">
        <v>10</v>
      </c>
      <c r="B10632" s="6">
        <v>219657</v>
      </c>
      <c r="C10632" s="6" t="s">
        <v>68</v>
      </c>
      <c r="D10632" s="6" t="s">
        <v>69</v>
      </c>
      <c r="E10632" s="6">
        <v>11001</v>
      </c>
      <c r="F10632" s="6" t="s">
        <v>18</v>
      </c>
      <c r="G10632" s="6" t="s">
        <v>20356</v>
      </c>
      <c r="H10632" s="6" t="s">
        <v>20357</v>
      </c>
      <c r="I10632" s="7">
        <v>4.5727302999999999</v>
      </c>
      <c r="J10632" s="8">
        <v>-74.108545599999999</v>
      </c>
    </row>
    <row r="10633" spans="1:10" x14ac:dyDescent="0.35">
      <c r="A10633" s="5" t="s">
        <v>10</v>
      </c>
      <c r="B10633" s="6">
        <v>239958</v>
      </c>
      <c r="C10633" s="6" t="s">
        <v>294</v>
      </c>
      <c r="D10633" s="6" t="s">
        <v>4257</v>
      </c>
      <c r="E10633" s="6">
        <v>41524</v>
      </c>
      <c r="F10633" s="6" t="s">
        <v>18</v>
      </c>
      <c r="G10633" s="6" t="s">
        <v>20358</v>
      </c>
      <c r="H10633" s="6" t="s">
        <v>20359</v>
      </c>
      <c r="I10633" s="7">
        <v>2.8891412000000001</v>
      </c>
      <c r="J10633" s="8">
        <v>-75.433499699999999</v>
      </c>
    </row>
    <row r="10634" spans="1:10" x14ac:dyDescent="0.35">
      <c r="A10634" s="5" t="s">
        <v>10</v>
      </c>
      <c r="B10634" s="6">
        <v>243078</v>
      </c>
      <c r="C10634" s="6" t="s">
        <v>11</v>
      </c>
      <c r="D10634" s="6" t="s">
        <v>334</v>
      </c>
      <c r="E10634" s="6">
        <v>25754</v>
      </c>
      <c r="F10634" s="6" t="s">
        <v>18</v>
      </c>
      <c r="G10634" s="6" t="s">
        <v>20360</v>
      </c>
      <c r="H10634" s="6" t="s">
        <v>20361</v>
      </c>
      <c r="I10634" s="7">
        <v>4.5708253000000001</v>
      </c>
      <c r="J10634" s="8">
        <v>-74.242046599999995</v>
      </c>
    </row>
    <row r="10635" spans="1:10" x14ac:dyDescent="0.35">
      <c r="A10635" s="5" t="s">
        <v>10</v>
      </c>
      <c r="B10635" s="6">
        <v>226321</v>
      </c>
      <c r="C10635" s="6" t="s">
        <v>278</v>
      </c>
      <c r="D10635" s="6" t="s">
        <v>279</v>
      </c>
      <c r="E10635" s="6">
        <v>50001</v>
      </c>
      <c r="F10635" s="6" t="s">
        <v>13</v>
      </c>
      <c r="G10635" s="6" t="s">
        <v>3737</v>
      </c>
      <c r="H10635" s="6" t="s">
        <v>6048</v>
      </c>
      <c r="I10635" s="7">
        <v>4.1111681000000004</v>
      </c>
      <c r="J10635" s="8">
        <v>-73.631698799999995</v>
      </c>
    </row>
    <row r="10636" spans="1:10" x14ac:dyDescent="0.35">
      <c r="A10636" s="5" t="s">
        <v>10</v>
      </c>
      <c r="B10636" s="6">
        <v>76578</v>
      </c>
      <c r="C10636" s="6" t="s">
        <v>24</v>
      </c>
      <c r="D10636" s="6" t="s">
        <v>88</v>
      </c>
      <c r="E10636" s="6">
        <v>15001</v>
      </c>
      <c r="F10636" s="6" t="s">
        <v>18</v>
      </c>
      <c r="G10636" s="6" t="s">
        <v>20185</v>
      </c>
      <c r="H10636" s="6" t="s">
        <v>20186</v>
      </c>
      <c r="I10636" s="7">
        <v>5.5140840999999998</v>
      </c>
      <c r="J10636" s="8">
        <v>-73.364787800000002</v>
      </c>
    </row>
    <row r="10637" spans="1:10" x14ac:dyDescent="0.35">
      <c r="A10637" s="5" t="s">
        <v>10</v>
      </c>
      <c r="B10637" s="6">
        <v>243281</v>
      </c>
      <c r="C10637" s="6" t="s">
        <v>551</v>
      </c>
      <c r="D10637" s="6" t="s">
        <v>20362</v>
      </c>
      <c r="E10637" s="6">
        <v>20238</v>
      </c>
      <c r="F10637" s="6" t="s">
        <v>18</v>
      </c>
      <c r="G10637" s="6" t="s">
        <v>20363</v>
      </c>
      <c r="H10637" s="6" t="s">
        <v>20364</v>
      </c>
      <c r="I10637" s="7">
        <v>10.148975999999999</v>
      </c>
      <c r="J10637" s="8">
        <v>-73.960233000000002</v>
      </c>
    </row>
    <row r="10638" spans="1:10" x14ac:dyDescent="0.35">
      <c r="A10638" s="5" t="s">
        <v>10</v>
      </c>
      <c r="B10638" s="6">
        <v>232363</v>
      </c>
      <c r="C10638" s="6" t="s">
        <v>294</v>
      </c>
      <c r="D10638" s="6" t="s">
        <v>4244</v>
      </c>
      <c r="E10638" s="6">
        <v>41298</v>
      </c>
      <c r="F10638" s="6" t="s">
        <v>18</v>
      </c>
      <c r="G10638" s="6" t="s">
        <v>20365</v>
      </c>
      <c r="H10638" s="6" t="s">
        <v>20366</v>
      </c>
      <c r="I10638" s="7">
        <v>2.1954612999999998</v>
      </c>
      <c r="J10638" s="8">
        <v>-75.630426700000001</v>
      </c>
    </row>
    <row r="10639" spans="1:10" x14ac:dyDescent="0.35">
      <c r="A10639" s="5" t="s">
        <v>10</v>
      </c>
      <c r="B10639" s="6">
        <v>163214</v>
      </c>
      <c r="C10639" s="6" t="s">
        <v>294</v>
      </c>
      <c r="D10639" s="6" t="s">
        <v>4244</v>
      </c>
      <c r="E10639" s="6">
        <v>41298</v>
      </c>
      <c r="F10639" s="6" t="s">
        <v>13</v>
      </c>
      <c r="G10639" s="6" t="s">
        <v>5649</v>
      </c>
      <c r="H10639" s="6" t="s">
        <v>5650</v>
      </c>
      <c r="I10639" s="7">
        <v>2.0736569999999999</v>
      </c>
      <c r="J10639" s="8">
        <v>-75.944153999999997</v>
      </c>
    </row>
    <row r="10640" spans="1:10" x14ac:dyDescent="0.35">
      <c r="A10640" s="5" t="s">
        <v>10</v>
      </c>
      <c r="B10640" s="6">
        <v>220064</v>
      </c>
      <c r="C10640" s="6" t="s">
        <v>11</v>
      </c>
      <c r="D10640" s="6" t="s">
        <v>334</v>
      </c>
      <c r="E10640" s="6">
        <v>25754</v>
      </c>
      <c r="F10640" s="6" t="s">
        <v>18</v>
      </c>
      <c r="G10640" s="6" t="s">
        <v>20367</v>
      </c>
      <c r="H10640" s="6" t="s">
        <v>20368</v>
      </c>
      <c r="I10640" s="7">
        <v>4.5785005999999999</v>
      </c>
      <c r="J10640" s="8">
        <v>-74.220236599999893</v>
      </c>
    </row>
    <row r="10641" spans="1:10" x14ac:dyDescent="0.35">
      <c r="A10641" s="5" t="s">
        <v>10</v>
      </c>
      <c r="B10641" s="6">
        <v>227994</v>
      </c>
      <c r="C10641" s="6" t="s">
        <v>11</v>
      </c>
      <c r="D10641" s="6" t="s">
        <v>5701</v>
      </c>
      <c r="E10641" s="6">
        <v>25398</v>
      </c>
      <c r="F10641" s="6" t="s">
        <v>18</v>
      </c>
      <c r="G10641" s="6" t="s">
        <v>20369</v>
      </c>
      <c r="H10641" s="6" t="s">
        <v>20370</v>
      </c>
      <c r="I10641" s="7">
        <v>5.2006077999999896</v>
      </c>
      <c r="J10641" s="8">
        <v>-74.393200899999997</v>
      </c>
    </row>
    <row r="10642" spans="1:10" x14ac:dyDescent="0.35">
      <c r="A10642" s="5" t="s">
        <v>10</v>
      </c>
      <c r="B10642" s="6">
        <v>185724</v>
      </c>
      <c r="C10642" s="6" t="s">
        <v>68</v>
      </c>
      <c r="D10642" s="6" t="s">
        <v>69</v>
      </c>
      <c r="E10642" s="6">
        <v>11001</v>
      </c>
      <c r="F10642" s="6" t="s">
        <v>18</v>
      </c>
      <c r="G10642" s="6" t="s">
        <v>20371</v>
      </c>
      <c r="H10642" s="6" t="s">
        <v>20372</v>
      </c>
      <c r="I10642" s="7">
        <v>4.6448041999999896</v>
      </c>
      <c r="J10642" s="8">
        <v>-74.176286199999893</v>
      </c>
    </row>
    <row r="10643" spans="1:10" x14ac:dyDescent="0.35">
      <c r="A10643" s="5" t="s">
        <v>10</v>
      </c>
      <c r="B10643" s="6">
        <v>238570</v>
      </c>
      <c r="C10643" s="6" t="s">
        <v>278</v>
      </c>
      <c r="D10643" s="6" t="s">
        <v>5742</v>
      </c>
      <c r="E10643" s="6">
        <v>50251</v>
      </c>
      <c r="F10643" s="6" t="s">
        <v>18</v>
      </c>
      <c r="G10643" s="6" t="s">
        <v>20373</v>
      </c>
      <c r="H10643" s="6" t="s">
        <v>20374</v>
      </c>
      <c r="I10643" s="7">
        <v>3.5642520000000002</v>
      </c>
      <c r="J10643" s="8">
        <v>-73.794393999999997</v>
      </c>
    </row>
    <row r="10644" spans="1:10" x14ac:dyDescent="0.35">
      <c r="A10644" s="5" t="s">
        <v>10</v>
      </c>
      <c r="B10644" s="6">
        <v>188895</v>
      </c>
      <c r="C10644" s="6" t="s">
        <v>294</v>
      </c>
      <c r="D10644" s="6" t="s">
        <v>703</v>
      </c>
      <c r="E10644" s="6">
        <v>41001</v>
      </c>
      <c r="F10644" s="6" t="s">
        <v>18</v>
      </c>
      <c r="G10644" s="6" t="s">
        <v>20375</v>
      </c>
      <c r="H10644" s="6" t="s">
        <v>20376</v>
      </c>
      <c r="I10644" s="7">
        <v>2.9074198999999998</v>
      </c>
      <c r="J10644" s="8">
        <v>-75.2728343</v>
      </c>
    </row>
    <row r="10645" spans="1:10" x14ac:dyDescent="0.35">
      <c r="A10645" s="5" t="s">
        <v>10</v>
      </c>
      <c r="B10645" s="6">
        <v>231570</v>
      </c>
      <c r="C10645" s="6" t="s">
        <v>11</v>
      </c>
      <c r="D10645" s="6" t="s">
        <v>513</v>
      </c>
      <c r="E10645" s="6">
        <v>25286</v>
      </c>
      <c r="F10645" s="6" t="s">
        <v>18</v>
      </c>
      <c r="G10645" s="6" t="s">
        <v>20377</v>
      </c>
      <c r="H10645" s="6" t="s">
        <v>20378</v>
      </c>
      <c r="I10645" s="7">
        <v>4.7168340999999998</v>
      </c>
      <c r="J10645" s="8">
        <v>-74.212085700000003</v>
      </c>
    </row>
    <row r="10646" spans="1:10" x14ac:dyDescent="0.35">
      <c r="A10646" s="5" t="s">
        <v>10</v>
      </c>
      <c r="B10646" s="6">
        <v>185639</v>
      </c>
      <c r="C10646" s="6" t="s">
        <v>68</v>
      </c>
      <c r="D10646" s="6" t="s">
        <v>69</v>
      </c>
      <c r="E10646" s="6">
        <v>11001</v>
      </c>
      <c r="F10646" s="6" t="s">
        <v>18</v>
      </c>
      <c r="G10646" s="6" t="s">
        <v>20379</v>
      </c>
      <c r="H10646" s="6" t="s">
        <v>20380</v>
      </c>
      <c r="I10646" s="7">
        <v>4.6294601000000002</v>
      </c>
      <c r="J10646" s="8">
        <v>-74.067046699999906</v>
      </c>
    </row>
    <row r="10647" spans="1:10" x14ac:dyDescent="0.35">
      <c r="A10647" s="5" t="s">
        <v>10</v>
      </c>
      <c r="B10647" s="6">
        <v>210306</v>
      </c>
      <c r="C10647" s="6" t="s">
        <v>68</v>
      </c>
      <c r="D10647" s="6" t="s">
        <v>69</v>
      </c>
      <c r="E10647" s="6">
        <v>11001</v>
      </c>
      <c r="F10647" s="6" t="s">
        <v>18</v>
      </c>
      <c r="G10647" s="6" t="s">
        <v>20381</v>
      </c>
      <c r="H10647" s="6" t="s">
        <v>20382</v>
      </c>
      <c r="I10647" s="7">
        <v>4.5840477999999996</v>
      </c>
      <c r="J10647" s="8">
        <v>-74.100496999999905</v>
      </c>
    </row>
    <row r="10648" spans="1:10" x14ac:dyDescent="0.35">
      <c r="A10648" s="5" t="s">
        <v>10</v>
      </c>
      <c r="B10648" s="6">
        <v>237319</v>
      </c>
      <c r="C10648" s="6" t="s">
        <v>278</v>
      </c>
      <c r="D10648" s="6" t="s">
        <v>279</v>
      </c>
      <c r="E10648" s="6">
        <v>50001</v>
      </c>
      <c r="F10648" s="6" t="s">
        <v>18</v>
      </c>
      <c r="G10648" s="6" t="s">
        <v>20383</v>
      </c>
      <c r="H10648" s="6" t="s">
        <v>20384</v>
      </c>
      <c r="I10648" s="7">
        <v>4.0827061999999996</v>
      </c>
      <c r="J10648" s="8">
        <v>-73.668793100000002</v>
      </c>
    </row>
    <row r="10649" spans="1:10" x14ac:dyDescent="0.35">
      <c r="A10649" s="5" t="s">
        <v>10</v>
      </c>
      <c r="B10649" s="6">
        <v>246943</v>
      </c>
      <c r="C10649" s="6" t="s">
        <v>11</v>
      </c>
      <c r="D10649" s="6" t="s">
        <v>5605</v>
      </c>
      <c r="E10649" s="6">
        <v>25772</v>
      </c>
      <c r="F10649" s="6" t="s">
        <v>18</v>
      </c>
      <c r="G10649" s="6" t="s">
        <v>20385</v>
      </c>
      <c r="H10649" s="6" t="s">
        <v>20386</v>
      </c>
      <c r="I10649" s="7">
        <v>5.1026071000000002</v>
      </c>
      <c r="J10649" s="8">
        <v>-73.798456099999996</v>
      </c>
    </row>
    <row r="10650" spans="1:10" x14ac:dyDescent="0.35">
      <c r="A10650" s="5" t="s">
        <v>10</v>
      </c>
      <c r="B10650" s="6">
        <v>220621</v>
      </c>
      <c r="C10650" s="6" t="s">
        <v>16</v>
      </c>
      <c r="D10650" s="6" t="s">
        <v>78</v>
      </c>
      <c r="E10650" s="6">
        <v>68001</v>
      </c>
      <c r="F10650" s="6" t="s">
        <v>18</v>
      </c>
      <c r="G10650" s="6" t="s">
        <v>20387</v>
      </c>
      <c r="H10650" s="6" t="s">
        <v>20388</v>
      </c>
      <c r="I10650" s="7">
        <v>7.1051045999999998</v>
      </c>
      <c r="J10650" s="8">
        <v>-73.113857099999905</v>
      </c>
    </row>
    <row r="10651" spans="1:10" x14ac:dyDescent="0.35">
      <c r="A10651" s="5" t="s">
        <v>10</v>
      </c>
      <c r="B10651" s="6">
        <v>233822</v>
      </c>
      <c r="C10651" s="6" t="s">
        <v>3788</v>
      </c>
      <c r="D10651" s="6" t="s">
        <v>3974</v>
      </c>
      <c r="E10651" s="6">
        <v>18001</v>
      </c>
      <c r="F10651" s="6" t="s">
        <v>18</v>
      </c>
      <c r="G10651" s="6" t="s">
        <v>20389</v>
      </c>
      <c r="H10651" s="6" t="s">
        <v>20390</v>
      </c>
      <c r="I10651" s="7">
        <v>1.6139808</v>
      </c>
      <c r="J10651" s="8">
        <v>-75.616107799999995</v>
      </c>
    </row>
    <row r="10652" spans="1:10" x14ac:dyDescent="0.35">
      <c r="A10652" s="5" t="s">
        <v>10</v>
      </c>
      <c r="B10652" s="6">
        <v>233109</v>
      </c>
      <c r="C10652" s="6" t="s">
        <v>16</v>
      </c>
      <c r="D10652" s="6" t="s">
        <v>2825</v>
      </c>
      <c r="E10652" s="6">
        <v>68276</v>
      </c>
      <c r="F10652" s="6" t="s">
        <v>18</v>
      </c>
      <c r="G10652" s="6" t="s">
        <v>20391</v>
      </c>
      <c r="H10652" s="6" t="s">
        <v>20392</v>
      </c>
      <c r="I10652" s="7">
        <v>7.0932000000000004</v>
      </c>
      <c r="J10652" s="8">
        <v>-73.091419999999999</v>
      </c>
    </row>
    <row r="10653" spans="1:10" x14ac:dyDescent="0.35">
      <c r="A10653" s="5" t="s">
        <v>10</v>
      </c>
      <c r="B10653" s="6">
        <v>238432</v>
      </c>
      <c r="C10653" s="6" t="s">
        <v>68</v>
      </c>
      <c r="D10653" s="6" t="s">
        <v>69</v>
      </c>
      <c r="E10653" s="6">
        <v>11001</v>
      </c>
      <c r="F10653" s="6" t="s">
        <v>18</v>
      </c>
      <c r="G10653" s="6" t="s">
        <v>20393</v>
      </c>
      <c r="H10653" s="6" t="s">
        <v>20394</v>
      </c>
      <c r="I10653" s="7">
        <v>4.6103550000000002</v>
      </c>
      <c r="J10653" s="8">
        <v>-74.208213000000001</v>
      </c>
    </row>
    <row r="10654" spans="1:10" x14ac:dyDescent="0.35">
      <c r="A10654" s="5" t="s">
        <v>10</v>
      </c>
      <c r="B10654" s="6">
        <v>111145</v>
      </c>
      <c r="C10654" s="6" t="s">
        <v>278</v>
      </c>
      <c r="D10654" s="6" t="s">
        <v>3878</v>
      </c>
      <c r="E10654" s="6">
        <v>50245</v>
      </c>
      <c r="F10654" s="6" t="s">
        <v>18</v>
      </c>
      <c r="G10654" s="6" t="s">
        <v>7233</v>
      </c>
      <c r="H10654" s="6" t="s">
        <v>7234</v>
      </c>
      <c r="I10654" s="7">
        <v>4.3523319999999996</v>
      </c>
      <c r="J10654" s="8">
        <v>-73.712965999999994</v>
      </c>
    </row>
    <row r="10655" spans="1:10" x14ac:dyDescent="0.35">
      <c r="A10655" s="5" t="s">
        <v>10</v>
      </c>
      <c r="B10655" s="6">
        <v>229123</v>
      </c>
      <c r="C10655" s="6" t="s">
        <v>278</v>
      </c>
      <c r="D10655" s="6" t="s">
        <v>19026</v>
      </c>
      <c r="E10655" s="6">
        <v>50330</v>
      </c>
      <c r="F10655" s="6" t="s">
        <v>18</v>
      </c>
      <c r="G10655" s="6" t="s">
        <v>20395</v>
      </c>
      <c r="H10655" s="6" t="s">
        <v>20396</v>
      </c>
      <c r="I10655" s="7">
        <v>3.3841361000000001</v>
      </c>
      <c r="J10655" s="8">
        <v>-74.044403799999998</v>
      </c>
    </row>
    <row r="10656" spans="1:10" x14ac:dyDescent="0.35">
      <c r="A10656" s="5" t="s">
        <v>10</v>
      </c>
      <c r="B10656" s="6">
        <v>189184</v>
      </c>
      <c r="C10656" s="6" t="s">
        <v>294</v>
      </c>
      <c r="D10656" s="6" t="s">
        <v>703</v>
      </c>
      <c r="E10656" s="6">
        <v>41001</v>
      </c>
      <c r="F10656" s="6" t="s">
        <v>18</v>
      </c>
      <c r="G10656" s="6" t="s">
        <v>20129</v>
      </c>
      <c r="H10656" s="6" t="s">
        <v>20130</v>
      </c>
      <c r="I10656" s="7">
        <v>2.9548310999999998</v>
      </c>
      <c r="J10656" s="8">
        <v>-75.298497999999995</v>
      </c>
    </row>
    <row r="10657" spans="1:10" x14ac:dyDescent="0.35">
      <c r="A10657" s="5" t="s">
        <v>10</v>
      </c>
      <c r="B10657" s="6">
        <v>199180</v>
      </c>
      <c r="C10657" s="6" t="s">
        <v>11</v>
      </c>
      <c r="D10657" s="6" t="s">
        <v>513</v>
      </c>
      <c r="E10657" s="6">
        <v>25286</v>
      </c>
      <c r="F10657" s="6" t="s">
        <v>18</v>
      </c>
      <c r="G10657" s="6" t="s">
        <v>20397</v>
      </c>
      <c r="H10657" s="6" t="s">
        <v>20398</v>
      </c>
      <c r="I10657" s="7">
        <v>4.7032118999999897</v>
      </c>
      <c r="J10657" s="8">
        <v>-74.210401399999995</v>
      </c>
    </row>
    <row r="10658" spans="1:10" x14ac:dyDescent="0.35">
      <c r="A10658" s="5" t="s">
        <v>10</v>
      </c>
      <c r="B10658" s="6">
        <v>239406</v>
      </c>
      <c r="C10658" s="6" t="s">
        <v>11</v>
      </c>
      <c r="D10658" s="6" t="s">
        <v>334</v>
      </c>
      <c r="E10658" s="6">
        <v>25754</v>
      </c>
      <c r="F10658" s="6" t="s">
        <v>18</v>
      </c>
      <c r="G10658" s="6" t="s">
        <v>20399</v>
      </c>
      <c r="H10658" s="6" t="s">
        <v>20400</v>
      </c>
      <c r="I10658" s="7">
        <v>4.5827828000000004</v>
      </c>
      <c r="J10658" s="8">
        <v>-74.211776999999998</v>
      </c>
    </row>
    <row r="10659" spans="1:10" x14ac:dyDescent="0.35">
      <c r="A10659" s="5" t="s">
        <v>10</v>
      </c>
      <c r="B10659" s="6">
        <v>216210</v>
      </c>
      <c r="C10659" s="6" t="s">
        <v>11</v>
      </c>
      <c r="D10659" s="6" t="s">
        <v>3054</v>
      </c>
      <c r="E10659" s="6">
        <v>25269</v>
      </c>
      <c r="F10659" s="6" t="s">
        <v>18</v>
      </c>
      <c r="G10659" s="6" t="s">
        <v>20401</v>
      </c>
      <c r="H10659" s="6" t="s">
        <v>20402</v>
      </c>
      <c r="I10659" s="7">
        <v>4.7898736</v>
      </c>
      <c r="J10659" s="8">
        <v>-74.336900299999996</v>
      </c>
    </row>
    <row r="10660" spans="1:10" x14ac:dyDescent="0.35">
      <c r="A10660" s="5" t="s">
        <v>10</v>
      </c>
      <c r="B10660" s="6">
        <v>207052</v>
      </c>
      <c r="C10660" s="6" t="s">
        <v>28</v>
      </c>
      <c r="D10660" s="6" t="s">
        <v>29</v>
      </c>
      <c r="E10660" s="6">
        <v>54001</v>
      </c>
      <c r="F10660" s="6" t="s">
        <v>18</v>
      </c>
      <c r="G10660" s="6" t="s">
        <v>20161</v>
      </c>
      <c r="H10660" s="6" t="s">
        <v>20403</v>
      </c>
      <c r="I10660" s="7">
        <v>7.9444129999999999</v>
      </c>
      <c r="J10660" s="8">
        <v>-72.512076800000003</v>
      </c>
    </row>
    <row r="10661" spans="1:10" x14ac:dyDescent="0.35">
      <c r="A10661" s="5" t="s">
        <v>10</v>
      </c>
      <c r="B10661" s="6">
        <v>228100</v>
      </c>
      <c r="C10661" s="6" t="s">
        <v>117</v>
      </c>
      <c r="D10661" s="6" t="s">
        <v>1334</v>
      </c>
      <c r="E10661" s="6">
        <v>76001</v>
      </c>
      <c r="F10661" s="6" t="s">
        <v>13</v>
      </c>
      <c r="G10661" s="6" t="s">
        <v>20404</v>
      </c>
      <c r="H10661" s="6" t="s">
        <v>6752</v>
      </c>
      <c r="I10661" s="7">
        <v>3.4348654000000001</v>
      </c>
      <c r="J10661" s="8">
        <v>-76.543358999999995</v>
      </c>
    </row>
    <row r="10662" spans="1:10" x14ac:dyDescent="0.35">
      <c r="A10662" s="5" t="s">
        <v>10</v>
      </c>
      <c r="B10662" s="6">
        <v>177163</v>
      </c>
      <c r="C10662" s="6" t="s">
        <v>2821</v>
      </c>
      <c r="D10662" s="6" t="s">
        <v>20405</v>
      </c>
      <c r="E10662" s="6">
        <v>47798</v>
      </c>
      <c r="F10662" s="6" t="s">
        <v>18</v>
      </c>
      <c r="G10662" s="6" t="s">
        <v>20406</v>
      </c>
      <c r="H10662" s="6" t="s">
        <v>20407</v>
      </c>
      <c r="I10662" s="7">
        <v>9.8984129999999997</v>
      </c>
      <c r="J10662" s="8">
        <v>-74.858424999999997</v>
      </c>
    </row>
    <row r="10663" spans="1:10" x14ac:dyDescent="0.35">
      <c r="A10663" s="5" t="s">
        <v>10</v>
      </c>
      <c r="B10663" s="6">
        <v>237536</v>
      </c>
      <c r="C10663" s="6" t="s">
        <v>4364</v>
      </c>
      <c r="D10663" s="6" t="s">
        <v>7995</v>
      </c>
      <c r="E10663" s="6">
        <v>70508</v>
      </c>
      <c r="F10663" s="6" t="s">
        <v>18</v>
      </c>
      <c r="G10663" s="6" t="s">
        <v>20408</v>
      </c>
      <c r="H10663" s="6" t="s">
        <v>20409</v>
      </c>
      <c r="I10663" s="7">
        <v>9.5265456000000004</v>
      </c>
      <c r="J10663" s="8">
        <v>-75.228724299999996</v>
      </c>
    </row>
    <row r="10664" spans="1:10" x14ac:dyDescent="0.35">
      <c r="A10664" s="5" t="s">
        <v>10</v>
      </c>
      <c r="B10664" s="6">
        <v>245114</v>
      </c>
      <c r="C10664" s="6" t="s">
        <v>278</v>
      </c>
      <c r="D10664" s="6" t="s">
        <v>279</v>
      </c>
      <c r="E10664" s="6">
        <v>50001</v>
      </c>
      <c r="F10664" s="6" t="s">
        <v>18</v>
      </c>
      <c r="G10664" s="6" t="s">
        <v>20410</v>
      </c>
      <c r="H10664" s="6" t="s">
        <v>20411</v>
      </c>
      <c r="I10664" s="7">
        <v>4.1237463999999999</v>
      </c>
      <c r="J10664" s="8">
        <v>-73.621301000000003</v>
      </c>
    </row>
    <row r="10665" spans="1:10" x14ac:dyDescent="0.35">
      <c r="A10665" s="5" t="s">
        <v>10</v>
      </c>
      <c r="B10665" s="6">
        <v>240106</v>
      </c>
      <c r="C10665" s="6" t="s">
        <v>11</v>
      </c>
      <c r="D10665" s="6" t="s">
        <v>3104</v>
      </c>
      <c r="E10665" s="6">
        <v>25245</v>
      </c>
      <c r="F10665" s="6" t="s">
        <v>18</v>
      </c>
      <c r="G10665" s="6" t="s">
        <v>20412</v>
      </c>
      <c r="H10665" s="6" t="s">
        <v>20413</v>
      </c>
      <c r="I10665" s="7">
        <v>4.5827745999999996</v>
      </c>
      <c r="J10665" s="8">
        <v>-74.445150799999993</v>
      </c>
    </row>
    <row r="10666" spans="1:10" x14ac:dyDescent="0.35">
      <c r="A10666" s="5" t="s">
        <v>10</v>
      </c>
      <c r="B10666" s="6">
        <v>240230</v>
      </c>
      <c r="C10666" s="6" t="s">
        <v>11</v>
      </c>
      <c r="D10666" s="6" t="s">
        <v>334</v>
      </c>
      <c r="E10666" s="6">
        <v>25754</v>
      </c>
      <c r="F10666" s="6" t="s">
        <v>18</v>
      </c>
      <c r="G10666" s="6" t="s">
        <v>20414</v>
      </c>
      <c r="H10666" s="6" t="s">
        <v>20415</v>
      </c>
      <c r="I10666" s="7">
        <v>4.5971874000000001</v>
      </c>
      <c r="J10666" s="8">
        <v>-74.201807799999997</v>
      </c>
    </row>
    <row r="10667" spans="1:10" x14ac:dyDescent="0.35">
      <c r="A10667" s="5" t="s">
        <v>10</v>
      </c>
      <c r="B10667" s="6">
        <v>243080</v>
      </c>
      <c r="C10667" s="6" t="s">
        <v>11</v>
      </c>
      <c r="D10667" s="6" t="s">
        <v>159</v>
      </c>
      <c r="E10667" s="6">
        <v>25175</v>
      </c>
      <c r="F10667" s="6" t="s">
        <v>18</v>
      </c>
      <c r="G10667" s="6" t="s">
        <v>20416</v>
      </c>
      <c r="H10667" s="6" t="s">
        <v>20417</v>
      </c>
      <c r="I10667" s="7">
        <v>4.8621081000000004</v>
      </c>
      <c r="J10667" s="8">
        <v>-74.045441199999999</v>
      </c>
    </row>
    <row r="10668" spans="1:10" x14ac:dyDescent="0.35">
      <c r="A10668" s="5" t="s">
        <v>10</v>
      </c>
      <c r="B10668" s="6">
        <v>177515</v>
      </c>
      <c r="C10668" s="6" t="s">
        <v>278</v>
      </c>
      <c r="D10668" s="6" t="s">
        <v>1331</v>
      </c>
      <c r="E10668" s="6">
        <v>50006</v>
      </c>
      <c r="F10668" s="6" t="s">
        <v>18</v>
      </c>
      <c r="G10668" s="6" t="s">
        <v>20418</v>
      </c>
      <c r="H10668" s="6" t="s">
        <v>20419</v>
      </c>
      <c r="I10668" s="7">
        <v>3.9852909999999899</v>
      </c>
      <c r="J10668" s="8">
        <v>-73.774039799999997</v>
      </c>
    </row>
    <row r="10669" spans="1:10" x14ac:dyDescent="0.35">
      <c r="A10669" s="5" t="s">
        <v>10</v>
      </c>
      <c r="B10669" s="6">
        <v>233433</v>
      </c>
      <c r="C10669" s="6" t="s">
        <v>68</v>
      </c>
      <c r="D10669" s="6" t="s">
        <v>69</v>
      </c>
      <c r="E10669" s="6">
        <v>11001</v>
      </c>
      <c r="F10669" s="6" t="s">
        <v>18</v>
      </c>
      <c r="G10669" s="6" t="s">
        <v>20420</v>
      </c>
      <c r="H10669" s="6" t="s">
        <v>20421</v>
      </c>
      <c r="I10669" s="7">
        <v>4.58101</v>
      </c>
      <c r="J10669" s="8">
        <v>-74.070490000000007</v>
      </c>
    </row>
    <row r="10670" spans="1:10" x14ac:dyDescent="0.35">
      <c r="A10670" s="5" t="s">
        <v>10</v>
      </c>
      <c r="B10670" s="6">
        <v>222733</v>
      </c>
      <c r="C10670" s="6" t="s">
        <v>278</v>
      </c>
      <c r="D10670" s="6" t="s">
        <v>279</v>
      </c>
      <c r="E10670" s="6">
        <v>50001</v>
      </c>
      <c r="F10670" s="6" t="s">
        <v>18</v>
      </c>
      <c r="G10670" s="6" t="s">
        <v>20422</v>
      </c>
      <c r="H10670" s="6" t="s">
        <v>20423</v>
      </c>
      <c r="I10670" s="7">
        <v>4.1521907999999996</v>
      </c>
      <c r="J10670" s="8">
        <v>-73.620414499999995</v>
      </c>
    </row>
    <row r="10671" spans="1:10" x14ac:dyDescent="0.35">
      <c r="A10671" s="5" t="s">
        <v>10</v>
      </c>
      <c r="B10671" s="6">
        <v>245083</v>
      </c>
      <c r="C10671" s="6" t="s">
        <v>294</v>
      </c>
      <c r="D10671" s="6" t="s">
        <v>4244</v>
      </c>
      <c r="E10671" s="6">
        <v>41298</v>
      </c>
      <c r="F10671" s="6" t="s">
        <v>18</v>
      </c>
      <c r="G10671" s="6" t="s">
        <v>20424</v>
      </c>
      <c r="H10671" s="6" t="s">
        <v>20425</v>
      </c>
      <c r="I10671" s="7">
        <v>2.1941861</v>
      </c>
      <c r="J10671" s="8">
        <v>-75.619815299999999</v>
      </c>
    </row>
    <row r="10672" spans="1:10" x14ac:dyDescent="0.35">
      <c r="A10672" s="5" t="s">
        <v>10</v>
      </c>
      <c r="B10672" s="6">
        <v>209993</v>
      </c>
      <c r="C10672" s="6" t="s">
        <v>11</v>
      </c>
      <c r="D10672" s="6" t="s">
        <v>3104</v>
      </c>
      <c r="E10672" s="6">
        <v>25245</v>
      </c>
      <c r="F10672" s="6" t="s">
        <v>18</v>
      </c>
      <c r="G10672" s="6" t="s">
        <v>20426</v>
      </c>
      <c r="H10672" s="6" t="s">
        <v>20427</v>
      </c>
      <c r="I10672" s="7">
        <v>11.248880399999999</v>
      </c>
      <c r="J10672" s="8">
        <v>-74.207306599999995</v>
      </c>
    </row>
    <row r="10673" spans="1:10" x14ac:dyDescent="0.35">
      <c r="A10673" s="5" t="s">
        <v>10</v>
      </c>
      <c r="B10673" s="6">
        <v>237898</v>
      </c>
      <c r="C10673" s="6" t="s">
        <v>117</v>
      </c>
      <c r="D10673" s="6" t="s">
        <v>1334</v>
      </c>
      <c r="E10673" s="6">
        <v>76001</v>
      </c>
      <c r="F10673" s="6" t="s">
        <v>18</v>
      </c>
      <c r="G10673" s="6" t="s">
        <v>20428</v>
      </c>
      <c r="H10673" s="6" t="s">
        <v>20429</v>
      </c>
      <c r="I10673" s="7">
        <v>3.4694916</v>
      </c>
      <c r="J10673" s="8">
        <v>-76.493199099999998</v>
      </c>
    </row>
    <row r="10674" spans="1:10" x14ac:dyDescent="0.35">
      <c r="A10674" s="5" t="s">
        <v>10</v>
      </c>
      <c r="B10674" s="6">
        <v>183771</v>
      </c>
      <c r="C10674" s="6" t="s">
        <v>278</v>
      </c>
      <c r="D10674" s="6" t="s">
        <v>1524</v>
      </c>
      <c r="E10674" s="6">
        <v>50318</v>
      </c>
      <c r="F10674" s="6" t="s">
        <v>18</v>
      </c>
      <c r="G10674" s="6" t="s">
        <v>3909</v>
      </c>
      <c r="H10674" s="6" t="s">
        <v>3910</v>
      </c>
      <c r="I10674" s="7">
        <v>3.8804750000000001</v>
      </c>
      <c r="J10674" s="8">
        <v>-73.7698769</v>
      </c>
    </row>
    <row r="10675" spans="1:10" x14ac:dyDescent="0.35">
      <c r="A10675" s="5" t="s">
        <v>10</v>
      </c>
      <c r="B10675" s="6">
        <v>111187</v>
      </c>
      <c r="C10675" s="6" t="s">
        <v>278</v>
      </c>
      <c r="D10675" s="6" t="s">
        <v>3759</v>
      </c>
      <c r="E10675" s="6">
        <v>50110</v>
      </c>
      <c r="F10675" s="6" t="s">
        <v>18</v>
      </c>
      <c r="G10675" s="6" t="s">
        <v>20430</v>
      </c>
      <c r="H10675" s="6" t="s">
        <v>20431</v>
      </c>
      <c r="I10675" s="7">
        <v>4.5698213999999897</v>
      </c>
      <c r="J10675" s="8">
        <v>-72.965303699999893</v>
      </c>
    </row>
    <row r="10676" spans="1:10" x14ac:dyDescent="0.35">
      <c r="A10676" s="5" t="s">
        <v>10</v>
      </c>
      <c r="B10676" s="6">
        <v>246305</v>
      </c>
      <c r="C10676" s="6" t="s">
        <v>278</v>
      </c>
      <c r="D10676" s="6" t="s">
        <v>279</v>
      </c>
      <c r="E10676" s="6">
        <v>50001</v>
      </c>
      <c r="F10676" s="6" t="s">
        <v>18</v>
      </c>
      <c r="G10676" s="6" t="s">
        <v>20432</v>
      </c>
      <c r="H10676" s="6" t="s">
        <v>20433</v>
      </c>
      <c r="I10676" s="7">
        <v>4.1335945000000001</v>
      </c>
      <c r="J10676" s="8">
        <v>-73.619459599999999</v>
      </c>
    </row>
    <row r="10677" spans="1:10" x14ac:dyDescent="0.35">
      <c r="A10677" s="5" t="s">
        <v>10</v>
      </c>
      <c r="B10677" s="6">
        <v>230591</v>
      </c>
      <c r="C10677" s="6" t="s">
        <v>278</v>
      </c>
      <c r="D10677" s="6" t="s">
        <v>4924</v>
      </c>
      <c r="E10677" s="6">
        <v>50689</v>
      </c>
      <c r="F10677" s="6" t="s">
        <v>18</v>
      </c>
      <c r="G10677" s="6" t="s">
        <v>20434</v>
      </c>
      <c r="H10677" s="6" t="s">
        <v>20435</v>
      </c>
      <c r="I10677" s="7">
        <v>3.6984919999999999</v>
      </c>
      <c r="J10677" s="8">
        <v>-73.697308000000007</v>
      </c>
    </row>
    <row r="10678" spans="1:10" x14ac:dyDescent="0.35">
      <c r="A10678" s="5" t="s">
        <v>10</v>
      </c>
      <c r="B10678" s="6">
        <v>242024</v>
      </c>
      <c r="C10678" s="6" t="s">
        <v>42</v>
      </c>
      <c r="D10678" s="6" t="s">
        <v>1617</v>
      </c>
      <c r="E10678" s="6">
        <v>17524</v>
      </c>
      <c r="F10678" s="6" t="s">
        <v>18</v>
      </c>
      <c r="G10678" s="6" t="s">
        <v>20436</v>
      </c>
      <c r="H10678" s="6" t="s">
        <v>20437</v>
      </c>
      <c r="I10678" s="7">
        <v>1.7219603000000001</v>
      </c>
      <c r="J10678" s="8">
        <v>-76.131460700000005</v>
      </c>
    </row>
    <row r="10679" spans="1:10" x14ac:dyDescent="0.35">
      <c r="A10679" s="5" t="s">
        <v>10</v>
      </c>
      <c r="B10679" s="6">
        <v>189249</v>
      </c>
      <c r="C10679" s="6" t="s">
        <v>190</v>
      </c>
      <c r="D10679" s="6" t="s">
        <v>5480</v>
      </c>
      <c r="E10679" s="6">
        <v>5495</v>
      </c>
      <c r="F10679" s="6" t="s">
        <v>18</v>
      </c>
      <c r="G10679" s="6" t="s">
        <v>20438</v>
      </c>
      <c r="H10679" s="6" t="s">
        <v>20439</v>
      </c>
      <c r="I10679" s="7">
        <v>8.0946937000000005</v>
      </c>
      <c r="J10679" s="8">
        <v>-74.775656499999997</v>
      </c>
    </row>
    <row r="10680" spans="1:10" x14ac:dyDescent="0.35">
      <c r="A10680" s="5" t="s">
        <v>10</v>
      </c>
      <c r="B10680" s="6">
        <v>237282</v>
      </c>
      <c r="C10680" s="6" t="s">
        <v>457</v>
      </c>
      <c r="D10680" s="6" t="s">
        <v>5293</v>
      </c>
      <c r="E10680" s="6">
        <v>52323</v>
      </c>
      <c r="F10680" s="6" t="s">
        <v>18</v>
      </c>
      <c r="G10680" s="6" t="s">
        <v>20440</v>
      </c>
      <c r="H10680" s="6" t="s">
        <v>20441</v>
      </c>
      <c r="I10680" s="7">
        <v>0.92078199999999999</v>
      </c>
      <c r="J10680" s="8">
        <v>-77.564830900000004</v>
      </c>
    </row>
    <row r="10681" spans="1:10" x14ac:dyDescent="0.35">
      <c r="A10681" s="5" t="s">
        <v>10</v>
      </c>
      <c r="B10681" s="6">
        <v>239926</v>
      </c>
      <c r="C10681" s="6" t="s">
        <v>68</v>
      </c>
      <c r="D10681" s="6" t="s">
        <v>69</v>
      </c>
      <c r="E10681" s="6">
        <v>11001</v>
      </c>
      <c r="F10681" s="6" t="s">
        <v>18</v>
      </c>
      <c r="G10681" s="6" t="s">
        <v>20442</v>
      </c>
      <c r="H10681" s="6" t="s">
        <v>20443</v>
      </c>
      <c r="I10681" s="7">
        <v>4.6521732</v>
      </c>
      <c r="J10681" s="8">
        <v>-74.071709499999997</v>
      </c>
    </row>
    <row r="10682" spans="1:10" x14ac:dyDescent="0.35">
      <c r="A10682" s="5" t="s">
        <v>10</v>
      </c>
      <c r="B10682" s="6">
        <v>162895</v>
      </c>
      <c r="C10682" s="6" t="s">
        <v>294</v>
      </c>
      <c r="D10682" s="6" t="s">
        <v>4244</v>
      </c>
      <c r="E10682" s="6">
        <v>41298</v>
      </c>
      <c r="F10682" s="6" t="s">
        <v>13</v>
      </c>
      <c r="G10682" s="6" t="s">
        <v>5726</v>
      </c>
      <c r="H10682" s="6" t="s">
        <v>5727</v>
      </c>
      <c r="I10682" s="7">
        <v>2.1970133999999999</v>
      </c>
      <c r="J10682" s="8">
        <v>-75.640383099999994</v>
      </c>
    </row>
    <row r="10683" spans="1:10" x14ac:dyDescent="0.35">
      <c r="A10683" s="5" t="s">
        <v>10</v>
      </c>
      <c r="B10683" s="6">
        <v>243979</v>
      </c>
      <c r="C10683" s="6" t="s">
        <v>294</v>
      </c>
      <c r="D10683" s="6" t="s">
        <v>10300</v>
      </c>
      <c r="E10683" s="6">
        <v>41357</v>
      </c>
      <c r="F10683" s="6" t="s">
        <v>18</v>
      </c>
      <c r="G10683" s="6" t="s">
        <v>20444</v>
      </c>
      <c r="H10683" s="6" t="s">
        <v>20445</v>
      </c>
      <c r="I10683" s="7">
        <v>2.6495160000000002</v>
      </c>
      <c r="J10683" s="8">
        <v>-75.635075999999998</v>
      </c>
    </row>
    <row r="10684" spans="1:10" x14ac:dyDescent="0.35">
      <c r="A10684" s="5" t="s">
        <v>10</v>
      </c>
      <c r="B10684" s="6">
        <v>163211</v>
      </c>
      <c r="C10684" s="6" t="s">
        <v>294</v>
      </c>
      <c r="D10684" s="6" t="s">
        <v>4244</v>
      </c>
      <c r="E10684" s="6">
        <v>41298</v>
      </c>
      <c r="F10684" s="6" t="s">
        <v>13</v>
      </c>
      <c r="G10684" s="6" t="s">
        <v>20446</v>
      </c>
      <c r="H10684" s="6" t="s">
        <v>20447</v>
      </c>
      <c r="I10684" s="7">
        <v>2.1953339999999999</v>
      </c>
      <c r="J10684" s="8">
        <v>-75.631535</v>
      </c>
    </row>
    <row r="10685" spans="1:10" x14ac:dyDescent="0.35">
      <c r="A10685" s="5" t="s">
        <v>10</v>
      </c>
      <c r="B10685" s="6">
        <v>237127</v>
      </c>
      <c r="C10685" s="6" t="s">
        <v>11</v>
      </c>
      <c r="D10685" s="6" t="s">
        <v>337</v>
      </c>
      <c r="E10685" s="6">
        <v>25290</v>
      </c>
      <c r="F10685" s="6" t="s">
        <v>18</v>
      </c>
      <c r="G10685" s="6" t="s">
        <v>20448</v>
      </c>
      <c r="H10685" s="6" t="s">
        <v>20449</v>
      </c>
      <c r="I10685" s="7">
        <v>4.3312093000000003</v>
      </c>
      <c r="J10685" s="8">
        <v>-74.395244099999999</v>
      </c>
    </row>
    <row r="10686" spans="1:10" x14ac:dyDescent="0.35">
      <c r="A10686" s="5" t="s">
        <v>10</v>
      </c>
      <c r="B10686" s="6">
        <v>241944</v>
      </c>
      <c r="C10686" s="6" t="s">
        <v>278</v>
      </c>
      <c r="D10686" s="6" t="s">
        <v>279</v>
      </c>
      <c r="E10686" s="6">
        <v>50001</v>
      </c>
      <c r="F10686" s="6" t="s">
        <v>18</v>
      </c>
      <c r="G10686" s="6" t="s">
        <v>20450</v>
      </c>
      <c r="H10686" s="6" t="s">
        <v>20451</v>
      </c>
      <c r="I10686" s="7">
        <v>4.1456423999999998</v>
      </c>
      <c r="J10686" s="8">
        <v>-73.636821499999996</v>
      </c>
    </row>
    <row r="10687" spans="1:10" x14ac:dyDescent="0.35">
      <c r="A10687" s="5" t="s">
        <v>10</v>
      </c>
      <c r="B10687" s="6">
        <v>190737</v>
      </c>
      <c r="C10687" s="6" t="s">
        <v>11</v>
      </c>
      <c r="D10687" s="6" t="s">
        <v>334</v>
      </c>
      <c r="E10687" s="6">
        <v>25754</v>
      </c>
      <c r="F10687" s="6" t="s">
        <v>18</v>
      </c>
      <c r="G10687" s="6" t="s">
        <v>20452</v>
      </c>
      <c r="H10687" s="6" t="s">
        <v>20453</v>
      </c>
      <c r="I10687" s="7">
        <v>4.5728806999999998</v>
      </c>
      <c r="J10687" s="8">
        <v>-74.235707699999907</v>
      </c>
    </row>
    <row r="10688" spans="1:10" x14ac:dyDescent="0.35">
      <c r="A10688" s="5" t="s">
        <v>10</v>
      </c>
      <c r="B10688" s="6">
        <v>230924</v>
      </c>
      <c r="C10688" s="6" t="s">
        <v>11</v>
      </c>
      <c r="D10688" s="6" t="s">
        <v>334</v>
      </c>
      <c r="E10688" s="6">
        <v>25754</v>
      </c>
      <c r="F10688" s="6" t="s">
        <v>18</v>
      </c>
      <c r="G10688" s="6" t="s">
        <v>20454</v>
      </c>
      <c r="H10688" s="6" t="s">
        <v>20455</v>
      </c>
      <c r="I10688" s="7">
        <v>4.5843616999999997</v>
      </c>
      <c r="J10688" s="8">
        <v>-74.215632299999996</v>
      </c>
    </row>
    <row r="10689" spans="1:10" x14ac:dyDescent="0.35">
      <c r="A10689" s="5" t="s">
        <v>10</v>
      </c>
      <c r="B10689" s="6">
        <v>230993</v>
      </c>
      <c r="C10689" s="6" t="s">
        <v>11</v>
      </c>
      <c r="D10689" s="6" t="s">
        <v>4282</v>
      </c>
      <c r="E10689" s="6">
        <v>25181</v>
      </c>
      <c r="F10689" s="6" t="s">
        <v>18</v>
      </c>
      <c r="G10689" s="6" t="s">
        <v>4580</v>
      </c>
      <c r="H10689" s="6" t="s">
        <v>4581</v>
      </c>
      <c r="I10689" s="7">
        <v>4.5273349999999999</v>
      </c>
      <c r="J10689" s="8">
        <v>-73.922921000000002</v>
      </c>
    </row>
    <row r="10690" spans="1:10" x14ac:dyDescent="0.35">
      <c r="A10690" s="5" t="s">
        <v>10</v>
      </c>
      <c r="B10690" s="6">
        <v>235237</v>
      </c>
      <c r="C10690" s="6" t="s">
        <v>28</v>
      </c>
      <c r="D10690" s="6" t="s">
        <v>153</v>
      </c>
      <c r="E10690" s="6">
        <v>54518</v>
      </c>
      <c r="F10690" s="6" t="s">
        <v>18</v>
      </c>
      <c r="G10690" s="6" t="s">
        <v>20456</v>
      </c>
      <c r="H10690" s="6" t="s">
        <v>20457</v>
      </c>
      <c r="I10690" s="7">
        <v>7.3688962</v>
      </c>
      <c r="J10690" s="8">
        <v>-72.650145100000003</v>
      </c>
    </row>
    <row r="10691" spans="1:10" x14ac:dyDescent="0.35">
      <c r="A10691" s="5" t="s">
        <v>10</v>
      </c>
      <c r="B10691" s="6">
        <v>205478</v>
      </c>
      <c r="C10691" s="6" t="s">
        <v>24</v>
      </c>
      <c r="D10691" s="6" t="s">
        <v>20458</v>
      </c>
      <c r="E10691" s="6">
        <v>15580</v>
      </c>
      <c r="F10691" s="6" t="s">
        <v>18</v>
      </c>
      <c r="G10691" s="6" t="s">
        <v>20459</v>
      </c>
      <c r="H10691" s="6" t="s">
        <v>20460</v>
      </c>
      <c r="I10691" s="7">
        <v>5.5401230999999997</v>
      </c>
      <c r="J10691" s="8">
        <v>-74.153650299999995</v>
      </c>
    </row>
    <row r="10692" spans="1:10" x14ac:dyDescent="0.35">
      <c r="A10692" s="5" t="s">
        <v>10</v>
      </c>
      <c r="B10692" s="6">
        <v>244180</v>
      </c>
      <c r="C10692" s="6" t="s">
        <v>11</v>
      </c>
      <c r="D10692" s="6" t="s">
        <v>3104</v>
      </c>
      <c r="E10692" s="6">
        <v>25245</v>
      </c>
      <c r="F10692" s="6" t="s">
        <v>18</v>
      </c>
      <c r="G10692" s="6" t="s">
        <v>20461</v>
      </c>
      <c r="H10692" s="6" t="s">
        <v>20462</v>
      </c>
      <c r="I10692" s="7">
        <v>4.5386949000000003</v>
      </c>
      <c r="J10692" s="8">
        <v>-74.411145300000001</v>
      </c>
    </row>
    <row r="10693" spans="1:10" x14ac:dyDescent="0.35">
      <c r="A10693" s="5" t="s">
        <v>10</v>
      </c>
      <c r="B10693" s="6">
        <v>245862</v>
      </c>
      <c r="C10693" s="6" t="s">
        <v>3788</v>
      </c>
      <c r="D10693" s="6" t="s">
        <v>11658</v>
      </c>
      <c r="E10693" s="6">
        <v>18410</v>
      </c>
      <c r="F10693" s="6" t="s">
        <v>18</v>
      </c>
      <c r="G10693" s="6" t="s">
        <v>20463</v>
      </c>
      <c r="H10693" s="6" t="s">
        <v>20464</v>
      </c>
      <c r="I10693" s="7">
        <v>1.479635</v>
      </c>
      <c r="J10693" s="8">
        <v>-75.436657699999998</v>
      </c>
    </row>
    <row r="10694" spans="1:10" x14ac:dyDescent="0.35">
      <c r="A10694" s="5" t="s">
        <v>10</v>
      </c>
      <c r="B10694" s="6">
        <v>222981</v>
      </c>
      <c r="C10694" s="6" t="s">
        <v>11</v>
      </c>
      <c r="D10694" s="6" t="s">
        <v>337</v>
      </c>
      <c r="E10694" s="6">
        <v>25290</v>
      </c>
      <c r="F10694" s="6" t="s">
        <v>18</v>
      </c>
      <c r="G10694" s="6" t="s">
        <v>20465</v>
      </c>
      <c r="H10694" s="6" t="s">
        <v>20466</v>
      </c>
      <c r="I10694" s="7">
        <v>11.2423039</v>
      </c>
      <c r="J10694" s="8">
        <v>-74.210595499999997</v>
      </c>
    </row>
    <row r="10695" spans="1:10" x14ac:dyDescent="0.35">
      <c r="A10695" s="5" t="s">
        <v>10</v>
      </c>
      <c r="B10695" s="6">
        <v>246126</v>
      </c>
      <c r="C10695" s="6" t="s">
        <v>11</v>
      </c>
      <c r="D10695" s="6" t="s">
        <v>337</v>
      </c>
      <c r="E10695" s="6">
        <v>25290</v>
      </c>
      <c r="F10695" s="6" t="s">
        <v>18</v>
      </c>
      <c r="G10695" s="6" t="s">
        <v>20467</v>
      </c>
      <c r="H10695" s="6" t="s">
        <v>20468</v>
      </c>
      <c r="I10695" s="7">
        <v>4.3246528</v>
      </c>
      <c r="J10695" s="8">
        <v>-74.363580900000002</v>
      </c>
    </row>
    <row r="10696" spans="1:10" x14ac:dyDescent="0.35">
      <c r="A10696" s="5" t="s">
        <v>10</v>
      </c>
      <c r="B10696" s="6">
        <v>230839</v>
      </c>
      <c r="C10696" s="6" t="s">
        <v>117</v>
      </c>
      <c r="D10696" s="6" t="s">
        <v>1334</v>
      </c>
      <c r="E10696" s="6">
        <v>76001</v>
      </c>
      <c r="F10696" s="6" t="s">
        <v>18</v>
      </c>
      <c r="G10696" s="6" t="s">
        <v>20469</v>
      </c>
      <c r="H10696" s="6" t="s">
        <v>20470</v>
      </c>
      <c r="I10696" s="7">
        <v>3.4199248</v>
      </c>
      <c r="J10696" s="8">
        <v>-76.527243499999997</v>
      </c>
    </row>
    <row r="10697" spans="1:10" x14ac:dyDescent="0.35">
      <c r="A10697" s="5" t="s">
        <v>10</v>
      </c>
      <c r="B10697" s="6">
        <v>236750</v>
      </c>
      <c r="C10697" s="6" t="s">
        <v>117</v>
      </c>
      <c r="D10697" s="6" t="s">
        <v>1334</v>
      </c>
      <c r="E10697" s="6">
        <v>76001</v>
      </c>
      <c r="F10697" s="6" t="s">
        <v>18</v>
      </c>
      <c r="G10697" s="6" t="s">
        <v>20471</v>
      </c>
      <c r="H10697" s="6" t="s">
        <v>20472</v>
      </c>
      <c r="I10697" s="7">
        <v>3.4527651000000001</v>
      </c>
      <c r="J10697" s="8">
        <v>-76.480458400000003</v>
      </c>
    </row>
    <row r="10698" spans="1:10" x14ac:dyDescent="0.35">
      <c r="A10698" s="5" t="s">
        <v>10</v>
      </c>
      <c r="B10698" s="6">
        <v>207427</v>
      </c>
      <c r="C10698" s="6" t="s">
        <v>24</v>
      </c>
      <c r="D10698" s="6" t="s">
        <v>85</v>
      </c>
      <c r="E10698" s="6">
        <v>15759</v>
      </c>
      <c r="F10698" s="6" t="s">
        <v>18</v>
      </c>
      <c r="G10698" s="6" t="s">
        <v>20473</v>
      </c>
      <c r="H10698" s="6" t="s">
        <v>20474</v>
      </c>
      <c r="I10698" s="7">
        <v>5.7735881999999998</v>
      </c>
      <c r="J10698" s="8">
        <v>-73.116782599999993</v>
      </c>
    </row>
    <row r="10699" spans="1:10" x14ac:dyDescent="0.35">
      <c r="A10699" s="5" t="s">
        <v>10</v>
      </c>
      <c r="B10699" s="6">
        <v>204308</v>
      </c>
      <c r="C10699" s="6" t="s">
        <v>61</v>
      </c>
      <c r="D10699" s="6" t="s">
        <v>723</v>
      </c>
      <c r="E10699" s="6">
        <v>63470</v>
      </c>
      <c r="F10699" s="6" t="s">
        <v>18</v>
      </c>
      <c r="G10699" s="6" t="s">
        <v>20475</v>
      </c>
      <c r="H10699" s="6" t="s">
        <v>20476</v>
      </c>
      <c r="I10699" s="7">
        <v>5.5680803000000001</v>
      </c>
      <c r="J10699" s="8">
        <v>-73.337393899999995</v>
      </c>
    </row>
    <row r="10700" spans="1:10" x14ac:dyDescent="0.35">
      <c r="A10700" s="5" t="s">
        <v>10</v>
      </c>
      <c r="B10700" s="6">
        <v>207771</v>
      </c>
      <c r="C10700" s="6" t="s">
        <v>294</v>
      </c>
      <c r="D10700" s="6" t="s">
        <v>703</v>
      </c>
      <c r="E10700" s="6">
        <v>41001</v>
      </c>
      <c r="F10700" s="6" t="s">
        <v>18</v>
      </c>
      <c r="G10700" s="6" t="s">
        <v>113</v>
      </c>
      <c r="H10700" s="6" t="s">
        <v>20477</v>
      </c>
      <c r="I10700" s="7">
        <v>2.9283844999999999</v>
      </c>
      <c r="J10700" s="8">
        <v>-75.290403499999996</v>
      </c>
    </row>
    <row r="10701" spans="1:10" x14ac:dyDescent="0.35">
      <c r="A10701" s="5" t="s">
        <v>10</v>
      </c>
      <c r="B10701" s="6">
        <v>229198</v>
      </c>
      <c r="C10701" s="6" t="s">
        <v>11</v>
      </c>
      <c r="D10701" s="6" t="s">
        <v>101</v>
      </c>
      <c r="E10701" s="6">
        <v>25473</v>
      </c>
      <c r="F10701" s="6" t="s">
        <v>18</v>
      </c>
      <c r="G10701" s="6" t="s">
        <v>20478</v>
      </c>
      <c r="H10701" s="6" t="s">
        <v>20479</v>
      </c>
      <c r="I10701" s="7">
        <v>4.7030253999999996</v>
      </c>
      <c r="J10701" s="8">
        <v>-74.216027499999996</v>
      </c>
    </row>
    <row r="10702" spans="1:10" x14ac:dyDescent="0.35">
      <c r="A10702" s="5" t="s">
        <v>10</v>
      </c>
      <c r="B10702" s="6">
        <v>218520</v>
      </c>
      <c r="C10702" s="6" t="s">
        <v>117</v>
      </c>
      <c r="D10702" s="6" t="s">
        <v>1334</v>
      </c>
      <c r="E10702" s="6">
        <v>76001</v>
      </c>
      <c r="F10702" s="6" t="s">
        <v>18</v>
      </c>
      <c r="G10702" s="6" t="s">
        <v>20480</v>
      </c>
      <c r="H10702" s="6" t="s">
        <v>20481</v>
      </c>
      <c r="I10702" s="7">
        <v>3.4700003000000001</v>
      </c>
      <c r="J10702" s="8">
        <v>-76.490456499999993</v>
      </c>
    </row>
    <row r="10703" spans="1:10" x14ac:dyDescent="0.35">
      <c r="A10703" s="5" t="s">
        <v>10</v>
      </c>
      <c r="B10703" s="6">
        <v>204994</v>
      </c>
      <c r="C10703" s="6" t="s">
        <v>278</v>
      </c>
      <c r="D10703" s="6" t="s">
        <v>4146</v>
      </c>
      <c r="E10703" s="6">
        <v>50606</v>
      </c>
      <c r="F10703" s="6" t="s">
        <v>18</v>
      </c>
      <c r="G10703" s="6" t="s">
        <v>20482</v>
      </c>
      <c r="H10703" s="6" t="s">
        <v>20483</v>
      </c>
      <c r="I10703" s="7">
        <v>4.2630819999999998</v>
      </c>
      <c r="J10703" s="8">
        <v>-73.562567000000001</v>
      </c>
    </row>
    <row r="10704" spans="1:10" x14ac:dyDescent="0.35">
      <c r="A10704" s="5" t="s">
        <v>10</v>
      </c>
      <c r="B10704" s="6">
        <v>241986</v>
      </c>
      <c r="C10704" s="6" t="s">
        <v>294</v>
      </c>
      <c r="D10704" s="6" t="s">
        <v>543</v>
      </c>
      <c r="E10704" s="6">
        <v>41396</v>
      </c>
      <c r="F10704" s="6" t="s">
        <v>18</v>
      </c>
      <c r="G10704" s="6" t="s">
        <v>20484</v>
      </c>
      <c r="H10704" s="6" t="s">
        <v>20485</v>
      </c>
      <c r="I10704" s="7">
        <v>2.9176693999999999</v>
      </c>
      <c r="J10704" s="8">
        <v>-75.2888004</v>
      </c>
    </row>
    <row r="10705" spans="1:10" x14ac:dyDescent="0.35">
      <c r="A10705" s="5" t="s">
        <v>10</v>
      </c>
      <c r="B10705" s="6">
        <v>244543</v>
      </c>
      <c r="C10705" s="6" t="s">
        <v>759</v>
      </c>
      <c r="D10705" s="6" t="s">
        <v>5212</v>
      </c>
      <c r="E10705" s="6">
        <v>99524</v>
      </c>
      <c r="F10705" s="6" t="s">
        <v>18</v>
      </c>
      <c r="G10705" s="6" t="s">
        <v>20486</v>
      </c>
      <c r="H10705" s="6" t="s">
        <v>20487</v>
      </c>
      <c r="I10705" s="7">
        <v>5.4915919000000004</v>
      </c>
      <c r="J10705" s="8">
        <v>-70.413995099999994</v>
      </c>
    </row>
    <row r="10706" spans="1:10" x14ac:dyDescent="0.35">
      <c r="A10706" s="5" t="s">
        <v>10</v>
      </c>
      <c r="B10706" s="6">
        <v>204193</v>
      </c>
      <c r="C10706" s="6" t="s">
        <v>278</v>
      </c>
      <c r="D10706" s="6" t="s">
        <v>279</v>
      </c>
      <c r="E10706" s="6">
        <v>50001</v>
      </c>
      <c r="F10706" s="6" t="s">
        <v>18</v>
      </c>
      <c r="G10706" s="6" t="s">
        <v>5449</v>
      </c>
      <c r="H10706" s="6" t="s">
        <v>5450</v>
      </c>
      <c r="I10706" s="7">
        <v>4.1313225999999998</v>
      </c>
      <c r="J10706" s="8">
        <v>-73.605093499999995</v>
      </c>
    </row>
    <row r="10707" spans="1:10" x14ac:dyDescent="0.35">
      <c r="A10707" s="5" t="s">
        <v>10</v>
      </c>
      <c r="B10707" s="6">
        <v>225995</v>
      </c>
      <c r="C10707" s="6" t="s">
        <v>11</v>
      </c>
      <c r="D10707" s="6" t="s">
        <v>5605</v>
      </c>
      <c r="E10707" s="6">
        <v>25772</v>
      </c>
      <c r="F10707" s="6" t="s">
        <v>18</v>
      </c>
      <c r="G10707" s="6" t="s">
        <v>20488</v>
      </c>
      <c r="H10707" s="6" t="s">
        <v>20489</v>
      </c>
      <c r="I10707" s="7">
        <v>5.1039289999999999</v>
      </c>
      <c r="J10707" s="8">
        <v>-73.798631999999998</v>
      </c>
    </row>
    <row r="10708" spans="1:10" x14ac:dyDescent="0.35">
      <c r="A10708" s="5" t="s">
        <v>10</v>
      </c>
      <c r="B10708" s="6">
        <v>238841</v>
      </c>
      <c r="C10708" s="6" t="s">
        <v>2130</v>
      </c>
      <c r="D10708" s="6" t="s">
        <v>2131</v>
      </c>
      <c r="E10708" s="6">
        <v>85001</v>
      </c>
      <c r="F10708" s="6" t="s">
        <v>18</v>
      </c>
      <c r="G10708" s="6" t="s">
        <v>113</v>
      </c>
      <c r="H10708" s="6" t="s">
        <v>20490</v>
      </c>
      <c r="I10708" s="7">
        <v>5.317844</v>
      </c>
      <c r="J10708" s="8">
        <v>-72.396417099999994</v>
      </c>
    </row>
    <row r="10709" spans="1:10" x14ac:dyDescent="0.35">
      <c r="A10709" s="5" t="s">
        <v>10</v>
      </c>
      <c r="B10709" s="6">
        <v>215545</v>
      </c>
      <c r="C10709" s="6" t="s">
        <v>278</v>
      </c>
      <c r="D10709" s="6" t="s">
        <v>279</v>
      </c>
      <c r="E10709" s="6">
        <v>50001</v>
      </c>
      <c r="F10709" s="6" t="s">
        <v>18</v>
      </c>
      <c r="G10709" s="6" t="s">
        <v>20491</v>
      </c>
      <c r="H10709" s="6" t="s">
        <v>20492</v>
      </c>
      <c r="I10709" s="7">
        <v>4.1483023000000001</v>
      </c>
      <c r="J10709" s="8">
        <v>-73.607175799999993</v>
      </c>
    </row>
    <row r="10710" spans="1:10" x14ac:dyDescent="0.35">
      <c r="A10710" s="5" t="s">
        <v>10</v>
      </c>
      <c r="B10710" s="6">
        <v>226845</v>
      </c>
      <c r="C10710" s="6" t="s">
        <v>11</v>
      </c>
      <c r="D10710" s="6" t="s">
        <v>159</v>
      </c>
      <c r="E10710" s="6">
        <v>25175</v>
      </c>
      <c r="F10710" s="6" t="s">
        <v>18</v>
      </c>
      <c r="G10710" s="6" t="s">
        <v>20493</v>
      </c>
      <c r="H10710" s="6" t="s">
        <v>20494</v>
      </c>
      <c r="I10710" s="7">
        <v>4.8594947999999896</v>
      </c>
      <c r="J10710" s="8">
        <v>-74.061673099999993</v>
      </c>
    </row>
    <row r="10711" spans="1:10" x14ac:dyDescent="0.35">
      <c r="A10711" s="5" t="s">
        <v>10</v>
      </c>
      <c r="B10711" s="6">
        <v>238447</v>
      </c>
      <c r="C10711" s="6" t="s">
        <v>24</v>
      </c>
      <c r="D10711" s="6" t="s">
        <v>85</v>
      </c>
      <c r="E10711" s="6">
        <v>15759</v>
      </c>
      <c r="F10711" s="6" t="s">
        <v>18</v>
      </c>
      <c r="G10711" s="6" t="s">
        <v>20495</v>
      </c>
      <c r="H10711" s="6" t="s">
        <v>20496</v>
      </c>
      <c r="I10711" s="7">
        <v>5.7154188000000001</v>
      </c>
      <c r="J10711" s="8">
        <v>-72.929603700000001</v>
      </c>
    </row>
    <row r="10712" spans="1:10" x14ac:dyDescent="0.35">
      <c r="A10712" s="5" t="s">
        <v>10</v>
      </c>
      <c r="B10712" s="6">
        <v>119898</v>
      </c>
      <c r="C10712" s="6" t="s">
        <v>24</v>
      </c>
      <c r="D10712" s="6" t="s">
        <v>1215</v>
      </c>
      <c r="E10712" s="6">
        <v>15835</v>
      </c>
      <c r="F10712" s="6" t="s">
        <v>18</v>
      </c>
      <c r="G10712" s="6" t="s">
        <v>7164</v>
      </c>
      <c r="H10712" s="6" t="s">
        <v>7165</v>
      </c>
      <c r="I10712" s="7">
        <v>3.4490987999999998</v>
      </c>
      <c r="J10712" s="8">
        <v>-76.540972299999893</v>
      </c>
    </row>
    <row r="10713" spans="1:10" x14ac:dyDescent="0.35">
      <c r="A10713" s="5" t="s">
        <v>10</v>
      </c>
      <c r="B10713" s="6">
        <v>198487</v>
      </c>
      <c r="C10713" s="6" t="s">
        <v>16</v>
      </c>
      <c r="D10713" s="6" t="s">
        <v>78</v>
      </c>
      <c r="E10713" s="6">
        <v>68001</v>
      </c>
      <c r="F10713" s="6" t="s">
        <v>18</v>
      </c>
      <c r="G10713" s="6" t="s">
        <v>11389</v>
      </c>
      <c r="H10713" s="6" t="s">
        <v>20497</v>
      </c>
      <c r="I10713" s="7">
        <v>7.1053427999999998</v>
      </c>
      <c r="J10713" s="8">
        <v>-73.119032300000001</v>
      </c>
    </row>
    <row r="10714" spans="1:10" x14ac:dyDescent="0.35">
      <c r="A10714" s="5" t="s">
        <v>10</v>
      </c>
      <c r="B10714" s="6">
        <v>204983</v>
      </c>
      <c r="C10714" s="6" t="s">
        <v>11</v>
      </c>
      <c r="D10714" s="6" t="s">
        <v>3054</v>
      </c>
      <c r="E10714" s="6">
        <v>25269</v>
      </c>
      <c r="F10714" s="6" t="s">
        <v>18</v>
      </c>
      <c r="G10714" s="6" t="s">
        <v>20498</v>
      </c>
      <c r="H10714" s="6" t="s">
        <v>20499</v>
      </c>
      <c r="I10714" s="7">
        <v>4.8173602000000004</v>
      </c>
      <c r="J10714" s="8">
        <v>-74.366095299999998</v>
      </c>
    </row>
    <row r="10715" spans="1:10" x14ac:dyDescent="0.35">
      <c r="A10715" s="5" t="s">
        <v>10</v>
      </c>
      <c r="B10715" s="6">
        <v>235191</v>
      </c>
      <c r="C10715" s="6" t="s">
        <v>190</v>
      </c>
      <c r="D10715" s="6" t="s">
        <v>3689</v>
      </c>
      <c r="E10715" s="6">
        <v>5266</v>
      </c>
      <c r="F10715" s="6" t="s">
        <v>18</v>
      </c>
      <c r="G10715" s="6" t="s">
        <v>20500</v>
      </c>
      <c r="H10715" s="6" t="s">
        <v>20501</v>
      </c>
      <c r="I10715" s="7">
        <v>6.1532429999999998</v>
      </c>
      <c r="J10715" s="8">
        <v>-75.584510399999999</v>
      </c>
    </row>
    <row r="10716" spans="1:10" x14ac:dyDescent="0.35">
      <c r="A10716" s="5" t="s">
        <v>10</v>
      </c>
      <c r="B10716" s="6">
        <v>163212</v>
      </c>
      <c r="C10716" s="6" t="s">
        <v>294</v>
      </c>
      <c r="D10716" s="6" t="s">
        <v>4789</v>
      </c>
      <c r="E10716" s="6">
        <v>41548</v>
      </c>
      <c r="F10716" s="6" t="s">
        <v>13</v>
      </c>
      <c r="G10716" s="6" t="s">
        <v>20344</v>
      </c>
      <c r="H10716" s="6" t="s">
        <v>20345</v>
      </c>
      <c r="I10716" s="7">
        <v>10.4229301</v>
      </c>
      <c r="J10716" s="8">
        <v>-75.550232399999999</v>
      </c>
    </row>
    <row r="10717" spans="1:10" x14ac:dyDescent="0.35">
      <c r="A10717" s="5" t="s">
        <v>10</v>
      </c>
      <c r="B10717" s="6">
        <v>238260</v>
      </c>
      <c r="C10717" s="6" t="s">
        <v>11</v>
      </c>
      <c r="D10717" s="6" t="s">
        <v>407</v>
      </c>
      <c r="E10717" s="6">
        <v>25126</v>
      </c>
      <c r="F10717" s="6" t="s">
        <v>2161</v>
      </c>
      <c r="G10717" s="6" t="s">
        <v>20502</v>
      </c>
      <c r="H10717" s="6" t="s">
        <v>20503</v>
      </c>
      <c r="I10717" s="7">
        <v>4.9182002999999996</v>
      </c>
      <c r="J10717" s="8">
        <v>-74.013243599999996</v>
      </c>
    </row>
    <row r="10718" spans="1:10" x14ac:dyDescent="0.35">
      <c r="A10718" s="5" t="s">
        <v>10</v>
      </c>
      <c r="B10718" s="6">
        <v>238919</v>
      </c>
      <c r="C10718" s="6" t="s">
        <v>16</v>
      </c>
      <c r="D10718" s="6" t="s">
        <v>78</v>
      </c>
      <c r="E10718" s="6">
        <v>68001</v>
      </c>
      <c r="F10718" s="6" t="s">
        <v>18</v>
      </c>
      <c r="G10718" s="6" t="s">
        <v>20504</v>
      </c>
      <c r="H10718" s="6" t="s">
        <v>20505</v>
      </c>
      <c r="I10718" s="7">
        <v>7.1185242999999998</v>
      </c>
      <c r="J10718" s="8">
        <v>-73.129451500000002</v>
      </c>
    </row>
    <row r="10719" spans="1:10" x14ac:dyDescent="0.35">
      <c r="A10719" s="5" t="s">
        <v>10</v>
      </c>
      <c r="B10719" s="6">
        <v>237139</v>
      </c>
      <c r="C10719" s="6" t="s">
        <v>2130</v>
      </c>
      <c r="D10719" s="6" t="s">
        <v>3979</v>
      </c>
      <c r="E10719" s="6">
        <v>85010</v>
      </c>
      <c r="F10719" s="6" t="s">
        <v>18</v>
      </c>
      <c r="G10719" s="6" t="s">
        <v>20506</v>
      </c>
      <c r="H10719" s="6" t="s">
        <v>20507</v>
      </c>
      <c r="I10719" s="7">
        <v>5.1698760999999998</v>
      </c>
      <c r="J10719" s="8">
        <v>-72.548149100000003</v>
      </c>
    </row>
    <row r="10720" spans="1:10" x14ac:dyDescent="0.35">
      <c r="A10720" s="5" t="s">
        <v>10</v>
      </c>
      <c r="B10720" s="6">
        <v>163216</v>
      </c>
      <c r="C10720" s="6" t="s">
        <v>294</v>
      </c>
      <c r="D10720" s="6" t="s">
        <v>4213</v>
      </c>
      <c r="E10720" s="6">
        <v>41791</v>
      </c>
      <c r="F10720" s="6" t="s">
        <v>13</v>
      </c>
      <c r="G10720" s="6" t="s">
        <v>4214</v>
      </c>
      <c r="H10720" s="6" t="s">
        <v>4215</v>
      </c>
      <c r="I10720" s="7">
        <v>2.1131628</v>
      </c>
      <c r="J10720" s="8">
        <v>-75.825105899999997</v>
      </c>
    </row>
    <row r="10721" spans="1:10" x14ac:dyDescent="0.35">
      <c r="A10721" s="5" t="s">
        <v>10</v>
      </c>
      <c r="B10721" s="6">
        <v>229694</v>
      </c>
      <c r="C10721" s="6" t="s">
        <v>117</v>
      </c>
      <c r="D10721" s="6" t="s">
        <v>1334</v>
      </c>
      <c r="E10721" s="6">
        <v>76001</v>
      </c>
      <c r="F10721" s="6" t="s">
        <v>18</v>
      </c>
      <c r="G10721" s="6" t="s">
        <v>20508</v>
      </c>
      <c r="H10721" s="6" t="s">
        <v>20509</v>
      </c>
      <c r="I10721" s="7">
        <v>3.4587211</v>
      </c>
      <c r="J10721" s="8">
        <v>-76.4836217</v>
      </c>
    </row>
    <row r="10722" spans="1:10" x14ac:dyDescent="0.35">
      <c r="A10722" s="5" t="s">
        <v>10</v>
      </c>
      <c r="B10722" s="6">
        <v>213637</v>
      </c>
      <c r="C10722" s="6" t="s">
        <v>11</v>
      </c>
      <c r="D10722" s="6" t="s">
        <v>334</v>
      </c>
      <c r="E10722" s="6">
        <v>25754</v>
      </c>
      <c r="F10722" s="6" t="s">
        <v>18</v>
      </c>
      <c r="G10722" s="6" t="s">
        <v>20510</v>
      </c>
      <c r="H10722" s="6" t="s">
        <v>20511</v>
      </c>
      <c r="I10722" s="7">
        <v>4.5971222000000003</v>
      </c>
      <c r="J10722" s="8">
        <v>-74.200971699999997</v>
      </c>
    </row>
    <row r="10723" spans="1:10" x14ac:dyDescent="0.35">
      <c r="A10723" s="5" t="s">
        <v>10</v>
      </c>
      <c r="B10723" s="6">
        <v>226230</v>
      </c>
      <c r="C10723" s="6" t="s">
        <v>117</v>
      </c>
      <c r="D10723" s="6" t="s">
        <v>1334</v>
      </c>
      <c r="E10723" s="6">
        <v>76001</v>
      </c>
      <c r="F10723" s="6" t="s">
        <v>13</v>
      </c>
      <c r="G10723" s="6" t="s">
        <v>3737</v>
      </c>
      <c r="H10723" s="6" t="s">
        <v>20512</v>
      </c>
      <c r="I10723" s="7">
        <v>3.4532845999999999</v>
      </c>
      <c r="J10723" s="8">
        <v>-76.530519699999999</v>
      </c>
    </row>
    <row r="10724" spans="1:10" x14ac:dyDescent="0.35">
      <c r="A10724" s="5" t="s">
        <v>10</v>
      </c>
      <c r="B10724" s="6">
        <v>226254</v>
      </c>
      <c r="C10724" s="6" t="s">
        <v>117</v>
      </c>
      <c r="D10724" s="6" t="s">
        <v>1334</v>
      </c>
      <c r="E10724" s="6">
        <v>76001</v>
      </c>
      <c r="F10724" s="6" t="s">
        <v>13</v>
      </c>
      <c r="G10724" s="6" t="s">
        <v>3737</v>
      </c>
      <c r="H10724" s="6" t="s">
        <v>20513</v>
      </c>
      <c r="I10724" s="7">
        <v>3.3931789999999999</v>
      </c>
      <c r="J10724" s="8">
        <v>-76.532013399999997</v>
      </c>
    </row>
    <row r="10725" spans="1:10" x14ac:dyDescent="0.35">
      <c r="A10725" s="5" t="s">
        <v>10</v>
      </c>
      <c r="B10725" s="6">
        <v>208770</v>
      </c>
      <c r="C10725" s="6" t="s">
        <v>16</v>
      </c>
      <c r="D10725" s="6" t="s">
        <v>78</v>
      </c>
      <c r="E10725" s="6">
        <v>68001</v>
      </c>
      <c r="F10725" s="6" t="s">
        <v>18</v>
      </c>
      <c r="G10725" s="6" t="s">
        <v>5919</v>
      </c>
      <c r="H10725" s="6" t="s">
        <v>5920</v>
      </c>
      <c r="I10725" s="7">
        <v>7.1328079999999998</v>
      </c>
      <c r="J10725" s="8">
        <v>-73.122606300000001</v>
      </c>
    </row>
    <row r="10726" spans="1:10" x14ac:dyDescent="0.35">
      <c r="A10726" s="5" t="s">
        <v>10</v>
      </c>
      <c r="B10726" s="6">
        <v>173990</v>
      </c>
      <c r="C10726" s="6" t="s">
        <v>16</v>
      </c>
      <c r="D10726" s="6" t="s">
        <v>78</v>
      </c>
      <c r="E10726" s="6">
        <v>68001</v>
      </c>
      <c r="F10726" s="6" t="s">
        <v>18</v>
      </c>
      <c r="G10726" s="6" t="s">
        <v>20514</v>
      </c>
      <c r="H10726" s="6" t="s">
        <v>20515</v>
      </c>
      <c r="I10726" s="7">
        <v>7.1194734999999998</v>
      </c>
      <c r="J10726" s="8">
        <v>-73.111693599999995</v>
      </c>
    </row>
    <row r="10727" spans="1:10" x14ac:dyDescent="0.35">
      <c r="A10727" s="5" t="s">
        <v>10</v>
      </c>
      <c r="B10727" s="6">
        <v>236570</v>
      </c>
      <c r="C10727" s="6" t="s">
        <v>11</v>
      </c>
      <c r="D10727" s="6" t="s">
        <v>4661</v>
      </c>
      <c r="E10727" s="6">
        <v>25662</v>
      </c>
      <c r="F10727" s="6" t="s">
        <v>18</v>
      </c>
      <c r="G10727" s="6" t="s">
        <v>20516</v>
      </c>
      <c r="H10727" s="6" t="s">
        <v>20517</v>
      </c>
      <c r="I10727" s="7">
        <v>4.8502508000000004</v>
      </c>
      <c r="J10727" s="8">
        <v>-74.621517999999995</v>
      </c>
    </row>
    <row r="10728" spans="1:10" x14ac:dyDescent="0.35">
      <c r="A10728" s="5" t="s">
        <v>10</v>
      </c>
      <c r="B10728" s="6">
        <v>223190</v>
      </c>
      <c r="C10728" s="6" t="s">
        <v>11</v>
      </c>
      <c r="D10728" s="6" t="s">
        <v>221</v>
      </c>
      <c r="E10728" s="6">
        <v>25430</v>
      </c>
      <c r="F10728" s="6" t="s">
        <v>18</v>
      </c>
      <c r="G10728" s="6" t="s">
        <v>20518</v>
      </c>
      <c r="H10728" s="6" t="s">
        <v>20519</v>
      </c>
      <c r="I10728" s="7">
        <v>4.7270310000000002</v>
      </c>
      <c r="J10728" s="8">
        <v>-74.281227299999998</v>
      </c>
    </row>
    <row r="10729" spans="1:10" x14ac:dyDescent="0.35">
      <c r="A10729" s="5" t="s">
        <v>10</v>
      </c>
      <c r="B10729" s="6">
        <v>151575</v>
      </c>
      <c r="C10729" s="6" t="s">
        <v>16</v>
      </c>
      <c r="D10729" s="6" t="s">
        <v>17</v>
      </c>
      <c r="E10729" s="6">
        <v>68679</v>
      </c>
      <c r="F10729" s="6" t="s">
        <v>18</v>
      </c>
      <c r="G10729" s="6" t="s">
        <v>4982</v>
      </c>
      <c r="H10729" s="6" t="s">
        <v>4983</v>
      </c>
      <c r="I10729" s="7">
        <v>6.5524947999999998</v>
      </c>
      <c r="J10729" s="8">
        <v>-73.132167600000002</v>
      </c>
    </row>
    <row r="10730" spans="1:10" x14ac:dyDescent="0.35">
      <c r="A10730" s="5" t="s">
        <v>10</v>
      </c>
      <c r="B10730" s="6">
        <v>241879</v>
      </c>
      <c r="C10730" s="6" t="s">
        <v>278</v>
      </c>
      <c r="D10730" s="6" t="s">
        <v>279</v>
      </c>
      <c r="E10730" s="6">
        <v>50001</v>
      </c>
      <c r="F10730" s="6" t="s">
        <v>18</v>
      </c>
      <c r="G10730" s="6" t="s">
        <v>20520</v>
      </c>
      <c r="H10730" s="6" t="s">
        <v>20521</v>
      </c>
      <c r="I10730" s="7">
        <v>4.1443608999999997</v>
      </c>
      <c r="J10730" s="8">
        <v>-73.584786100000002</v>
      </c>
    </row>
    <row r="10731" spans="1:10" x14ac:dyDescent="0.35">
      <c r="A10731" s="5" t="s">
        <v>10</v>
      </c>
      <c r="B10731" s="6">
        <v>246875</v>
      </c>
      <c r="C10731" s="6" t="s">
        <v>278</v>
      </c>
      <c r="D10731" s="6" t="s">
        <v>279</v>
      </c>
      <c r="E10731" s="6">
        <v>50001</v>
      </c>
      <c r="F10731" s="6" t="s">
        <v>18</v>
      </c>
      <c r="G10731" s="6" t="s">
        <v>20522</v>
      </c>
      <c r="H10731" s="6" t="s">
        <v>20523</v>
      </c>
      <c r="I10731" s="7">
        <v>4.1344504000000004</v>
      </c>
      <c r="J10731" s="8">
        <v>-73.6351078</v>
      </c>
    </row>
    <row r="10732" spans="1:10" x14ac:dyDescent="0.35">
      <c r="A10732" s="5" t="s">
        <v>10</v>
      </c>
      <c r="B10732" s="6">
        <v>223412</v>
      </c>
      <c r="C10732" s="6" t="s">
        <v>278</v>
      </c>
      <c r="D10732" s="6" t="s">
        <v>4146</v>
      </c>
      <c r="E10732" s="6">
        <v>50606</v>
      </c>
      <c r="F10732" s="6" t="s">
        <v>18</v>
      </c>
      <c r="G10732" s="6" t="s">
        <v>20524</v>
      </c>
      <c r="H10732" s="6" t="s">
        <v>20525</v>
      </c>
      <c r="I10732" s="7">
        <v>4.2607840000000001</v>
      </c>
      <c r="J10732" s="8">
        <v>-73.561535199999994</v>
      </c>
    </row>
    <row r="10733" spans="1:10" x14ac:dyDescent="0.35">
      <c r="A10733" s="5" t="s">
        <v>10</v>
      </c>
      <c r="B10733" s="6">
        <v>237102</v>
      </c>
      <c r="C10733" s="6" t="s">
        <v>11</v>
      </c>
      <c r="D10733" s="6" t="s">
        <v>106</v>
      </c>
      <c r="E10733" s="6">
        <v>25843</v>
      </c>
      <c r="F10733" s="6" t="s">
        <v>18</v>
      </c>
      <c r="G10733" s="6" t="s">
        <v>20526</v>
      </c>
      <c r="H10733" s="6" t="s">
        <v>20527</v>
      </c>
      <c r="I10733" s="7">
        <v>5.3071995000000003</v>
      </c>
      <c r="J10733" s="8">
        <v>-73.813703099999998</v>
      </c>
    </row>
    <row r="10734" spans="1:10" x14ac:dyDescent="0.35">
      <c r="A10734" s="5" t="s">
        <v>10</v>
      </c>
      <c r="B10734" s="6">
        <v>177515</v>
      </c>
      <c r="C10734" s="6" t="s">
        <v>278</v>
      </c>
      <c r="D10734" s="6" t="s">
        <v>1331</v>
      </c>
      <c r="E10734" s="6">
        <v>50006</v>
      </c>
      <c r="F10734" s="6" t="s">
        <v>18</v>
      </c>
      <c r="G10734" s="6" t="s">
        <v>20418</v>
      </c>
      <c r="H10734" s="6" t="s">
        <v>20419</v>
      </c>
      <c r="I10734" s="7">
        <v>3.9852909999999899</v>
      </c>
      <c r="J10734" s="8">
        <v>-73.774039799999997</v>
      </c>
    </row>
    <row r="10735" spans="1:10" x14ac:dyDescent="0.35">
      <c r="A10735" s="5" t="s">
        <v>10</v>
      </c>
      <c r="B10735" s="6">
        <v>200681</v>
      </c>
      <c r="C10735" s="6" t="s">
        <v>11</v>
      </c>
      <c r="D10735" s="6" t="s">
        <v>334</v>
      </c>
      <c r="E10735" s="6">
        <v>25754</v>
      </c>
      <c r="F10735" s="6" t="s">
        <v>18</v>
      </c>
      <c r="G10735" s="6" t="s">
        <v>4934</v>
      </c>
      <c r="H10735" s="6" t="s">
        <v>4935</v>
      </c>
      <c r="I10735" s="7">
        <v>4.5725574</v>
      </c>
      <c r="J10735" s="8">
        <v>-74.232433299999997</v>
      </c>
    </row>
    <row r="10736" spans="1:10" x14ac:dyDescent="0.35">
      <c r="A10736" s="5" t="s">
        <v>10</v>
      </c>
      <c r="B10736" s="6">
        <v>232187</v>
      </c>
      <c r="C10736" s="6" t="s">
        <v>2130</v>
      </c>
      <c r="D10736" s="6" t="s">
        <v>4238</v>
      </c>
      <c r="E10736" s="6">
        <v>85410</v>
      </c>
      <c r="F10736" s="6" t="s">
        <v>18</v>
      </c>
      <c r="G10736" s="6" t="s">
        <v>20528</v>
      </c>
      <c r="H10736" s="6" t="s">
        <v>20529</v>
      </c>
      <c r="I10736" s="7">
        <v>5.0091843000000003</v>
      </c>
      <c r="J10736" s="8">
        <v>-72.746369999999999</v>
      </c>
    </row>
    <row r="10737" spans="1:10" x14ac:dyDescent="0.35">
      <c r="A10737" s="5" t="s">
        <v>10</v>
      </c>
      <c r="B10737" s="6">
        <v>241996</v>
      </c>
      <c r="C10737" s="6" t="s">
        <v>278</v>
      </c>
      <c r="D10737" s="6" t="s">
        <v>3789</v>
      </c>
      <c r="E10737" s="6">
        <v>50590</v>
      </c>
      <c r="F10737" s="6" t="s">
        <v>18</v>
      </c>
      <c r="G10737" s="6" t="s">
        <v>20530</v>
      </c>
      <c r="H10737" s="6" t="s">
        <v>20531</v>
      </c>
      <c r="I10737" s="7">
        <v>1.9083946000000001</v>
      </c>
      <c r="J10737" s="8">
        <v>-75.155313399999997</v>
      </c>
    </row>
    <row r="10738" spans="1:10" x14ac:dyDescent="0.35">
      <c r="A10738" s="5" t="s">
        <v>10</v>
      </c>
      <c r="B10738" s="6">
        <v>214716</v>
      </c>
      <c r="C10738" s="6" t="s">
        <v>3819</v>
      </c>
      <c r="D10738" s="6" t="s">
        <v>20532</v>
      </c>
      <c r="E10738" s="6">
        <v>86760</v>
      </c>
      <c r="F10738" s="6" t="s">
        <v>18</v>
      </c>
      <c r="G10738" s="6" t="s">
        <v>20533</v>
      </c>
      <c r="H10738" s="6" t="s">
        <v>20534</v>
      </c>
      <c r="I10738" s="7">
        <v>1.1471480000000001</v>
      </c>
      <c r="J10738" s="8">
        <v>-77.002404999999996</v>
      </c>
    </row>
    <row r="10739" spans="1:10" x14ac:dyDescent="0.35">
      <c r="A10739" s="5" t="s">
        <v>10</v>
      </c>
      <c r="B10739" s="6">
        <v>235556</v>
      </c>
      <c r="C10739" s="6" t="s">
        <v>68</v>
      </c>
      <c r="D10739" s="6" t="s">
        <v>69</v>
      </c>
      <c r="E10739" s="6">
        <v>11001</v>
      </c>
      <c r="F10739" s="6" t="s">
        <v>18</v>
      </c>
      <c r="G10739" s="6" t="s">
        <v>20535</v>
      </c>
      <c r="H10739" s="6" t="s">
        <v>20536</v>
      </c>
      <c r="I10739" s="7">
        <v>9.1059640000000002</v>
      </c>
      <c r="J10739" s="8">
        <v>-75.401527000000002</v>
      </c>
    </row>
    <row r="10740" spans="1:10" x14ac:dyDescent="0.35">
      <c r="A10740" s="5" t="s">
        <v>10</v>
      </c>
      <c r="B10740" s="6">
        <v>234274</v>
      </c>
      <c r="C10740" s="6" t="s">
        <v>294</v>
      </c>
      <c r="D10740" s="6" t="s">
        <v>4257</v>
      </c>
      <c r="E10740" s="6">
        <v>41524</v>
      </c>
      <c r="F10740" s="6" t="s">
        <v>18</v>
      </c>
      <c r="G10740" s="6" t="s">
        <v>113</v>
      </c>
      <c r="H10740" s="6" t="s">
        <v>20537</v>
      </c>
      <c r="I10740" s="7">
        <v>2.8862459999999999</v>
      </c>
      <c r="J10740" s="8">
        <v>-75.433419000000001</v>
      </c>
    </row>
    <row r="10741" spans="1:10" x14ac:dyDescent="0.35">
      <c r="A10741" s="5" t="s">
        <v>10</v>
      </c>
      <c r="B10741" s="6">
        <v>229449</v>
      </c>
      <c r="C10741" s="6" t="s">
        <v>11</v>
      </c>
      <c r="D10741" s="6" t="s">
        <v>337</v>
      </c>
      <c r="E10741" s="6">
        <v>25290</v>
      </c>
      <c r="F10741" s="6" t="s">
        <v>18</v>
      </c>
      <c r="G10741" s="6" t="s">
        <v>20538</v>
      </c>
      <c r="H10741" s="6" t="s">
        <v>20539</v>
      </c>
      <c r="I10741" s="7">
        <v>4.3486386000000001</v>
      </c>
      <c r="J10741" s="8">
        <v>-74.363049899999993</v>
      </c>
    </row>
    <row r="10742" spans="1:10" x14ac:dyDescent="0.35">
      <c r="A10742" s="5" t="s">
        <v>10</v>
      </c>
      <c r="B10742" s="6">
        <v>246158</v>
      </c>
      <c r="C10742" s="6" t="s">
        <v>11</v>
      </c>
      <c r="D10742" s="6" t="s">
        <v>334</v>
      </c>
      <c r="E10742" s="6">
        <v>25754</v>
      </c>
      <c r="F10742" s="6" t="s">
        <v>18</v>
      </c>
      <c r="G10742" s="6" t="s">
        <v>20540</v>
      </c>
      <c r="H10742" s="6" t="s">
        <v>20541</v>
      </c>
      <c r="I10742" s="7">
        <v>4.5682913000000003</v>
      </c>
      <c r="J10742" s="8">
        <v>-74.218065300000006</v>
      </c>
    </row>
    <row r="10743" spans="1:10" x14ac:dyDescent="0.35">
      <c r="A10743" s="5" t="s">
        <v>10</v>
      </c>
      <c r="B10743" s="6">
        <v>240263</v>
      </c>
      <c r="C10743" s="6" t="s">
        <v>278</v>
      </c>
      <c r="D10743" s="6" t="s">
        <v>279</v>
      </c>
      <c r="E10743" s="6">
        <v>50001</v>
      </c>
      <c r="F10743" s="6" t="s">
        <v>18</v>
      </c>
      <c r="G10743" s="6" t="s">
        <v>20542</v>
      </c>
      <c r="H10743" s="6" t="s">
        <v>20543</v>
      </c>
      <c r="I10743" s="7">
        <v>4.1381658999999997</v>
      </c>
      <c r="J10743" s="8">
        <v>-73.588162499999996</v>
      </c>
    </row>
    <row r="10744" spans="1:10" x14ac:dyDescent="0.35">
      <c r="A10744" s="5" t="s">
        <v>10</v>
      </c>
      <c r="B10744" s="6">
        <v>162899</v>
      </c>
      <c r="C10744" s="6" t="s">
        <v>294</v>
      </c>
      <c r="D10744" s="6" t="s">
        <v>4244</v>
      </c>
      <c r="E10744" s="6">
        <v>41298</v>
      </c>
      <c r="F10744" s="6" t="s">
        <v>13</v>
      </c>
      <c r="G10744" s="6" t="s">
        <v>20544</v>
      </c>
      <c r="H10744" s="6" t="s">
        <v>20545</v>
      </c>
      <c r="I10744" s="7">
        <v>2.1954030000000002</v>
      </c>
      <c r="J10744" s="8">
        <v>-75.627467899999999</v>
      </c>
    </row>
    <row r="10745" spans="1:10" x14ac:dyDescent="0.35">
      <c r="A10745" s="5" t="s">
        <v>10</v>
      </c>
      <c r="B10745" s="6">
        <v>163215</v>
      </c>
      <c r="C10745" s="6" t="s">
        <v>294</v>
      </c>
      <c r="D10745" s="6" t="s">
        <v>5931</v>
      </c>
      <c r="E10745" s="6">
        <v>41770</v>
      </c>
      <c r="F10745" s="6" t="s">
        <v>13</v>
      </c>
      <c r="G10745" s="6" t="s">
        <v>7380</v>
      </c>
      <c r="H10745" s="6" t="s">
        <v>7381</v>
      </c>
      <c r="I10745" s="7">
        <v>1.9769565</v>
      </c>
      <c r="J10745" s="8">
        <v>-75.795039599999996</v>
      </c>
    </row>
    <row r="10746" spans="1:10" x14ac:dyDescent="0.35">
      <c r="A10746" s="5" t="s">
        <v>10</v>
      </c>
      <c r="B10746" s="6">
        <v>225707</v>
      </c>
      <c r="C10746" s="6" t="s">
        <v>11</v>
      </c>
      <c r="D10746" s="6" t="s">
        <v>5475</v>
      </c>
      <c r="E10746" s="6">
        <v>25053</v>
      </c>
      <c r="F10746" s="6" t="s">
        <v>18</v>
      </c>
      <c r="G10746" s="6" t="s">
        <v>20546</v>
      </c>
      <c r="H10746" s="6" t="s">
        <v>20547</v>
      </c>
      <c r="I10746" s="7">
        <v>4.2723458999999897</v>
      </c>
      <c r="J10746" s="8">
        <v>-74.414796499999994</v>
      </c>
    </row>
    <row r="10747" spans="1:10" x14ac:dyDescent="0.35">
      <c r="A10747" s="5" t="s">
        <v>10</v>
      </c>
      <c r="B10747" s="6">
        <v>214396</v>
      </c>
      <c r="C10747" s="6" t="s">
        <v>11</v>
      </c>
      <c r="D10747" s="6" t="s">
        <v>12</v>
      </c>
      <c r="E10747" s="6">
        <v>25899</v>
      </c>
      <c r="F10747" s="6" t="s">
        <v>18</v>
      </c>
      <c r="G10747" s="6" t="s">
        <v>20548</v>
      </c>
      <c r="H10747" s="6" t="s">
        <v>20549</v>
      </c>
      <c r="I10747" s="7">
        <v>5.0282938000000001</v>
      </c>
      <c r="J10747" s="8">
        <v>-73.983334499999998</v>
      </c>
    </row>
    <row r="10748" spans="1:10" x14ac:dyDescent="0.35">
      <c r="A10748" s="5" t="s">
        <v>10</v>
      </c>
      <c r="B10748" s="6">
        <v>206789</v>
      </c>
      <c r="C10748" s="6" t="s">
        <v>28</v>
      </c>
      <c r="D10748" s="6" t="s">
        <v>3008</v>
      </c>
      <c r="E10748" s="6">
        <v>54820</v>
      </c>
      <c r="F10748" s="6" t="s">
        <v>18</v>
      </c>
      <c r="G10748" s="6" t="s">
        <v>20550</v>
      </c>
      <c r="H10748" s="6" t="s">
        <v>20551</v>
      </c>
      <c r="I10748" s="7">
        <v>7.3090899999999897</v>
      </c>
      <c r="J10748" s="8">
        <v>-72.481176300000001</v>
      </c>
    </row>
    <row r="10749" spans="1:10" x14ac:dyDescent="0.35">
      <c r="A10749" s="5" t="s">
        <v>10</v>
      </c>
      <c r="B10749" s="6">
        <v>231253</v>
      </c>
      <c r="C10749" s="6" t="s">
        <v>551</v>
      </c>
      <c r="D10749" s="6" t="s">
        <v>3868</v>
      </c>
      <c r="E10749" s="6">
        <v>20001</v>
      </c>
      <c r="F10749" s="6" t="s">
        <v>18</v>
      </c>
      <c r="G10749" s="6" t="s">
        <v>20552</v>
      </c>
      <c r="H10749" s="6" t="s">
        <v>20553</v>
      </c>
      <c r="I10749" s="7">
        <v>10.452161800000001</v>
      </c>
      <c r="J10749" s="8">
        <v>-73.266786699999997</v>
      </c>
    </row>
    <row r="10750" spans="1:10" x14ac:dyDescent="0.35">
      <c r="A10750" s="5" t="s">
        <v>10</v>
      </c>
      <c r="B10750" s="6">
        <v>213746</v>
      </c>
      <c r="C10750" s="6" t="s">
        <v>278</v>
      </c>
      <c r="D10750" s="6" t="s">
        <v>20554</v>
      </c>
      <c r="E10750" s="6">
        <v>50370</v>
      </c>
      <c r="F10750" s="6" t="s">
        <v>18</v>
      </c>
      <c r="G10750" s="6" t="s">
        <v>20555</v>
      </c>
      <c r="H10750" s="6" t="s">
        <v>20556</v>
      </c>
      <c r="I10750" s="7">
        <v>3.2392409999999998</v>
      </c>
      <c r="J10750" s="8">
        <v>-74.350661000000002</v>
      </c>
    </row>
    <row r="10751" spans="1:10" x14ac:dyDescent="0.35">
      <c r="A10751" s="5" t="s">
        <v>10</v>
      </c>
      <c r="B10751" s="6">
        <v>234591</v>
      </c>
      <c r="C10751" s="6" t="s">
        <v>294</v>
      </c>
      <c r="D10751" s="6" t="s">
        <v>4244</v>
      </c>
      <c r="E10751" s="6">
        <v>41298</v>
      </c>
      <c r="F10751" s="6" t="s">
        <v>18</v>
      </c>
      <c r="G10751" s="6" t="s">
        <v>20557</v>
      </c>
      <c r="H10751" s="6" t="s">
        <v>20558</v>
      </c>
      <c r="I10751" s="7">
        <v>2.1943378</v>
      </c>
      <c r="J10751" s="8">
        <v>-75.630548899999994</v>
      </c>
    </row>
    <row r="10752" spans="1:10" x14ac:dyDescent="0.35">
      <c r="A10752" s="5" t="s">
        <v>10</v>
      </c>
      <c r="B10752" s="6">
        <v>230145</v>
      </c>
      <c r="C10752" s="6" t="s">
        <v>117</v>
      </c>
      <c r="D10752" s="6" t="s">
        <v>4146</v>
      </c>
      <c r="E10752" s="6">
        <v>76606</v>
      </c>
      <c r="F10752" s="6" t="s">
        <v>18</v>
      </c>
      <c r="G10752" s="6" t="s">
        <v>20559</v>
      </c>
      <c r="H10752" s="6" t="s">
        <v>20560</v>
      </c>
      <c r="I10752" s="7">
        <v>3.8253444999999999</v>
      </c>
      <c r="J10752" s="8">
        <v>-76.521222899999998</v>
      </c>
    </row>
    <row r="10753" spans="1:10" x14ac:dyDescent="0.35">
      <c r="A10753" s="5" t="s">
        <v>10</v>
      </c>
      <c r="B10753" s="6">
        <v>232093</v>
      </c>
      <c r="C10753" s="6" t="s">
        <v>68</v>
      </c>
      <c r="D10753" s="6" t="s">
        <v>69</v>
      </c>
      <c r="E10753" s="6">
        <v>11001</v>
      </c>
      <c r="F10753" s="6" t="s">
        <v>18</v>
      </c>
      <c r="G10753" s="6" t="s">
        <v>20561</v>
      </c>
      <c r="H10753" s="6" t="s">
        <v>20562</v>
      </c>
      <c r="I10753" s="7">
        <v>4.6245139999999996</v>
      </c>
      <c r="J10753" s="8">
        <v>-74.171107000000006</v>
      </c>
    </row>
    <row r="10754" spans="1:10" x14ac:dyDescent="0.35">
      <c r="A10754" s="5" t="s">
        <v>10</v>
      </c>
      <c r="B10754" s="6">
        <v>245508</v>
      </c>
      <c r="C10754" s="6" t="s">
        <v>294</v>
      </c>
      <c r="D10754" s="6" t="s">
        <v>4213</v>
      </c>
      <c r="E10754" s="6">
        <v>41791</v>
      </c>
      <c r="F10754" s="6" t="s">
        <v>18</v>
      </c>
      <c r="G10754" s="6" t="s">
        <v>20563</v>
      </c>
      <c r="H10754" s="6" t="s">
        <v>20564</v>
      </c>
      <c r="I10754" s="7">
        <v>2.1109285999999998</v>
      </c>
      <c r="J10754" s="8">
        <v>-75.825010500000005</v>
      </c>
    </row>
    <row r="10755" spans="1:10" x14ac:dyDescent="0.35">
      <c r="A10755" s="5" t="s">
        <v>10</v>
      </c>
      <c r="B10755" s="6">
        <v>186955</v>
      </c>
      <c r="C10755" s="6" t="s">
        <v>11</v>
      </c>
      <c r="D10755" s="6" t="s">
        <v>221</v>
      </c>
      <c r="E10755" s="6">
        <v>25430</v>
      </c>
      <c r="F10755" s="6" t="s">
        <v>18</v>
      </c>
      <c r="G10755" s="6" t="s">
        <v>5232</v>
      </c>
      <c r="H10755" s="6" t="s">
        <v>5233</v>
      </c>
      <c r="I10755" s="7">
        <v>4.7392012000000001</v>
      </c>
      <c r="J10755" s="8">
        <v>-74.278082999999995</v>
      </c>
    </row>
    <row r="10756" spans="1:10" x14ac:dyDescent="0.35">
      <c r="A10756" s="5" t="s">
        <v>10</v>
      </c>
      <c r="B10756" s="6">
        <v>236860</v>
      </c>
      <c r="C10756" s="6" t="s">
        <v>68</v>
      </c>
      <c r="D10756" s="6" t="s">
        <v>69</v>
      </c>
      <c r="E10756" s="6">
        <v>11001</v>
      </c>
      <c r="F10756" s="6" t="s">
        <v>18</v>
      </c>
      <c r="G10756" s="6" t="s">
        <v>20565</v>
      </c>
      <c r="H10756" s="6" t="s">
        <v>20566</v>
      </c>
      <c r="I10756" s="7">
        <v>4.5823989000000003</v>
      </c>
      <c r="J10756" s="8">
        <v>-74.123177799999993</v>
      </c>
    </row>
    <row r="10757" spans="1:10" x14ac:dyDescent="0.35">
      <c r="A10757" s="5" t="s">
        <v>10</v>
      </c>
      <c r="B10757" s="6">
        <v>240031</v>
      </c>
      <c r="C10757" s="6" t="s">
        <v>294</v>
      </c>
      <c r="D10757" s="6" t="s">
        <v>4634</v>
      </c>
      <c r="E10757" s="6">
        <v>41020</v>
      </c>
      <c r="F10757" s="6" t="s">
        <v>18</v>
      </c>
      <c r="G10757" s="6" t="s">
        <v>20567</v>
      </c>
      <c r="H10757" s="6" t="s">
        <v>20568</v>
      </c>
      <c r="I10757" s="7">
        <v>2.5229419000000002</v>
      </c>
      <c r="J10757" s="8">
        <v>-75.317969700000006</v>
      </c>
    </row>
    <row r="10758" spans="1:10" x14ac:dyDescent="0.35">
      <c r="A10758" s="5" t="s">
        <v>10</v>
      </c>
      <c r="B10758" s="6">
        <v>167401</v>
      </c>
      <c r="C10758" s="6" t="s">
        <v>11</v>
      </c>
      <c r="D10758" s="6" t="s">
        <v>901</v>
      </c>
      <c r="E10758" s="6">
        <v>25307</v>
      </c>
      <c r="F10758" s="6" t="s">
        <v>18</v>
      </c>
      <c r="G10758" s="6" t="s">
        <v>6715</v>
      </c>
      <c r="H10758" s="6" t="s">
        <v>6716</v>
      </c>
      <c r="I10758" s="7">
        <v>4.3045958999999998</v>
      </c>
      <c r="J10758" s="8">
        <v>-74.803141400000001</v>
      </c>
    </row>
    <row r="10759" spans="1:10" x14ac:dyDescent="0.35">
      <c r="A10759" s="5" t="s">
        <v>10</v>
      </c>
      <c r="B10759" s="6">
        <v>236534</v>
      </c>
      <c r="C10759" s="6" t="s">
        <v>11</v>
      </c>
      <c r="D10759" s="6" t="s">
        <v>12</v>
      </c>
      <c r="E10759" s="6">
        <v>25899</v>
      </c>
      <c r="F10759" s="6" t="s">
        <v>18</v>
      </c>
      <c r="G10759" s="6" t="s">
        <v>18505</v>
      </c>
      <c r="H10759" s="6" t="s">
        <v>20569</v>
      </c>
      <c r="I10759" s="7">
        <v>5.0358564000000001</v>
      </c>
      <c r="J10759" s="8">
        <v>-73.995776399999997</v>
      </c>
    </row>
    <row r="10760" spans="1:10" x14ac:dyDescent="0.35">
      <c r="A10760" s="5" t="s">
        <v>10</v>
      </c>
      <c r="B10760" s="6">
        <v>240295</v>
      </c>
      <c r="C10760" s="6" t="s">
        <v>278</v>
      </c>
      <c r="D10760" s="6" t="s">
        <v>279</v>
      </c>
      <c r="E10760" s="6">
        <v>50001</v>
      </c>
      <c r="F10760" s="6" t="s">
        <v>18</v>
      </c>
      <c r="G10760" s="6" t="s">
        <v>20570</v>
      </c>
      <c r="H10760" s="6" t="s">
        <v>20571</v>
      </c>
      <c r="I10760" s="7">
        <v>4.2623084999999996</v>
      </c>
      <c r="J10760" s="8">
        <v>-73.563239800000005</v>
      </c>
    </row>
    <row r="10761" spans="1:10" x14ac:dyDescent="0.35">
      <c r="A10761" s="5" t="s">
        <v>10</v>
      </c>
      <c r="B10761" s="6">
        <v>229428</v>
      </c>
      <c r="C10761" s="6" t="s">
        <v>278</v>
      </c>
      <c r="D10761" s="6" t="s">
        <v>1331</v>
      </c>
      <c r="E10761" s="6">
        <v>50006</v>
      </c>
      <c r="F10761" s="6" t="s">
        <v>18</v>
      </c>
      <c r="G10761" s="6" t="s">
        <v>9684</v>
      </c>
      <c r="H10761" s="6" t="s">
        <v>20572</v>
      </c>
      <c r="I10761" s="7">
        <v>3.991663</v>
      </c>
      <c r="J10761" s="8">
        <v>-73.766129000000006</v>
      </c>
    </row>
    <row r="10762" spans="1:10" x14ac:dyDescent="0.35">
      <c r="A10762" s="5" t="s">
        <v>10</v>
      </c>
      <c r="B10762" s="6">
        <v>232194</v>
      </c>
      <c r="C10762" s="6" t="s">
        <v>11</v>
      </c>
      <c r="D10762" s="6" t="s">
        <v>334</v>
      </c>
      <c r="E10762" s="6">
        <v>25754</v>
      </c>
      <c r="F10762" s="6" t="s">
        <v>18</v>
      </c>
      <c r="G10762" s="6" t="s">
        <v>20573</v>
      </c>
      <c r="H10762" s="6" t="s">
        <v>20574</v>
      </c>
      <c r="I10762" s="7">
        <v>4.5766540999999998</v>
      </c>
      <c r="J10762" s="8">
        <v>-74.198994799999994</v>
      </c>
    </row>
    <row r="10763" spans="1:10" x14ac:dyDescent="0.35">
      <c r="A10763" s="5" t="s">
        <v>10</v>
      </c>
      <c r="B10763" s="6">
        <v>185897</v>
      </c>
      <c r="C10763" s="6" t="s">
        <v>190</v>
      </c>
      <c r="D10763" s="6" t="s">
        <v>191</v>
      </c>
      <c r="E10763" s="6">
        <v>5001</v>
      </c>
      <c r="F10763" s="6" t="s">
        <v>18</v>
      </c>
      <c r="G10763" s="6" t="s">
        <v>20575</v>
      </c>
      <c r="H10763" s="6" t="s">
        <v>20576</v>
      </c>
      <c r="I10763" s="7">
        <v>6.2857751000000004</v>
      </c>
      <c r="J10763" s="8">
        <v>-75.642117799999994</v>
      </c>
    </row>
    <row r="10764" spans="1:10" x14ac:dyDescent="0.35">
      <c r="A10764" s="5" t="s">
        <v>10</v>
      </c>
      <c r="B10764" s="6">
        <v>226835</v>
      </c>
      <c r="C10764" s="6" t="s">
        <v>466</v>
      </c>
      <c r="D10764" s="6" t="s">
        <v>1576</v>
      </c>
      <c r="E10764" s="6">
        <v>81065</v>
      </c>
      <c r="F10764" s="6" t="s">
        <v>18</v>
      </c>
      <c r="G10764" s="6" t="s">
        <v>20577</v>
      </c>
      <c r="H10764" s="6" t="s">
        <v>20578</v>
      </c>
      <c r="I10764" s="7">
        <v>7.0293340000000004</v>
      </c>
      <c r="J10764" s="8">
        <v>-71.4294759</v>
      </c>
    </row>
    <row r="10765" spans="1:10" x14ac:dyDescent="0.35">
      <c r="A10765" s="5" t="s">
        <v>10</v>
      </c>
      <c r="B10765" s="6">
        <v>203216</v>
      </c>
      <c r="C10765" s="6" t="s">
        <v>2821</v>
      </c>
      <c r="D10765" s="6" t="s">
        <v>1066</v>
      </c>
      <c r="E10765" s="6">
        <v>47675</v>
      </c>
      <c r="F10765" s="6" t="s">
        <v>18</v>
      </c>
      <c r="G10765" s="6" t="s">
        <v>20579</v>
      </c>
      <c r="H10765" s="6" t="s">
        <v>20580</v>
      </c>
      <c r="I10765" s="7">
        <v>10.4911049</v>
      </c>
      <c r="J10765" s="8">
        <v>-74.794525999999905</v>
      </c>
    </row>
    <row r="10766" spans="1:10" x14ac:dyDescent="0.35">
      <c r="A10766" s="5" t="s">
        <v>10</v>
      </c>
      <c r="B10766" s="6">
        <v>204994</v>
      </c>
      <c r="C10766" s="6" t="s">
        <v>278</v>
      </c>
      <c r="D10766" s="6" t="s">
        <v>4146</v>
      </c>
      <c r="E10766" s="6">
        <v>50606</v>
      </c>
      <c r="F10766" s="6" t="s">
        <v>18</v>
      </c>
      <c r="G10766" s="6" t="s">
        <v>20482</v>
      </c>
      <c r="H10766" s="6" t="s">
        <v>20483</v>
      </c>
      <c r="I10766" s="7">
        <v>4.2630819999999998</v>
      </c>
      <c r="J10766" s="8">
        <v>-73.562567000000001</v>
      </c>
    </row>
    <row r="10767" spans="1:10" x14ac:dyDescent="0.35">
      <c r="A10767" s="5" t="s">
        <v>10</v>
      </c>
      <c r="B10767" s="6">
        <v>232348</v>
      </c>
      <c r="C10767" s="6" t="s">
        <v>68</v>
      </c>
      <c r="D10767" s="6" t="s">
        <v>69</v>
      </c>
      <c r="E10767" s="6">
        <v>11001</v>
      </c>
      <c r="F10767" s="6" t="s">
        <v>18</v>
      </c>
      <c r="G10767" s="6" t="s">
        <v>20581</v>
      </c>
      <c r="H10767" s="6" t="s">
        <v>20582</v>
      </c>
      <c r="I10767" s="7">
        <v>4.6841436999999999</v>
      </c>
      <c r="J10767" s="8">
        <v>-74.090535399999993</v>
      </c>
    </row>
    <row r="10768" spans="1:10" x14ac:dyDescent="0.35">
      <c r="A10768" s="5" t="s">
        <v>10</v>
      </c>
      <c r="B10768" s="6">
        <v>200803</v>
      </c>
      <c r="C10768" s="6" t="s">
        <v>24</v>
      </c>
      <c r="D10768" s="6" t="s">
        <v>621</v>
      </c>
      <c r="E10768" s="6">
        <v>15646</v>
      </c>
      <c r="F10768" s="6" t="s">
        <v>18</v>
      </c>
      <c r="G10768" s="6" t="s">
        <v>4159</v>
      </c>
      <c r="H10768" s="6" t="s">
        <v>4160</v>
      </c>
      <c r="I10768" s="7">
        <v>5.4923419999999998</v>
      </c>
      <c r="J10768" s="8">
        <v>-73.486159000000001</v>
      </c>
    </row>
    <row r="10769" spans="1:10" x14ac:dyDescent="0.35">
      <c r="A10769" s="5" t="s">
        <v>10</v>
      </c>
      <c r="B10769" s="6">
        <v>244470</v>
      </c>
      <c r="C10769" s="6" t="s">
        <v>3819</v>
      </c>
      <c r="D10769" s="6" t="s">
        <v>20583</v>
      </c>
      <c r="E10769" s="6">
        <v>86885</v>
      </c>
      <c r="F10769" s="6" t="s">
        <v>18</v>
      </c>
      <c r="G10769" s="6" t="s">
        <v>20584</v>
      </c>
      <c r="H10769" s="6" t="s">
        <v>20585</v>
      </c>
      <c r="I10769" s="7">
        <v>1.1477941</v>
      </c>
      <c r="J10769" s="8">
        <v>-76.648128400000004</v>
      </c>
    </row>
    <row r="10770" spans="1:10" x14ac:dyDescent="0.35">
      <c r="A10770" s="5" t="s">
        <v>10</v>
      </c>
      <c r="B10770" s="6">
        <v>238460</v>
      </c>
      <c r="C10770" s="6" t="s">
        <v>117</v>
      </c>
      <c r="D10770" s="6" t="s">
        <v>4637</v>
      </c>
      <c r="E10770" s="6">
        <v>76275</v>
      </c>
      <c r="F10770" s="6" t="s">
        <v>18</v>
      </c>
      <c r="G10770" s="6" t="s">
        <v>20586</v>
      </c>
      <c r="H10770" s="6" t="s">
        <v>20587</v>
      </c>
      <c r="I10770" s="7">
        <v>3.3260801</v>
      </c>
      <c r="J10770" s="8">
        <v>-76.238185700000002</v>
      </c>
    </row>
    <row r="10771" spans="1:10" x14ac:dyDescent="0.35">
      <c r="A10771" s="5" t="s">
        <v>10</v>
      </c>
      <c r="B10771" s="6">
        <v>213280</v>
      </c>
      <c r="C10771" s="6" t="s">
        <v>68</v>
      </c>
      <c r="D10771" s="6" t="s">
        <v>69</v>
      </c>
      <c r="E10771" s="6">
        <v>11001</v>
      </c>
      <c r="F10771" s="6" t="s">
        <v>18</v>
      </c>
      <c r="G10771" s="6" t="s">
        <v>20588</v>
      </c>
      <c r="H10771" s="6" t="s">
        <v>20589</v>
      </c>
      <c r="I10771" s="7">
        <v>4.5710913999999896</v>
      </c>
      <c r="J10771" s="8">
        <v>-74.162027499999994</v>
      </c>
    </row>
    <row r="10772" spans="1:10" x14ac:dyDescent="0.35">
      <c r="A10772" s="5" t="s">
        <v>10</v>
      </c>
      <c r="B10772" s="6">
        <v>208079</v>
      </c>
      <c r="C10772" s="6" t="s">
        <v>16</v>
      </c>
      <c r="D10772" s="6" t="s">
        <v>78</v>
      </c>
      <c r="E10772" s="6">
        <v>68001</v>
      </c>
      <c r="F10772" s="6" t="s">
        <v>18</v>
      </c>
      <c r="G10772" s="6" t="s">
        <v>4178</v>
      </c>
      <c r="H10772" s="6" t="s">
        <v>4179</v>
      </c>
      <c r="I10772" s="7">
        <v>7.1017848999999904</v>
      </c>
      <c r="J10772" s="8">
        <v>-73.120181700000003</v>
      </c>
    </row>
    <row r="10773" spans="1:10" x14ac:dyDescent="0.35">
      <c r="A10773" s="5" t="s">
        <v>10</v>
      </c>
      <c r="B10773" s="6">
        <v>232267</v>
      </c>
      <c r="C10773" s="6" t="s">
        <v>294</v>
      </c>
      <c r="D10773" s="6" t="s">
        <v>4244</v>
      </c>
      <c r="E10773" s="6">
        <v>41298</v>
      </c>
      <c r="F10773" s="6" t="s">
        <v>18</v>
      </c>
      <c r="G10773" s="6" t="s">
        <v>20590</v>
      </c>
      <c r="H10773" s="6" t="s">
        <v>20591</v>
      </c>
      <c r="I10773" s="7">
        <v>2.1968532999999999</v>
      </c>
      <c r="J10773" s="8">
        <v>-75.622950000000003</v>
      </c>
    </row>
    <row r="10774" spans="1:10" x14ac:dyDescent="0.35">
      <c r="A10774" s="5" t="s">
        <v>10</v>
      </c>
      <c r="B10774" s="6">
        <v>245449</v>
      </c>
      <c r="C10774" s="6" t="s">
        <v>551</v>
      </c>
      <c r="D10774" s="6" t="s">
        <v>4203</v>
      </c>
      <c r="E10774" s="6">
        <v>20228</v>
      </c>
      <c r="F10774" s="6" t="s">
        <v>18</v>
      </c>
      <c r="G10774" s="6" t="s">
        <v>20592</v>
      </c>
      <c r="H10774" s="6" t="s">
        <v>20593</v>
      </c>
      <c r="I10774" s="7">
        <v>9.2026296999999992</v>
      </c>
      <c r="J10774" s="8">
        <v>-73.545142299999995</v>
      </c>
    </row>
    <row r="10775" spans="1:10" x14ac:dyDescent="0.35">
      <c r="A10775" s="5" t="s">
        <v>10</v>
      </c>
      <c r="B10775" s="6">
        <v>235884</v>
      </c>
      <c r="C10775" s="6" t="s">
        <v>117</v>
      </c>
      <c r="D10775" s="6" t="s">
        <v>1334</v>
      </c>
      <c r="E10775" s="6">
        <v>76001</v>
      </c>
      <c r="F10775" s="6" t="s">
        <v>18</v>
      </c>
      <c r="G10775" s="6" t="s">
        <v>20594</v>
      </c>
      <c r="H10775" s="6" t="s">
        <v>20595</v>
      </c>
      <c r="I10775" s="7">
        <v>3.4746046000000002</v>
      </c>
      <c r="J10775" s="8">
        <v>-76.526300599999999</v>
      </c>
    </row>
    <row r="10776" spans="1:10" x14ac:dyDescent="0.35">
      <c r="A10776" s="5" t="s">
        <v>10</v>
      </c>
      <c r="B10776" s="6">
        <v>186007</v>
      </c>
      <c r="C10776" s="6" t="s">
        <v>68</v>
      </c>
      <c r="D10776" s="6" t="s">
        <v>69</v>
      </c>
      <c r="E10776" s="6">
        <v>11001</v>
      </c>
      <c r="F10776" s="6" t="s">
        <v>18</v>
      </c>
      <c r="G10776" s="6" t="s">
        <v>20596</v>
      </c>
      <c r="H10776" s="6" t="s">
        <v>20597</v>
      </c>
      <c r="I10776" s="7">
        <v>4.7432477999999998</v>
      </c>
      <c r="J10776" s="8">
        <v>-74.033983899999996</v>
      </c>
    </row>
    <row r="10777" spans="1:10" x14ac:dyDescent="0.35">
      <c r="A10777" s="5" t="s">
        <v>10</v>
      </c>
      <c r="B10777" s="6">
        <v>220621</v>
      </c>
      <c r="C10777" s="6" t="s">
        <v>16</v>
      </c>
      <c r="D10777" s="6" t="s">
        <v>78</v>
      </c>
      <c r="E10777" s="6">
        <v>68001</v>
      </c>
      <c r="F10777" s="6" t="s">
        <v>18</v>
      </c>
      <c r="G10777" s="6" t="s">
        <v>20387</v>
      </c>
      <c r="H10777" s="6" t="s">
        <v>20388</v>
      </c>
      <c r="I10777" s="7">
        <v>7.1051045999999998</v>
      </c>
      <c r="J10777" s="8">
        <v>-73.113857099999905</v>
      </c>
    </row>
    <row r="10778" spans="1:10" x14ac:dyDescent="0.35">
      <c r="A10778" s="5" t="s">
        <v>10</v>
      </c>
      <c r="B10778" s="6">
        <v>224954</v>
      </c>
      <c r="C10778" s="6" t="s">
        <v>11</v>
      </c>
      <c r="D10778" s="6" t="s">
        <v>1752</v>
      </c>
      <c r="E10778" s="6">
        <v>25799</v>
      </c>
      <c r="F10778" s="6" t="s">
        <v>18</v>
      </c>
      <c r="G10778" s="6" t="s">
        <v>20598</v>
      </c>
      <c r="H10778" s="6" t="s">
        <v>20599</v>
      </c>
      <c r="I10778" s="7">
        <v>4.8724759999999998</v>
      </c>
      <c r="J10778" s="8">
        <v>-74.145769899999905</v>
      </c>
    </row>
    <row r="10779" spans="1:10" x14ac:dyDescent="0.35">
      <c r="A10779" s="5" t="s">
        <v>10</v>
      </c>
      <c r="B10779" s="6">
        <v>231704</v>
      </c>
      <c r="C10779" s="6" t="s">
        <v>38</v>
      </c>
      <c r="D10779" s="6" t="s">
        <v>7839</v>
      </c>
      <c r="E10779" s="6">
        <v>19573</v>
      </c>
      <c r="F10779" s="6" t="s">
        <v>18</v>
      </c>
      <c r="G10779" s="6" t="s">
        <v>20600</v>
      </c>
      <c r="H10779" s="6" t="s">
        <v>20601</v>
      </c>
      <c r="I10779" s="7">
        <v>3.2296098</v>
      </c>
      <c r="J10779" s="8">
        <v>-76.419909200000006</v>
      </c>
    </row>
    <row r="10780" spans="1:10" x14ac:dyDescent="0.35">
      <c r="A10780" s="5" t="s">
        <v>10</v>
      </c>
      <c r="B10780" s="6">
        <v>185823</v>
      </c>
      <c r="C10780" s="6" t="s">
        <v>117</v>
      </c>
      <c r="D10780" s="6" t="s">
        <v>1334</v>
      </c>
      <c r="E10780" s="6">
        <v>76001</v>
      </c>
      <c r="F10780" s="6" t="s">
        <v>18</v>
      </c>
      <c r="G10780" s="6" t="s">
        <v>20131</v>
      </c>
      <c r="H10780" s="6" t="s">
        <v>20132</v>
      </c>
      <c r="I10780" s="7">
        <v>3.4879836000000002</v>
      </c>
      <c r="J10780" s="8">
        <v>-76.491732200000001</v>
      </c>
    </row>
    <row r="10781" spans="1:10" x14ac:dyDescent="0.35">
      <c r="A10781" s="5" t="s">
        <v>10</v>
      </c>
      <c r="B10781" s="6">
        <v>210443</v>
      </c>
      <c r="C10781" s="6" t="s">
        <v>68</v>
      </c>
      <c r="D10781" s="6" t="s">
        <v>69</v>
      </c>
      <c r="E10781" s="6">
        <v>11001</v>
      </c>
      <c r="F10781" s="6" t="s">
        <v>18</v>
      </c>
      <c r="G10781" s="6" t="s">
        <v>855</v>
      </c>
      <c r="H10781" s="6" t="s">
        <v>20602</v>
      </c>
      <c r="I10781" s="7">
        <v>4.7388231999999997</v>
      </c>
      <c r="J10781" s="8">
        <v>-74.107380899999995</v>
      </c>
    </row>
    <row r="10782" spans="1:10" x14ac:dyDescent="0.35">
      <c r="A10782" s="5" t="s">
        <v>10</v>
      </c>
      <c r="B10782" s="6">
        <v>207279</v>
      </c>
      <c r="C10782" s="6" t="s">
        <v>2130</v>
      </c>
      <c r="D10782" s="6" t="s">
        <v>370</v>
      </c>
      <c r="E10782" s="6">
        <v>85440</v>
      </c>
      <c r="F10782" s="6" t="s">
        <v>18</v>
      </c>
      <c r="G10782" s="6" t="s">
        <v>20603</v>
      </c>
      <c r="H10782" s="6" t="s">
        <v>20604</v>
      </c>
      <c r="I10782" s="7">
        <v>4.6121527000000002</v>
      </c>
      <c r="J10782" s="8">
        <v>-72.931532799999999</v>
      </c>
    </row>
    <row r="10783" spans="1:10" x14ac:dyDescent="0.35">
      <c r="A10783" s="5" t="s">
        <v>10</v>
      </c>
      <c r="B10783" s="6">
        <v>214831</v>
      </c>
      <c r="C10783" s="6" t="s">
        <v>294</v>
      </c>
      <c r="D10783" s="6" t="s">
        <v>703</v>
      </c>
      <c r="E10783" s="6">
        <v>41001</v>
      </c>
      <c r="F10783" s="6" t="s">
        <v>18</v>
      </c>
      <c r="G10783" s="6" t="s">
        <v>20605</v>
      </c>
      <c r="H10783" s="6" t="s">
        <v>20606</v>
      </c>
      <c r="I10783" s="7">
        <v>2.9166908999999999</v>
      </c>
      <c r="J10783" s="8">
        <v>-75.273211399999994</v>
      </c>
    </row>
    <row r="10784" spans="1:10" x14ac:dyDescent="0.35">
      <c r="A10784" s="5" t="s">
        <v>10</v>
      </c>
      <c r="B10784" s="6">
        <v>191169</v>
      </c>
      <c r="C10784" s="6" t="s">
        <v>68</v>
      </c>
      <c r="D10784" s="6" t="s">
        <v>69</v>
      </c>
      <c r="E10784" s="6">
        <v>11001</v>
      </c>
      <c r="F10784" s="6" t="s">
        <v>18</v>
      </c>
      <c r="G10784" s="6" t="s">
        <v>20607</v>
      </c>
      <c r="H10784" s="6" t="s">
        <v>20608</v>
      </c>
      <c r="I10784" s="7">
        <v>4.6229031999999997</v>
      </c>
      <c r="J10784" s="8">
        <v>-74.144877800000003</v>
      </c>
    </row>
    <row r="10785" spans="1:10" x14ac:dyDescent="0.35">
      <c r="A10785" s="5" t="s">
        <v>10</v>
      </c>
      <c r="B10785" s="6">
        <v>234003</v>
      </c>
      <c r="C10785" s="6" t="s">
        <v>11</v>
      </c>
      <c r="D10785" s="6" t="s">
        <v>101</v>
      </c>
      <c r="E10785" s="6">
        <v>25473</v>
      </c>
      <c r="F10785" s="6" t="s">
        <v>18</v>
      </c>
      <c r="G10785" s="6" t="s">
        <v>20609</v>
      </c>
      <c r="H10785" s="6" t="s">
        <v>20610</v>
      </c>
      <c r="I10785" s="7">
        <v>4.5856918000000002</v>
      </c>
      <c r="J10785" s="8">
        <v>-74.091988299999997</v>
      </c>
    </row>
    <row r="10786" spans="1:10" x14ac:dyDescent="0.35">
      <c r="A10786" s="5" t="s">
        <v>10</v>
      </c>
      <c r="B10786" s="6">
        <v>237255</v>
      </c>
      <c r="C10786" s="6" t="s">
        <v>2130</v>
      </c>
      <c r="D10786" s="6" t="s">
        <v>3816</v>
      </c>
      <c r="E10786" s="6">
        <v>85162</v>
      </c>
      <c r="F10786" s="6" t="s">
        <v>18</v>
      </c>
      <c r="G10786" s="6" t="s">
        <v>20611</v>
      </c>
      <c r="H10786" s="6" t="s">
        <v>20612</v>
      </c>
      <c r="I10786" s="7">
        <v>4.8772595000000001</v>
      </c>
      <c r="J10786" s="8">
        <v>-72.891191500000005</v>
      </c>
    </row>
    <row r="10787" spans="1:10" x14ac:dyDescent="0.35">
      <c r="A10787" s="5" t="s">
        <v>10</v>
      </c>
      <c r="B10787" s="6">
        <v>233558</v>
      </c>
      <c r="C10787" s="6" t="s">
        <v>278</v>
      </c>
      <c r="D10787" s="6" t="s">
        <v>19026</v>
      </c>
      <c r="E10787" s="6">
        <v>50330</v>
      </c>
      <c r="F10787" s="6" t="s">
        <v>18</v>
      </c>
      <c r="G10787" s="6" t="s">
        <v>1369</v>
      </c>
      <c r="H10787" s="6" t="s">
        <v>20613</v>
      </c>
      <c r="I10787" s="7">
        <v>3.3849800000000001</v>
      </c>
      <c r="J10787" s="8">
        <v>-74.043589999999995</v>
      </c>
    </row>
    <row r="10788" spans="1:10" x14ac:dyDescent="0.35">
      <c r="A10788" s="5" t="s">
        <v>10</v>
      </c>
      <c r="B10788" s="6">
        <v>245772</v>
      </c>
      <c r="C10788" s="6" t="s">
        <v>278</v>
      </c>
      <c r="D10788" s="6" t="s">
        <v>4924</v>
      </c>
      <c r="E10788" s="6">
        <v>50689</v>
      </c>
      <c r="F10788" s="6" t="s">
        <v>18</v>
      </c>
      <c r="G10788" s="6" t="s">
        <v>113</v>
      </c>
      <c r="H10788" s="6" t="s">
        <v>20614</v>
      </c>
      <c r="I10788" s="7">
        <v>3.6984919999999999</v>
      </c>
      <c r="J10788" s="8">
        <v>-73.697308000000007</v>
      </c>
    </row>
    <row r="10789" spans="1:10" x14ac:dyDescent="0.35">
      <c r="A10789" s="5" t="s">
        <v>10</v>
      </c>
      <c r="B10789" s="6">
        <v>217932</v>
      </c>
      <c r="C10789" s="6" t="s">
        <v>278</v>
      </c>
      <c r="D10789" s="6" t="s">
        <v>7334</v>
      </c>
      <c r="E10789" s="6">
        <v>50711</v>
      </c>
      <c r="F10789" s="6" t="s">
        <v>18</v>
      </c>
      <c r="G10789" s="6" t="s">
        <v>20615</v>
      </c>
      <c r="H10789" s="6" t="s">
        <v>20616</v>
      </c>
      <c r="I10789" s="7">
        <v>3.1236782999999999</v>
      </c>
      <c r="J10789" s="8">
        <v>-73.753161499999905</v>
      </c>
    </row>
    <row r="10790" spans="1:10" x14ac:dyDescent="0.35">
      <c r="A10790" s="5" t="s">
        <v>10</v>
      </c>
      <c r="B10790" s="6">
        <v>245432</v>
      </c>
      <c r="C10790" s="6" t="s">
        <v>294</v>
      </c>
      <c r="D10790" s="6" t="s">
        <v>703</v>
      </c>
      <c r="E10790" s="6">
        <v>41001</v>
      </c>
      <c r="F10790" s="6" t="s">
        <v>18</v>
      </c>
      <c r="G10790" s="6" t="s">
        <v>20617</v>
      </c>
      <c r="H10790" s="6" t="s">
        <v>20618</v>
      </c>
      <c r="I10790" s="7">
        <v>2.9519799999999998</v>
      </c>
      <c r="J10790" s="8">
        <v>-75.298748200000006</v>
      </c>
    </row>
    <row r="10791" spans="1:10" x14ac:dyDescent="0.35">
      <c r="A10791" s="5" t="s">
        <v>10</v>
      </c>
      <c r="B10791" s="6">
        <v>215611</v>
      </c>
      <c r="C10791" s="6" t="s">
        <v>11</v>
      </c>
      <c r="D10791" s="6" t="s">
        <v>334</v>
      </c>
      <c r="E10791" s="6">
        <v>25754</v>
      </c>
      <c r="F10791" s="6" t="s">
        <v>18</v>
      </c>
      <c r="G10791" s="6" t="s">
        <v>20619</v>
      </c>
      <c r="H10791" s="6" t="s">
        <v>20620</v>
      </c>
      <c r="I10791" s="7">
        <v>4.5605158000000001</v>
      </c>
      <c r="J10791" s="8">
        <v>-74.242933800000003</v>
      </c>
    </row>
    <row r="10792" spans="1:10" x14ac:dyDescent="0.35">
      <c r="A10792" s="5" t="s">
        <v>10</v>
      </c>
      <c r="B10792" s="6">
        <v>243171</v>
      </c>
      <c r="C10792" s="6" t="s">
        <v>11</v>
      </c>
      <c r="D10792" s="6" t="s">
        <v>8975</v>
      </c>
      <c r="E10792" s="6">
        <v>25781</v>
      </c>
      <c r="F10792" s="6" t="s">
        <v>18</v>
      </c>
      <c r="G10792" s="6" t="s">
        <v>20621</v>
      </c>
      <c r="H10792" s="6" t="s">
        <v>20622</v>
      </c>
      <c r="I10792" s="7">
        <v>5.2480086000000004</v>
      </c>
      <c r="J10792" s="8">
        <v>-73.854960599999998</v>
      </c>
    </row>
    <row r="10793" spans="1:10" x14ac:dyDescent="0.35">
      <c r="A10793" s="5" t="s">
        <v>10</v>
      </c>
      <c r="B10793" s="6">
        <v>238589</v>
      </c>
      <c r="C10793" s="6" t="s">
        <v>68</v>
      </c>
      <c r="D10793" s="6" t="s">
        <v>69</v>
      </c>
      <c r="E10793" s="6">
        <v>11001</v>
      </c>
      <c r="F10793" s="6" t="s">
        <v>2161</v>
      </c>
      <c r="G10793" s="6" t="s">
        <v>20623</v>
      </c>
      <c r="H10793" s="6" t="s">
        <v>20624</v>
      </c>
      <c r="I10793" s="7">
        <v>4.5606296000000004</v>
      </c>
      <c r="J10793" s="8">
        <v>-74.097871100000006</v>
      </c>
    </row>
    <row r="10794" spans="1:10" x14ac:dyDescent="0.35">
      <c r="A10794" s="5" t="s">
        <v>10</v>
      </c>
      <c r="B10794" s="6">
        <v>221312</v>
      </c>
      <c r="C10794" s="6" t="s">
        <v>2130</v>
      </c>
      <c r="D10794" s="6" t="s">
        <v>5723</v>
      </c>
      <c r="E10794" s="6">
        <v>85250</v>
      </c>
      <c r="F10794" s="6" t="s">
        <v>18</v>
      </c>
      <c r="G10794" s="6" t="s">
        <v>20625</v>
      </c>
      <c r="H10794" s="6" t="s">
        <v>20626</v>
      </c>
      <c r="I10794" s="7">
        <v>5.8760933</v>
      </c>
      <c r="J10794" s="8">
        <v>-71.897959</v>
      </c>
    </row>
    <row r="10795" spans="1:10" x14ac:dyDescent="0.35">
      <c r="A10795" s="5" t="s">
        <v>10</v>
      </c>
      <c r="B10795" s="6">
        <v>237913</v>
      </c>
      <c r="C10795" s="6" t="s">
        <v>3788</v>
      </c>
      <c r="D10795" s="6" t="s">
        <v>3974</v>
      </c>
      <c r="E10795" s="6">
        <v>18001</v>
      </c>
      <c r="F10795" s="6" t="s">
        <v>18</v>
      </c>
      <c r="G10795" s="6" t="s">
        <v>20627</v>
      </c>
      <c r="H10795" s="6" t="s">
        <v>20628</v>
      </c>
      <c r="I10795" s="7">
        <v>1.6165073999999999</v>
      </c>
      <c r="J10795" s="8">
        <v>-75.6148302</v>
      </c>
    </row>
    <row r="10796" spans="1:10" x14ac:dyDescent="0.35">
      <c r="A10796" s="5" t="s">
        <v>10</v>
      </c>
      <c r="B10796" s="6">
        <v>238702</v>
      </c>
      <c r="C10796" s="6" t="s">
        <v>11</v>
      </c>
      <c r="D10796" s="6" t="s">
        <v>12</v>
      </c>
      <c r="E10796" s="6">
        <v>25899</v>
      </c>
      <c r="F10796" s="6" t="s">
        <v>18</v>
      </c>
      <c r="G10796" s="6" t="s">
        <v>20629</v>
      </c>
      <c r="H10796" s="6" t="s">
        <v>20630</v>
      </c>
      <c r="I10796" s="7">
        <v>5.0317477999999998</v>
      </c>
      <c r="J10796" s="8">
        <v>-73.994923</v>
      </c>
    </row>
    <row r="10797" spans="1:10" x14ac:dyDescent="0.35">
      <c r="A10797" s="5" t="s">
        <v>10</v>
      </c>
      <c r="B10797" s="6">
        <v>230033</v>
      </c>
      <c r="C10797" s="6" t="s">
        <v>2130</v>
      </c>
      <c r="D10797" s="6" t="s">
        <v>4238</v>
      </c>
      <c r="E10797" s="6">
        <v>85410</v>
      </c>
      <c r="F10797" s="6" t="s">
        <v>18</v>
      </c>
      <c r="G10797" s="6" t="s">
        <v>20631</v>
      </c>
      <c r="H10797" s="6" t="s">
        <v>20632</v>
      </c>
      <c r="I10797" s="7">
        <v>5.0172423999999998</v>
      </c>
      <c r="J10797" s="8">
        <v>-72.751227700000001</v>
      </c>
    </row>
    <row r="10798" spans="1:10" x14ac:dyDescent="0.35">
      <c r="A10798" s="5" t="s">
        <v>10</v>
      </c>
      <c r="B10798" s="6">
        <v>238204</v>
      </c>
      <c r="C10798" s="6" t="s">
        <v>117</v>
      </c>
      <c r="D10798" s="6" t="s">
        <v>1334</v>
      </c>
      <c r="E10798" s="6">
        <v>76001</v>
      </c>
      <c r="F10798" s="6" t="s">
        <v>18</v>
      </c>
      <c r="G10798" s="6" t="s">
        <v>20633</v>
      </c>
      <c r="H10798" s="6" t="s">
        <v>20634</v>
      </c>
      <c r="I10798" s="7">
        <v>3.4138217000000002</v>
      </c>
      <c r="J10798" s="8">
        <v>-76.533096200000003</v>
      </c>
    </row>
    <row r="10799" spans="1:10" x14ac:dyDescent="0.35">
      <c r="A10799" s="5" t="s">
        <v>10</v>
      </c>
      <c r="B10799" s="6">
        <v>233045</v>
      </c>
      <c r="C10799" s="6" t="s">
        <v>551</v>
      </c>
      <c r="D10799" s="6" t="s">
        <v>552</v>
      </c>
      <c r="E10799" s="6">
        <v>20250</v>
      </c>
      <c r="F10799" s="6" t="s">
        <v>18</v>
      </c>
      <c r="G10799" s="6" t="s">
        <v>20635</v>
      </c>
      <c r="H10799" s="6" t="s">
        <v>20636</v>
      </c>
      <c r="I10799" s="7">
        <v>9.6190789999999993</v>
      </c>
      <c r="J10799" s="8">
        <v>-73.594570000000004</v>
      </c>
    </row>
    <row r="10800" spans="1:10" x14ac:dyDescent="0.35">
      <c r="A10800" s="5" t="s">
        <v>10</v>
      </c>
      <c r="B10800" s="6">
        <v>239421</v>
      </c>
      <c r="C10800" s="6" t="s">
        <v>11</v>
      </c>
      <c r="D10800" s="6" t="s">
        <v>513</v>
      </c>
      <c r="E10800" s="6">
        <v>25286</v>
      </c>
      <c r="F10800" s="6" t="s">
        <v>18</v>
      </c>
      <c r="G10800" s="6" t="s">
        <v>18767</v>
      </c>
      <c r="H10800" s="6" t="s">
        <v>20637</v>
      </c>
      <c r="I10800" s="7">
        <v>4.7185395000000003</v>
      </c>
      <c r="J10800" s="8">
        <v>-74.213660200000007</v>
      </c>
    </row>
    <row r="10801" spans="1:10" x14ac:dyDescent="0.35">
      <c r="A10801" s="5" t="s">
        <v>10</v>
      </c>
      <c r="B10801" s="6">
        <v>243081</v>
      </c>
      <c r="C10801" s="6" t="s">
        <v>11</v>
      </c>
      <c r="D10801" s="6" t="s">
        <v>1411</v>
      </c>
      <c r="E10801" s="6">
        <v>25279</v>
      </c>
      <c r="F10801" s="6" t="s">
        <v>18</v>
      </c>
      <c r="G10801" s="6" t="s">
        <v>20638</v>
      </c>
      <c r="H10801" s="6" t="s">
        <v>20639</v>
      </c>
      <c r="I10801" s="7">
        <v>4.4850390000000004</v>
      </c>
      <c r="J10801" s="8">
        <v>-73.894743000000005</v>
      </c>
    </row>
    <row r="10802" spans="1:10" x14ac:dyDescent="0.35">
      <c r="A10802" s="5" t="s">
        <v>10</v>
      </c>
      <c r="B10802" s="6">
        <v>203342</v>
      </c>
      <c r="C10802" s="6" t="s">
        <v>117</v>
      </c>
      <c r="D10802" s="6" t="s">
        <v>1334</v>
      </c>
      <c r="E10802" s="6">
        <v>76001</v>
      </c>
      <c r="F10802" s="6" t="s">
        <v>18</v>
      </c>
      <c r="G10802" s="6" t="s">
        <v>4094</v>
      </c>
      <c r="H10802" s="6" t="s">
        <v>4095</v>
      </c>
      <c r="I10802" s="7">
        <v>3.4859689999999999</v>
      </c>
      <c r="J10802" s="8">
        <v>-76.500269000000003</v>
      </c>
    </row>
    <row r="10803" spans="1:10" x14ac:dyDescent="0.35">
      <c r="A10803" s="5" t="s">
        <v>10</v>
      </c>
      <c r="B10803" s="6">
        <v>185610</v>
      </c>
      <c r="C10803" s="6" t="s">
        <v>68</v>
      </c>
      <c r="D10803" s="6" t="s">
        <v>69</v>
      </c>
      <c r="E10803" s="6">
        <v>11001</v>
      </c>
      <c r="F10803" s="6" t="s">
        <v>18</v>
      </c>
      <c r="G10803" s="6" t="s">
        <v>20640</v>
      </c>
      <c r="H10803" s="6" t="s">
        <v>20641</v>
      </c>
      <c r="I10803" s="7">
        <v>4.6465858000000004</v>
      </c>
      <c r="J10803" s="8">
        <v>-74.064677099999997</v>
      </c>
    </row>
    <row r="10804" spans="1:10" x14ac:dyDescent="0.35">
      <c r="A10804" s="5" t="s">
        <v>10</v>
      </c>
      <c r="B10804" s="6">
        <v>226835</v>
      </c>
      <c r="C10804" s="6" t="s">
        <v>466</v>
      </c>
      <c r="D10804" s="6" t="s">
        <v>1576</v>
      </c>
      <c r="E10804" s="6">
        <v>81065</v>
      </c>
      <c r="F10804" s="6" t="s">
        <v>18</v>
      </c>
      <c r="G10804" s="6" t="s">
        <v>20577</v>
      </c>
      <c r="H10804" s="6" t="s">
        <v>20578</v>
      </c>
      <c r="I10804" s="7">
        <v>7.0293340000000004</v>
      </c>
      <c r="J10804" s="8">
        <v>-71.4294759</v>
      </c>
    </row>
    <row r="10805" spans="1:10" x14ac:dyDescent="0.35">
      <c r="A10805" s="5" t="s">
        <v>10</v>
      </c>
      <c r="B10805" s="6">
        <v>246250</v>
      </c>
      <c r="C10805" s="6" t="s">
        <v>294</v>
      </c>
      <c r="D10805" s="6" t="s">
        <v>5931</v>
      </c>
      <c r="E10805" s="6">
        <v>41770</v>
      </c>
      <c r="F10805" s="6" t="s">
        <v>18</v>
      </c>
      <c r="G10805" s="6" t="s">
        <v>20642</v>
      </c>
      <c r="H10805" s="6" t="s">
        <v>20643</v>
      </c>
      <c r="I10805" s="7">
        <v>4.6984594</v>
      </c>
      <c r="J10805" s="8">
        <v>-74.038663400000004</v>
      </c>
    </row>
    <row r="10806" spans="1:10" x14ac:dyDescent="0.35">
      <c r="A10806" s="5" t="s">
        <v>10</v>
      </c>
      <c r="B10806" s="6">
        <v>226232</v>
      </c>
      <c r="C10806" s="6" t="s">
        <v>117</v>
      </c>
      <c r="D10806" s="6" t="s">
        <v>1334</v>
      </c>
      <c r="E10806" s="6">
        <v>76001</v>
      </c>
      <c r="F10806" s="6" t="s">
        <v>13</v>
      </c>
      <c r="G10806" s="6" t="s">
        <v>3737</v>
      </c>
      <c r="H10806" s="6" t="s">
        <v>20644</v>
      </c>
      <c r="I10806" s="7">
        <v>3.4277769</v>
      </c>
      <c r="J10806" s="8">
        <v>-76.500029299999994</v>
      </c>
    </row>
    <row r="10807" spans="1:10" x14ac:dyDescent="0.35">
      <c r="A10807" s="5" t="s">
        <v>10</v>
      </c>
      <c r="B10807" s="6">
        <v>220847</v>
      </c>
      <c r="C10807" s="6" t="s">
        <v>278</v>
      </c>
      <c r="D10807" s="6" t="s">
        <v>279</v>
      </c>
      <c r="E10807" s="6">
        <v>50001</v>
      </c>
      <c r="F10807" s="6" t="s">
        <v>18</v>
      </c>
      <c r="G10807" s="6" t="s">
        <v>20645</v>
      </c>
      <c r="H10807" s="6" t="s">
        <v>20646</v>
      </c>
      <c r="I10807" s="7">
        <v>4.1312796999999897</v>
      </c>
      <c r="J10807" s="8">
        <v>-73.610608799999994</v>
      </c>
    </row>
    <row r="10808" spans="1:10" x14ac:dyDescent="0.35">
      <c r="A10808" s="5" t="s">
        <v>10</v>
      </c>
      <c r="B10808" s="6">
        <v>181671</v>
      </c>
      <c r="C10808" s="6" t="s">
        <v>294</v>
      </c>
      <c r="D10808" s="6" t="s">
        <v>295</v>
      </c>
      <c r="E10808" s="6">
        <v>41359</v>
      </c>
      <c r="F10808" s="6" t="s">
        <v>18</v>
      </c>
      <c r="G10808" s="6" t="s">
        <v>20647</v>
      </c>
      <c r="H10808" s="6" t="s">
        <v>20648</v>
      </c>
      <c r="I10808" s="7">
        <v>1.9304068999999999</v>
      </c>
      <c r="J10808" s="8">
        <v>-76.215374400000002</v>
      </c>
    </row>
    <row r="10809" spans="1:10" x14ac:dyDescent="0.35">
      <c r="A10809" s="5" t="s">
        <v>10</v>
      </c>
      <c r="B10809" s="6">
        <v>240362</v>
      </c>
      <c r="C10809" s="6" t="s">
        <v>3819</v>
      </c>
      <c r="D10809" s="6" t="s">
        <v>5557</v>
      </c>
      <c r="E10809" s="6">
        <v>86568</v>
      </c>
      <c r="F10809" s="6" t="s">
        <v>18</v>
      </c>
      <c r="G10809" s="6" t="s">
        <v>20649</v>
      </c>
      <c r="H10809" s="6" t="s">
        <v>20650</v>
      </c>
      <c r="I10809" s="7">
        <v>0.4985097</v>
      </c>
      <c r="J10809" s="8">
        <v>-76.497742799999997</v>
      </c>
    </row>
    <row r="10810" spans="1:10" x14ac:dyDescent="0.35">
      <c r="A10810" s="5" t="s">
        <v>10</v>
      </c>
      <c r="B10810" s="6">
        <v>173348</v>
      </c>
      <c r="C10810" s="6" t="s">
        <v>11</v>
      </c>
      <c r="D10810" s="6" t="s">
        <v>337</v>
      </c>
      <c r="E10810" s="6">
        <v>25290</v>
      </c>
      <c r="F10810" s="6" t="s">
        <v>18</v>
      </c>
      <c r="G10810" s="6" t="s">
        <v>4537</v>
      </c>
      <c r="H10810" s="6" t="s">
        <v>4538</v>
      </c>
      <c r="I10810" s="7">
        <v>4.3486342000000002</v>
      </c>
      <c r="J10810" s="8">
        <v>-74.363046400000002</v>
      </c>
    </row>
    <row r="10811" spans="1:10" x14ac:dyDescent="0.35">
      <c r="A10811" s="5" t="s">
        <v>10</v>
      </c>
      <c r="B10811" s="6">
        <v>230954</v>
      </c>
      <c r="C10811" s="6" t="s">
        <v>61</v>
      </c>
      <c r="D10811" s="6" t="s">
        <v>62</v>
      </c>
      <c r="E10811" s="6">
        <v>63001</v>
      </c>
      <c r="F10811" s="6" t="s">
        <v>18</v>
      </c>
      <c r="G10811" s="6" t="s">
        <v>20651</v>
      </c>
      <c r="H10811" s="6" t="s">
        <v>20652</v>
      </c>
      <c r="I10811" s="7">
        <v>4.5447613999999996</v>
      </c>
      <c r="J10811" s="8">
        <v>-75.662735299999994</v>
      </c>
    </row>
    <row r="10812" spans="1:10" x14ac:dyDescent="0.35">
      <c r="A10812" s="5" t="s">
        <v>10</v>
      </c>
      <c r="B10812" s="6">
        <v>239609</v>
      </c>
      <c r="C10812" s="6" t="s">
        <v>302</v>
      </c>
      <c r="D10812" s="6" t="s">
        <v>4041</v>
      </c>
      <c r="E10812" s="6">
        <v>8758</v>
      </c>
      <c r="F10812" s="6" t="s">
        <v>18</v>
      </c>
      <c r="G10812" s="6" t="s">
        <v>20653</v>
      </c>
      <c r="H10812" s="6" t="s">
        <v>20654</v>
      </c>
      <c r="I10812" s="7">
        <v>10.897914500000001</v>
      </c>
      <c r="J10812" s="8">
        <v>-74.780973599999996</v>
      </c>
    </row>
    <row r="10813" spans="1:10" x14ac:dyDescent="0.35">
      <c r="A10813" s="5" t="s">
        <v>10</v>
      </c>
      <c r="B10813" s="6">
        <v>246468</v>
      </c>
      <c r="C10813" s="6" t="s">
        <v>11</v>
      </c>
      <c r="D10813" s="6" t="s">
        <v>334</v>
      </c>
      <c r="E10813" s="6">
        <v>25754</v>
      </c>
      <c r="F10813" s="6" t="s">
        <v>18</v>
      </c>
      <c r="G10813" s="6" t="s">
        <v>20655</v>
      </c>
      <c r="H10813" s="6" t="s">
        <v>20656</v>
      </c>
      <c r="I10813" s="7">
        <v>4.5827226999999997</v>
      </c>
      <c r="J10813" s="8">
        <v>-74.211746500000004</v>
      </c>
    </row>
    <row r="10814" spans="1:10" x14ac:dyDescent="0.35">
      <c r="A10814" s="5" t="s">
        <v>10</v>
      </c>
      <c r="B10814" s="6">
        <v>227127</v>
      </c>
      <c r="C10814" s="6" t="s">
        <v>68</v>
      </c>
      <c r="D10814" s="6" t="s">
        <v>69</v>
      </c>
      <c r="E10814" s="6">
        <v>11001</v>
      </c>
      <c r="F10814" s="6" t="s">
        <v>18</v>
      </c>
      <c r="G10814" s="6" t="s">
        <v>20657</v>
      </c>
      <c r="H10814" s="6" t="s">
        <v>20658</v>
      </c>
      <c r="I10814" s="7">
        <v>4.5116797999999996</v>
      </c>
      <c r="J10814" s="8">
        <v>-74.114399800000001</v>
      </c>
    </row>
    <row r="10815" spans="1:10" x14ac:dyDescent="0.35">
      <c r="A10815" s="5" t="s">
        <v>10</v>
      </c>
      <c r="B10815" s="6">
        <v>229854</v>
      </c>
      <c r="C10815" s="6" t="s">
        <v>278</v>
      </c>
      <c r="D10815" s="6" t="s">
        <v>279</v>
      </c>
      <c r="E10815" s="6">
        <v>50001</v>
      </c>
      <c r="F10815" s="6" t="s">
        <v>18</v>
      </c>
      <c r="G10815" s="6" t="s">
        <v>20659</v>
      </c>
      <c r="H10815" s="6" t="s">
        <v>20660</v>
      </c>
      <c r="I10815" s="7">
        <v>4.1491688</v>
      </c>
      <c r="J10815" s="8">
        <v>-73.628547499999996</v>
      </c>
    </row>
    <row r="10816" spans="1:10" x14ac:dyDescent="0.35">
      <c r="A10816" s="5" t="s">
        <v>10</v>
      </c>
      <c r="B10816" s="6">
        <v>231525</v>
      </c>
      <c r="C10816" s="6" t="s">
        <v>3788</v>
      </c>
      <c r="D10816" s="6" t="s">
        <v>6771</v>
      </c>
      <c r="E10816" s="6">
        <v>18753</v>
      </c>
      <c r="F10816" s="6" t="s">
        <v>18</v>
      </c>
      <c r="G10816" s="6" t="s">
        <v>20661</v>
      </c>
      <c r="H10816" s="6" t="s">
        <v>20662</v>
      </c>
      <c r="I10816" s="7">
        <v>2.1166820999999998</v>
      </c>
      <c r="J10816" s="8">
        <v>-74.776463699999994</v>
      </c>
    </row>
    <row r="10817" spans="1:10" x14ac:dyDescent="0.35">
      <c r="A10817" s="5" t="s">
        <v>10</v>
      </c>
      <c r="B10817" s="6">
        <v>163213</v>
      </c>
      <c r="C10817" s="6" t="s">
        <v>294</v>
      </c>
      <c r="D10817" s="6" t="s">
        <v>4244</v>
      </c>
      <c r="E10817" s="6">
        <v>41298</v>
      </c>
      <c r="F10817" s="6" t="s">
        <v>13</v>
      </c>
      <c r="G10817" s="6" t="s">
        <v>20663</v>
      </c>
      <c r="H10817" s="6" t="s">
        <v>20664</v>
      </c>
      <c r="I10817" s="7">
        <v>2.2891900000000001</v>
      </c>
      <c r="J10817" s="8">
        <v>-75.638289999999998</v>
      </c>
    </row>
    <row r="10818" spans="1:10" x14ac:dyDescent="0.35">
      <c r="A10818" s="5" t="s">
        <v>10</v>
      </c>
      <c r="B10818" s="6">
        <v>229096</v>
      </c>
      <c r="C10818" s="6" t="s">
        <v>24</v>
      </c>
      <c r="D10818" s="6" t="s">
        <v>499</v>
      </c>
      <c r="E10818" s="6">
        <v>15776</v>
      </c>
      <c r="F10818" s="6" t="s">
        <v>18</v>
      </c>
      <c r="G10818" s="6" t="s">
        <v>20665</v>
      </c>
      <c r="H10818" s="6" t="s">
        <v>20666</v>
      </c>
      <c r="I10818" s="7">
        <v>5.6197663000000002</v>
      </c>
      <c r="J10818" s="8">
        <v>-73.620513200000005</v>
      </c>
    </row>
    <row r="10819" spans="1:10" x14ac:dyDescent="0.35">
      <c r="A10819" s="5" t="s">
        <v>10</v>
      </c>
      <c r="B10819" s="6">
        <v>222289</v>
      </c>
      <c r="C10819" s="6" t="s">
        <v>28</v>
      </c>
      <c r="D10819" s="6" t="s">
        <v>29</v>
      </c>
      <c r="E10819" s="6">
        <v>54001</v>
      </c>
      <c r="F10819" s="6" t="s">
        <v>18</v>
      </c>
      <c r="G10819" s="6" t="s">
        <v>20667</v>
      </c>
      <c r="H10819" s="6" t="s">
        <v>20668</v>
      </c>
      <c r="I10819" s="7">
        <v>7.8934867000000004</v>
      </c>
      <c r="J10819" s="8">
        <v>-72.491468800000007</v>
      </c>
    </row>
    <row r="10820" spans="1:10" x14ac:dyDescent="0.35">
      <c r="A10820" s="5" t="s">
        <v>10</v>
      </c>
      <c r="B10820" s="6">
        <v>243346</v>
      </c>
      <c r="C10820" s="6" t="s">
        <v>68</v>
      </c>
      <c r="D10820" s="6" t="s">
        <v>69</v>
      </c>
      <c r="E10820" s="6">
        <v>11001</v>
      </c>
      <c r="F10820" s="6" t="s">
        <v>18</v>
      </c>
      <c r="G10820" s="6" t="s">
        <v>20669</v>
      </c>
      <c r="H10820" s="6" t="s">
        <v>20670</v>
      </c>
      <c r="I10820" s="7">
        <v>4.7343234000000001</v>
      </c>
      <c r="J10820" s="8">
        <v>-74.088288899999995</v>
      </c>
    </row>
    <row r="10821" spans="1:10" x14ac:dyDescent="0.35">
      <c r="A10821" s="5" t="s">
        <v>10</v>
      </c>
      <c r="B10821" s="6">
        <v>234388</v>
      </c>
      <c r="C10821" s="6" t="s">
        <v>302</v>
      </c>
      <c r="D10821" s="6" t="s">
        <v>4041</v>
      </c>
      <c r="E10821" s="6">
        <v>8758</v>
      </c>
      <c r="F10821" s="6" t="s">
        <v>18</v>
      </c>
      <c r="G10821" s="6" t="s">
        <v>20671</v>
      </c>
      <c r="H10821" s="6" t="s">
        <v>20672</v>
      </c>
      <c r="I10821" s="7">
        <v>10.922791200000001</v>
      </c>
      <c r="J10821" s="8">
        <v>-74.805891200000005</v>
      </c>
    </row>
    <row r="10822" spans="1:10" x14ac:dyDescent="0.35">
      <c r="A10822" s="5" t="s">
        <v>10</v>
      </c>
      <c r="B10822" s="6">
        <v>226939</v>
      </c>
      <c r="C10822" s="6" t="s">
        <v>2130</v>
      </c>
      <c r="D10822" s="6" t="s">
        <v>2131</v>
      </c>
      <c r="E10822" s="6">
        <v>85001</v>
      </c>
      <c r="F10822" s="6" t="s">
        <v>18</v>
      </c>
      <c r="G10822" s="6" t="s">
        <v>20673</v>
      </c>
      <c r="H10822" s="6" t="s">
        <v>20674</v>
      </c>
      <c r="I10822" s="7">
        <v>5.3235500999999896</v>
      </c>
      <c r="J10822" s="8">
        <v>-72.402932499999906</v>
      </c>
    </row>
    <row r="10823" spans="1:10" x14ac:dyDescent="0.35">
      <c r="A10823" s="5" t="s">
        <v>10</v>
      </c>
      <c r="B10823" s="6">
        <v>246597</v>
      </c>
      <c r="C10823" s="6" t="s">
        <v>3788</v>
      </c>
      <c r="D10823" s="6" t="s">
        <v>6771</v>
      </c>
      <c r="E10823" s="6">
        <v>18753</v>
      </c>
      <c r="F10823" s="6" t="s">
        <v>18</v>
      </c>
      <c r="G10823" s="6" t="s">
        <v>20675</v>
      </c>
      <c r="H10823" s="6" t="s">
        <v>20676</v>
      </c>
      <c r="I10823" s="7">
        <v>2.1147250999999998</v>
      </c>
      <c r="J10823" s="8">
        <v>-74.769334799999996</v>
      </c>
    </row>
    <row r="10824" spans="1:10" x14ac:dyDescent="0.35">
      <c r="A10824" s="5" t="s">
        <v>10</v>
      </c>
      <c r="B10824" s="6">
        <v>234540</v>
      </c>
      <c r="C10824" s="6" t="s">
        <v>68</v>
      </c>
      <c r="D10824" s="6" t="s">
        <v>69</v>
      </c>
      <c r="E10824" s="6">
        <v>11001</v>
      </c>
      <c r="F10824" s="6" t="s">
        <v>18</v>
      </c>
      <c r="G10824" s="6" t="s">
        <v>20677</v>
      </c>
      <c r="H10824" s="6" t="s">
        <v>20678</v>
      </c>
      <c r="I10824" s="7">
        <v>4.5592405999999999</v>
      </c>
      <c r="J10824" s="8">
        <v>-74.116882399999994</v>
      </c>
    </row>
    <row r="10825" spans="1:10" x14ac:dyDescent="0.35">
      <c r="A10825" s="5" t="s">
        <v>10</v>
      </c>
      <c r="B10825" s="6">
        <v>177163</v>
      </c>
      <c r="C10825" s="6" t="s">
        <v>2821</v>
      </c>
      <c r="D10825" s="6" t="s">
        <v>20405</v>
      </c>
      <c r="E10825" s="6">
        <v>47798</v>
      </c>
      <c r="F10825" s="6" t="s">
        <v>18</v>
      </c>
      <c r="G10825" s="6" t="s">
        <v>20406</v>
      </c>
      <c r="H10825" s="6" t="s">
        <v>20407</v>
      </c>
      <c r="I10825" s="7">
        <v>9.8984129999999997</v>
      </c>
      <c r="J10825" s="8">
        <v>-74.858424999999997</v>
      </c>
    </row>
    <row r="10826" spans="1:10" x14ac:dyDescent="0.35">
      <c r="A10826" s="5" t="s">
        <v>10</v>
      </c>
      <c r="B10826" s="6">
        <v>230699</v>
      </c>
      <c r="C10826" s="6" t="s">
        <v>11</v>
      </c>
      <c r="D10826" s="6" t="s">
        <v>513</v>
      </c>
      <c r="E10826" s="6">
        <v>25286</v>
      </c>
      <c r="F10826" s="6" t="s">
        <v>18</v>
      </c>
      <c r="G10826" s="6" t="s">
        <v>20679</v>
      </c>
      <c r="H10826" s="6" t="s">
        <v>20680</v>
      </c>
      <c r="I10826" s="7">
        <v>4.7115666000000003</v>
      </c>
      <c r="J10826" s="8">
        <v>-74.208873100000005</v>
      </c>
    </row>
    <row r="10827" spans="1:10" x14ac:dyDescent="0.35">
      <c r="A10827" s="5" t="s">
        <v>10</v>
      </c>
      <c r="B10827" s="6">
        <v>245946</v>
      </c>
      <c r="C10827" s="6" t="s">
        <v>11</v>
      </c>
      <c r="D10827" s="6" t="s">
        <v>334</v>
      </c>
      <c r="E10827" s="6">
        <v>25754</v>
      </c>
      <c r="F10827" s="6" t="s">
        <v>18</v>
      </c>
      <c r="G10827" s="6" t="s">
        <v>20681</v>
      </c>
      <c r="H10827" s="6" t="s">
        <v>20682</v>
      </c>
      <c r="I10827" s="7">
        <v>4.5852795999999998</v>
      </c>
      <c r="J10827" s="8">
        <v>-74.214719799999997</v>
      </c>
    </row>
    <row r="10828" spans="1:10" x14ac:dyDescent="0.35">
      <c r="A10828" s="5" t="s">
        <v>10</v>
      </c>
      <c r="B10828" s="6">
        <v>226455</v>
      </c>
      <c r="C10828" s="6" t="s">
        <v>117</v>
      </c>
      <c r="D10828" s="6" t="s">
        <v>1334</v>
      </c>
      <c r="E10828" s="6">
        <v>76001</v>
      </c>
      <c r="F10828" s="6" t="s">
        <v>18</v>
      </c>
      <c r="G10828" s="6" t="s">
        <v>20683</v>
      </c>
      <c r="H10828" s="6" t="s">
        <v>20684</v>
      </c>
      <c r="I10828" s="7">
        <v>3.4545479000000001</v>
      </c>
      <c r="J10828" s="8">
        <v>-76.480755299999998</v>
      </c>
    </row>
    <row r="10829" spans="1:10" x14ac:dyDescent="0.35">
      <c r="A10829" s="5" t="s">
        <v>10</v>
      </c>
      <c r="B10829" s="6">
        <v>203216</v>
      </c>
      <c r="C10829" s="6" t="s">
        <v>2821</v>
      </c>
      <c r="D10829" s="6" t="s">
        <v>1066</v>
      </c>
      <c r="E10829" s="6">
        <v>47675</v>
      </c>
      <c r="F10829" s="6" t="s">
        <v>18</v>
      </c>
      <c r="G10829" s="6" t="s">
        <v>20579</v>
      </c>
      <c r="H10829" s="6" t="s">
        <v>20580</v>
      </c>
      <c r="I10829" s="7">
        <v>10.4911049</v>
      </c>
      <c r="J10829" s="8">
        <v>-74.794525999999905</v>
      </c>
    </row>
    <row r="10830" spans="1:10" x14ac:dyDescent="0.35">
      <c r="A10830" s="5" t="s">
        <v>10</v>
      </c>
      <c r="B10830" s="6">
        <v>246348</v>
      </c>
      <c r="C10830" s="6" t="s">
        <v>11</v>
      </c>
      <c r="D10830" s="6" t="s">
        <v>337</v>
      </c>
      <c r="E10830" s="6">
        <v>25290</v>
      </c>
      <c r="F10830" s="6" t="s">
        <v>18</v>
      </c>
      <c r="G10830" s="6" t="s">
        <v>20685</v>
      </c>
      <c r="H10830" s="6" t="s">
        <v>20686</v>
      </c>
      <c r="I10830" s="7">
        <v>4.3416870999999997</v>
      </c>
      <c r="J10830" s="8">
        <v>-74.363328899999999</v>
      </c>
    </row>
    <row r="10831" spans="1:10" x14ac:dyDescent="0.35">
      <c r="A10831" s="5" t="s">
        <v>10</v>
      </c>
      <c r="B10831" s="6">
        <v>229812</v>
      </c>
      <c r="C10831" s="6" t="s">
        <v>68</v>
      </c>
      <c r="D10831" s="6" t="s">
        <v>69</v>
      </c>
      <c r="E10831" s="6">
        <v>11001</v>
      </c>
      <c r="F10831" s="6" t="s">
        <v>18</v>
      </c>
      <c r="G10831" s="6" t="s">
        <v>6184</v>
      </c>
      <c r="H10831" s="6" t="s">
        <v>6185</v>
      </c>
      <c r="I10831" s="7">
        <v>4.5817940000000004</v>
      </c>
      <c r="J10831" s="8">
        <v>-74.072547</v>
      </c>
    </row>
    <row r="10832" spans="1:10" x14ac:dyDescent="0.35">
      <c r="A10832" s="5" t="s">
        <v>10</v>
      </c>
      <c r="B10832" s="6">
        <v>225738</v>
      </c>
      <c r="C10832" s="6" t="s">
        <v>68</v>
      </c>
      <c r="D10832" s="6" t="s">
        <v>69</v>
      </c>
      <c r="E10832" s="6">
        <v>11001</v>
      </c>
      <c r="F10832" s="6" t="s">
        <v>18</v>
      </c>
      <c r="G10832" s="6" t="s">
        <v>20687</v>
      </c>
      <c r="H10832" s="6" t="s">
        <v>20688</v>
      </c>
      <c r="I10832" s="7">
        <v>4.5801838999999998</v>
      </c>
      <c r="J10832" s="8">
        <v>-74.084190000000007</v>
      </c>
    </row>
    <row r="10833" spans="1:10" x14ac:dyDescent="0.35">
      <c r="A10833" s="5" t="s">
        <v>10</v>
      </c>
      <c r="B10833" s="6">
        <v>230452</v>
      </c>
      <c r="C10833" s="6" t="s">
        <v>190</v>
      </c>
      <c r="D10833" s="6" t="s">
        <v>191</v>
      </c>
      <c r="E10833" s="6">
        <v>5001</v>
      </c>
      <c r="F10833" s="6" t="s">
        <v>13</v>
      </c>
      <c r="G10833" s="6" t="s">
        <v>20689</v>
      </c>
      <c r="H10833" s="6" t="s">
        <v>20690</v>
      </c>
      <c r="I10833" s="7">
        <v>6.2397042999999996</v>
      </c>
      <c r="J10833" s="8">
        <v>-75.571978999999999</v>
      </c>
    </row>
    <row r="10834" spans="1:10" x14ac:dyDescent="0.35">
      <c r="A10834" s="5" t="s">
        <v>10</v>
      </c>
      <c r="B10834" s="6">
        <v>231463</v>
      </c>
      <c r="C10834" s="6" t="s">
        <v>11</v>
      </c>
      <c r="D10834" s="6" t="s">
        <v>454</v>
      </c>
      <c r="E10834" s="6">
        <v>25594</v>
      </c>
      <c r="F10834" s="6" t="s">
        <v>18</v>
      </c>
      <c r="G10834" s="6" t="s">
        <v>20691</v>
      </c>
      <c r="H10834" s="6" t="s">
        <v>20692</v>
      </c>
      <c r="I10834" s="7">
        <v>4.3310396000000004</v>
      </c>
      <c r="J10834" s="8">
        <v>-73.863123000000002</v>
      </c>
    </row>
    <row r="10835" spans="1:10" x14ac:dyDescent="0.35">
      <c r="A10835" s="5" t="s">
        <v>10</v>
      </c>
      <c r="B10835" s="6">
        <v>138316</v>
      </c>
      <c r="C10835" s="6" t="s">
        <v>16</v>
      </c>
      <c r="D10835" s="6" t="s">
        <v>78</v>
      </c>
      <c r="E10835" s="6">
        <v>68001</v>
      </c>
      <c r="F10835" s="6" t="s">
        <v>18</v>
      </c>
      <c r="G10835" s="6" t="s">
        <v>5582</v>
      </c>
      <c r="H10835" s="6" t="s">
        <v>5583</v>
      </c>
      <c r="I10835" s="7">
        <v>7.1184506000000001</v>
      </c>
      <c r="J10835" s="8">
        <v>-73.127203999999907</v>
      </c>
    </row>
    <row r="10836" spans="1:10" x14ac:dyDescent="0.35">
      <c r="A10836" s="5" t="s">
        <v>10</v>
      </c>
      <c r="B10836" s="6">
        <v>245478</v>
      </c>
      <c r="C10836" s="6" t="s">
        <v>278</v>
      </c>
      <c r="D10836" s="6" t="s">
        <v>3982</v>
      </c>
      <c r="E10836" s="6">
        <v>50450</v>
      </c>
      <c r="F10836" s="6" t="s">
        <v>18</v>
      </c>
      <c r="G10836" s="6" t="s">
        <v>20693</v>
      </c>
      <c r="H10836" s="6" t="s">
        <v>20694</v>
      </c>
      <c r="I10836" s="7">
        <v>2.6227917999999999</v>
      </c>
      <c r="J10836" s="8">
        <v>-72.759842199999994</v>
      </c>
    </row>
    <row r="10837" spans="1:10" x14ac:dyDescent="0.35">
      <c r="A10837" s="5" t="s">
        <v>10</v>
      </c>
      <c r="B10837" s="6">
        <v>241940</v>
      </c>
      <c r="C10837" s="6" t="s">
        <v>278</v>
      </c>
      <c r="D10837" s="6" t="s">
        <v>20695</v>
      </c>
      <c r="E10837" s="6">
        <v>50686</v>
      </c>
      <c r="F10837" s="6" t="s">
        <v>18</v>
      </c>
      <c r="G10837" s="6" t="s">
        <v>20696</v>
      </c>
      <c r="H10837" s="6" t="s">
        <v>20697</v>
      </c>
      <c r="I10837" s="7">
        <v>4.4579149999999998</v>
      </c>
      <c r="J10837" s="8">
        <v>-73.6761889</v>
      </c>
    </row>
    <row r="10838" spans="1:10" x14ac:dyDescent="0.35">
      <c r="A10838" s="5" t="s">
        <v>10</v>
      </c>
      <c r="B10838" s="6">
        <v>230024</v>
      </c>
      <c r="C10838" s="6" t="s">
        <v>278</v>
      </c>
      <c r="D10838" s="6" t="s">
        <v>279</v>
      </c>
      <c r="E10838" s="6">
        <v>50001</v>
      </c>
      <c r="F10838" s="6" t="s">
        <v>18</v>
      </c>
      <c r="G10838" s="6" t="s">
        <v>20698</v>
      </c>
      <c r="H10838" s="6" t="s">
        <v>20699</v>
      </c>
      <c r="I10838" s="7">
        <v>4.1400692000000001</v>
      </c>
      <c r="J10838" s="8">
        <v>-73.627513199999996</v>
      </c>
    </row>
    <row r="10839" spans="1:10" x14ac:dyDescent="0.35">
      <c r="A10839" s="5" t="s">
        <v>10</v>
      </c>
      <c r="B10839" s="6">
        <v>240154</v>
      </c>
      <c r="C10839" s="6" t="s">
        <v>278</v>
      </c>
      <c r="D10839" s="6" t="s">
        <v>5157</v>
      </c>
      <c r="E10839" s="6">
        <v>50680</v>
      </c>
      <c r="F10839" s="6" t="s">
        <v>18</v>
      </c>
      <c r="G10839" s="6" t="s">
        <v>20700</v>
      </c>
      <c r="H10839" s="6" t="s">
        <v>20701</v>
      </c>
      <c r="I10839" s="7">
        <v>3.7111377000000001</v>
      </c>
      <c r="J10839" s="8">
        <v>-73.242013600000007</v>
      </c>
    </row>
    <row r="10840" spans="1:10" x14ac:dyDescent="0.35">
      <c r="A10840" s="5" t="s">
        <v>10</v>
      </c>
      <c r="B10840" s="6">
        <v>239249</v>
      </c>
      <c r="C10840" s="6" t="s">
        <v>11</v>
      </c>
      <c r="D10840" s="6" t="s">
        <v>4279</v>
      </c>
      <c r="E10840" s="6">
        <v>25099</v>
      </c>
      <c r="F10840" s="6" t="s">
        <v>18</v>
      </c>
      <c r="G10840" s="6" t="s">
        <v>20702</v>
      </c>
      <c r="H10840" s="6" t="s">
        <v>20703</v>
      </c>
      <c r="I10840" s="7">
        <v>4.7328117000000001</v>
      </c>
      <c r="J10840" s="8">
        <v>-74.3418116</v>
      </c>
    </row>
    <row r="10841" spans="1:10" x14ac:dyDescent="0.35">
      <c r="A10841" s="5" t="s">
        <v>10</v>
      </c>
      <c r="B10841" s="6">
        <v>202599</v>
      </c>
      <c r="C10841" s="6" t="s">
        <v>24</v>
      </c>
      <c r="D10841" s="6" t="s">
        <v>20458</v>
      </c>
      <c r="E10841" s="6">
        <v>15580</v>
      </c>
      <c r="F10841" s="6" t="s">
        <v>18</v>
      </c>
      <c r="G10841" s="6" t="s">
        <v>20704</v>
      </c>
      <c r="H10841" s="6" t="s">
        <v>20705</v>
      </c>
      <c r="I10841" s="7">
        <v>5.5196427999999997</v>
      </c>
      <c r="J10841" s="8">
        <v>-74.179060100000001</v>
      </c>
    </row>
    <row r="10842" spans="1:10" x14ac:dyDescent="0.35">
      <c r="A10842" s="5" t="s">
        <v>10</v>
      </c>
      <c r="B10842" s="6">
        <v>153875</v>
      </c>
      <c r="C10842" s="6" t="s">
        <v>16</v>
      </c>
      <c r="D10842" s="6" t="s">
        <v>4693</v>
      </c>
      <c r="E10842" s="6">
        <v>68190</v>
      </c>
      <c r="F10842" s="6" t="s">
        <v>18</v>
      </c>
      <c r="G10842" s="6" t="s">
        <v>4694</v>
      </c>
      <c r="H10842" s="6" t="s">
        <v>4695</v>
      </c>
      <c r="I10842" s="7">
        <v>6.3165320999999999</v>
      </c>
      <c r="J10842" s="8">
        <v>-73.951627099999996</v>
      </c>
    </row>
    <row r="10843" spans="1:10" x14ac:dyDescent="0.35">
      <c r="A10843" s="5" t="s">
        <v>10</v>
      </c>
      <c r="B10843" s="6">
        <v>241979</v>
      </c>
      <c r="C10843" s="6" t="s">
        <v>3819</v>
      </c>
      <c r="D10843" s="6" t="s">
        <v>5730</v>
      </c>
      <c r="E10843" s="6">
        <v>86749</v>
      </c>
      <c r="F10843" s="6" t="s">
        <v>18</v>
      </c>
      <c r="G10843" s="6" t="s">
        <v>20706</v>
      </c>
      <c r="H10843" s="6" t="s">
        <v>20707</v>
      </c>
      <c r="I10843" s="7">
        <v>1.2045999999999999</v>
      </c>
      <c r="J10843" s="8">
        <v>-76.9194897</v>
      </c>
    </row>
    <row r="10844" spans="1:10" x14ac:dyDescent="0.35">
      <c r="A10844" s="5" t="s">
        <v>10</v>
      </c>
      <c r="B10844" s="6">
        <v>185711</v>
      </c>
      <c r="C10844" s="6" t="s">
        <v>68</v>
      </c>
      <c r="D10844" s="6" t="s">
        <v>69</v>
      </c>
      <c r="E10844" s="6">
        <v>11001</v>
      </c>
      <c r="F10844" s="6" t="s">
        <v>18</v>
      </c>
      <c r="G10844" s="6" t="s">
        <v>20708</v>
      </c>
      <c r="H10844" s="6" t="s">
        <v>20709</v>
      </c>
      <c r="I10844" s="7">
        <v>4.7431549999999998</v>
      </c>
      <c r="J10844" s="8">
        <v>-74.094335399999906</v>
      </c>
    </row>
    <row r="10845" spans="1:10" x14ac:dyDescent="0.35">
      <c r="A10845" s="5" t="s">
        <v>10</v>
      </c>
      <c r="B10845" s="6">
        <v>245061</v>
      </c>
      <c r="C10845" s="6" t="s">
        <v>278</v>
      </c>
      <c r="D10845" s="6" t="s">
        <v>5830</v>
      </c>
      <c r="E10845" s="6">
        <v>50350</v>
      </c>
      <c r="F10845" s="6" t="s">
        <v>18</v>
      </c>
      <c r="G10845" s="6" t="s">
        <v>20710</v>
      </c>
      <c r="H10845" s="6" t="s">
        <v>20711</v>
      </c>
      <c r="I10845" s="7">
        <v>2.1831928999999999</v>
      </c>
      <c r="J10845" s="8">
        <v>-73.7843783</v>
      </c>
    </row>
    <row r="10846" spans="1:10" x14ac:dyDescent="0.35">
      <c r="A10846" s="5" t="s">
        <v>10</v>
      </c>
      <c r="B10846" s="6">
        <v>239287</v>
      </c>
      <c r="C10846" s="6" t="s">
        <v>278</v>
      </c>
      <c r="D10846" s="6" t="s">
        <v>279</v>
      </c>
      <c r="E10846" s="6">
        <v>50001</v>
      </c>
      <c r="F10846" s="6" t="s">
        <v>18</v>
      </c>
      <c r="G10846" s="6" t="s">
        <v>20712</v>
      </c>
      <c r="H10846" s="6" t="s">
        <v>20713</v>
      </c>
      <c r="I10846" s="7">
        <v>4.0997484000000002</v>
      </c>
      <c r="J10846" s="8">
        <v>-73.648633700000005</v>
      </c>
    </row>
    <row r="10847" spans="1:10" x14ac:dyDescent="0.35">
      <c r="A10847" s="5" t="s">
        <v>10</v>
      </c>
      <c r="B10847" s="6">
        <v>231694</v>
      </c>
      <c r="C10847" s="6" t="s">
        <v>117</v>
      </c>
      <c r="D10847" s="6" t="s">
        <v>1334</v>
      </c>
      <c r="E10847" s="6">
        <v>76001</v>
      </c>
      <c r="F10847" s="6" t="s">
        <v>18</v>
      </c>
      <c r="G10847" s="6" t="s">
        <v>20714</v>
      </c>
      <c r="H10847" s="6" t="s">
        <v>20715</v>
      </c>
      <c r="I10847" s="7">
        <v>3.4516467</v>
      </c>
      <c r="J10847" s="8">
        <v>-76.531985399999996</v>
      </c>
    </row>
    <row r="10848" spans="1:10" x14ac:dyDescent="0.35">
      <c r="A10848" s="5" t="s">
        <v>10</v>
      </c>
      <c r="B10848" s="6">
        <v>217490</v>
      </c>
      <c r="C10848" s="6" t="s">
        <v>551</v>
      </c>
      <c r="D10848" s="6" t="s">
        <v>20716</v>
      </c>
      <c r="E10848" s="6">
        <v>20570</v>
      </c>
      <c r="F10848" s="6" t="s">
        <v>18</v>
      </c>
      <c r="G10848" s="6" t="s">
        <v>20717</v>
      </c>
      <c r="H10848" s="6" t="s">
        <v>20718</v>
      </c>
      <c r="I10848" s="7">
        <v>4.7479092999999999</v>
      </c>
      <c r="J10848" s="8">
        <v>-74.061689799999996</v>
      </c>
    </row>
    <row r="10849" spans="1:10" x14ac:dyDescent="0.35">
      <c r="A10849" s="5" t="s">
        <v>10</v>
      </c>
      <c r="B10849" s="6">
        <v>234956</v>
      </c>
      <c r="C10849" s="6" t="s">
        <v>117</v>
      </c>
      <c r="D10849" s="6" t="s">
        <v>1334</v>
      </c>
      <c r="E10849" s="6">
        <v>76001</v>
      </c>
      <c r="F10849" s="6" t="s">
        <v>18</v>
      </c>
      <c r="G10849" s="6" t="s">
        <v>20719</v>
      </c>
      <c r="H10849" s="6" t="s">
        <v>20720</v>
      </c>
      <c r="I10849" s="7">
        <v>3.4732813</v>
      </c>
      <c r="J10849" s="8">
        <v>-76.496916100000007</v>
      </c>
    </row>
    <row r="10850" spans="1:10" x14ac:dyDescent="0.35">
      <c r="A10850" s="5" t="s">
        <v>10</v>
      </c>
      <c r="B10850" s="6">
        <v>222360</v>
      </c>
      <c r="C10850" s="6" t="s">
        <v>68</v>
      </c>
      <c r="D10850" s="6" t="s">
        <v>69</v>
      </c>
      <c r="E10850" s="6">
        <v>11001</v>
      </c>
      <c r="F10850" s="6" t="s">
        <v>18</v>
      </c>
      <c r="G10850" s="6" t="s">
        <v>6244</v>
      </c>
      <c r="H10850" s="6" t="s">
        <v>6245</v>
      </c>
      <c r="I10850" s="7">
        <v>4.759557</v>
      </c>
      <c r="J10850" s="8">
        <v>-74.027254799999994</v>
      </c>
    </row>
    <row r="10851" spans="1:10" x14ac:dyDescent="0.35">
      <c r="A10851" s="5" t="s">
        <v>10</v>
      </c>
      <c r="B10851" s="6">
        <v>210304</v>
      </c>
      <c r="C10851" s="6" t="s">
        <v>68</v>
      </c>
      <c r="D10851" s="6" t="s">
        <v>69</v>
      </c>
      <c r="E10851" s="6">
        <v>11001</v>
      </c>
      <c r="F10851" s="6" t="s">
        <v>18</v>
      </c>
      <c r="G10851" s="6" t="s">
        <v>20721</v>
      </c>
      <c r="H10851" s="6" t="s">
        <v>20722</v>
      </c>
      <c r="I10851" s="7">
        <v>4.5797029</v>
      </c>
      <c r="J10851" s="8">
        <v>-74.091922400000001</v>
      </c>
    </row>
    <row r="10852" spans="1:10" x14ac:dyDescent="0.35">
      <c r="A10852" s="5" t="s">
        <v>10</v>
      </c>
      <c r="B10852" s="6">
        <v>235925</v>
      </c>
      <c r="C10852" s="6" t="s">
        <v>278</v>
      </c>
      <c r="D10852" s="6" t="s">
        <v>279</v>
      </c>
      <c r="E10852" s="6">
        <v>50001</v>
      </c>
      <c r="F10852" s="6" t="s">
        <v>18</v>
      </c>
      <c r="G10852" s="6" t="s">
        <v>20723</v>
      </c>
      <c r="H10852" s="6" t="s">
        <v>20724</v>
      </c>
      <c r="I10852" s="7">
        <v>4.1586984999999999</v>
      </c>
      <c r="J10852" s="8">
        <v>-73.643035400000002</v>
      </c>
    </row>
    <row r="10853" spans="1:10" x14ac:dyDescent="0.35">
      <c r="A10853" s="5" t="s">
        <v>10</v>
      </c>
      <c r="B10853" s="6">
        <v>211391</v>
      </c>
      <c r="C10853" s="6" t="s">
        <v>551</v>
      </c>
      <c r="D10853" s="6" t="s">
        <v>977</v>
      </c>
      <c r="E10853" s="6">
        <v>20011</v>
      </c>
      <c r="F10853" s="6" t="s">
        <v>18</v>
      </c>
      <c r="G10853" s="6" t="s">
        <v>20725</v>
      </c>
      <c r="H10853" s="6" t="s">
        <v>20726</v>
      </c>
      <c r="I10853" s="7">
        <v>8.3111528999999997</v>
      </c>
      <c r="J10853" s="8">
        <v>-73.620403600000003</v>
      </c>
    </row>
    <row r="10854" spans="1:10" x14ac:dyDescent="0.35">
      <c r="A10854" s="5" t="s">
        <v>10</v>
      </c>
      <c r="B10854" s="6">
        <v>147960</v>
      </c>
      <c r="C10854" s="6" t="s">
        <v>4026</v>
      </c>
      <c r="D10854" s="6" t="s">
        <v>4027</v>
      </c>
      <c r="E10854" s="6">
        <v>94001</v>
      </c>
      <c r="F10854" s="6" t="s">
        <v>18</v>
      </c>
      <c r="G10854" s="6" t="s">
        <v>20727</v>
      </c>
      <c r="H10854" s="6" t="s">
        <v>20728</v>
      </c>
      <c r="I10854" s="7">
        <v>3.8702044</v>
      </c>
      <c r="J10854" s="8">
        <v>-67.924336099999906</v>
      </c>
    </row>
    <row r="10855" spans="1:10" x14ac:dyDescent="0.35">
      <c r="A10855" s="5" t="s">
        <v>10</v>
      </c>
      <c r="B10855" s="6">
        <v>229729</v>
      </c>
      <c r="C10855" s="6" t="s">
        <v>11</v>
      </c>
      <c r="D10855" s="6" t="s">
        <v>12</v>
      </c>
      <c r="E10855" s="6">
        <v>25899</v>
      </c>
      <c r="F10855" s="6" t="s">
        <v>18</v>
      </c>
      <c r="G10855" s="6" t="s">
        <v>20729</v>
      </c>
      <c r="H10855" s="6" t="s">
        <v>20730</v>
      </c>
      <c r="I10855" s="7">
        <v>5.0363916</v>
      </c>
      <c r="J10855" s="8">
        <v>-73.997636999999997</v>
      </c>
    </row>
    <row r="10856" spans="1:10" x14ac:dyDescent="0.35">
      <c r="A10856" s="5" t="s">
        <v>10</v>
      </c>
      <c r="B10856" s="6">
        <v>236453</v>
      </c>
      <c r="C10856" s="6" t="s">
        <v>11</v>
      </c>
      <c r="D10856" s="6" t="s">
        <v>334</v>
      </c>
      <c r="E10856" s="6">
        <v>25754</v>
      </c>
      <c r="F10856" s="6" t="s">
        <v>18</v>
      </c>
      <c r="G10856" s="6" t="s">
        <v>20731</v>
      </c>
      <c r="H10856" s="6" t="s">
        <v>20732</v>
      </c>
      <c r="I10856" s="7">
        <v>4.5822076999999997</v>
      </c>
      <c r="J10856" s="8">
        <v>-74.214882099999997</v>
      </c>
    </row>
    <row r="10857" spans="1:10" x14ac:dyDescent="0.35">
      <c r="A10857" s="5" t="s">
        <v>10</v>
      </c>
      <c r="B10857" s="6">
        <v>246449</v>
      </c>
      <c r="C10857" s="6" t="s">
        <v>11</v>
      </c>
      <c r="D10857" s="6" t="s">
        <v>159</v>
      </c>
      <c r="E10857" s="6">
        <v>25175</v>
      </c>
      <c r="F10857" s="6" t="s">
        <v>18</v>
      </c>
      <c r="G10857" s="6" t="s">
        <v>20733</v>
      </c>
      <c r="H10857" s="6" t="s">
        <v>20734</v>
      </c>
      <c r="I10857" s="7">
        <v>4.8596811999999998</v>
      </c>
      <c r="J10857" s="8">
        <v>-74.060289499999996</v>
      </c>
    </row>
    <row r="10858" spans="1:10" x14ac:dyDescent="0.35">
      <c r="A10858" s="5" t="s">
        <v>10</v>
      </c>
      <c r="B10858" s="6">
        <v>210675</v>
      </c>
      <c r="C10858" s="6" t="s">
        <v>190</v>
      </c>
      <c r="D10858" s="6" t="s">
        <v>191</v>
      </c>
      <c r="E10858" s="6">
        <v>5001</v>
      </c>
      <c r="F10858" s="6" t="s">
        <v>18</v>
      </c>
      <c r="G10858" s="6" t="s">
        <v>4501</v>
      </c>
      <c r="H10858" s="6" t="s">
        <v>4502</v>
      </c>
      <c r="I10858" s="7">
        <v>4.6474224999999896</v>
      </c>
      <c r="J10858" s="8">
        <v>-74.177553199999906</v>
      </c>
    </row>
    <row r="10859" spans="1:10" x14ac:dyDescent="0.35">
      <c r="A10859" s="5" t="s">
        <v>10</v>
      </c>
      <c r="B10859" s="6">
        <v>237079</v>
      </c>
      <c r="C10859" s="6" t="s">
        <v>68</v>
      </c>
      <c r="D10859" s="6" t="s">
        <v>69</v>
      </c>
      <c r="E10859" s="6">
        <v>11001</v>
      </c>
      <c r="F10859" s="6" t="s">
        <v>18</v>
      </c>
      <c r="G10859" s="6" t="s">
        <v>20735</v>
      </c>
      <c r="H10859" s="6" t="s">
        <v>20736</v>
      </c>
      <c r="I10859" s="7">
        <v>4.6309724000000001</v>
      </c>
      <c r="J10859" s="8">
        <v>-74.068564300000006</v>
      </c>
    </row>
    <row r="10860" spans="1:10" x14ac:dyDescent="0.35">
      <c r="A10860" s="5" t="s">
        <v>10</v>
      </c>
      <c r="B10860" s="6">
        <v>220663</v>
      </c>
      <c r="C10860" s="6" t="s">
        <v>278</v>
      </c>
      <c r="D10860" s="6" t="s">
        <v>3873</v>
      </c>
      <c r="E10860" s="6">
        <v>50568</v>
      </c>
      <c r="F10860" s="6" t="s">
        <v>18</v>
      </c>
      <c r="G10860" s="6" t="s">
        <v>20737</v>
      </c>
      <c r="H10860" s="6" t="s">
        <v>20738</v>
      </c>
      <c r="I10860" s="7">
        <v>4.3133005999999998</v>
      </c>
      <c r="J10860" s="8">
        <v>-72.0785056</v>
      </c>
    </row>
    <row r="10861" spans="1:10" x14ac:dyDescent="0.35">
      <c r="A10861" s="5" t="s">
        <v>10</v>
      </c>
      <c r="B10861" s="6">
        <v>201867</v>
      </c>
      <c r="C10861" s="6" t="s">
        <v>278</v>
      </c>
      <c r="D10861" s="6" t="s">
        <v>279</v>
      </c>
      <c r="E10861" s="6">
        <v>50001</v>
      </c>
      <c r="F10861" s="6" t="s">
        <v>18</v>
      </c>
      <c r="G10861" s="6" t="s">
        <v>3911</v>
      </c>
      <c r="H10861" s="6" t="s">
        <v>3912</v>
      </c>
      <c r="I10861" s="7">
        <v>4.1491588999999998</v>
      </c>
      <c r="J10861" s="8">
        <v>-73.628503499999994</v>
      </c>
    </row>
    <row r="10862" spans="1:10" x14ac:dyDescent="0.35">
      <c r="A10862" s="5" t="s">
        <v>10</v>
      </c>
      <c r="B10862" s="6">
        <v>209980</v>
      </c>
      <c r="C10862" s="6" t="s">
        <v>11</v>
      </c>
      <c r="D10862" s="6" t="s">
        <v>12</v>
      </c>
      <c r="E10862" s="6">
        <v>25899</v>
      </c>
      <c r="F10862" s="6" t="s">
        <v>18</v>
      </c>
      <c r="G10862" s="6" t="s">
        <v>20087</v>
      </c>
      <c r="H10862" s="6" t="s">
        <v>20088</v>
      </c>
      <c r="I10862" s="7">
        <v>5.0287879999999996</v>
      </c>
      <c r="J10862" s="8">
        <v>-73.997305699999998</v>
      </c>
    </row>
    <row r="10863" spans="1:10" x14ac:dyDescent="0.35">
      <c r="A10863" s="5" t="s">
        <v>10</v>
      </c>
      <c r="B10863" s="6">
        <v>218204</v>
      </c>
      <c r="C10863" s="6" t="s">
        <v>11</v>
      </c>
      <c r="D10863" s="6" t="s">
        <v>3054</v>
      </c>
      <c r="E10863" s="6">
        <v>25269</v>
      </c>
      <c r="F10863" s="6" t="s">
        <v>18</v>
      </c>
      <c r="G10863" s="6" t="s">
        <v>20739</v>
      </c>
      <c r="H10863" s="6" t="s">
        <v>20740</v>
      </c>
      <c r="I10863" s="7">
        <v>4.8021557000000001</v>
      </c>
      <c r="J10863" s="8">
        <v>-74.346085000000002</v>
      </c>
    </row>
    <row r="10864" spans="1:10" x14ac:dyDescent="0.35">
      <c r="A10864" s="5" t="s">
        <v>10</v>
      </c>
      <c r="B10864" s="6">
        <v>182448</v>
      </c>
      <c r="C10864" s="6" t="s">
        <v>11</v>
      </c>
      <c r="D10864" s="6" t="s">
        <v>334</v>
      </c>
      <c r="E10864" s="6">
        <v>25754</v>
      </c>
      <c r="F10864" s="6" t="s">
        <v>18</v>
      </c>
      <c r="G10864" s="6" t="s">
        <v>4360</v>
      </c>
      <c r="H10864" s="6" t="s">
        <v>4361</v>
      </c>
      <c r="I10864" s="7">
        <v>4.5806312</v>
      </c>
      <c r="J10864" s="8">
        <v>-74.204378599999998</v>
      </c>
    </row>
    <row r="10865" spans="1:10" x14ac:dyDescent="0.35">
      <c r="A10865" s="5" t="s">
        <v>10</v>
      </c>
      <c r="B10865" s="6">
        <v>210356</v>
      </c>
      <c r="C10865" s="6" t="s">
        <v>68</v>
      </c>
      <c r="D10865" s="6" t="s">
        <v>69</v>
      </c>
      <c r="E10865" s="6">
        <v>11001</v>
      </c>
      <c r="F10865" s="6" t="s">
        <v>18</v>
      </c>
      <c r="G10865" s="6" t="s">
        <v>20741</v>
      </c>
      <c r="H10865" s="6" t="s">
        <v>20742</v>
      </c>
      <c r="I10865" s="7">
        <v>4.5640144999999999</v>
      </c>
      <c r="J10865" s="8">
        <v>-74.083028200000001</v>
      </c>
    </row>
    <row r="10866" spans="1:10" x14ac:dyDescent="0.35">
      <c r="A10866" s="5" t="s">
        <v>10</v>
      </c>
      <c r="B10866" s="6">
        <v>228592</v>
      </c>
      <c r="C10866" s="6" t="s">
        <v>11</v>
      </c>
      <c r="D10866" s="6" t="s">
        <v>159</v>
      </c>
      <c r="E10866" s="6">
        <v>25175</v>
      </c>
      <c r="F10866" s="6" t="s">
        <v>18</v>
      </c>
      <c r="G10866" s="6" t="s">
        <v>20743</v>
      </c>
      <c r="H10866" s="6" t="s">
        <v>20744</v>
      </c>
      <c r="I10866" s="7">
        <v>4.8647580000000001</v>
      </c>
      <c r="J10866" s="8">
        <v>-74.050917999999996</v>
      </c>
    </row>
    <row r="10867" spans="1:10" x14ac:dyDescent="0.35">
      <c r="A10867" s="5" t="s">
        <v>10</v>
      </c>
      <c r="B10867" s="6">
        <v>246869</v>
      </c>
      <c r="C10867" s="6" t="s">
        <v>11</v>
      </c>
      <c r="D10867" s="6" t="s">
        <v>3724</v>
      </c>
      <c r="E10867" s="6">
        <v>25513</v>
      </c>
      <c r="F10867" s="6" t="s">
        <v>18</v>
      </c>
      <c r="G10867" s="6" t="s">
        <v>20745</v>
      </c>
      <c r="H10867" s="6" t="s">
        <v>20746</v>
      </c>
      <c r="I10867" s="7">
        <v>5.1300825999999997</v>
      </c>
      <c r="J10867" s="8">
        <v>-74.1579981</v>
      </c>
    </row>
    <row r="10868" spans="1:10" x14ac:dyDescent="0.35">
      <c r="A10868" s="5" t="s">
        <v>10</v>
      </c>
      <c r="B10868" s="6">
        <v>206611</v>
      </c>
      <c r="C10868" s="6" t="s">
        <v>117</v>
      </c>
      <c r="D10868" s="6" t="s">
        <v>3492</v>
      </c>
      <c r="E10868" s="6">
        <v>76520</v>
      </c>
      <c r="F10868" s="6" t="s">
        <v>18</v>
      </c>
      <c r="G10868" s="6" t="s">
        <v>5215</v>
      </c>
      <c r="H10868" s="6" t="s">
        <v>5216</v>
      </c>
      <c r="I10868" s="7">
        <v>3.4429397000000002</v>
      </c>
      <c r="J10868" s="8">
        <v>-76.523510199999905</v>
      </c>
    </row>
    <row r="10869" spans="1:10" x14ac:dyDescent="0.35">
      <c r="A10869" s="5" t="s">
        <v>10</v>
      </c>
      <c r="B10869" s="6">
        <v>236952</v>
      </c>
      <c r="C10869" s="6" t="s">
        <v>294</v>
      </c>
      <c r="D10869" s="6" t="s">
        <v>4244</v>
      </c>
      <c r="E10869" s="6">
        <v>41298</v>
      </c>
      <c r="F10869" s="6" t="s">
        <v>18</v>
      </c>
      <c r="G10869" s="6" t="s">
        <v>18433</v>
      </c>
      <c r="H10869" s="6" t="s">
        <v>20747</v>
      </c>
      <c r="I10869" s="7">
        <v>2.1892486</v>
      </c>
      <c r="J10869" s="8">
        <v>-75.624796000000003</v>
      </c>
    </row>
    <row r="10870" spans="1:10" x14ac:dyDescent="0.35">
      <c r="A10870" s="5" t="s">
        <v>10</v>
      </c>
      <c r="B10870" s="6">
        <v>221611</v>
      </c>
      <c r="C10870" s="6" t="s">
        <v>11</v>
      </c>
      <c r="D10870" s="6" t="s">
        <v>334</v>
      </c>
      <c r="E10870" s="6">
        <v>25754</v>
      </c>
      <c r="F10870" s="6" t="s">
        <v>18</v>
      </c>
      <c r="G10870" s="6" t="s">
        <v>20748</v>
      </c>
      <c r="H10870" s="6" t="s">
        <v>20749</v>
      </c>
      <c r="I10870" s="7">
        <v>4.5818249</v>
      </c>
      <c r="J10870" s="8">
        <v>-74.234131599999998</v>
      </c>
    </row>
    <row r="10871" spans="1:10" x14ac:dyDescent="0.35">
      <c r="A10871" s="5" t="s">
        <v>10</v>
      </c>
      <c r="B10871" s="6">
        <v>246140</v>
      </c>
      <c r="C10871" s="6" t="s">
        <v>11</v>
      </c>
      <c r="D10871" s="6" t="s">
        <v>3917</v>
      </c>
      <c r="E10871" s="6">
        <v>25649</v>
      </c>
      <c r="F10871" s="6" t="s">
        <v>18</v>
      </c>
      <c r="G10871" s="6" t="s">
        <v>20750</v>
      </c>
      <c r="H10871" s="6" t="s">
        <v>20751</v>
      </c>
      <c r="I10871" s="7">
        <v>4.1794440000000002</v>
      </c>
      <c r="J10871" s="8">
        <v>-74.421565999999999</v>
      </c>
    </row>
    <row r="10872" spans="1:10" x14ac:dyDescent="0.35">
      <c r="A10872" s="5" t="s">
        <v>10</v>
      </c>
      <c r="B10872" s="6">
        <v>232104</v>
      </c>
      <c r="C10872" s="6" t="s">
        <v>68</v>
      </c>
      <c r="D10872" s="6" t="s">
        <v>69</v>
      </c>
      <c r="E10872" s="6">
        <v>11001</v>
      </c>
      <c r="F10872" s="6" t="s">
        <v>18</v>
      </c>
      <c r="G10872" s="6" t="s">
        <v>20752</v>
      </c>
      <c r="H10872" s="6" t="s">
        <v>20753</v>
      </c>
      <c r="I10872" s="7">
        <v>4.7261819999999997</v>
      </c>
      <c r="J10872" s="8">
        <v>-74.093740999999994</v>
      </c>
    </row>
    <row r="10873" spans="1:10" x14ac:dyDescent="0.35">
      <c r="A10873" s="5" t="s">
        <v>10</v>
      </c>
      <c r="B10873" s="6">
        <v>174912</v>
      </c>
      <c r="C10873" s="6" t="s">
        <v>16</v>
      </c>
      <c r="D10873" s="6" t="s">
        <v>78</v>
      </c>
      <c r="E10873" s="6">
        <v>68001</v>
      </c>
      <c r="F10873" s="6" t="s">
        <v>18</v>
      </c>
      <c r="G10873" s="6" t="s">
        <v>20754</v>
      </c>
      <c r="H10873" s="6" t="s">
        <v>20755</v>
      </c>
      <c r="I10873" s="7">
        <v>7.1385890999999999</v>
      </c>
      <c r="J10873" s="8">
        <v>-73.135287500000004</v>
      </c>
    </row>
    <row r="10874" spans="1:10" x14ac:dyDescent="0.35">
      <c r="A10874" s="5" t="s">
        <v>10</v>
      </c>
      <c r="B10874" s="6">
        <v>208828</v>
      </c>
      <c r="C10874" s="6" t="s">
        <v>11</v>
      </c>
      <c r="D10874" s="6" t="s">
        <v>12</v>
      </c>
      <c r="E10874" s="6">
        <v>25899</v>
      </c>
      <c r="F10874" s="6" t="s">
        <v>18</v>
      </c>
      <c r="G10874" s="6" t="s">
        <v>20756</v>
      </c>
      <c r="H10874" s="6" t="s">
        <v>20757</v>
      </c>
      <c r="I10874" s="7">
        <v>5.0278543999999998</v>
      </c>
      <c r="J10874" s="8">
        <v>-73.993810999999994</v>
      </c>
    </row>
    <row r="10875" spans="1:10" x14ac:dyDescent="0.35">
      <c r="A10875" s="5" t="s">
        <v>10</v>
      </c>
      <c r="B10875" s="6">
        <v>227165</v>
      </c>
      <c r="C10875" s="6" t="s">
        <v>11</v>
      </c>
      <c r="D10875" s="6" t="s">
        <v>12</v>
      </c>
      <c r="E10875" s="6">
        <v>25899</v>
      </c>
      <c r="F10875" s="6" t="s">
        <v>18</v>
      </c>
      <c r="G10875" s="6" t="s">
        <v>20758</v>
      </c>
      <c r="H10875" s="6" t="s">
        <v>20759</v>
      </c>
      <c r="I10875" s="7">
        <v>5.0320279000000001</v>
      </c>
      <c r="J10875" s="8">
        <v>-74.000823499999996</v>
      </c>
    </row>
    <row r="10876" spans="1:10" x14ac:dyDescent="0.35">
      <c r="A10876" s="5" t="s">
        <v>10</v>
      </c>
      <c r="B10876" s="6">
        <v>183365</v>
      </c>
      <c r="C10876" s="6" t="s">
        <v>28</v>
      </c>
      <c r="D10876" s="6" t="s">
        <v>29</v>
      </c>
      <c r="E10876" s="6">
        <v>54001</v>
      </c>
      <c r="F10876" s="6" t="s">
        <v>18</v>
      </c>
      <c r="G10876" s="6" t="s">
        <v>20760</v>
      </c>
      <c r="H10876" s="6" t="s">
        <v>20761</v>
      </c>
      <c r="I10876" s="7">
        <v>7.8981296999999904</v>
      </c>
      <c r="J10876" s="8">
        <v>-72.506501900000004</v>
      </c>
    </row>
    <row r="10877" spans="1:10" x14ac:dyDescent="0.35">
      <c r="A10877" s="5" t="s">
        <v>10</v>
      </c>
      <c r="B10877" s="6">
        <v>225527</v>
      </c>
      <c r="C10877" s="6" t="s">
        <v>117</v>
      </c>
      <c r="D10877" s="6" t="s">
        <v>4146</v>
      </c>
      <c r="E10877" s="6">
        <v>76606</v>
      </c>
      <c r="F10877" s="6" t="s">
        <v>18</v>
      </c>
      <c r="G10877" s="6" t="s">
        <v>20762</v>
      </c>
      <c r="H10877" s="6" t="s">
        <v>20763</v>
      </c>
      <c r="I10877" s="7">
        <v>3.8234545</v>
      </c>
      <c r="J10877" s="8">
        <v>-76.522255200000004</v>
      </c>
    </row>
    <row r="10878" spans="1:10" x14ac:dyDescent="0.35">
      <c r="A10878" s="5" t="s">
        <v>10</v>
      </c>
      <c r="B10878" s="6">
        <v>232119</v>
      </c>
      <c r="C10878" s="6" t="s">
        <v>117</v>
      </c>
      <c r="D10878" s="6" t="s">
        <v>1334</v>
      </c>
      <c r="E10878" s="6">
        <v>76001</v>
      </c>
      <c r="F10878" s="6" t="s">
        <v>18</v>
      </c>
      <c r="G10878" s="6" t="s">
        <v>20764</v>
      </c>
      <c r="H10878" s="6" t="s">
        <v>20765</v>
      </c>
      <c r="I10878" s="7">
        <v>3.4692148999999999</v>
      </c>
      <c r="J10878" s="8">
        <v>-76.524774800000003</v>
      </c>
    </row>
    <row r="10879" spans="1:10" x14ac:dyDescent="0.35">
      <c r="A10879" s="5" t="s">
        <v>10</v>
      </c>
      <c r="B10879" s="6">
        <v>236875</v>
      </c>
      <c r="C10879" s="6" t="s">
        <v>68</v>
      </c>
      <c r="D10879" s="6" t="s">
        <v>69</v>
      </c>
      <c r="E10879" s="6">
        <v>11001</v>
      </c>
      <c r="F10879" s="6" t="s">
        <v>18</v>
      </c>
      <c r="G10879" s="6" t="s">
        <v>20766</v>
      </c>
      <c r="H10879" s="6" t="s">
        <v>20767</v>
      </c>
      <c r="I10879" s="7">
        <v>4.5990343999999999</v>
      </c>
      <c r="J10879" s="8">
        <v>-74.079147599999999</v>
      </c>
    </row>
    <row r="10880" spans="1:10" x14ac:dyDescent="0.35">
      <c r="A10880" s="5" t="s">
        <v>10</v>
      </c>
      <c r="B10880" s="6">
        <v>189927</v>
      </c>
      <c r="C10880" s="6" t="s">
        <v>11</v>
      </c>
      <c r="D10880" s="6" t="s">
        <v>334</v>
      </c>
      <c r="E10880" s="6">
        <v>25754</v>
      </c>
      <c r="F10880" s="6" t="s">
        <v>18</v>
      </c>
      <c r="G10880" s="6" t="s">
        <v>20080</v>
      </c>
      <c r="H10880" s="6" t="s">
        <v>20081</v>
      </c>
      <c r="I10880" s="7">
        <v>4.5813075999999997</v>
      </c>
      <c r="J10880" s="8">
        <v>-74.220373899999998</v>
      </c>
    </row>
    <row r="10881" spans="1:10" x14ac:dyDescent="0.35">
      <c r="A10881" s="5" t="s">
        <v>10</v>
      </c>
      <c r="B10881" s="6">
        <v>185711</v>
      </c>
      <c r="C10881" s="6" t="s">
        <v>68</v>
      </c>
      <c r="D10881" s="6" t="s">
        <v>69</v>
      </c>
      <c r="E10881" s="6">
        <v>11001</v>
      </c>
      <c r="F10881" s="6" t="s">
        <v>18</v>
      </c>
      <c r="G10881" s="6" t="s">
        <v>20708</v>
      </c>
      <c r="H10881" s="6" t="s">
        <v>20709</v>
      </c>
      <c r="I10881" s="7">
        <v>4.7431549999999998</v>
      </c>
      <c r="J10881" s="8">
        <v>-74.094335399999906</v>
      </c>
    </row>
    <row r="10882" spans="1:10" x14ac:dyDescent="0.35">
      <c r="A10882" s="5" t="s">
        <v>10</v>
      </c>
      <c r="B10882" s="6">
        <v>239181</v>
      </c>
      <c r="C10882" s="6" t="s">
        <v>11</v>
      </c>
      <c r="D10882" s="6" t="s">
        <v>337</v>
      </c>
      <c r="E10882" s="6">
        <v>25290</v>
      </c>
      <c r="F10882" s="6" t="s">
        <v>18</v>
      </c>
      <c r="G10882" s="6" t="s">
        <v>20768</v>
      </c>
      <c r="H10882" s="6" t="s">
        <v>20769</v>
      </c>
      <c r="I10882" s="7">
        <v>4.3434226000000002</v>
      </c>
      <c r="J10882" s="8">
        <v>-74.361682900000005</v>
      </c>
    </row>
    <row r="10883" spans="1:10" x14ac:dyDescent="0.35">
      <c r="A10883" s="5" t="s">
        <v>10</v>
      </c>
      <c r="B10883" s="6">
        <v>206611</v>
      </c>
      <c r="C10883" s="6" t="s">
        <v>117</v>
      </c>
      <c r="D10883" s="6" t="s">
        <v>3492</v>
      </c>
      <c r="E10883" s="6">
        <v>76520</v>
      </c>
      <c r="F10883" s="6" t="s">
        <v>18</v>
      </c>
      <c r="G10883" s="6" t="s">
        <v>5215</v>
      </c>
      <c r="H10883" s="6" t="s">
        <v>5216</v>
      </c>
      <c r="I10883" s="7">
        <v>3.4429397000000002</v>
      </c>
      <c r="J10883" s="8">
        <v>-76.523510199999905</v>
      </c>
    </row>
    <row r="10884" spans="1:10" x14ac:dyDescent="0.35">
      <c r="A10884" s="5" t="s">
        <v>10</v>
      </c>
      <c r="B10884" s="6">
        <v>230451</v>
      </c>
      <c r="C10884" s="6" t="s">
        <v>68</v>
      </c>
      <c r="D10884" s="6" t="s">
        <v>69</v>
      </c>
      <c r="E10884" s="6">
        <v>11001</v>
      </c>
      <c r="F10884" s="6" t="s">
        <v>13</v>
      </c>
      <c r="G10884" s="6" t="s">
        <v>20770</v>
      </c>
      <c r="H10884" s="6" t="s">
        <v>20771</v>
      </c>
      <c r="I10884" s="7">
        <v>4.6036419999999998</v>
      </c>
      <c r="J10884" s="8">
        <v>-74.184190999999998</v>
      </c>
    </row>
    <row r="10885" spans="1:10" x14ac:dyDescent="0.35">
      <c r="A10885" s="5" t="s">
        <v>10</v>
      </c>
      <c r="B10885" s="6">
        <v>236793</v>
      </c>
      <c r="C10885" s="6" t="s">
        <v>11</v>
      </c>
      <c r="D10885" s="6" t="s">
        <v>334</v>
      </c>
      <c r="E10885" s="6">
        <v>25754</v>
      </c>
      <c r="F10885" s="6" t="s">
        <v>18</v>
      </c>
      <c r="G10885" s="6" t="s">
        <v>20772</v>
      </c>
      <c r="H10885" s="6" t="s">
        <v>20773</v>
      </c>
      <c r="I10885" s="7">
        <v>4.5948764999999998</v>
      </c>
      <c r="J10885" s="8">
        <v>-74.198127600000007</v>
      </c>
    </row>
    <row r="10886" spans="1:10" x14ac:dyDescent="0.35">
      <c r="A10886" s="5" t="s">
        <v>10</v>
      </c>
      <c r="B10886" s="6">
        <v>238351</v>
      </c>
      <c r="C10886" s="6" t="s">
        <v>24</v>
      </c>
      <c r="D10886" s="6" t="s">
        <v>20133</v>
      </c>
      <c r="E10886" s="6">
        <v>15531</v>
      </c>
      <c r="F10886" s="6" t="s">
        <v>2161</v>
      </c>
      <c r="G10886" s="6" t="s">
        <v>20774</v>
      </c>
      <c r="H10886" s="6" t="s">
        <v>20775</v>
      </c>
      <c r="I10886" s="7">
        <v>5.6573963000000003</v>
      </c>
      <c r="J10886" s="8">
        <v>-73.979427299999998</v>
      </c>
    </row>
    <row r="10887" spans="1:10" x14ac:dyDescent="0.35">
      <c r="A10887" s="5" t="s">
        <v>10</v>
      </c>
      <c r="B10887" s="6">
        <v>240185</v>
      </c>
      <c r="C10887" s="6" t="s">
        <v>551</v>
      </c>
      <c r="D10887" s="6" t="s">
        <v>3868</v>
      </c>
      <c r="E10887" s="6">
        <v>20001</v>
      </c>
      <c r="F10887" s="6" t="s">
        <v>18</v>
      </c>
      <c r="G10887" s="6" t="s">
        <v>20776</v>
      </c>
      <c r="H10887" s="6" t="s">
        <v>20777</v>
      </c>
      <c r="I10887" s="7">
        <v>10.465574699999999</v>
      </c>
      <c r="J10887" s="8">
        <v>-73.246566200000004</v>
      </c>
    </row>
    <row r="10888" spans="1:10" x14ac:dyDescent="0.35">
      <c r="A10888" s="5" t="s">
        <v>10</v>
      </c>
      <c r="B10888" s="6">
        <v>182713</v>
      </c>
      <c r="C10888" s="6" t="s">
        <v>11</v>
      </c>
      <c r="D10888" s="6" t="s">
        <v>334</v>
      </c>
      <c r="E10888" s="6">
        <v>25754</v>
      </c>
      <c r="F10888" s="6" t="s">
        <v>18</v>
      </c>
      <c r="G10888" s="6" t="s">
        <v>20288</v>
      </c>
      <c r="H10888" s="6" t="s">
        <v>20289</v>
      </c>
      <c r="I10888" s="7">
        <v>4.5631399999999998</v>
      </c>
      <c r="J10888" s="8">
        <v>-74.235739999999893</v>
      </c>
    </row>
    <row r="10889" spans="1:10" x14ac:dyDescent="0.35">
      <c r="A10889" s="5" t="s">
        <v>10</v>
      </c>
      <c r="B10889" s="6">
        <v>182477</v>
      </c>
      <c r="C10889" s="6" t="s">
        <v>11</v>
      </c>
      <c r="D10889" s="6" t="s">
        <v>334</v>
      </c>
      <c r="E10889" s="6">
        <v>25754</v>
      </c>
      <c r="F10889" s="6" t="s">
        <v>18</v>
      </c>
      <c r="G10889" s="6" t="s">
        <v>20778</v>
      </c>
      <c r="H10889" s="6" t="s">
        <v>20779</v>
      </c>
      <c r="I10889" s="7">
        <v>4.5945426999999999</v>
      </c>
      <c r="J10889" s="8">
        <v>-74.187610499999906</v>
      </c>
    </row>
    <row r="10890" spans="1:10" x14ac:dyDescent="0.35">
      <c r="A10890" s="5" t="s">
        <v>10</v>
      </c>
      <c r="B10890" s="6">
        <v>163212</v>
      </c>
      <c r="C10890" s="6" t="s">
        <v>294</v>
      </c>
      <c r="D10890" s="6" t="s">
        <v>4789</v>
      </c>
      <c r="E10890" s="6">
        <v>41548</v>
      </c>
      <c r="F10890" s="6" t="s">
        <v>13</v>
      </c>
      <c r="G10890" s="6" t="s">
        <v>20344</v>
      </c>
      <c r="H10890" s="6" t="s">
        <v>20345</v>
      </c>
      <c r="I10890" s="7">
        <v>10.4229301</v>
      </c>
      <c r="J10890" s="8">
        <v>-75.550232399999999</v>
      </c>
    </row>
    <row r="10891" spans="1:10" x14ac:dyDescent="0.35">
      <c r="A10891" s="5" t="s">
        <v>10</v>
      </c>
      <c r="B10891" s="6">
        <v>163211</v>
      </c>
      <c r="C10891" s="6" t="s">
        <v>294</v>
      </c>
      <c r="D10891" s="6" t="s">
        <v>4244</v>
      </c>
      <c r="E10891" s="6">
        <v>41298</v>
      </c>
      <c r="F10891" s="6" t="s">
        <v>13</v>
      </c>
      <c r="G10891" s="6" t="s">
        <v>20446</v>
      </c>
      <c r="H10891" s="6" t="s">
        <v>20447</v>
      </c>
      <c r="I10891" s="7">
        <v>2.1953339999999999</v>
      </c>
      <c r="J10891" s="8">
        <v>-75.631535</v>
      </c>
    </row>
    <row r="10892" spans="1:10" x14ac:dyDescent="0.35">
      <c r="A10892" s="5" t="s">
        <v>10</v>
      </c>
      <c r="B10892" s="6">
        <v>233062</v>
      </c>
      <c r="C10892" s="6" t="s">
        <v>11</v>
      </c>
      <c r="D10892" s="6" t="s">
        <v>334</v>
      </c>
      <c r="E10892" s="6">
        <v>25754</v>
      </c>
      <c r="F10892" s="6" t="s">
        <v>18</v>
      </c>
      <c r="G10892" s="6" t="s">
        <v>20780</v>
      </c>
      <c r="H10892" s="6" t="s">
        <v>20781</v>
      </c>
      <c r="I10892" s="7">
        <v>4.5780700000000003</v>
      </c>
      <c r="J10892" s="8">
        <v>-74.215220000000002</v>
      </c>
    </row>
    <row r="10893" spans="1:10" x14ac:dyDescent="0.35">
      <c r="A10893" s="5" t="s">
        <v>10</v>
      </c>
      <c r="B10893" s="6">
        <v>236426</v>
      </c>
      <c r="C10893" s="6" t="s">
        <v>457</v>
      </c>
      <c r="D10893" s="6" t="s">
        <v>12087</v>
      </c>
      <c r="E10893" s="6">
        <v>52381</v>
      </c>
      <c r="F10893" s="6" t="s">
        <v>18</v>
      </c>
      <c r="G10893" s="6" t="s">
        <v>12088</v>
      </c>
      <c r="H10893" s="6" t="s">
        <v>20782</v>
      </c>
      <c r="I10893" s="7">
        <v>1.298637</v>
      </c>
      <c r="J10893" s="8">
        <v>-77.404419000000004</v>
      </c>
    </row>
    <row r="10894" spans="1:10" x14ac:dyDescent="0.35">
      <c r="A10894" s="5" t="s">
        <v>10</v>
      </c>
      <c r="B10894" s="6">
        <v>238360</v>
      </c>
      <c r="C10894" s="6" t="s">
        <v>278</v>
      </c>
      <c r="D10894" s="6" t="s">
        <v>279</v>
      </c>
      <c r="E10894" s="6">
        <v>50001</v>
      </c>
      <c r="F10894" s="6" t="s">
        <v>18</v>
      </c>
      <c r="G10894" s="6" t="s">
        <v>20783</v>
      </c>
      <c r="H10894" s="6" t="s">
        <v>20784</v>
      </c>
      <c r="I10894" s="7">
        <v>4.1491688</v>
      </c>
      <c r="J10894" s="8">
        <v>-73.628547499999996</v>
      </c>
    </row>
    <row r="10895" spans="1:10" x14ac:dyDescent="0.35">
      <c r="A10895" s="5" t="s">
        <v>10</v>
      </c>
      <c r="B10895" s="6">
        <v>245631</v>
      </c>
      <c r="C10895" s="6" t="s">
        <v>68</v>
      </c>
      <c r="D10895" s="6" t="s">
        <v>69</v>
      </c>
      <c r="E10895" s="6">
        <v>11001</v>
      </c>
      <c r="F10895" s="6" t="s">
        <v>18</v>
      </c>
      <c r="G10895" s="6" t="s">
        <v>20785</v>
      </c>
      <c r="H10895" s="6" t="s">
        <v>20786</v>
      </c>
      <c r="I10895" s="7">
        <v>4.7194175999999999</v>
      </c>
      <c r="J10895" s="8">
        <v>-74.092826500000001</v>
      </c>
    </row>
    <row r="10896" spans="1:10" x14ac:dyDescent="0.35">
      <c r="A10896" s="5" t="s">
        <v>10</v>
      </c>
      <c r="B10896" s="6">
        <v>238711</v>
      </c>
      <c r="C10896" s="6" t="s">
        <v>68</v>
      </c>
      <c r="D10896" s="6" t="s">
        <v>69</v>
      </c>
      <c r="E10896" s="6">
        <v>11001</v>
      </c>
      <c r="F10896" s="6" t="s">
        <v>2161</v>
      </c>
      <c r="G10896" s="6" t="s">
        <v>20787</v>
      </c>
      <c r="H10896" s="6" t="s">
        <v>20788</v>
      </c>
      <c r="I10896" s="7">
        <v>4.5844319000000002</v>
      </c>
      <c r="J10896" s="8">
        <v>-74.138167499999994</v>
      </c>
    </row>
    <row r="10897" spans="1:10" x14ac:dyDescent="0.35">
      <c r="A10897" s="5" t="s">
        <v>10</v>
      </c>
      <c r="B10897" s="6">
        <v>237771</v>
      </c>
      <c r="C10897" s="6" t="s">
        <v>278</v>
      </c>
      <c r="D10897" s="6" t="s">
        <v>279</v>
      </c>
      <c r="E10897" s="6">
        <v>50001</v>
      </c>
      <c r="F10897" s="6" t="s">
        <v>18</v>
      </c>
      <c r="G10897" s="6" t="s">
        <v>20789</v>
      </c>
      <c r="H10897" s="6" t="s">
        <v>20790</v>
      </c>
      <c r="I10897" s="7">
        <v>4.1041949999999998</v>
      </c>
      <c r="J10897" s="8">
        <v>-73.652370700000006</v>
      </c>
    </row>
    <row r="10898" spans="1:10" x14ac:dyDescent="0.35">
      <c r="A10898" s="5" t="s">
        <v>10</v>
      </c>
      <c r="B10898" s="6">
        <v>223356</v>
      </c>
      <c r="C10898" s="6" t="s">
        <v>3819</v>
      </c>
      <c r="D10898" s="6" t="s">
        <v>5557</v>
      </c>
      <c r="E10898" s="6">
        <v>86568</v>
      </c>
      <c r="F10898" s="6" t="s">
        <v>18</v>
      </c>
      <c r="G10898" s="6" t="s">
        <v>20791</v>
      </c>
      <c r="H10898" s="6" t="s">
        <v>20792</v>
      </c>
      <c r="I10898" s="7">
        <v>10.982745400000001</v>
      </c>
      <c r="J10898" s="8">
        <v>-74.955875499999905</v>
      </c>
    </row>
    <row r="10899" spans="1:10" x14ac:dyDescent="0.35">
      <c r="A10899" s="5" t="s">
        <v>10</v>
      </c>
      <c r="B10899" s="6">
        <v>201078</v>
      </c>
      <c r="C10899" s="6" t="s">
        <v>11</v>
      </c>
      <c r="D10899" s="6" t="s">
        <v>857</v>
      </c>
      <c r="E10899" s="6">
        <v>25758</v>
      </c>
      <c r="F10899" s="6" t="s">
        <v>18</v>
      </c>
      <c r="G10899" s="6" t="s">
        <v>6505</v>
      </c>
      <c r="H10899" s="6" t="s">
        <v>6506</v>
      </c>
      <c r="I10899" s="7">
        <v>4.9083198000000001</v>
      </c>
      <c r="J10899" s="8">
        <v>-73.940648699999997</v>
      </c>
    </row>
    <row r="10900" spans="1:10" x14ac:dyDescent="0.35">
      <c r="A10900" s="5" t="s">
        <v>10</v>
      </c>
      <c r="B10900" s="6">
        <v>221695</v>
      </c>
      <c r="C10900" s="6" t="s">
        <v>11</v>
      </c>
      <c r="D10900" s="6" t="s">
        <v>334</v>
      </c>
      <c r="E10900" s="6">
        <v>25754</v>
      </c>
      <c r="F10900" s="6" t="s">
        <v>18</v>
      </c>
      <c r="G10900" s="6" t="s">
        <v>20793</v>
      </c>
      <c r="H10900" s="6" t="s">
        <v>20794</v>
      </c>
      <c r="I10900" s="7">
        <v>4.5797473000000002</v>
      </c>
      <c r="J10900" s="8">
        <v>-74.230808199999998</v>
      </c>
    </row>
    <row r="10901" spans="1:10" x14ac:dyDescent="0.35">
      <c r="A10901" s="5" t="s">
        <v>10</v>
      </c>
      <c r="B10901" s="6">
        <v>244578</v>
      </c>
      <c r="C10901" s="6" t="s">
        <v>11</v>
      </c>
      <c r="D10901" s="6" t="s">
        <v>7045</v>
      </c>
      <c r="E10901" s="6">
        <v>25260</v>
      </c>
      <c r="F10901" s="6" t="s">
        <v>18</v>
      </c>
      <c r="G10901" s="6" t="s">
        <v>20795</v>
      </c>
      <c r="H10901" s="6" t="s">
        <v>20796</v>
      </c>
      <c r="I10901" s="7">
        <v>4.8522499999999997</v>
      </c>
      <c r="J10901" s="8">
        <v>-74.264824000000004</v>
      </c>
    </row>
    <row r="10902" spans="1:10" x14ac:dyDescent="0.35">
      <c r="A10902" s="5" t="s">
        <v>10</v>
      </c>
      <c r="B10902" s="6">
        <v>172939</v>
      </c>
      <c r="C10902" s="6" t="s">
        <v>28</v>
      </c>
      <c r="D10902" s="6" t="s">
        <v>29</v>
      </c>
      <c r="E10902" s="6">
        <v>54001</v>
      </c>
      <c r="F10902" s="6" t="s">
        <v>18</v>
      </c>
      <c r="G10902" s="6" t="s">
        <v>20797</v>
      </c>
      <c r="H10902" s="6" t="s">
        <v>20798</v>
      </c>
      <c r="I10902" s="7">
        <v>7.9074374999999897</v>
      </c>
      <c r="J10902" s="8">
        <v>-72.518019899999999</v>
      </c>
    </row>
    <row r="10903" spans="1:10" x14ac:dyDescent="0.35">
      <c r="A10903" s="5" t="s">
        <v>10</v>
      </c>
      <c r="B10903" s="6">
        <v>187462</v>
      </c>
      <c r="C10903" s="6" t="s">
        <v>117</v>
      </c>
      <c r="D10903" s="6" t="s">
        <v>1334</v>
      </c>
      <c r="E10903" s="6">
        <v>76001</v>
      </c>
      <c r="F10903" s="6" t="s">
        <v>18</v>
      </c>
      <c r="G10903" s="6" t="s">
        <v>20799</v>
      </c>
      <c r="H10903" s="6" t="s">
        <v>20800</v>
      </c>
      <c r="I10903" s="7">
        <v>3.4502993000000002</v>
      </c>
      <c r="J10903" s="8">
        <v>-76.527258799999998</v>
      </c>
    </row>
    <row r="10904" spans="1:10" x14ac:dyDescent="0.35">
      <c r="A10904" s="5" t="s">
        <v>10</v>
      </c>
      <c r="B10904" s="6">
        <v>202621</v>
      </c>
      <c r="C10904" s="6" t="s">
        <v>117</v>
      </c>
      <c r="D10904" s="6" t="s">
        <v>1334</v>
      </c>
      <c r="E10904" s="6">
        <v>76001</v>
      </c>
      <c r="F10904" s="6" t="s">
        <v>18</v>
      </c>
      <c r="G10904" s="6" t="s">
        <v>7384</v>
      </c>
      <c r="H10904" s="6" t="s">
        <v>7385</v>
      </c>
      <c r="I10904" s="7">
        <v>3.4633809000000002</v>
      </c>
      <c r="J10904" s="8">
        <v>-76.482346300000003</v>
      </c>
    </row>
    <row r="10905" spans="1:10" x14ac:dyDescent="0.35">
      <c r="A10905" s="5" t="s">
        <v>10</v>
      </c>
      <c r="B10905" s="6">
        <v>203498</v>
      </c>
      <c r="C10905" s="6" t="s">
        <v>551</v>
      </c>
      <c r="D10905" s="6" t="s">
        <v>5178</v>
      </c>
      <c r="E10905" s="6">
        <v>20045</v>
      </c>
      <c r="F10905" s="6" t="s">
        <v>18</v>
      </c>
      <c r="G10905" s="6" t="s">
        <v>7111</v>
      </c>
      <c r="H10905" s="6" t="s">
        <v>7112</v>
      </c>
      <c r="I10905" s="7">
        <v>9.70345429999999</v>
      </c>
      <c r="J10905" s="8">
        <v>-73.278275499999907</v>
      </c>
    </row>
    <row r="10906" spans="1:10" x14ac:dyDescent="0.35">
      <c r="A10906" s="5" t="s">
        <v>10</v>
      </c>
      <c r="B10906" s="6">
        <v>227981</v>
      </c>
      <c r="C10906" s="6" t="s">
        <v>278</v>
      </c>
      <c r="D10906" s="6" t="s">
        <v>279</v>
      </c>
      <c r="E10906" s="6">
        <v>50001</v>
      </c>
      <c r="F10906" s="6" t="s">
        <v>18</v>
      </c>
      <c r="G10906" s="6" t="s">
        <v>20801</v>
      </c>
      <c r="H10906" s="6" t="s">
        <v>20802</v>
      </c>
      <c r="I10906" s="7">
        <v>4.0833193999999997</v>
      </c>
      <c r="J10906" s="8">
        <v>-73.669958100000002</v>
      </c>
    </row>
    <row r="10907" spans="1:10" x14ac:dyDescent="0.35">
      <c r="A10907" s="5" t="s">
        <v>10</v>
      </c>
      <c r="B10907" s="6">
        <v>239452</v>
      </c>
      <c r="C10907" s="6" t="s">
        <v>278</v>
      </c>
      <c r="D10907" s="6" t="s">
        <v>279</v>
      </c>
      <c r="E10907" s="6">
        <v>50001</v>
      </c>
      <c r="F10907" s="6" t="s">
        <v>18</v>
      </c>
      <c r="G10907" s="6" t="s">
        <v>20803</v>
      </c>
      <c r="H10907" s="6" t="s">
        <v>20804</v>
      </c>
      <c r="I10907" s="7">
        <v>4.1232541999999999</v>
      </c>
      <c r="J10907" s="8">
        <v>-73.633307500000001</v>
      </c>
    </row>
    <row r="10908" spans="1:10" x14ac:dyDescent="0.35">
      <c r="A10908" s="5" t="s">
        <v>10</v>
      </c>
      <c r="B10908" s="6">
        <v>229384</v>
      </c>
      <c r="C10908" s="6" t="s">
        <v>11</v>
      </c>
      <c r="D10908" s="6" t="s">
        <v>334</v>
      </c>
      <c r="E10908" s="6">
        <v>25754</v>
      </c>
      <c r="F10908" s="6" t="s">
        <v>18</v>
      </c>
      <c r="G10908" s="6" t="s">
        <v>5909</v>
      </c>
      <c r="H10908" s="6" t="s">
        <v>5910</v>
      </c>
      <c r="I10908" s="7">
        <v>4.6053873000000003</v>
      </c>
      <c r="J10908" s="8">
        <v>-74.221612199999996</v>
      </c>
    </row>
    <row r="10909" spans="1:10" x14ac:dyDescent="0.35">
      <c r="A10909" s="5" t="s">
        <v>10</v>
      </c>
      <c r="B10909" s="6">
        <v>235342</v>
      </c>
      <c r="C10909" s="6" t="s">
        <v>68</v>
      </c>
      <c r="D10909" s="6" t="s">
        <v>69</v>
      </c>
      <c r="E10909" s="6">
        <v>11001</v>
      </c>
      <c r="F10909" s="6" t="s">
        <v>18</v>
      </c>
      <c r="G10909" s="6" t="s">
        <v>20805</v>
      </c>
      <c r="H10909" s="6" t="s">
        <v>20806</v>
      </c>
      <c r="I10909" s="7">
        <v>4.5941581999999999</v>
      </c>
      <c r="J10909" s="8">
        <v>-74.0730006</v>
      </c>
    </row>
    <row r="10910" spans="1:10" x14ac:dyDescent="0.35">
      <c r="A10910" s="5" t="s">
        <v>10</v>
      </c>
      <c r="B10910" s="6">
        <v>220237</v>
      </c>
      <c r="C10910" s="6" t="s">
        <v>117</v>
      </c>
      <c r="D10910" s="6" t="s">
        <v>1334</v>
      </c>
      <c r="E10910" s="6">
        <v>76001</v>
      </c>
      <c r="F10910" s="6" t="s">
        <v>18</v>
      </c>
      <c r="G10910" s="6" t="s">
        <v>4836</v>
      </c>
      <c r="H10910" s="6" t="s">
        <v>4837</v>
      </c>
      <c r="I10910" s="7">
        <v>7.8890970999999999</v>
      </c>
      <c r="J10910" s="8">
        <v>-72.496689599999996</v>
      </c>
    </row>
    <row r="10911" spans="1:10" x14ac:dyDescent="0.35">
      <c r="A10911" s="5" t="s">
        <v>10</v>
      </c>
      <c r="B10911" s="6">
        <v>237064</v>
      </c>
      <c r="C10911" s="6" t="s">
        <v>294</v>
      </c>
      <c r="D10911" s="6" t="s">
        <v>3777</v>
      </c>
      <c r="E10911" s="6">
        <v>41132</v>
      </c>
      <c r="F10911" s="6" t="s">
        <v>18</v>
      </c>
      <c r="G10911" s="6" t="s">
        <v>20807</v>
      </c>
      <c r="H10911" s="6" t="s">
        <v>20808</v>
      </c>
      <c r="I10911" s="7">
        <v>2.6851598999999999</v>
      </c>
      <c r="J10911" s="8">
        <v>-75.325031100000004</v>
      </c>
    </row>
    <row r="10912" spans="1:10" x14ac:dyDescent="0.35">
      <c r="A10912" s="5" t="s">
        <v>10</v>
      </c>
      <c r="B10912" s="6">
        <v>218771</v>
      </c>
      <c r="C10912" s="6" t="s">
        <v>11</v>
      </c>
      <c r="D10912" s="6" t="s">
        <v>513</v>
      </c>
      <c r="E10912" s="6">
        <v>25286</v>
      </c>
      <c r="F10912" s="6" t="s">
        <v>18</v>
      </c>
      <c r="G10912" s="6" t="s">
        <v>20809</v>
      </c>
      <c r="H10912" s="6" t="s">
        <v>20810</v>
      </c>
      <c r="I10912" s="7">
        <v>4.7172957999999996</v>
      </c>
      <c r="J10912" s="8">
        <v>-74.213039800000004</v>
      </c>
    </row>
    <row r="10913" spans="1:10" x14ac:dyDescent="0.35">
      <c r="A10913" s="5" t="s">
        <v>10</v>
      </c>
      <c r="B10913" s="6">
        <v>228576</v>
      </c>
      <c r="C10913" s="6" t="s">
        <v>551</v>
      </c>
      <c r="D10913" s="6" t="s">
        <v>3892</v>
      </c>
      <c r="E10913" s="6">
        <v>20550</v>
      </c>
      <c r="F10913" s="6" t="s">
        <v>18</v>
      </c>
      <c r="G10913" s="6" t="s">
        <v>20811</v>
      </c>
      <c r="H10913" s="6" t="s">
        <v>20812</v>
      </c>
      <c r="I10913" s="7">
        <v>8.6876055000000001</v>
      </c>
      <c r="J10913" s="8">
        <v>-73.666264200000001</v>
      </c>
    </row>
    <row r="10914" spans="1:10" x14ac:dyDescent="0.35">
      <c r="A10914" s="5" t="s">
        <v>10</v>
      </c>
      <c r="B10914" s="6">
        <v>243287</v>
      </c>
      <c r="C10914" s="6" t="s">
        <v>551</v>
      </c>
      <c r="D10914" s="6" t="s">
        <v>3868</v>
      </c>
      <c r="E10914" s="6">
        <v>20001</v>
      </c>
      <c r="F10914" s="6" t="s">
        <v>18</v>
      </c>
      <c r="G10914" s="6" t="s">
        <v>20813</v>
      </c>
      <c r="H10914" s="6" t="s">
        <v>20814</v>
      </c>
      <c r="I10914" s="7">
        <v>10.4765847</v>
      </c>
      <c r="J10914" s="8">
        <v>-73.250037300000002</v>
      </c>
    </row>
    <row r="10915" spans="1:10" x14ac:dyDescent="0.35">
      <c r="A10915" s="5" t="s">
        <v>10</v>
      </c>
      <c r="B10915" s="6">
        <v>213649</v>
      </c>
      <c r="C10915" s="6" t="s">
        <v>278</v>
      </c>
      <c r="D10915" s="6" t="s">
        <v>2421</v>
      </c>
      <c r="E10915" s="6">
        <v>50573</v>
      </c>
      <c r="F10915" s="6" t="s">
        <v>18</v>
      </c>
      <c r="G10915" s="6" t="s">
        <v>20815</v>
      </c>
      <c r="H10915" s="6" t="s">
        <v>20816</v>
      </c>
      <c r="I10915" s="7">
        <v>4.0913978000000002</v>
      </c>
      <c r="J10915" s="8">
        <v>-72.967078799999996</v>
      </c>
    </row>
    <row r="10916" spans="1:10" x14ac:dyDescent="0.35">
      <c r="A10916" s="5" t="s">
        <v>10</v>
      </c>
      <c r="B10916" s="6">
        <v>240157</v>
      </c>
      <c r="C10916" s="6" t="s">
        <v>2130</v>
      </c>
      <c r="D10916" s="6" t="s">
        <v>5723</v>
      </c>
      <c r="E10916" s="6">
        <v>85250</v>
      </c>
      <c r="F10916" s="6" t="s">
        <v>18</v>
      </c>
      <c r="G10916" s="6" t="s">
        <v>20817</v>
      </c>
      <c r="H10916" s="6" t="s">
        <v>20818</v>
      </c>
      <c r="I10916" s="7">
        <v>5.8825269999999996</v>
      </c>
      <c r="J10916" s="8">
        <v>-71.893934099999996</v>
      </c>
    </row>
    <row r="10917" spans="1:10" x14ac:dyDescent="0.35">
      <c r="A10917" s="5" t="s">
        <v>10</v>
      </c>
      <c r="B10917" s="6">
        <v>221435</v>
      </c>
      <c r="C10917" s="6" t="s">
        <v>68</v>
      </c>
      <c r="D10917" s="6" t="s">
        <v>69</v>
      </c>
      <c r="E10917" s="6">
        <v>11001</v>
      </c>
      <c r="F10917" s="6" t="s">
        <v>18</v>
      </c>
      <c r="G10917" s="6" t="s">
        <v>20819</v>
      </c>
      <c r="H10917" s="6" t="s">
        <v>20820</v>
      </c>
      <c r="I10917" s="7">
        <v>4.5878613000000001</v>
      </c>
      <c r="J10917" s="8">
        <v>-74.077585200000001</v>
      </c>
    </row>
    <row r="10918" spans="1:10" x14ac:dyDescent="0.35">
      <c r="A10918" s="5" t="s">
        <v>10</v>
      </c>
      <c r="B10918" s="6">
        <v>207863</v>
      </c>
      <c r="C10918" s="6" t="s">
        <v>2821</v>
      </c>
      <c r="D10918" s="6" t="s">
        <v>1524</v>
      </c>
      <c r="E10918" s="6">
        <v>47318</v>
      </c>
      <c r="F10918" s="6" t="s">
        <v>18</v>
      </c>
      <c r="G10918" s="6" t="s">
        <v>20821</v>
      </c>
      <c r="H10918" s="6" t="s">
        <v>20822</v>
      </c>
      <c r="I10918" s="7">
        <v>3.8804750000000001</v>
      </c>
      <c r="J10918" s="8">
        <v>-73.7698769</v>
      </c>
    </row>
    <row r="10919" spans="1:10" x14ac:dyDescent="0.35">
      <c r="A10919" s="5" t="s">
        <v>10</v>
      </c>
      <c r="B10919" s="6">
        <v>188942</v>
      </c>
      <c r="C10919" s="6" t="s">
        <v>294</v>
      </c>
      <c r="D10919" s="6" t="s">
        <v>4634</v>
      </c>
      <c r="E10919" s="6">
        <v>41020</v>
      </c>
      <c r="F10919" s="6" t="s">
        <v>18</v>
      </c>
      <c r="G10919" s="6" t="s">
        <v>20221</v>
      </c>
      <c r="H10919" s="6" t="s">
        <v>20222</v>
      </c>
      <c r="I10919" s="7">
        <v>2.5242035999999999</v>
      </c>
      <c r="J10919" s="8">
        <v>-75.315812899999997</v>
      </c>
    </row>
    <row r="10920" spans="1:10" x14ac:dyDescent="0.35">
      <c r="A10920" s="5" t="s">
        <v>10</v>
      </c>
      <c r="B10920" s="6">
        <v>243464</v>
      </c>
      <c r="C10920" s="6" t="s">
        <v>3819</v>
      </c>
      <c r="D10920" s="6" t="s">
        <v>14622</v>
      </c>
      <c r="E10920" s="6">
        <v>86865</v>
      </c>
      <c r="F10920" s="6" t="s">
        <v>18</v>
      </c>
      <c r="G10920" s="6" t="s">
        <v>8058</v>
      </c>
      <c r="H10920" s="6" t="s">
        <v>20823</v>
      </c>
      <c r="I10920" s="7">
        <v>0.42338500000000001</v>
      </c>
      <c r="J10920" s="8">
        <v>-76.904996999999995</v>
      </c>
    </row>
    <row r="10921" spans="1:10" x14ac:dyDescent="0.35">
      <c r="A10921" s="5" t="s">
        <v>10</v>
      </c>
      <c r="B10921" s="6">
        <v>232698</v>
      </c>
      <c r="C10921" s="6" t="s">
        <v>11</v>
      </c>
      <c r="D10921" s="6" t="s">
        <v>857</v>
      </c>
      <c r="E10921" s="6">
        <v>25758</v>
      </c>
      <c r="F10921" s="6" t="s">
        <v>18</v>
      </c>
      <c r="G10921" s="6" t="s">
        <v>20824</v>
      </c>
      <c r="H10921" s="6" t="s">
        <v>20825</v>
      </c>
      <c r="I10921" s="7">
        <v>4.91066</v>
      </c>
      <c r="J10921" s="8">
        <v>-73.934740000000005</v>
      </c>
    </row>
    <row r="10922" spans="1:10" x14ac:dyDescent="0.35">
      <c r="A10922" s="5" t="s">
        <v>10</v>
      </c>
      <c r="B10922" s="6">
        <v>184918</v>
      </c>
      <c r="C10922" s="6" t="s">
        <v>11</v>
      </c>
      <c r="D10922" s="6" t="s">
        <v>12</v>
      </c>
      <c r="E10922" s="6">
        <v>25899</v>
      </c>
      <c r="F10922" s="6" t="s">
        <v>18</v>
      </c>
      <c r="G10922" s="6" t="s">
        <v>4436</v>
      </c>
      <c r="H10922" s="6" t="s">
        <v>4437</v>
      </c>
      <c r="I10922" s="7">
        <v>5.0292433999999897</v>
      </c>
      <c r="J10922" s="8">
        <v>-73.980929799999998</v>
      </c>
    </row>
    <row r="10923" spans="1:10" x14ac:dyDescent="0.35">
      <c r="A10923" s="5" t="s">
        <v>10</v>
      </c>
      <c r="B10923" s="6">
        <v>245007</v>
      </c>
      <c r="C10923" s="6" t="s">
        <v>11</v>
      </c>
      <c r="D10923" s="6" t="s">
        <v>334</v>
      </c>
      <c r="E10923" s="6">
        <v>25754</v>
      </c>
      <c r="F10923" s="6" t="s">
        <v>18</v>
      </c>
      <c r="G10923" s="6" t="s">
        <v>20826</v>
      </c>
      <c r="H10923" s="6" t="s">
        <v>20827</v>
      </c>
      <c r="I10923" s="7">
        <v>4.5768044000000003</v>
      </c>
      <c r="J10923" s="8">
        <v>-74.195931900000005</v>
      </c>
    </row>
    <row r="10924" spans="1:10" x14ac:dyDescent="0.35">
      <c r="A10924" s="5" t="s">
        <v>10</v>
      </c>
      <c r="B10924" s="6">
        <v>229380</v>
      </c>
      <c r="C10924" s="6" t="s">
        <v>11</v>
      </c>
      <c r="D10924" s="6" t="s">
        <v>334</v>
      </c>
      <c r="E10924" s="6">
        <v>25754</v>
      </c>
      <c r="F10924" s="6" t="s">
        <v>18</v>
      </c>
      <c r="G10924" s="6" t="s">
        <v>6480</v>
      </c>
      <c r="H10924" s="6" t="s">
        <v>6481</v>
      </c>
      <c r="I10924" s="7">
        <v>4.5808955999999998</v>
      </c>
      <c r="J10924" s="8">
        <v>-74.211071599999997</v>
      </c>
    </row>
    <row r="10925" spans="1:10" x14ac:dyDescent="0.35">
      <c r="A10925" s="5" t="s">
        <v>10</v>
      </c>
      <c r="B10925" s="6">
        <v>209868</v>
      </c>
      <c r="C10925" s="6" t="s">
        <v>759</v>
      </c>
      <c r="D10925" s="6" t="s">
        <v>760</v>
      </c>
      <c r="E10925" s="6">
        <v>99773</v>
      </c>
      <c r="F10925" s="6" t="s">
        <v>18</v>
      </c>
      <c r="G10925" s="6" t="s">
        <v>20828</v>
      </c>
      <c r="H10925" s="6" t="s">
        <v>20829</v>
      </c>
      <c r="I10925" s="7">
        <v>4.444922</v>
      </c>
      <c r="J10925" s="8">
        <v>-69.798078699999905</v>
      </c>
    </row>
    <row r="10926" spans="1:10" x14ac:dyDescent="0.35">
      <c r="A10926" s="5" t="s">
        <v>10</v>
      </c>
      <c r="B10926" s="6">
        <v>215482</v>
      </c>
      <c r="C10926" s="6" t="s">
        <v>294</v>
      </c>
      <c r="D10926" s="6" t="s">
        <v>5054</v>
      </c>
      <c r="E10926" s="6">
        <v>41615</v>
      </c>
      <c r="F10926" s="6" t="s">
        <v>18</v>
      </c>
      <c r="G10926" s="6" t="s">
        <v>20830</v>
      </c>
      <c r="H10926" s="6" t="s">
        <v>20831</v>
      </c>
      <c r="I10926" s="7">
        <v>2.8100501000000002</v>
      </c>
      <c r="J10926" s="8">
        <v>-75.226773299999905</v>
      </c>
    </row>
    <row r="10927" spans="1:10" x14ac:dyDescent="0.35">
      <c r="A10927" s="5" t="s">
        <v>10</v>
      </c>
      <c r="B10927" s="6">
        <v>214089</v>
      </c>
      <c r="C10927" s="6" t="s">
        <v>11</v>
      </c>
      <c r="D10927" s="6" t="s">
        <v>101</v>
      </c>
      <c r="E10927" s="6">
        <v>25473</v>
      </c>
      <c r="F10927" s="6" t="s">
        <v>18</v>
      </c>
      <c r="G10927" s="6" t="s">
        <v>20832</v>
      </c>
      <c r="H10927" s="6" t="s">
        <v>20833</v>
      </c>
      <c r="I10927" s="7">
        <v>4.7144684999999997</v>
      </c>
      <c r="J10927" s="8">
        <v>-74.226934299999996</v>
      </c>
    </row>
    <row r="10928" spans="1:10" x14ac:dyDescent="0.35">
      <c r="A10928" s="5" t="s">
        <v>10</v>
      </c>
      <c r="B10928" s="6">
        <v>230876</v>
      </c>
      <c r="C10928" s="6" t="s">
        <v>466</v>
      </c>
      <c r="D10928" s="6" t="s">
        <v>1576</v>
      </c>
      <c r="E10928" s="6">
        <v>81065</v>
      </c>
      <c r="F10928" s="6" t="s">
        <v>18</v>
      </c>
      <c r="G10928" s="6" t="s">
        <v>4716</v>
      </c>
      <c r="H10928" s="6" t="s">
        <v>4717</v>
      </c>
      <c r="I10928" s="7">
        <v>7.0293340000000004</v>
      </c>
      <c r="J10928" s="8">
        <v>-71.4294759</v>
      </c>
    </row>
    <row r="10929" spans="1:10" x14ac:dyDescent="0.35">
      <c r="A10929" s="5" t="s">
        <v>10</v>
      </c>
      <c r="B10929" s="6">
        <v>188817</v>
      </c>
      <c r="C10929" s="6" t="s">
        <v>11</v>
      </c>
      <c r="D10929" s="6" t="s">
        <v>337</v>
      </c>
      <c r="E10929" s="6">
        <v>25290</v>
      </c>
      <c r="F10929" s="6" t="s">
        <v>18</v>
      </c>
      <c r="G10929" s="6" t="s">
        <v>20834</v>
      </c>
      <c r="H10929" s="6" t="s">
        <v>20835</v>
      </c>
      <c r="I10929" s="7">
        <v>4.3392286000000002</v>
      </c>
      <c r="J10929" s="8">
        <v>-74.361340299999995</v>
      </c>
    </row>
    <row r="10930" spans="1:10" x14ac:dyDescent="0.35">
      <c r="A10930" s="5" t="s">
        <v>10</v>
      </c>
      <c r="B10930" s="6">
        <v>238311</v>
      </c>
      <c r="C10930" s="6" t="s">
        <v>11</v>
      </c>
      <c r="D10930" s="6" t="s">
        <v>221</v>
      </c>
      <c r="E10930" s="6">
        <v>25430</v>
      </c>
      <c r="F10930" s="6" t="s">
        <v>18</v>
      </c>
      <c r="G10930" s="6" t="s">
        <v>20836</v>
      </c>
      <c r="H10930" s="6" t="s">
        <v>20837</v>
      </c>
      <c r="I10930" s="7">
        <v>4.7312949</v>
      </c>
      <c r="J10930" s="8">
        <v>-74.277896799999994</v>
      </c>
    </row>
    <row r="10931" spans="1:10" x14ac:dyDescent="0.35">
      <c r="A10931" s="5" t="s">
        <v>10</v>
      </c>
      <c r="B10931" s="6">
        <v>173961</v>
      </c>
      <c r="C10931" s="6" t="s">
        <v>11</v>
      </c>
      <c r="D10931" s="6" t="s">
        <v>337</v>
      </c>
      <c r="E10931" s="6">
        <v>25290</v>
      </c>
      <c r="F10931" s="6" t="s">
        <v>18</v>
      </c>
      <c r="G10931" s="6" t="s">
        <v>5087</v>
      </c>
      <c r="H10931" s="6" t="s">
        <v>5088</v>
      </c>
      <c r="I10931" s="7">
        <v>4.3451519999999997</v>
      </c>
      <c r="J10931" s="8">
        <v>-74.361823000000001</v>
      </c>
    </row>
    <row r="10932" spans="1:10" x14ac:dyDescent="0.35">
      <c r="A10932" s="5" t="s">
        <v>10</v>
      </c>
      <c r="B10932" s="6">
        <v>204158</v>
      </c>
      <c r="C10932" s="6" t="s">
        <v>294</v>
      </c>
      <c r="D10932" s="6" t="s">
        <v>4244</v>
      </c>
      <c r="E10932" s="6">
        <v>41298</v>
      </c>
      <c r="F10932" s="6" t="s">
        <v>18</v>
      </c>
      <c r="G10932" s="6" t="s">
        <v>20838</v>
      </c>
      <c r="H10932" s="6" t="s">
        <v>20839</v>
      </c>
      <c r="I10932" s="7">
        <v>2.1975568000000001</v>
      </c>
      <c r="J10932" s="8">
        <v>-75.634218199999907</v>
      </c>
    </row>
    <row r="10933" spans="1:10" x14ac:dyDescent="0.35">
      <c r="A10933" s="5" t="s">
        <v>10</v>
      </c>
      <c r="B10933" s="6">
        <v>211606</v>
      </c>
      <c r="C10933" s="6" t="s">
        <v>294</v>
      </c>
      <c r="D10933" s="6" t="s">
        <v>703</v>
      </c>
      <c r="E10933" s="6">
        <v>41001</v>
      </c>
      <c r="F10933" s="6" t="s">
        <v>18</v>
      </c>
      <c r="G10933" s="6" t="s">
        <v>113</v>
      </c>
      <c r="H10933" s="6" t="s">
        <v>20840</v>
      </c>
      <c r="I10933" s="7">
        <v>2.9498076000000002</v>
      </c>
      <c r="J10933" s="8">
        <v>-75.285917099999907</v>
      </c>
    </row>
    <row r="10934" spans="1:10" x14ac:dyDescent="0.35">
      <c r="A10934" s="5" t="s">
        <v>10</v>
      </c>
      <c r="B10934" s="6">
        <v>238092</v>
      </c>
      <c r="C10934" s="6" t="s">
        <v>3788</v>
      </c>
      <c r="D10934" s="6" t="s">
        <v>3974</v>
      </c>
      <c r="E10934" s="6">
        <v>18001</v>
      </c>
      <c r="F10934" s="6" t="s">
        <v>18</v>
      </c>
      <c r="G10934" s="6" t="s">
        <v>20841</v>
      </c>
      <c r="H10934" s="6" t="s">
        <v>20842</v>
      </c>
      <c r="I10934" s="7">
        <v>1.6064889</v>
      </c>
      <c r="J10934" s="8">
        <v>-75.605299400000007</v>
      </c>
    </row>
    <row r="10935" spans="1:10" x14ac:dyDescent="0.35">
      <c r="A10935" s="5" t="s">
        <v>10</v>
      </c>
      <c r="B10935" s="6">
        <v>219908</v>
      </c>
      <c r="C10935" s="6" t="s">
        <v>11</v>
      </c>
      <c r="D10935" s="6" t="s">
        <v>407</v>
      </c>
      <c r="E10935" s="6">
        <v>25126</v>
      </c>
      <c r="F10935" s="6" t="s">
        <v>18</v>
      </c>
      <c r="G10935" s="6" t="s">
        <v>20843</v>
      </c>
      <c r="H10935" s="6" t="s">
        <v>20844</v>
      </c>
      <c r="I10935" s="7">
        <v>4.9187216999999999</v>
      </c>
      <c r="J10935" s="8">
        <v>-74.022556999999907</v>
      </c>
    </row>
    <row r="10936" spans="1:10" x14ac:dyDescent="0.35">
      <c r="A10936" s="5" t="s">
        <v>10</v>
      </c>
      <c r="B10936" s="6">
        <v>229959</v>
      </c>
      <c r="C10936" s="6" t="s">
        <v>68</v>
      </c>
      <c r="D10936" s="6" t="s">
        <v>69</v>
      </c>
      <c r="E10936" s="6">
        <v>11001</v>
      </c>
      <c r="F10936" s="6" t="s">
        <v>18</v>
      </c>
      <c r="G10936" s="6" t="s">
        <v>20845</v>
      </c>
      <c r="H10936" s="6" t="s">
        <v>11556</v>
      </c>
      <c r="I10936" s="7">
        <v>4.6394095999999996</v>
      </c>
      <c r="J10936" s="8">
        <v>-74.165803999999994</v>
      </c>
    </row>
    <row r="10937" spans="1:10" x14ac:dyDescent="0.35">
      <c r="A10937" s="5" t="s">
        <v>10</v>
      </c>
      <c r="B10937" s="6">
        <v>177174</v>
      </c>
      <c r="C10937" s="6" t="s">
        <v>2821</v>
      </c>
      <c r="D10937" s="6" t="s">
        <v>20846</v>
      </c>
      <c r="E10937" s="6">
        <v>47555</v>
      </c>
      <c r="F10937" s="6" t="s">
        <v>18</v>
      </c>
      <c r="G10937" s="6" t="s">
        <v>20847</v>
      </c>
      <c r="H10937" s="6" t="s">
        <v>20848</v>
      </c>
      <c r="I10937" s="7">
        <v>9.7913370000000004</v>
      </c>
      <c r="J10937" s="8">
        <v>-74.797524899999999</v>
      </c>
    </row>
    <row r="10938" spans="1:10" x14ac:dyDescent="0.35">
      <c r="A10938" s="5" t="s">
        <v>10</v>
      </c>
      <c r="B10938" s="6">
        <v>221128</v>
      </c>
      <c r="C10938" s="6" t="s">
        <v>278</v>
      </c>
      <c r="D10938" s="6" t="s">
        <v>1331</v>
      </c>
      <c r="E10938" s="6">
        <v>50006</v>
      </c>
      <c r="F10938" s="6" t="s">
        <v>18</v>
      </c>
      <c r="G10938" s="6" t="s">
        <v>20849</v>
      </c>
      <c r="H10938" s="6" t="s">
        <v>20850</v>
      </c>
      <c r="I10938" s="7">
        <v>3.9804936999999998</v>
      </c>
      <c r="J10938" s="8">
        <v>-73.779507699999996</v>
      </c>
    </row>
    <row r="10939" spans="1:10" x14ac:dyDescent="0.35">
      <c r="A10939" s="5" t="s">
        <v>10</v>
      </c>
      <c r="B10939" s="6">
        <v>238243</v>
      </c>
      <c r="C10939" s="6" t="s">
        <v>278</v>
      </c>
      <c r="D10939" s="6" t="s">
        <v>4210</v>
      </c>
      <c r="E10939" s="6">
        <v>50150</v>
      </c>
      <c r="F10939" s="6" t="s">
        <v>18</v>
      </c>
      <c r="G10939" s="6" t="s">
        <v>20851</v>
      </c>
      <c r="H10939" s="6" t="s">
        <v>20852</v>
      </c>
      <c r="I10939" s="7">
        <v>3.8275247000000001</v>
      </c>
      <c r="J10939" s="8">
        <v>-73.689345599999996</v>
      </c>
    </row>
    <row r="10940" spans="1:10" x14ac:dyDescent="0.35">
      <c r="A10940" s="5" t="s">
        <v>10</v>
      </c>
      <c r="B10940" s="6">
        <v>220294</v>
      </c>
      <c r="C10940" s="6" t="s">
        <v>11</v>
      </c>
      <c r="D10940" s="6" t="s">
        <v>4073</v>
      </c>
      <c r="E10940" s="6">
        <v>25740</v>
      </c>
      <c r="F10940" s="6" t="s">
        <v>18</v>
      </c>
      <c r="G10940" s="6" t="s">
        <v>20853</v>
      </c>
      <c r="H10940" s="6" t="s">
        <v>20854</v>
      </c>
      <c r="I10940" s="7">
        <v>4.4898527000000001</v>
      </c>
      <c r="J10940" s="8">
        <v>-74.261422899999999</v>
      </c>
    </row>
    <row r="10941" spans="1:10" x14ac:dyDescent="0.35">
      <c r="A10941" s="5" t="s">
        <v>10</v>
      </c>
      <c r="B10941" s="6">
        <v>218111</v>
      </c>
      <c r="C10941" s="6" t="s">
        <v>68</v>
      </c>
      <c r="D10941" s="6" t="s">
        <v>69</v>
      </c>
      <c r="E10941" s="6">
        <v>11001</v>
      </c>
      <c r="F10941" s="6" t="s">
        <v>18</v>
      </c>
      <c r="G10941" s="6" t="s">
        <v>20855</v>
      </c>
      <c r="H10941" s="6" t="s">
        <v>20856</v>
      </c>
      <c r="I10941" s="7">
        <v>4.6763718000000001</v>
      </c>
      <c r="J10941" s="8">
        <v>-74.145689199999893</v>
      </c>
    </row>
    <row r="10942" spans="1:10" x14ac:dyDescent="0.35">
      <c r="A10942" s="5" t="s">
        <v>10</v>
      </c>
      <c r="B10942" s="6">
        <v>220621</v>
      </c>
      <c r="C10942" s="6" t="s">
        <v>16</v>
      </c>
      <c r="D10942" s="6" t="s">
        <v>78</v>
      </c>
      <c r="E10942" s="6">
        <v>68001</v>
      </c>
      <c r="F10942" s="6" t="s">
        <v>18</v>
      </c>
      <c r="G10942" s="6" t="s">
        <v>20387</v>
      </c>
      <c r="H10942" s="6" t="s">
        <v>20388</v>
      </c>
      <c r="I10942" s="7">
        <v>7.1051045999999998</v>
      </c>
      <c r="J10942" s="8">
        <v>-73.113857099999905</v>
      </c>
    </row>
    <row r="10943" spans="1:10" x14ac:dyDescent="0.35">
      <c r="A10943" s="5" t="s">
        <v>10</v>
      </c>
      <c r="B10943" s="6">
        <v>235483</v>
      </c>
      <c r="C10943" s="6" t="s">
        <v>551</v>
      </c>
      <c r="D10943" s="6" t="s">
        <v>3868</v>
      </c>
      <c r="E10943" s="6">
        <v>20001</v>
      </c>
      <c r="F10943" s="6" t="s">
        <v>18</v>
      </c>
      <c r="G10943" s="6" t="s">
        <v>113</v>
      </c>
      <c r="H10943" s="6" t="s">
        <v>20857</v>
      </c>
      <c r="I10943" s="7">
        <v>10.453158200000001</v>
      </c>
      <c r="J10943" s="8">
        <v>-73.236478500000004</v>
      </c>
    </row>
    <row r="10944" spans="1:10" x14ac:dyDescent="0.35">
      <c r="A10944" s="5" t="s">
        <v>10</v>
      </c>
      <c r="B10944" s="6">
        <v>188817</v>
      </c>
      <c r="C10944" s="6" t="s">
        <v>11</v>
      </c>
      <c r="D10944" s="6" t="s">
        <v>337</v>
      </c>
      <c r="E10944" s="6">
        <v>25290</v>
      </c>
      <c r="F10944" s="6" t="s">
        <v>18</v>
      </c>
      <c r="G10944" s="6" t="s">
        <v>20834</v>
      </c>
      <c r="H10944" s="6" t="s">
        <v>20835</v>
      </c>
      <c r="I10944" s="7">
        <v>4.3392286000000002</v>
      </c>
      <c r="J10944" s="8">
        <v>-74.361340299999995</v>
      </c>
    </row>
    <row r="10945" spans="1:10" x14ac:dyDescent="0.35">
      <c r="A10945" s="5" t="s">
        <v>10</v>
      </c>
      <c r="B10945" s="6">
        <v>246620</v>
      </c>
      <c r="C10945" s="6" t="s">
        <v>11</v>
      </c>
      <c r="D10945" s="6" t="s">
        <v>901</v>
      </c>
      <c r="E10945" s="6">
        <v>25307</v>
      </c>
      <c r="F10945" s="6" t="s">
        <v>18</v>
      </c>
      <c r="G10945" s="6" t="s">
        <v>20858</v>
      </c>
      <c r="H10945" s="6" t="s">
        <v>20859</v>
      </c>
      <c r="I10945" s="7">
        <v>4.2992191999999996</v>
      </c>
      <c r="J10945" s="8">
        <v>-74.802241300000006</v>
      </c>
    </row>
    <row r="10946" spans="1:10" x14ac:dyDescent="0.35">
      <c r="A10946" s="5" t="s">
        <v>10</v>
      </c>
      <c r="B10946" s="6">
        <v>238944</v>
      </c>
      <c r="C10946" s="6" t="s">
        <v>68</v>
      </c>
      <c r="D10946" s="6" t="s">
        <v>69</v>
      </c>
      <c r="E10946" s="6">
        <v>11001</v>
      </c>
      <c r="F10946" s="6" t="s">
        <v>18</v>
      </c>
      <c r="G10946" s="6" t="s">
        <v>20860</v>
      </c>
      <c r="H10946" s="6" t="s">
        <v>20861</v>
      </c>
      <c r="I10946" s="7">
        <v>4.6294823000000003</v>
      </c>
      <c r="J10946" s="8">
        <v>-74.089512499999998</v>
      </c>
    </row>
    <row r="10947" spans="1:10" x14ac:dyDescent="0.35">
      <c r="A10947" s="5" t="s">
        <v>10</v>
      </c>
      <c r="B10947" s="6">
        <v>226625</v>
      </c>
      <c r="C10947" s="6" t="s">
        <v>16</v>
      </c>
      <c r="D10947" s="6" t="s">
        <v>78</v>
      </c>
      <c r="E10947" s="6">
        <v>68001</v>
      </c>
      <c r="F10947" s="6" t="s">
        <v>18</v>
      </c>
      <c r="G10947" s="6" t="s">
        <v>20862</v>
      </c>
      <c r="H10947" s="6" t="s">
        <v>6927</v>
      </c>
      <c r="I10947" s="7">
        <v>7.1050671999999997</v>
      </c>
      <c r="J10947" s="8">
        <v>-73.114744599999995</v>
      </c>
    </row>
    <row r="10948" spans="1:10" x14ac:dyDescent="0.35">
      <c r="A10948" s="5" t="s">
        <v>10</v>
      </c>
      <c r="B10948" s="6">
        <v>133186</v>
      </c>
      <c r="C10948" s="6" t="s">
        <v>16</v>
      </c>
      <c r="D10948" s="6" t="s">
        <v>78</v>
      </c>
      <c r="E10948" s="6">
        <v>68001</v>
      </c>
      <c r="F10948" s="6" t="s">
        <v>18</v>
      </c>
      <c r="G10948" s="6" t="s">
        <v>3794</v>
      </c>
      <c r="H10948" s="6" t="s">
        <v>3795</v>
      </c>
      <c r="I10948" s="7">
        <v>7.1302958999999904</v>
      </c>
      <c r="J10948" s="8">
        <v>-73.121425500000001</v>
      </c>
    </row>
    <row r="10949" spans="1:10" x14ac:dyDescent="0.35">
      <c r="A10949" s="5" t="s">
        <v>10</v>
      </c>
      <c r="B10949" s="6">
        <v>241907</v>
      </c>
      <c r="C10949" s="6" t="s">
        <v>278</v>
      </c>
      <c r="D10949" s="6" t="s">
        <v>7334</v>
      </c>
      <c r="E10949" s="6">
        <v>50711</v>
      </c>
      <c r="F10949" s="6" t="s">
        <v>18</v>
      </c>
      <c r="G10949" s="6" t="s">
        <v>20863</v>
      </c>
      <c r="H10949" s="6" t="s">
        <v>20864</v>
      </c>
      <c r="I10949" s="7">
        <v>3.1249463999999998</v>
      </c>
      <c r="J10949" s="8">
        <v>-73.753358800000001</v>
      </c>
    </row>
    <row r="10950" spans="1:10" x14ac:dyDescent="0.35">
      <c r="A10950" s="5" t="s">
        <v>10</v>
      </c>
      <c r="B10950" s="6">
        <v>163217</v>
      </c>
      <c r="C10950" s="6" t="s">
        <v>294</v>
      </c>
      <c r="D10950" s="6" t="s">
        <v>4244</v>
      </c>
      <c r="E10950" s="6">
        <v>41298</v>
      </c>
      <c r="F10950" s="6" t="s">
        <v>13</v>
      </c>
      <c r="G10950" s="6" t="s">
        <v>20076</v>
      </c>
      <c r="H10950" s="6" t="s">
        <v>20077</v>
      </c>
      <c r="I10950" s="7">
        <v>2.2512349</v>
      </c>
      <c r="J10950" s="8">
        <v>-75.527201699999907</v>
      </c>
    </row>
    <row r="10951" spans="1:10" x14ac:dyDescent="0.35">
      <c r="A10951" s="5" t="s">
        <v>10</v>
      </c>
      <c r="B10951" s="6">
        <v>216264</v>
      </c>
      <c r="C10951" s="6" t="s">
        <v>3788</v>
      </c>
      <c r="D10951" s="6" t="s">
        <v>3974</v>
      </c>
      <c r="E10951" s="6">
        <v>18001</v>
      </c>
      <c r="F10951" s="6" t="s">
        <v>18</v>
      </c>
      <c r="G10951" s="6" t="s">
        <v>20865</v>
      </c>
      <c r="H10951" s="6" t="s">
        <v>20086</v>
      </c>
      <c r="I10951" s="7">
        <v>1.6157163999999999</v>
      </c>
      <c r="J10951" s="8">
        <v>-75.613240300000001</v>
      </c>
    </row>
    <row r="10952" spans="1:10" x14ac:dyDescent="0.35">
      <c r="A10952" s="5" t="s">
        <v>10</v>
      </c>
      <c r="B10952" s="6">
        <v>176086</v>
      </c>
      <c r="C10952" s="6" t="s">
        <v>190</v>
      </c>
      <c r="D10952" s="6" t="s">
        <v>5480</v>
      </c>
      <c r="E10952" s="6">
        <v>5495</v>
      </c>
      <c r="F10952" s="6" t="s">
        <v>18</v>
      </c>
      <c r="G10952" s="6" t="s">
        <v>20866</v>
      </c>
      <c r="H10952" s="6" t="s">
        <v>20867</v>
      </c>
      <c r="I10952" s="7">
        <v>8.0945274999999999</v>
      </c>
      <c r="J10952" s="8">
        <v>-74.775190199999997</v>
      </c>
    </row>
    <row r="10953" spans="1:10" x14ac:dyDescent="0.35">
      <c r="A10953" s="5" t="s">
        <v>10</v>
      </c>
      <c r="B10953" s="6">
        <v>124915</v>
      </c>
      <c r="C10953" s="6" t="s">
        <v>16</v>
      </c>
      <c r="D10953" s="6" t="s">
        <v>78</v>
      </c>
      <c r="E10953" s="6">
        <v>68001</v>
      </c>
      <c r="F10953" s="6" t="s">
        <v>18</v>
      </c>
      <c r="G10953" s="6" t="s">
        <v>5144</v>
      </c>
      <c r="H10953" s="6" t="s">
        <v>5145</v>
      </c>
      <c r="I10953" s="7">
        <v>7.1471</v>
      </c>
      <c r="J10953" s="8">
        <v>-73.133938999999998</v>
      </c>
    </row>
    <row r="10954" spans="1:10" x14ac:dyDescent="0.35">
      <c r="A10954" s="5" t="s">
        <v>10</v>
      </c>
      <c r="B10954" s="6">
        <v>212907</v>
      </c>
      <c r="C10954" s="6" t="s">
        <v>278</v>
      </c>
      <c r="D10954" s="6" t="s">
        <v>1331</v>
      </c>
      <c r="E10954" s="6">
        <v>50006</v>
      </c>
      <c r="F10954" s="6" t="s">
        <v>18</v>
      </c>
      <c r="G10954" s="6" t="s">
        <v>20868</v>
      </c>
      <c r="H10954" s="6" t="s">
        <v>20869</v>
      </c>
      <c r="I10954" s="7">
        <v>3.9853385000000001</v>
      </c>
      <c r="J10954" s="8">
        <v>-73.774765700000003</v>
      </c>
    </row>
    <row r="10955" spans="1:10" x14ac:dyDescent="0.35">
      <c r="A10955" s="5" t="s">
        <v>10</v>
      </c>
      <c r="B10955" s="6">
        <v>231590</v>
      </c>
      <c r="C10955" s="6" t="s">
        <v>278</v>
      </c>
      <c r="D10955" s="6" t="s">
        <v>279</v>
      </c>
      <c r="E10955" s="6">
        <v>50001</v>
      </c>
      <c r="F10955" s="6" t="s">
        <v>18</v>
      </c>
      <c r="G10955" s="6" t="s">
        <v>20870</v>
      </c>
      <c r="H10955" s="6" t="s">
        <v>20871</v>
      </c>
      <c r="I10955" s="7">
        <v>4.1495310999999999</v>
      </c>
      <c r="J10955" s="8">
        <v>-73.616296700000007</v>
      </c>
    </row>
    <row r="10956" spans="1:10" x14ac:dyDescent="0.35">
      <c r="A10956" s="5" t="s">
        <v>10</v>
      </c>
      <c r="B10956" s="6">
        <v>207532</v>
      </c>
      <c r="C10956" s="6" t="s">
        <v>11</v>
      </c>
      <c r="D10956" s="6" t="s">
        <v>337</v>
      </c>
      <c r="E10956" s="6">
        <v>25290</v>
      </c>
      <c r="F10956" s="6" t="s">
        <v>18</v>
      </c>
      <c r="G10956" s="6" t="s">
        <v>20872</v>
      </c>
      <c r="H10956" s="6" t="s">
        <v>20873</v>
      </c>
      <c r="I10956" s="7">
        <v>4.3286879000000003</v>
      </c>
      <c r="J10956" s="8">
        <v>-74.365430699999905</v>
      </c>
    </row>
    <row r="10957" spans="1:10" x14ac:dyDescent="0.35">
      <c r="A10957" s="5" t="s">
        <v>10</v>
      </c>
      <c r="B10957" s="6">
        <v>206611</v>
      </c>
      <c r="C10957" s="6" t="s">
        <v>117</v>
      </c>
      <c r="D10957" s="6" t="s">
        <v>3492</v>
      </c>
      <c r="E10957" s="6">
        <v>76520</v>
      </c>
      <c r="F10957" s="6" t="s">
        <v>18</v>
      </c>
      <c r="G10957" s="6" t="s">
        <v>5215</v>
      </c>
      <c r="H10957" s="6" t="s">
        <v>5216</v>
      </c>
      <c r="I10957" s="7">
        <v>3.4429397000000002</v>
      </c>
      <c r="J10957" s="8">
        <v>-76.523510199999905</v>
      </c>
    </row>
    <row r="10958" spans="1:10" x14ac:dyDescent="0.35">
      <c r="A10958" s="5" t="s">
        <v>10</v>
      </c>
      <c r="B10958" s="6">
        <v>183822</v>
      </c>
      <c r="C10958" s="6" t="s">
        <v>278</v>
      </c>
      <c r="D10958" s="6" t="s">
        <v>1524</v>
      </c>
      <c r="E10958" s="6">
        <v>50318</v>
      </c>
      <c r="F10958" s="6" t="s">
        <v>18</v>
      </c>
      <c r="G10958" s="6" t="s">
        <v>5203</v>
      </c>
      <c r="H10958" s="6" t="s">
        <v>5204</v>
      </c>
      <c r="I10958" s="7">
        <v>3.8804750000000001</v>
      </c>
      <c r="J10958" s="8">
        <v>-73.7698769</v>
      </c>
    </row>
    <row r="10959" spans="1:10" x14ac:dyDescent="0.35">
      <c r="A10959" s="5" t="s">
        <v>10</v>
      </c>
      <c r="B10959" s="6">
        <v>199799</v>
      </c>
      <c r="C10959" s="6" t="s">
        <v>11</v>
      </c>
      <c r="D10959" s="6" t="s">
        <v>101</v>
      </c>
      <c r="E10959" s="6">
        <v>25473</v>
      </c>
      <c r="F10959" s="6" t="s">
        <v>18</v>
      </c>
      <c r="G10959" s="6" t="s">
        <v>20874</v>
      </c>
      <c r="H10959" s="6" t="s">
        <v>20875</v>
      </c>
      <c r="I10959" s="7">
        <v>4.7165745000000001</v>
      </c>
      <c r="J10959" s="8">
        <v>-74.2234962</v>
      </c>
    </row>
    <row r="10960" spans="1:10" x14ac:dyDescent="0.35">
      <c r="A10960" s="5" t="s">
        <v>10</v>
      </c>
      <c r="B10960" s="6">
        <v>124915</v>
      </c>
      <c r="C10960" s="6" t="s">
        <v>16</v>
      </c>
      <c r="D10960" s="6" t="s">
        <v>78</v>
      </c>
      <c r="E10960" s="6">
        <v>68001</v>
      </c>
      <c r="F10960" s="6" t="s">
        <v>18</v>
      </c>
      <c r="G10960" s="6" t="s">
        <v>5144</v>
      </c>
      <c r="H10960" s="6" t="s">
        <v>5145</v>
      </c>
      <c r="I10960" s="7">
        <v>7.1471</v>
      </c>
      <c r="J10960" s="8">
        <v>-73.133938999999998</v>
      </c>
    </row>
    <row r="10961" spans="1:10" x14ac:dyDescent="0.35">
      <c r="A10961" s="5" t="s">
        <v>10</v>
      </c>
      <c r="B10961" s="6">
        <v>239223</v>
      </c>
      <c r="C10961" s="6" t="s">
        <v>278</v>
      </c>
      <c r="D10961" s="6" t="s">
        <v>279</v>
      </c>
      <c r="E10961" s="6">
        <v>50001</v>
      </c>
      <c r="F10961" s="6" t="s">
        <v>18</v>
      </c>
      <c r="G10961" s="6" t="s">
        <v>20876</v>
      </c>
      <c r="H10961" s="6" t="s">
        <v>20877</v>
      </c>
      <c r="I10961" s="7">
        <v>4.1356656000000003</v>
      </c>
      <c r="J10961" s="8">
        <v>-73.631452199999998</v>
      </c>
    </row>
    <row r="10962" spans="1:10" x14ac:dyDescent="0.35">
      <c r="A10962" s="5" t="s">
        <v>10</v>
      </c>
      <c r="B10962" s="6">
        <v>218490</v>
      </c>
      <c r="C10962" s="6" t="s">
        <v>294</v>
      </c>
      <c r="D10962" s="6" t="s">
        <v>543</v>
      </c>
      <c r="E10962" s="6">
        <v>41396</v>
      </c>
      <c r="F10962" s="6" t="s">
        <v>18</v>
      </c>
      <c r="G10962" s="6" t="s">
        <v>20878</v>
      </c>
      <c r="H10962" s="6" t="s">
        <v>20879</v>
      </c>
      <c r="I10962" s="7">
        <v>2.3923016000000001</v>
      </c>
      <c r="J10962" s="8">
        <v>-75.882837300000006</v>
      </c>
    </row>
    <row r="10963" spans="1:10" x14ac:dyDescent="0.35">
      <c r="A10963" s="5" t="s">
        <v>10</v>
      </c>
      <c r="B10963" s="6">
        <v>173738</v>
      </c>
      <c r="C10963" s="6" t="s">
        <v>11</v>
      </c>
      <c r="D10963" s="6" t="s">
        <v>337</v>
      </c>
      <c r="E10963" s="6">
        <v>25290</v>
      </c>
      <c r="F10963" s="6" t="s">
        <v>18</v>
      </c>
      <c r="G10963" s="6" t="s">
        <v>7278</v>
      </c>
      <c r="H10963" s="6" t="s">
        <v>7279</v>
      </c>
      <c r="I10963" s="7">
        <v>4.3225730000000002</v>
      </c>
      <c r="J10963" s="8">
        <v>-74.363151999999999</v>
      </c>
    </row>
    <row r="10964" spans="1:10" x14ac:dyDescent="0.35">
      <c r="A10964" s="5" t="s">
        <v>10</v>
      </c>
      <c r="B10964" s="6">
        <v>245929</v>
      </c>
      <c r="C10964" s="6" t="s">
        <v>11</v>
      </c>
      <c r="D10964" s="6" t="s">
        <v>901</v>
      </c>
      <c r="E10964" s="6">
        <v>25307</v>
      </c>
      <c r="F10964" s="6" t="s">
        <v>18</v>
      </c>
      <c r="G10964" s="6" t="s">
        <v>20880</v>
      </c>
      <c r="H10964" s="6" t="s">
        <v>20881</v>
      </c>
      <c r="I10964" s="7">
        <v>4.2984513</v>
      </c>
      <c r="J10964" s="8">
        <v>-74.805408099999994</v>
      </c>
    </row>
    <row r="10965" spans="1:10" x14ac:dyDescent="0.35">
      <c r="A10965" s="5" t="s">
        <v>10</v>
      </c>
      <c r="B10965" s="6">
        <v>231716</v>
      </c>
      <c r="C10965" s="6" t="s">
        <v>117</v>
      </c>
      <c r="D10965" s="6" t="s">
        <v>3963</v>
      </c>
      <c r="E10965" s="6">
        <v>76377</v>
      </c>
      <c r="F10965" s="6" t="s">
        <v>18</v>
      </c>
      <c r="G10965" s="6" t="s">
        <v>20882</v>
      </c>
      <c r="H10965" s="6" t="s">
        <v>20883</v>
      </c>
      <c r="I10965" s="7">
        <v>3.6486190999999999</v>
      </c>
      <c r="J10965" s="8">
        <v>-76.564982999999998</v>
      </c>
    </row>
    <row r="10966" spans="1:10" x14ac:dyDescent="0.35">
      <c r="A10966" s="5" t="s">
        <v>10</v>
      </c>
      <c r="B10966" s="6">
        <v>185419</v>
      </c>
      <c r="C10966" s="6" t="s">
        <v>302</v>
      </c>
      <c r="D10966" s="6" t="s">
        <v>4041</v>
      </c>
      <c r="E10966" s="6">
        <v>8758</v>
      </c>
      <c r="F10966" s="6" t="s">
        <v>18</v>
      </c>
      <c r="G10966" s="6" t="s">
        <v>20884</v>
      </c>
      <c r="H10966" s="6" t="s">
        <v>20885</v>
      </c>
      <c r="I10966" s="7">
        <v>10.917207599999999</v>
      </c>
      <c r="J10966" s="8">
        <v>-74.797997499999994</v>
      </c>
    </row>
    <row r="10967" spans="1:10" x14ac:dyDescent="0.35">
      <c r="A10967" s="5" t="s">
        <v>10</v>
      </c>
      <c r="B10967" s="6">
        <v>235014</v>
      </c>
      <c r="C10967" s="6" t="s">
        <v>278</v>
      </c>
      <c r="D10967" s="6" t="s">
        <v>279</v>
      </c>
      <c r="E10967" s="6">
        <v>50001</v>
      </c>
      <c r="F10967" s="6" t="s">
        <v>18</v>
      </c>
      <c r="G10967" s="6" t="s">
        <v>20886</v>
      </c>
      <c r="H10967" s="6" t="s">
        <v>20887</v>
      </c>
      <c r="I10967" s="7">
        <v>4.0807570000000002</v>
      </c>
      <c r="J10967" s="8">
        <v>-73.669359</v>
      </c>
    </row>
    <row r="10968" spans="1:10" x14ac:dyDescent="0.35">
      <c r="A10968" s="5" t="s">
        <v>10</v>
      </c>
      <c r="B10968" s="6">
        <v>238076</v>
      </c>
      <c r="C10968" s="6" t="s">
        <v>278</v>
      </c>
      <c r="D10968" s="6" t="s">
        <v>279</v>
      </c>
      <c r="E10968" s="6">
        <v>50001</v>
      </c>
      <c r="F10968" s="6" t="s">
        <v>18</v>
      </c>
      <c r="G10968" s="6" t="s">
        <v>20888</v>
      </c>
      <c r="H10968" s="6" t="s">
        <v>20889</v>
      </c>
      <c r="I10968" s="7">
        <v>4.1343283</v>
      </c>
      <c r="J10968" s="8">
        <v>-73.589338999999995</v>
      </c>
    </row>
    <row r="10969" spans="1:10" x14ac:dyDescent="0.35">
      <c r="A10969" s="5" t="s">
        <v>10</v>
      </c>
      <c r="B10969" s="6">
        <v>234089</v>
      </c>
      <c r="C10969" s="6" t="s">
        <v>294</v>
      </c>
      <c r="D10969" s="6" t="s">
        <v>4081</v>
      </c>
      <c r="E10969" s="6">
        <v>41306</v>
      </c>
      <c r="F10969" s="6" t="s">
        <v>18</v>
      </c>
      <c r="G10969" s="6" t="s">
        <v>20890</v>
      </c>
      <c r="H10969" s="6" t="s">
        <v>20891</v>
      </c>
      <c r="I10969" s="7">
        <v>2.3134643000000001</v>
      </c>
      <c r="J10969" s="8">
        <v>-75.502201999999997</v>
      </c>
    </row>
    <row r="10970" spans="1:10" x14ac:dyDescent="0.35">
      <c r="A10970" s="5" t="s">
        <v>10</v>
      </c>
      <c r="B10970" s="6">
        <v>238187</v>
      </c>
      <c r="C10970" s="6" t="s">
        <v>11</v>
      </c>
      <c r="D10970" s="6" t="s">
        <v>6667</v>
      </c>
      <c r="E10970" s="6">
        <v>25295</v>
      </c>
      <c r="F10970" s="6" t="s">
        <v>18</v>
      </c>
      <c r="G10970" s="6" t="s">
        <v>20892</v>
      </c>
      <c r="H10970" s="6" t="s">
        <v>20893</v>
      </c>
      <c r="I10970" s="7">
        <v>4.8541489000000002</v>
      </c>
      <c r="J10970" s="8">
        <v>-74.054902799999994</v>
      </c>
    </row>
    <row r="10971" spans="1:10" x14ac:dyDescent="0.35">
      <c r="A10971" s="5" t="s">
        <v>10</v>
      </c>
      <c r="B10971" s="6">
        <v>225435</v>
      </c>
      <c r="C10971" s="6" t="s">
        <v>11</v>
      </c>
      <c r="D10971" s="6" t="s">
        <v>221</v>
      </c>
      <c r="E10971" s="6">
        <v>25430</v>
      </c>
      <c r="F10971" s="6" t="s">
        <v>18</v>
      </c>
      <c r="G10971" s="6" t="s">
        <v>20894</v>
      </c>
      <c r="H10971" s="6" t="s">
        <v>20895</v>
      </c>
      <c r="I10971" s="7">
        <v>4.7353901</v>
      </c>
      <c r="J10971" s="8">
        <v>-74.254129399999997</v>
      </c>
    </row>
    <row r="10972" spans="1:10" x14ac:dyDescent="0.35">
      <c r="A10972" s="5" t="s">
        <v>10</v>
      </c>
      <c r="B10972" s="6">
        <v>206386</v>
      </c>
      <c r="C10972" s="6" t="s">
        <v>28</v>
      </c>
      <c r="D10972" s="6" t="s">
        <v>29</v>
      </c>
      <c r="E10972" s="6">
        <v>54001</v>
      </c>
      <c r="F10972" s="6" t="s">
        <v>18</v>
      </c>
      <c r="G10972" s="6" t="s">
        <v>20896</v>
      </c>
      <c r="H10972" s="6" t="s">
        <v>20897</v>
      </c>
      <c r="I10972" s="7">
        <v>7.8777980000000003</v>
      </c>
      <c r="J10972" s="8">
        <v>-72.528673900000001</v>
      </c>
    </row>
    <row r="10973" spans="1:10" x14ac:dyDescent="0.35">
      <c r="A10973" s="5" t="s">
        <v>10</v>
      </c>
      <c r="B10973" s="6">
        <v>185532</v>
      </c>
      <c r="C10973" s="6" t="s">
        <v>11</v>
      </c>
      <c r="D10973" s="6" t="s">
        <v>513</v>
      </c>
      <c r="E10973" s="6">
        <v>25286</v>
      </c>
      <c r="F10973" s="6" t="s">
        <v>18</v>
      </c>
      <c r="G10973" s="6" t="s">
        <v>20898</v>
      </c>
      <c r="H10973" s="6" t="s">
        <v>20899</v>
      </c>
      <c r="I10973" s="7">
        <v>4.7080446</v>
      </c>
      <c r="J10973" s="8">
        <v>-74.217593299999905</v>
      </c>
    </row>
    <row r="10974" spans="1:10" x14ac:dyDescent="0.35">
      <c r="A10974" s="5" t="s">
        <v>10</v>
      </c>
      <c r="B10974" s="6">
        <v>147255</v>
      </c>
      <c r="C10974" s="6" t="s">
        <v>38</v>
      </c>
      <c r="D10974" s="6" t="s">
        <v>39</v>
      </c>
      <c r="E10974" s="6">
        <v>19001</v>
      </c>
      <c r="F10974" s="6" t="s">
        <v>18</v>
      </c>
      <c r="G10974" s="6" t="s">
        <v>20900</v>
      </c>
      <c r="H10974" s="6" t="s">
        <v>20901</v>
      </c>
      <c r="I10974" s="7">
        <v>2.4530614000000002</v>
      </c>
      <c r="J10974" s="8">
        <v>-76.629556199999996</v>
      </c>
    </row>
    <row r="10975" spans="1:10" x14ac:dyDescent="0.35">
      <c r="A10975" s="5" t="s">
        <v>10</v>
      </c>
      <c r="B10975" s="6">
        <v>202075</v>
      </c>
      <c r="C10975" s="6" t="s">
        <v>11</v>
      </c>
      <c r="D10975" s="6" t="s">
        <v>337</v>
      </c>
      <c r="E10975" s="6">
        <v>25290</v>
      </c>
      <c r="F10975" s="6" t="s">
        <v>18</v>
      </c>
      <c r="G10975" s="6" t="s">
        <v>20902</v>
      </c>
      <c r="H10975" s="6" t="s">
        <v>20903</v>
      </c>
      <c r="I10975" s="7">
        <v>4.3306275999999997</v>
      </c>
      <c r="J10975" s="8">
        <v>-74.398956499999997</v>
      </c>
    </row>
    <row r="10976" spans="1:10" x14ac:dyDescent="0.35">
      <c r="A10976" s="5" t="s">
        <v>10</v>
      </c>
      <c r="B10976" s="6">
        <v>237170</v>
      </c>
      <c r="C10976" s="6" t="s">
        <v>11</v>
      </c>
      <c r="D10976" s="6" t="s">
        <v>337</v>
      </c>
      <c r="E10976" s="6">
        <v>25290</v>
      </c>
      <c r="F10976" s="6" t="s">
        <v>18</v>
      </c>
      <c r="G10976" s="6" t="s">
        <v>20904</v>
      </c>
      <c r="H10976" s="6" t="s">
        <v>20905</v>
      </c>
      <c r="I10976" s="7">
        <v>4.3315007000000003</v>
      </c>
      <c r="J10976" s="8">
        <v>-74.369028900000004</v>
      </c>
    </row>
    <row r="10977" spans="1:10" x14ac:dyDescent="0.35">
      <c r="A10977" s="5" t="s">
        <v>10</v>
      </c>
      <c r="B10977" s="6">
        <v>199470</v>
      </c>
      <c r="C10977" s="6" t="s">
        <v>68</v>
      </c>
      <c r="D10977" s="6" t="s">
        <v>69</v>
      </c>
      <c r="E10977" s="6">
        <v>11001</v>
      </c>
      <c r="F10977" s="6" t="s">
        <v>70</v>
      </c>
      <c r="G10977" s="6" t="s">
        <v>20906</v>
      </c>
      <c r="H10977" s="6" t="s">
        <v>20907</v>
      </c>
      <c r="I10977" s="7">
        <v>4.6341673999999999</v>
      </c>
      <c r="J10977" s="8">
        <v>-74.121518499999993</v>
      </c>
    </row>
    <row r="10978" spans="1:10" x14ac:dyDescent="0.35">
      <c r="A10978" s="5" t="s">
        <v>10</v>
      </c>
      <c r="B10978" s="6">
        <v>237520</v>
      </c>
      <c r="C10978" s="6" t="s">
        <v>68</v>
      </c>
      <c r="D10978" s="6" t="s">
        <v>69</v>
      </c>
      <c r="E10978" s="6">
        <v>11001</v>
      </c>
      <c r="F10978" s="6" t="s">
        <v>18</v>
      </c>
      <c r="G10978" s="6" t="s">
        <v>20908</v>
      </c>
      <c r="H10978" s="6" t="s">
        <v>20909</v>
      </c>
      <c r="I10978" s="7">
        <v>4.6454988000000004</v>
      </c>
      <c r="J10978" s="8">
        <v>-74.166431299999999</v>
      </c>
    </row>
    <row r="10979" spans="1:10" x14ac:dyDescent="0.35">
      <c r="A10979" s="5" t="s">
        <v>10</v>
      </c>
      <c r="B10979" s="6">
        <v>226305</v>
      </c>
      <c r="C10979" s="6" t="s">
        <v>68</v>
      </c>
      <c r="D10979" s="6" t="s">
        <v>69</v>
      </c>
      <c r="E10979" s="6">
        <v>11001</v>
      </c>
      <c r="F10979" s="6" t="s">
        <v>13</v>
      </c>
      <c r="G10979" s="6" t="s">
        <v>3737</v>
      </c>
      <c r="H10979" s="6" t="s">
        <v>20910</v>
      </c>
      <c r="I10979" s="7">
        <v>4.6857397999999897</v>
      </c>
      <c r="J10979" s="8">
        <v>-74.151842599999995</v>
      </c>
    </row>
    <row r="10980" spans="1:10" x14ac:dyDescent="0.35">
      <c r="A10980" s="5" t="s">
        <v>10</v>
      </c>
      <c r="B10980" s="6">
        <v>153487</v>
      </c>
      <c r="C10980" s="6" t="s">
        <v>11</v>
      </c>
      <c r="D10980" s="6" t="s">
        <v>5209</v>
      </c>
      <c r="E10980" s="6">
        <v>25297</v>
      </c>
      <c r="F10980" s="6" t="s">
        <v>18</v>
      </c>
      <c r="G10980" s="6" t="s">
        <v>5934</v>
      </c>
      <c r="H10980" s="6" t="s">
        <v>5935</v>
      </c>
      <c r="I10980" s="7">
        <v>4.5776601000000001</v>
      </c>
      <c r="J10980" s="8">
        <v>-74.226401499999994</v>
      </c>
    </row>
    <row r="10981" spans="1:10" x14ac:dyDescent="0.35">
      <c r="A10981" s="5" t="s">
        <v>10</v>
      </c>
      <c r="B10981" s="6">
        <v>229514</v>
      </c>
      <c r="C10981" s="6" t="s">
        <v>551</v>
      </c>
      <c r="D10981" s="6" t="s">
        <v>1529</v>
      </c>
      <c r="E10981" s="6">
        <v>20400</v>
      </c>
      <c r="F10981" s="6" t="s">
        <v>18</v>
      </c>
      <c r="G10981" s="6" t="s">
        <v>20911</v>
      </c>
      <c r="H10981" s="6" t="s">
        <v>20912</v>
      </c>
      <c r="I10981" s="7">
        <v>9.5539246999999996</v>
      </c>
      <c r="J10981" s="8">
        <v>-73.330283899999998</v>
      </c>
    </row>
    <row r="10982" spans="1:10" x14ac:dyDescent="0.35">
      <c r="A10982" s="5" t="s">
        <v>10</v>
      </c>
      <c r="B10982" s="6">
        <v>230402</v>
      </c>
      <c r="C10982" s="6" t="s">
        <v>278</v>
      </c>
      <c r="D10982" s="6" t="s">
        <v>3873</v>
      </c>
      <c r="E10982" s="6">
        <v>50568</v>
      </c>
      <c r="F10982" s="6" t="s">
        <v>18</v>
      </c>
      <c r="G10982" s="6" t="s">
        <v>20913</v>
      </c>
      <c r="H10982" s="6" t="s">
        <v>20914</v>
      </c>
      <c r="I10982" s="7">
        <v>4.3133005999999998</v>
      </c>
      <c r="J10982" s="8">
        <v>-72.0785056</v>
      </c>
    </row>
    <row r="10983" spans="1:10" x14ac:dyDescent="0.35">
      <c r="A10983" s="5" t="s">
        <v>10</v>
      </c>
      <c r="B10983" s="6">
        <v>234790</v>
      </c>
      <c r="C10983" s="6" t="s">
        <v>551</v>
      </c>
      <c r="D10983" s="6" t="s">
        <v>4403</v>
      </c>
      <c r="E10983" s="6">
        <v>20013</v>
      </c>
      <c r="F10983" s="6" t="s">
        <v>18</v>
      </c>
      <c r="G10983" s="6" t="s">
        <v>20915</v>
      </c>
      <c r="H10983" s="6" t="s">
        <v>20916</v>
      </c>
      <c r="I10983" s="7">
        <v>10.032566299999999</v>
      </c>
      <c r="J10983" s="8">
        <v>-73.229346899999996</v>
      </c>
    </row>
    <row r="10984" spans="1:10" x14ac:dyDescent="0.35">
      <c r="A10984" s="5" t="s">
        <v>10</v>
      </c>
      <c r="B10984" s="6">
        <v>232414</v>
      </c>
      <c r="C10984" s="6" t="s">
        <v>11</v>
      </c>
      <c r="D10984" s="6" t="s">
        <v>337</v>
      </c>
      <c r="E10984" s="6">
        <v>25290</v>
      </c>
      <c r="F10984" s="6" t="s">
        <v>18</v>
      </c>
      <c r="G10984" s="6" t="s">
        <v>20917</v>
      </c>
      <c r="H10984" s="6" t="s">
        <v>20918</v>
      </c>
      <c r="I10984" s="7">
        <v>4.3391063000000001</v>
      </c>
      <c r="J10984" s="8">
        <v>-74.363841100000002</v>
      </c>
    </row>
    <row r="10985" spans="1:10" x14ac:dyDescent="0.35">
      <c r="A10985" s="5" t="s">
        <v>10</v>
      </c>
      <c r="B10985" s="6">
        <v>181154</v>
      </c>
      <c r="C10985" s="6" t="s">
        <v>11</v>
      </c>
      <c r="D10985" s="6" t="s">
        <v>12</v>
      </c>
      <c r="E10985" s="6">
        <v>25899</v>
      </c>
      <c r="F10985" s="6" t="s">
        <v>18</v>
      </c>
      <c r="G10985" s="6" t="s">
        <v>4006</v>
      </c>
      <c r="H10985" s="6" t="s">
        <v>4007</v>
      </c>
      <c r="I10985" s="7">
        <v>5.0214759999999998</v>
      </c>
      <c r="J10985" s="8">
        <v>-73.990955</v>
      </c>
    </row>
    <row r="10986" spans="1:10" x14ac:dyDescent="0.35">
      <c r="A10986" s="5" t="s">
        <v>10</v>
      </c>
      <c r="B10986" s="6">
        <v>225023</v>
      </c>
      <c r="C10986" s="6" t="s">
        <v>11</v>
      </c>
      <c r="D10986" s="6" t="s">
        <v>334</v>
      </c>
      <c r="E10986" s="6">
        <v>25754</v>
      </c>
      <c r="F10986" s="6" t="s">
        <v>18</v>
      </c>
      <c r="G10986" s="6" t="s">
        <v>20919</v>
      </c>
      <c r="H10986" s="6" t="s">
        <v>20920</v>
      </c>
      <c r="I10986" s="7">
        <v>4.5822466000000004</v>
      </c>
      <c r="J10986" s="8">
        <v>-74.205058100000002</v>
      </c>
    </row>
    <row r="10987" spans="1:10" x14ac:dyDescent="0.35">
      <c r="A10987" s="5" t="s">
        <v>10</v>
      </c>
      <c r="B10987" s="6">
        <v>191177</v>
      </c>
      <c r="C10987" s="6" t="s">
        <v>68</v>
      </c>
      <c r="D10987" s="6" t="s">
        <v>69</v>
      </c>
      <c r="E10987" s="6">
        <v>11001</v>
      </c>
      <c r="F10987" s="6" t="s">
        <v>18</v>
      </c>
      <c r="G10987" s="6" t="s">
        <v>186</v>
      </c>
      <c r="H10987" s="6" t="s">
        <v>6089</v>
      </c>
      <c r="I10987" s="7">
        <v>4.6217221999999998</v>
      </c>
      <c r="J10987" s="8">
        <v>-74.143582899999998</v>
      </c>
    </row>
    <row r="10988" spans="1:10" x14ac:dyDescent="0.35">
      <c r="A10988" s="5" t="s">
        <v>10</v>
      </c>
      <c r="B10988" s="6">
        <v>233413</v>
      </c>
      <c r="C10988" s="6" t="s">
        <v>68</v>
      </c>
      <c r="D10988" s="6" t="s">
        <v>69</v>
      </c>
      <c r="E10988" s="6">
        <v>11001</v>
      </c>
      <c r="F10988" s="6" t="s">
        <v>18</v>
      </c>
      <c r="G10988" s="6" t="s">
        <v>20921</v>
      </c>
      <c r="H10988" s="6" t="s">
        <v>20922</v>
      </c>
      <c r="I10988" s="7">
        <v>4.6380499999999998</v>
      </c>
      <c r="J10988" s="8">
        <v>-74.0548</v>
      </c>
    </row>
    <row r="10989" spans="1:10" x14ac:dyDescent="0.35">
      <c r="A10989" s="5" t="s">
        <v>10</v>
      </c>
      <c r="B10989" s="6">
        <v>243645</v>
      </c>
      <c r="C10989" s="6" t="s">
        <v>551</v>
      </c>
      <c r="D10989" s="6" t="s">
        <v>3868</v>
      </c>
      <c r="E10989" s="6">
        <v>20001</v>
      </c>
      <c r="F10989" s="6" t="s">
        <v>18</v>
      </c>
      <c r="G10989" s="6" t="s">
        <v>20923</v>
      </c>
      <c r="H10989" s="6" t="s">
        <v>20924</v>
      </c>
      <c r="I10989" s="7">
        <v>10.4741499</v>
      </c>
      <c r="J10989" s="8">
        <v>-73.254017700000006</v>
      </c>
    </row>
    <row r="10990" spans="1:10" x14ac:dyDescent="0.35">
      <c r="A10990" s="5" t="s">
        <v>10</v>
      </c>
      <c r="B10990" s="6">
        <v>241965</v>
      </c>
      <c r="C10990" s="6" t="s">
        <v>278</v>
      </c>
      <c r="D10990" s="6" t="s">
        <v>4210</v>
      </c>
      <c r="E10990" s="6">
        <v>50150</v>
      </c>
      <c r="F10990" s="6" t="s">
        <v>18</v>
      </c>
      <c r="G10990" s="6" t="s">
        <v>20925</v>
      </c>
      <c r="H10990" s="6" t="s">
        <v>20926</v>
      </c>
      <c r="I10990" s="7">
        <v>4.8581928000000003</v>
      </c>
      <c r="J10990" s="8">
        <v>-74.059818100000001</v>
      </c>
    </row>
    <row r="10991" spans="1:10" x14ac:dyDescent="0.35">
      <c r="A10991" s="5" t="s">
        <v>10</v>
      </c>
      <c r="B10991" s="6">
        <v>206516</v>
      </c>
      <c r="C10991" s="6" t="s">
        <v>3819</v>
      </c>
      <c r="D10991" s="6" t="s">
        <v>5557</v>
      </c>
      <c r="E10991" s="6">
        <v>86568</v>
      </c>
      <c r="F10991" s="6" t="s">
        <v>18</v>
      </c>
      <c r="G10991" s="6" t="s">
        <v>20927</v>
      </c>
      <c r="H10991" s="6" t="s">
        <v>20928</v>
      </c>
      <c r="I10991" s="7">
        <v>0.49834289999999998</v>
      </c>
      <c r="J10991" s="8">
        <v>-76.492275599999999</v>
      </c>
    </row>
    <row r="10992" spans="1:10" x14ac:dyDescent="0.35">
      <c r="A10992" s="5" t="s">
        <v>10</v>
      </c>
      <c r="B10992" s="6">
        <v>206460</v>
      </c>
      <c r="C10992" s="6" t="s">
        <v>2130</v>
      </c>
      <c r="D10992" s="6" t="s">
        <v>2131</v>
      </c>
      <c r="E10992" s="6">
        <v>85001</v>
      </c>
      <c r="F10992" s="6" t="s">
        <v>18</v>
      </c>
      <c r="G10992" s="6" t="s">
        <v>20929</v>
      </c>
      <c r="H10992" s="6" t="s">
        <v>20930</v>
      </c>
      <c r="I10992" s="7">
        <v>5.3404692999999996</v>
      </c>
      <c r="J10992" s="8">
        <v>-72.396421699999905</v>
      </c>
    </row>
    <row r="10993" spans="1:10" x14ac:dyDescent="0.35">
      <c r="A10993" s="5" t="s">
        <v>10</v>
      </c>
      <c r="B10993" s="6">
        <v>235687</v>
      </c>
      <c r="C10993" s="6" t="s">
        <v>68</v>
      </c>
      <c r="D10993" s="6" t="s">
        <v>69</v>
      </c>
      <c r="E10993" s="6">
        <v>11001</v>
      </c>
      <c r="F10993" s="6" t="s">
        <v>18</v>
      </c>
      <c r="G10993" s="6" t="s">
        <v>20931</v>
      </c>
      <c r="H10993" s="6" t="s">
        <v>20932</v>
      </c>
      <c r="I10993" s="7">
        <v>4.6039805999999999</v>
      </c>
      <c r="J10993" s="8">
        <v>-74.074364599999996</v>
      </c>
    </row>
    <row r="10994" spans="1:10" x14ac:dyDescent="0.35">
      <c r="A10994" s="5" t="s">
        <v>10</v>
      </c>
      <c r="B10994" s="6">
        <v>244412</v>
      </c>
      <c r="C10994" s="6" t="s">
        <v>11</v>
      </c>
      <c r="D10994" s="6" t="s">
        <v>159</v>
      </c>
      <c r="E10994" s="6">
        <v>25175</v>
      </c>
      <c r="F10994" s="6" t="s">
        <v>2161</v>
      </c>
      <c r="G10994" s="6" t="s">
        <v>20933</v>
      </c>
      <c r="H10994" s="6" t="s">
        <v>20934</v>
      </c>
      <c r="I10994" s="7">
        <v>4.8752865999999999</v>
      </c>
      <c r="J10994" s="8">
        <v>-74.0420917</v>
      </c>
    </row>
    <row r="10995" spans="1:10" x14ac:dyDescent="0.35">
      <c r="A10995" s="5" t="s">
        <v>10</v>
      </c>
      <c r="B10995" s="6">
        <v>246453</v>
      </c>
      <c r="C10995" s="6" t="s">
        <v>551</v>
      </c>
      <c r="D10995" s="6" t="s">
        <v>1550</v>
      </c>
      <c r="E10995" s="6">
        <v>20710</v>
      </c>
      <c r="F10995" s="6" t="s">
        <v>18</v>
      </c>
      <c r="G10995" s="6" t="s">
        <v>20935</v>
      </c>
      <c r="H10995" s="6" t="s">
        <v>20936</v>
      </c>
      <c r="I10995" s="7">
        <v>7.7636684000000002</v>
      </c>
      <c r="J10995" s="8">
        <v>-73.393211699999995</v>
      </c>
    </row>
    <row r="10996" spans="1:10" x14ac:dyDescent="0.35">
      <c r="A10996" s="5" t="s">
        <v>10</v>
      </c>
      <c r="B10996" s="6">
        <v>242040</v>
      </c>
      <c r="C10996" s="6" t="s">
        <v>294</v>
      </c>
      <c r="D10996" s="6" t="s">
        <v>447</v>
      </c>
      <c r="E10996" s="6">
        <v>41551</v>
      </c>
      <c r="F10996" s="6" t="s">
        <v>18</v>
      </c>
      <c r="G10996" s="6" t="s">
        <v>20937</v>
      </c>
      <c r="H10996" s="6" t="s">
        <v>20938</v>
      </c>
      <c r="I10996" s="7">
        <v>1.8405231</v>
      </c>
      <c r="J10996" s="8">
        <v>-76.048066300000002</v>
      </c>
    </row>
    <row r="10997" spans="1:10" x14ac:dyDescent="0.35">
      <c r="A10997" s="5" t="s">
        <v>10</v>
      </c>
      <c r="B10997" s="6">
        <v>241990</v>
      </c>
      <c r="C10997" s="6" t="s">
        <v>3788</v>
      </c>
      <c r="D10997" s="6" t="s">
        <v>20939</v>
      </c>
      <c r="E10997" s="6">
        <v>18785</v>
      </c>
      <c r="F10997" s="6" t="s">
        <v>18</v>
      </c>
      <c r="G10997" s="6" t="s">
        <v>20940</v>
      </c>
      <c r="H10997" s="6" t="s">
        <v>20941</v>
      </c>
      <c r="I10997" s="7">
        <v>0.93308239999999998</v>
      </c>
      <c r="J10997" s="8">
        <v>-75.690624099999994</v>
      </c>
    </row>
    <row r="10998" spans="1:10" x14ac:dyDescent="0.35">
      <c r="A10998" s="5" t="s">
        <v>10</v>
      </c>
      <c r="B10998" s="6">
        <v>202179</v>
      </c>
      <c r="C10998" s="6" t="s">
        <v>11</v>
      </c>
      <c r="D10998" s="6" t="s">
        <v>4030</v>
      </c>
      <c r="E10998" s="6">
        <v>25183</v>
      </c>
      <c r="F10998" s="6" t="s">
        <v>18</v>
      </c>
      <c r="G10998" s="6" t="s">
        <v>20942</v>
      </c>
      <c r="H10998" s="6" t="s">
        <v>20943</v>
      </c>
      <c r="I10998" s="7">
        <v>5.1467925999999897</v>
      </c>
      <c r="J10998" s="8">
        <v>-73.683009299999995</v>
      </c>
    </row>
    <row r="10999" spans="1:10" x14ac:dyDescent="0.35">
      <c r="A10999" s="5" t="s">
        <v>10</v>
      </c>
      <c r="B10999" s="6">
        <v>217336</v>
      </c>
      <c r="C10999" s="6" t="s">
        <v>11</v>
      </c>
      <c r="D10999" s="6" t="s">
        <v>159</v>
      </c>
      <c r="E10999" s="6">
        <v>25175</v>
      </c>
      <c r="F10999" s="6" t="s">
        <v>18</v>
      </c>
      <c r="G10999" s="6" t="s">
        <v>20944</v>
      </c>
      <c r="H10999" s="6" t="s">
        <v>20945</v>
      </c>
      <c r="I10999" s="7">
        <v>4.8647580000000001</v>
      </c>
      <c r="J10999" s="8">
        <v>-74.050917999999996</v>
      </c>
    </row>
    <row r="11000" spans="1:10" x14ac:dyDescent="0.35">
      <c r="A11000" s="5" t="s">
        <v>10</v>
      </c>
      <c r="B11000" s="6">
        <v>216444</v>
      </c>
      <c r="C11000" s="6" t="s">
        <v>11</v>
      </c>
      <c r="D11000" s="6" t="s">
        <v>337</v>
      </c>
      <c r="E11000" s="6">
        <v>25290</v>
      </c>
      <c r="F11000" s="6" t="s">
        <v>18</v>
      </c>
      <c r="G11000" s="6" t="s">
        <v>20946</v>
      </c>
      <c r="H11000" s="6" t="s">
        <v>20947</v>
      </c>
      <c r="I11000" s="7">
        <v>4.3355410000000001</v>
      </c>
      <c r="J11000" s="8">
        <v>-74.365336099999993</v>
      </c>
    </row>
    <row r="11001" spans="1:10" x14ac:dyDescent="0.35">
      <c r="A11001" s="5" t="s">
        <v>10</v>
      </c>
      <c r="B11001" s="6">
        <v>228967</v>
      </c>
      <c r="C11001" s="6" t="s">
        <v>11</v>
      </c>
      <c r="D11001" s="6" t="s">
        <v>4030</v>
      </c>
      <c r="E11001" s="6">
        <v>25183</v>
      </c>
      <c r="F11001" s="6" t="s">
        <v>18</v>
      </c>
      <c r="G11001" s="6" t="s">
        <v>20948</v>
      </c>
      <c r="H11001" s="6" t="s">
        <v>20949</v>
      </c>
      <c r="I11001" s="7">
        <v>5.1437068000000004</v>
      </c>
      <c r="J11001" s="8">
        <v>-73.687710100000004</v>
      </c>
    </row>
    <row r="11002" spans="1:10" x14ac:dyDescent="0.35">
      <c r="A11002" s="5" t="s">
        <v>10</v>
      </c>
      <c r="B11002" s="6">
        <v>224008</v>
      </c>
      <c r="C11002" s="6" t="s">
        <v>11</v>
      </c>
      <c r="D11002" s="6" t="s">
        <v>5372</v>
      </c>
      <c r="E11002" s="6">
        <v>25317</v>
      </c>
      <c r="F11002" s="6" t="s">
        <v>18</v>
      </c>
      <c r="G11002" s="6" t="s">
        <v>20950</v>
      </c>
      <c r="H11002" s="6" t="s">
        <v>20951</v>
      </c>
      <c r="I11002" s="7">
        <v>4.8041777999999997</v>
      </c>
      <c r="J11002" s="8">
        <v>-74.106942399999994</v>
      </c>
    </row>
    <row r="11003" spans="1:10" x14ac:dyDescent="0.35">
      <c r="A11003" s="5" t="s">
        <v>10</v>
      </c>
      <c r="B11003" s="6">
        <v>225178</v>
      </c>
      <c r="C11003" s="6" t="s">
        <v>24</v>
      </c>
      <c r="D11003" s="6" t="s">
        <v>8811</v>
      </c>
      <c r="E11003" s="6">
        <v>15690</v>
      </c>
      <c r="F11003" s="6" t="s">
        <v>18</v>
      </c>
      <c r="G11003" s="6" t="s">
        <v>20952</v>
      </c>
      <c r="H11003" s="6" t="s">
        <v>20953</v>
      </c>
      <c r="I11003" s="7">
        <v>5.4545110000000001</v>
      </c>
      <c r="J11003" s="8">
        <v>-73.362003000000001</v>
      </c>
    </row>
    <row r="11004" spans="1:10" x14ac:dyDescent="0.35">
      <c r="A11004" s="5" t="s">
        <v>10</v>
      </c>
      <c r="B11004" s="6">
        <v>226717</v>
      </c>
      <c r="C11004" s="6" t="s">
        <v>466</v>
      </c>
      <c r="D11004" s="6" t="s">
        <v>1262</v>
      </c>
      <c r="E11004" s="6">
        <v>81001</v>
      </c>
      <c r="F11004" s="6" t="s">
        <v>18</v>
      </c>
      <c r="G11004" s="6" t="s">
        <v>5428</v>
      </c>
      <c r="H11004" s="6" t="s">
        <v>5429</v>
      </c>
      <c r="I11004" s="7">
        <v>7.0761719999999997</v>
      </c>
      <c r="J11004" s="8">
        <v>-70.710456999999906</v>
      </c>
    </row>
    <row r="11005" spans="1:10" x14ac:dyDescent="0.35">
      <c r="A11005" s="5" t="s">
        <v>10</v>
      </c>
      <c r="B11005" s="6">
        <v>232158</v>
      </c>
      <c r="C11005" s="6" t="s">
        <v>16</v>
      </c>
      <c r="D11005" s="6" t="s">
        <v>17</v>
      </c>
      <c r="E11005" s="6">
        <v>68679</v>
      </c>
      <c r="F11005" s="6" t="s">
        <v>13</v>
      </c>
      <c r="G11005" s="6" t="s">
        <v>20954</v>
      </c>
      <c r="H11005" s="6" t="s">
        <v>20955</v>
      </c>
      <c r="I11005" s="7">
        <v>6.5542300999999998</v>
      </c>
      <c r="J11005" s="8">
        <v>-73.131517500000001</v>
      </c>
    </row>
    <row r="11006" spans="1:10" x14ac:dyDescent="0.35">
      <c r="A11006" s="5" t="s">
        <v>10</v>
      </c>
      <c r="B11006" s="6">
        <v>231273</v>
      </c>
      <c r="C11006" s="6" t="s">
        <v>42</v>
      </c>
      <c r="D11006" s="6" t="s">
        <v>46</v>
      </c>
      <c r="E11006" s="6">
        <v>17174</v>
      </c>
      <c r="F11006" s="6" t="s">
        <v>13</v>
      </c>
      <c r="G11006" s="6" t="s">
        <v>20956</v>
      </c>
      <c r="H11006" s="6" t="s">
        <v>20957</v>
      </c>
      <c r="I11006" s="7">
        <v>4.9834157000000001</v>
      </c>
      <c r="J11006" s="8">
        <v>-75.605182999999997</v>
      </c>
    </row>
    <row r="11007" spans="1:10" x14ac:dyDescent="0.35">
      <c r="A11007" s="5" t="s">
        <v>10</v>
      </c>
      <c r="B11007" s="6">
        <v>205543</v>
      </c>
      <c r="C11007" s="6" t="s">
        <v>551</v>
      </c>
      <c r="D11007" s="6" t="s">
        <v>977</v>
      </c>
      <c r="E11007" s="6">
        <v>20011</v>
      </c>
      <c r="F11007" s="6" t="s">
        <v>18</v>
      </c>
      <c r="G11007" s="6" t="s">
        <v>20958</v>
      </c>
      <c r="H11007" s="6" t="s">
        <v>20959</v>
      </c>
      <c r="I11007" s="7">
        <v>8.3085968999999995</v>
      </c>
      <c r="J11007" s="8">
        <v>-73.619760499999998</v>
      </c>
    </row>
    <row r="11008" spans="1:10" x14ac:dyDescent="0.35">
      <c r="A11008" s="5" t="s">
        <v>10</v>
      </c>
      <c r="B11008" s="6">
        <v>163218</v>
      </c>
      <c r="C11008" s="6" t="s">
        <v>294</v>
      </c>
      <c r="D11008" s="6" t="s">
        <v>4244</v>
      </c>
      <c r="E11008" s="6">
        <v>41298</v>
      </c>
      <c r="F11008" s="6" t="s">
        <v>13</v>
      </c>
      <c r="G11008" s="6" t="s">
        <v>20323</v>
      </c>
      <c r="H11008" s="6" t="s">
        <v>20324</v>
      </c>
      <c r="I11008" s="7">
        <v>3.4497939</v>
      </c>
      <c r="J11008" s="8">
        <v>-76.542650799999905</v>
      </c>
    </row>
    <row r="11009" spans="1:10" x14ac:dyDescent="0.35">
      <c r="A11009" s="5" t="s">
        <v>10</v>
      </c>
      <c r="B11009" s="6">
        <v>246240</v>
      </c>
      <c r="C11009" s="6" t="s">
        <v>11</v>
      </c>
      <c r="D11009" s="6" t="s">
        <v>1206</v>
      </c>
      <c r="E11009" s="6">
        <v>25875</v>
      </c>
      <c r="F11009" s="6" t="s">
        <v>18</v>
      </c>
      <c r="G11009" s="6" t="s">
        <v>20960</v>
      </c>
      <c r="H11009" s="6" t="s">
        <v>20961</v>
      </c>
      <c r="I11009" s="7">
        <v>5.0126463000000001</v>
      </c>
      <c r="J11009" s="8">
        <v>-74.472057199999995</v>
      </c>
    </row>
    <row r="11010" spans="1:10" x14ac:dyDescent="0.35">
      <c r="A11010" s="5" t="s">
        <v>10</v>
      </c>
      <c r="B11010" s="6">
        <v>234390</v>
      </c>
      <c r="C11010" s="6" t="s">
        <v>294</v>
      </c>
      <c r="D11010" s="6" t="s">
        <v>295</v>
      </c>
      <c r="E11010" s="6">
        <v>41359</v>
      </c>
      <c r="F11010" s="6" t="s">
        <v>18</v>
      </c>
      <c r="G11010" s="6" t="s">
        <v>20962</v>
      </c>
      <c r="H11010" s="6" t="s">
        <v>20963</v>
      </c>
      <c r="I11010" s="7">
        <v>1.9312171</v>
      </c>
      <c r="J11010" s="8">
        <v>-76.214425000000006</v>
      </c>
    </row>
    <row r="11011" spans="1:10" x14ac:dyDescent="0.35">
      <c r="A11011" s="5" t="s">
        <v>10</v>
      </c>
      <c r="B11011" s="6">
        <v>167401</v>
      </c>
      <c r="C11011" s="6" t="s">
        <v>11</v>
      </c>
      <c r="D11011" s="6" t="s">
        <v>901</v>
      </c>
      <c r="E11011" s="6">
        <v>25307</v>
      </c>
      <c r="F11011" s="6" t="s">
        <v>18</v>
      </c>
      <c r="G11011" s="6" t="s">
        <v>6715</v>
      </c>
      <c r="H11011" s="6" t="s">
        <v>6716</v>
      </c>
      <c r="I11011" s="7">
        <v>4.3045958999999998</v>
      </c>
      <c r="J11011" s="8">
        <v>-74.803141400000001</v>
      </c>
    </row>
    <row r="11012" spans="1:10" x14ac:dyDescent="0.35">
      <c r="A11012" s="5" t="s">
        <v>10</v>
      </c>
      <c r="B11012" s="6">
        <v>222032</v>
      </c>
      <c r="C11012" s="6" t="s">
        <v>68</v>
      </c>
      <c r="D11012" s="6" t="s">
        <v>69</v>
      </c>
      <c r="E11012" s="6">
        <v>11001</v>
      </c>
      <c r="F11012" s="6" t="s">
        <v>18</v>
      </c>
      <c r="G11012" s="6" t="s">
        <v>20964</v>
      </c>
      <c r="H11012" s="6" t="s">
        <v>20965</v>
      </c>
      <c r="I11012" s="7">
        <v>4.5757732999999998</v>
      </c>
      <c r="J11012" s="8">
        <v>-74.183748199999997</v>
      </c>
    </row>
    <row r="11013" spans="1:10" x14ac:dyDescent="0.35">
      <c r="A11013" s="5" t="s">
        <v>10</v>
      </c>
      <c r="B11013" s="6">
        <v>163923</v>
      </c>
      <c r="C11013" s="6" t="s">
        <v>24</v>
      </c>
      <c r="D11013" s="6" t="s">
        <v>88</v>
      </c>
      <c r="E11013" s="6">
        <v>15001</v>
      </c>
      <c r="F11013" s="6" t="s">
        <v>18</v>
      </c>
      <c r="G11013" s="6" t="s">
        <v>20966</v>
      </c>
      <c r="H11013" s="6" t="s">
        <v>20967</v>
      </c>
      <c r="I11013" s="7">
        <v>5.5642927999999996</v>
      </c>
      <c r="J11013" s="8">
        <v>-73.345568799999995</v>
      </c>
    </row>
    <row r="11014" spans="1:10" x14ac:dyDescent="0.35">
      <c r="A11014" s="5" t="s">
        <v>10</v>
      </c>
      <c r="B11014" s="6">
        <v>202734</v>
      </c>
      <c r="C11014" s="6" t="s">
        <v>294</v>
      </c>
      <c r="D11014" s="6" t="s">
        <v>4634</v>
      </c>
      <c r="E11014" s="6">
        <v>41020</v>
      </c>
      <c r="F11014" s="6" t="s">
        <v>18</v>
      </c>
      <c r="G11014" s="6" t="s">
        <v>20968</v>
      </c>
      <c r="H11014" s="6" t="s">
        <v>20969</v>
      </c>
      <c r="I11014" s="7">
        <v>2.5232860000000001</v>
      </c>
      <c r="J11014" s="8">
        <v>-75.315622899999994</v>
      </c>
    </row>
    <row r="11015" spans="1:10" x14ac:dyDescent="0.35">
      <c r="A11015" s="5" t="s">
        <v>10</v>
      </c>
      <c r="B11015" s="6">
        <v>217204</v>
      </c>
      <c r="C11015" s="6" t="s">
        <v>11</v>
      </c>
      <c r="D11015" s="6" t="s">
        <v>337</v>
      </c>
      <c r="E11015" s="6">
        <v>25290</v>
      </c>
      <c r="F11015" s="6" t="s">
        <v>18</v>
      </c>
      <c r="G11015" s="6" t="s">
        <v>20970</v>
      </c>
      <c r="H11015" s="6" t="s">
        <v>20971</v>
      </c>
      <c r="I11015" s="7">
        <v>5.2483830999999999</v>
      </c>
      <c r="J11015" s="8">
        <v>-73.7675512</v>
      </c>
    </row>
    <row r="11016" spans="1:10" x14ac:dyDescent="0.35">
      <c r="A11016" s="5" t="s">
        <v>10</v>
      </c>
      <c r="B11016" s="6">
        <v>213100</v>
      </c>
      <c r="C11016" s="6" t="s">
        <v>68</v>
      </c>
      <c r="D11016" s="6" t="s">
        <v>69</v>
      </c>
      <c r="E11016" s="6">
        <v>11001</v>
      </c>
      <c r="F11016" s="6" t="s">
        <v>18</v>
      </c>
      <c r="G11016" s="6" t="s">
        <v>20972</v>
      </c>
      <c r="H11016" s="6" t="s">
        <v>20973</v>
      </c>
      <c r="I11016" s="7">
        <v>4.5976942999999997</v>
      </c>
      <c r="J11016" s="8">
        <v>-74.179738899999904</v>
      </c>
    </row>
    <row r="11017" spans="1:10" x14ac:dyDescent="0.35">
      <c r="A11017" s="5" t="s">
        <v>10</v>
      </c>
      <c r="B11017" s="6">
        <v>203216</v>
      </c>
      <c r="C11017" s="6" t="s">
        <v>2821</v>
      </c>
      <c r="D11017" s="6" t="s">
        <v>1066</v>
      </c>
      <c r="E11017" s="6">
        <v>47675</v>
      </c>
      <c r="F11017" s="6" t="s">
        <v>18</v>
      </c>
      <c r="G11017" s="6" t="s">
        <v>20579</v>
      </c>
      <c r="H11017" s="6" t="s">
        <v>20580</v>
      </c>
      <c r="I11017" s="7">
        <v>10.4911049</v>
      </c>
      <c r="J11017" s="8">
        <v>-74.794525999999905</v>
      </c>
    </row>
    <row r="11018" spans="1:10" x14ac:dyDescent="0.35">
      <c r="A11018" s="5" t="s">
        <v>10</v>
      </c>
      <c r="B11018" s="6">
        <v>201177</v>
      </c>
      <c r="C11018" s="6" t="s">
        <v>278</v>
      </c>
      <c r="D11018" s="6" t="s">
        <v>279</v>
      </c>
      <c r="E11018" s="6">
        <v>50001</v>
      </c>
      <c r="F11018" s="6" t="s">
        <v>18</v>
      </c>
      <c r="G11018" s="6" t="s">
        <v>20974</v>
      </c>
      <c r="H11018" s="6" t="s">
        <v>20975</v>
      </c>
      <c r="I11018" s="7">
        <v>4.1380312999999997</v>
      </c>
      <c r="J11018" s="8">
        <v>-73.585931899999906</v>
      </c>
    </row>
    <row r="11019" spans="1:10" x14ac:dyDescent="0.35">
      <c r="A11019" s="5" t="s">
        <v>10</v>
      </c>
      <c r="B11019" s="6">
        <v>227172</v>
      </c>
      <c r="C11019" s="6" t="s">
        <v>2130</v>
      </c>
      <c r="D11019" s="6" t="s">
        <v>3979</v>
      </c>
      <c r="E11019" s="6">
        <v>85010</v>
      </c>
      <c r="F11019" s="6" t="s">
        <v>18</v>
      </c>
      <c r="G11019" s="6" t="s">
        <v>20976</v>
      </c>
      <c r="H11019" s="6" t="s">
        <v>20977</v>
      </c>
      <c r="I11019" s="7">
        <v>5.1744214999999896</v>
      </c>
      <c r="J11019" s="8">
        <v>-72.546821299999905</v>
      </c>
    </row>
    <row r="11020" spans="1:10" x14ac:dyDescent="0.35">
      <c r="A11020" s="5" t="s">
        <v>10</v>
      </c>
      <c r="B11020" s="6">
        <v>216696</v>
      </c>
      <c r="C11020" s="6" t="s">
        <v>11</v>
      </c>
      <c r="D11020" s="6" t="s">
        <v>334</v>
      </c>
      <c r="E11020" s="6">
        <v>25754</v>
      </c>
      <c r="F11020" s="6" t="s">
        <v>18</v>
      </c>
      <c r="G11020" s="6" t="s">
        <v>20978</v>
      </c>
      <c r="H11020" s="6" t="s">
        <v>20979</v>
      </c>
      <c r="I11020" s="7">
        <v>4.5749978999999996</v>
      </c>
      <c r="J11020" s="8">
        <v>-74.210565299999999</v>
      </c>
    </row>
    <row r="11021" spans="1:10" x14ac:dyDescent="0.35">
      <c r="A11021" s="5" t="s">
        <v>10</v>
      </c>
      <c r="B11021" s="6">
        <v>68935</v>
      </c>
      <c r="C11021" s="6" t="s">
        <v>24</v>
      </c>
      <c r="D11021" s="6" t="s">
        <v>1427</v>
      </c>
      <c r="E11021" s="6">
        <v>15494</v>
      </c>
      <c r="F11021" s="6" t="s">
        <v>18</v>
      </c>
      <c r="G11021" s="6" t="s">
        <v>20980</v>
      </c>
      <c r="H11021" s="6" t="s">
        <v>20981</v>
      </c>
      <c r="I11021" s="7">
        <v>5.3542246999999996</v>
      </c>
      <c r="J11021" s="8">
        <v>-73.457413000000003</v>
      </c>
    </row>
    <row r="11022" spans="1:10" x14ac:dyDescent="0.35">
      <c r="A11022" s="5" t="s">
        <v>10</v>
      </c>
      <c r="B11022" s="6">
        <v>226250</v>
      </c>
      <c r="C11022" s="6" t="s">
        <v>117</v>
      </c>
      <c r="D11022" s="6" t="s">
        <v>1334</v>
      </c>
      <c r="E11022" s="6">
        <v>76001</v>
      </c>
      <c r="F11022" s="6" t="s">
        <v>13</v>
      </c>
      <c r="G11022" s="6" t="s">
        <v>3737</v>
      </c>
      <c r="H11022" s="6" t="s">
        <v>20982</v>
      </c>
      <c r="I11022" s="7">
        <v>3.4516467</v>
      </c>
      <c r="J11022" s="8">
        <v>-76.531985399999996</v>
      </c>
    </row>
    <row r="11023" spans="1:10" x14ac:dyDescent="0.35">
      <c r="A11023" s="5" t="s">
        <v>10</v>
      </c>
      <c r="B11023" s="6">
        <v>206788</v>
      </c>
      <c r="C11023" s="6" t="s">
        <v>16</v>
      </c>
      <c r="D11023" s="6" t="s">
        <v>3466</v>
      </c>
      <c r="E11023" s="6">
        <v>68572</v>
      </c>
      <c r="F11023" s="6" t="s">
        <v>18</v>
      </c>
      <c r="G11023" s="6" t="s">
        <v>4163</v>
      </c>
      <c r="H11023" s="6" t="s">
        <v>4164</v>
      </c>
      <c r="I11023" s="7">
        <v>5.8790689</v>
      </c>
      <c r="J11023" s="8">
        <v>-73.678302399999893</v>
      </c>
    </row>
    <row r="11024" spans="1:10" x14ac:dyDescent="0.35">
      <c r="A11024" s="5" t="s">
        <v>10</v>
      </c>
      <c r="B11024" s="6">
        <v>228696</v>
      </c>
      <c r="C11024" s="6" t="s">
        <v>11</v>
      </c>
      <c r="D11024" s="6" t="s">
        <v>3054</v>
      </c>
      <c r="E11024" s="6">
        <v>25269</v>
      </c>
      <c r="F11024" s="6" t="s">
        <v>18</v>
      </c>
      <c r="G11024" s="6" t="s">
        <v>20983</v>
      </c>
      <c r="H11024" s="6" t="s">
        <v>20984</v>
      </c>
      <c r="I11024" s="7">
        <v>4.7841189999999996</v>
      </c>
      <c r="J11024" s="8">
        <v>-74.335379000000003</v>
      </c>
    </row>
    <row r="11025" spans="1:10" x14ac:dyDescent="0.35">
      <c r="A11025" s="5" t="s">
        <v>10</v>
      </c>
      <c r="B11025" s="6">
        <v>210478</v>
      </c>
      <c r="C11025" s="6" t="s">
        <v>68</v>
      </c>
      <c r="D11025" s="6" t="s">
        <v>69</v>
      </c>
      <c r="E11025" s="6">
        <v>11001</v>
      </c>
      <c r="F11025" s="6" t="s">
        <v>18</v>
      </c>
      <c r="G11025" s="6" t="s">
        <v>20985</v>
      </c>
      <c r="H11025" s="6" t="s">
        <v>20986</v>
      </c>
      <c r="I11025" s="7">
        <v>4.5069754</v>
      </c>
      <c r="J11025" s="8">
        <v>-74.099965900000001</v>
      </c>
    </row>
    <row r="11026" spans="1:10" x14ac:dyDescent="0.35">
      <c r="A11026" s="5" t="s">
        <v>10</v>
      </c>
      <c r="B11026" s="6">
        <v>236918</v>
      </c>
      <c r="C11026" s="6" t="s">
        <v>278</v>
      </c>
      <c r="D11026" s="6" t="s">
        <v>3873</v>
      </c>
      <c r="E11026" s="6">
        <v>50568</v>
      </c>
      <c r="F11026" s="6" t="s">
        <v>18</v>
      </c>
      <c r="G11026" s="6" t="s">
        <v>20987</v>
      </c>
      <c r="H11026" s="6" t="s">
        <v>20988</v>
      </c>
      <c r="I11026" s="7">
        <v>4.3133005999999998</v>
      </c>
      <c r="J11026" s="8">
        <v>-72.0785056</v>
      </c>
    </row>
    <row r="11027" spans="1:10" x14ac:dyDescent="0.35">
      <c r="A11027" s="5" t="s">
        <v>10</v>
      </c>
      <c r="B11027" s="6">
        <v>235183</v>
      </c>
      <c r="C11027" s="6" t="s">
        <v>117</v>
      </c>
      <c r="D11027" s="6" t="s">
        <v>1334</v>
      </c>
      <c r="E11027" s="6">
        <v>76001</v>
      </c>
      <c r="F11027" s="6" t="s">
        <v>18</v>
      </c>
      <c r="G11027" s="6" t="s">
        <v>20989</v>
      </c>
      <c r="H11027" s="6" t="s">
        <v>20990</v>
      </c>
      <c r="I11027" s="7">
        <v>3.4534159999999998</v>
      </c>
      <c r="J11027" s="8">
        <v>-76.536473000000001</v>
      </c>
    </row>
    <row r="11028" spans="1:10" x14ac:dyDescent="0.35">
      <c r="A11028" s="5" t="s">
        <v>10</v>
      </c>
      <c r="B11028" s="6">
        <v>236004</v>
      </c>
      <c r="C11028" s="6" t="s">
        <v>551</v>
      </c>
      <c r="D11028" s="6" t="s">
        <v>20362</v>
      </c>
      <c r="E11028" s="6">
        <v>20238</v>
      </c>
      <c r="F11028" s="6" t="s">
        <v>18</v>
      </c>
      <c r="G11028" s="6" t="s">
        <v>20991</v>
      </c>
      <c r="H11028" s="6" t="s">
        <v>20992</v>
      </c>
      <c r="I11028" s="7">
        <v>10.148975999999999</v>
      </c>
      <c r="J11028" s="8">
        <v>-73.960233000000002</v>
      </c>
    </row>
    <row r="11029" spans="1:10" x14ac:dyDescent="0.35">
      <c r="A11029" s="5" t="s">
        <v>10</v>
      </c>
      <c r="B11029" s="6">
        <v>186812</v>
      </c>
      <c r="C11029" s="6" t="s">
        <v>11</v>
      </c>
      <c r="D11029" s="6" t="s">
        <v>334</v>
      </c>
      <c r="E11029" s="6">
        <v>25754</v>
      </c>
      <c r="F11029" s="6" t="s">
        <v>18</v>
      </c>
      <c r="G11029" s="6" t="s">
        <v>5350</v>
      </c>
      <c r="H11029" s="6" t="s">
        <v>5351</v>
      </c>
      <c r="I11029" s="7">
        <v>4.5847562000000002</v>
      </c>
      <c r="J11029" s="8">
        <v>-74.225611700000002</v>
      </c>
    </row>
    <row r="11030" spans="1:10" x14ac:dyDescent="0.35">
      <c r="A11030" s="5" t="s">
        <v>10</v>
      </c>
      <c r="B11030" s="6">
        <v>235960</v>
      </c>
      <c r="C11030" s="6" t="s">
        <v>278</v>
      </c>
      <c r="D11030" s="6" t="s">
        <v>279</v>
      </c>
      <c r="E11030" s="6">
        <v>50001</v>
      </c>
      <c r="F11030" s="6" t="s">
        <v>18</v>
      </c>
      <c r="G11030" s="6" t="s">
        <v>20993</v>
      </c>
      <c r="H11030" s="6" t="s">
        <v>20994</v>
      </c>
      <c r="I11030" s="7">
        <v>4.1378000999999998</v>
      </c>
      <c r="J11030" s="8">
        <v>-73.623684800000007</v>
      </c>
    </row>
    <row r="11031" spans="1:10" x14ac:dyDescent="0.35">
      <c r="A11031" s="5" t="s">
        <v>10</v>
      </c>
      <c r="B11031" s="6">
        <v>201321</v>
      </c>
      <c r="C11031" s="6" t="s">
        <v>278</v>
      </c>
      <c r="D11031" s="6" t="s">
        <v>279</v>
      </c>
      <c r="E11031" s="6">
        <v>50001</v>
      </c>
      <c r="F11031" s="6" t="s">
        <v>18</v>
      </c>
      <c r="G11031" s="6" t="s">
        <v>20995</v>
      </c>
      <c r="H11031" s="6" t="s">
        <v>20996</v>
      </c>
      <c r="I11031" s="7">
        <v>4.1611357999999896</v>
      </c>
      <c r="J11031" s="8">
        <v>-73.654157900000001</v>
      </c>
    </row>
    <row r="11032" spans="1:10" x14ac:dyDescent="0.35">
      <c r="A11032" s="5" t="s">
        <v>10</v>
      </c>
      <c r="B11032" s="6">
        <v>238996</v>
      </c>
      <c r="C11032" s="6" t="s">
        <v>11</v>
      </c>
      <c r="D11032" s="6" t="s">
        <v>334</v>
      </c>
      <c r="E11032" s="6">
        <v>25754</v>
      </c>
      <c r="F11032" s="6" t="s">
        <v>18</v>
      </c>
      <c r="G11032" s="6" t="s">
        <v>20997</v>
      </c>
      <c r="H11032" s="6" t="s">
        <v>20998</v>
      </c>
      <c r="I11032" s="7">
        <v>4.5682524999999998</v>
      </c>
      <c r="J11032" s="8">
        <v>-74.218001900000004</v>
      </c>
    </row>
    <row r="11033" spans="1:10" x14ac:dyDescent="0.35">
      <c r="A11033" s="5" t="s">
        <v>10</v>
      </c>
      <c r="B11033" s="6">
        <v>246679</v>
      </c>
      <c r="C11033" s="6" t="s">
        <v>11</v>
      </c>
      <c r="D11033" s="6" t="s">
        <v>12</v>
      </c>
      <c r="E11033" s="6">
        <v>25899</v>
      </c>
      <c r="F11033" s="6" t="s">
        <v>18</v>
      </c>
      <c r="G11033" s="6" t="s">
        <v>20999</v>
      </c>
      <c r="H11033" s="6" t="s">
        <v>21000</v>
      </c>
      <c r="I11033" s="7">
        <v>5.022723</v>
      </c>
      <c r="J11033" s="8">
        <v>-74.003083899999993</v>
      </c>
    </row>
    <row r="11034" spans="1:10" x14ac:dyDescent="0.35">
      <c r="A11034" s="5" t="s">
        <v>10</v>
      </c>
      <c r="B11034" s="6">
        <v>219565</v>
      </c>
      <c r="C11034" s="6" t="s">
        <v>68</v>
      </c>
      <c r="D11034" s="6" t="s">
        <v>69</v>
      </c>
      <c r="E11034" s="6">
        <v>11001</v>
      </c>
      <c r="F11034" s="6" t="s">
        <v>18</v>
      </c>
      <c r="G11034" s="6" t="s">
        <v>21001</v>
      </c>
      <c r="H11034" s="6" t="s">
        <v>21002</v>
      </c>
      <c r="I11034" s="7">
        <v>4.5645081999999997</v>
      </c>
      <c r="J11034" s="8">
        <v>-74.167146000000002</v>
      </c>
    </row>
    <row r="11035" spans="1:10" x14ac:dyDescent="0.35">
      <c r="A11035" s="5" t="s">
        <v>10</v>
      </c>
      <c r="B11035" s="6">
        <v>205680</v>
      </c>
      <c r="C11035" s="6" t="s">
        <v>16</v>
      </c>
      <c r="D11035" s="6" t="s">
        <v>78</v>
      </c>
      <c r="E11035" s="6">
        <v>68001</v>
      </c>
      <c r="F11035" s="6" t="s">
        <v>18</v>
      </c>
      <c r="G11035" s="6" t="s">
        <v>21003</v>
      </c>
      <c r="H11035" s="6" t="s">
        <v>21004</v>
      </c>
      <c r="I11035" s="7">
        <v>7.0679349</v>
      </c>
      <c r="J11035" s="8">
        <v>-73.086170800000005</v>
      </c>
    </row>
    <row r="11036" spans="1:10" x14ac:dyDescent="0.35">
      <c r="A11036" s="5" t="s">
        <v>10</v>
      </c>
      <c r="B11036" s="6">
        <v>162896</v>
      </c>
      <c r="C11036" s="6" t="s">
        <v>294</v>
      </c>
      <c r="D11036" s="6" t="s">
        <v>5497</v>
      </c>
      <c r="E11036" s="6">
        <v>41013</v>
      </c>
      <c r="F11036" s="6" t="s">
        <v>13</v>
      </c>
      <c r="G11036" s="6" t="s">
        <v>21005</v>
      </c>
      <c r="H11036" s="6" t="s">
        <v>21006</v>
      </c>
      <c r="I11036" s="7">
        <v>2.9232418999999998</v>
      </c>
      <c r="J11036" s="8">
        <v>-75.287369299999995</v>
      </c>
    </row>
    <row r="11037" spans="1:10" x14ac:dyDescent="0.35">
      <c r="A11037" s="5" t="s">
        <v>10</v>
      </c>
      <c r="B11037" s="6">
        <v>227840</v>
      </c>
      <c r="C11037" s="6" t="s">
        <v>11</v>
      </c>
      <c r="D11037" s="6" t="s">
        <v>334</v>
      </c>
      <c r="E11037" s="6">
        <v>25754</v>
      </c>
      <c r="F11037" s="6" t="s">
        <v>18</v>
      </c>
      <c r="G11037" s="6" t="s">
        <v>21007</v>
      </c>
      <c r="H11037" s="6" t="s">
        <v>21008</v>
      </c>
      <c r="I11037" s="7">
        <v>4.5758849000000001</v>
      </c>
      <c r="J11037" s="8">
        <v>-74.240120300000001</v>
      </c>
    </row>
    <row r="11038" spans="1:10" x14ac:dyDescent="0.35">
      <c r="A11038" s="5" t="s">
        <v>10</v>
      </c>
      <c r="B11038" s="6">
        <v>135114</v>
      </c>
      <c r="C11038" s="6" t="s">
        <v>24</v>
      </c>
      <c r="D11038" s="6" t="s">
        <v>2110</v>
      </c>
      <c r="E11038" s="6">
        <v>15244</v>
      </c>
      <c r="F11038" s="6" t="s">
        <v>18</v>
      </c>
      <c r="G11038" s="6" t="s">
        <v>21009</v>
      </c>
      <c r="H11038" s="6" t="s">
        <v>21010</v>
      </c>
      <c r="I11038" s="7">
        <v>6.4088909999999997</v>
      </c>
      <c r="J11038" s="8">
        <v>-72.4454499</v>
      </c>
    </row>
    <row r="11039" spans="1:10" x14ac:dyDescent="0.35">
      <c r="A11039" s="5" t="s">
        <v>10</v>
      </c>
      <c r="B11039" s="6">
        <v>201867</v>
      </c>
      <c r="C11039" s="6" t="s">
        <v>278</v>
      </c>
      <c r="D11039" s="6" t="s">
        <v>279</v>
      </c>
      <c r="E11039" s="6">
        <v>50001</v>
      </c>
      <c r="F11039" s="6" t="s">
        <v>18</v>
      </c>
      <c r="G11039" s="6" t="s">
        <v>3911</v>
      </c>
      <c r="H11039" s="6" t="s">
        <v>3912</v>
      </c>
      <c r="I11039" s="7">
        <v>4.1491588999999998</v>
      </c>
      <c r="J11039" s="8">
        <v>-73.628503499999994</v>
      </c>
    </row>
    <row r="11040" spans="1:10" x14ac:dyDescent="0.35">
      <c r="A11040" s="5" t="s">
        <v>10</v>
      </c>
      <c r="B11040" s="6">
        <v>216008</v>
      </c>
      <c r="C11040" s="6" t="s">
        <v>3788</v>
      </c>
      <c r="D11040" s="6" t="s">
        <v>3974</v>
      </c>
      <c r="E11040" s="6">
        <v>18001</v>
      </c>
      <c r="F11040" s="6" t="s">
        <v>18</v>
      </c>
      <c r="G11040" s="6" t="s">
        <v>21011</v>
      </c>
      <c r="H11040" s="6" t="s">
        <v>20086</v>
      </c>
      <c r="I11040" s="7">
        <v>1.6157163999999999</v>
      </c>
      <c r="J11040" s="8">
        <v>-75.613240300000001</v>
      </c>
    </row>
    <row r="11041" spans="1:10" x14ac:dyDescent="0.35">
      <c r="A11041" s="5" t="s">
        <v>10</v>
      </c>
      <c r="B11041" s="6">
        <v>223934</v>
      </c>
      <c r="C11041" s="6" t="s">
        <v>11</v>
      </c>
      <c r="D11041" s="6" t="s">
        <v>4661</v>
      </c>
      <c r="E11041" s="6">
        <v>25662</v>
      </c>
      <c r="F11041" s="6" t="s">
        <v>18</v>
      </c>
      <c r="G11041" s="6" t="s">
        <v>21012</v>
      </c>
      <c r="H11041" s="6" t="s">
        <v>21013</v>
      </c>
      <c r="I11041" s="7">
        <v>4.8468909999999896</v>
      </c>
      <c r="J11041" s="8">
        <v>-74.622303000000002</v>
      </c>
    </row>
    <row r="11042" spans="1:10" x14ac:dyDescent="0.35">
      <c r="A11042" s="5" t="s">
        <v>10</v>
      </c>
      <c r="B11042" s="6">
        <v>216935</v>
      </c>
      <c r="C11042" s="6" t="s">
        <v>68</v>
      </c>
      <c r="D11042" s="6" t="s">
        <v>69</v>
      </c>
      <c r="E11042" s="6">
        <v>11001</v>
      </c>
      <c r="F11042" s="6" t="s">
        <v>18</v>
      </c>
      <c r="G11042" s="6" t="s">
        <v>21014</v>
      </c>
      <c r="H11042" s="6" t="s">
        <v>21015</v>
      </c>
      <c r="I11042" s="7">
        <v>4.5807744000000001</v>
      </c>
      <c r="J11042" s="8">
        <v>-74.071572199999906</v>
      </c>
    </row>
    <row r="11043" spans="1:10" x14ac:dyDescent="0.35">
      <c r="A11043" s="5" t="s">
        <v>10</v>
      </c>
      <c r="B11043" s="6">
        <v>246632</v>
      </c>
      <c r="C11043" s="6" t="s">
        <v>278</v>
      </c>
      <c r="D11043" s="6" t="s">
        <v>1331</v>
      </c>
      <c r="E11043" s="6">
        <v>50006</v>
      </c>
      <c r="F11043" s="6" t="s">
        <v>18</v>
      </c>
      <c r="G11043" s="6" t="s">
        <v>21016</v>
      </c>
      <c r="H11043" s="6" t="s">
        <v>21017</v>
      </c>
      <c r="I11043" s="7">
        <v>3.9864076000000002</v>
      </c>
      <c r="J11043" s="8">
        <v>-73.767791399999993</v>
      </c>
    </row>
    <row r="11044" spans="1:10" x14ac:dyDescent="0.35">
      <c r="A11044" s="5" t="s">
        <v>10</v>
      </c>
      <c r="B11044" s="6">
        <v>188922</v>
      </c>
      <c r="C11044" s="6" t="s">
        <v>294</v>
      </c>
      <c r="D11044" s="6" t="s">
        <v>4257</v>
      </c>
      <c r="E11044" s="6">
        <v>41524</v>
      </c>
      <c r="F11044" s="6" t="s">
        <v>18</v>
      </c>
      <c r="G11044" s="6" t="s">
        <v>21018</v>
      </c>
      <c r="H11044" s="6" t="s">
        <v>21019</v>
      </c>
      <c r="I11044" s="7">
        <v>2.9640152</v>
      </c>
      <c r="J11044" s="8">
        <v>-75.309248499999995</v>
      </c>
    </row>
    <row r="11045" spans="1:10" x14ac:dyDescent="0.35">
      <c r="A11045" s="5" t="s">
        <v>10</v>
      </c>
      <c r="B11045" s="6">
        <v>210675</v>
      </c>
      <c r="C11045" s="6" t="s">
        <v>190</v>
      </c>
      <c r="D11045" s="6" t="s">
        <v>191</v>
      </c>
      <c r="E11045" s="6">
        <v>5001</v>
      </c>
      <c r="F11045" s="6" t="s">
        <v>18</v>
      </c>
      <c r="G11045" s="6" t="s">
        <v>4501</v>
      </c>
      <c r="H11045" s="6" t="s">
        <v>4502</v>
      </c>
      <c r="I11045" s="7">
        <v>4.6474224999999896</v>
      </c>
      <c r="J11045" s="8">
        <v>-74.177553199999906</v>
      </c>
    </row>
    <row r="11046" spans="1:10" x14ac:dyDescent="0.35">
      <c r="A11046" s="5" t="s">
        <v>10</v>
      </c>
      <c r="B11046" s="6">
        <v>201363</v>
      </c>
      <c r="C11046" s="6" t="s">
        <v>294</v>
      </c>
      <c r="D11046" s="6" t="s">
        <v>447</v>
      </c>
      <c r="E11046" s="6">
        <v>41551</v>
      </c>
      <c r="F11046" s="6" t="s">
        <v>18</v>
      </c>
      <c r="G11046" s="6" t="s">
        <v>21020</v>
      </c>
      <c r="H11046" s="6" t="s">
        <v>21021</v>
      </c>
      <c r="I11046" s="7">
        <v>1.8503166</v>
      </c>
      <c r="J11046" s="8">
        <v>-76.046500899999998</v>
      </c>
    </row>
    <row r="11047" spans="1:10" x14ac:dyDescent="0.35">
      <c r="A11047" s="5" t="s">
        <v>10</v>
      </c>
      <c r="B11047" s="6">
        <v>210326</v>
      </c>
      <c r="C11047" s="6" t="s">
        <v>294</v>
      </c>
      <c r="D11047" s="6" t="s">
        <v>4244</v>
      </c>
      <c r="E11047" s="6">
        <v>41298</v>
      </c>
      <c r="F11047" s="6" t="s">
        <v>18</v>
      </c>
      <c r="G11047" s="6" t="s">
        <v>21022</v>
      </c>
      <c r="H11047" s="6" t="s">
        <v>21023</v>
      </c>
      <c r="I11047" s="7">
        <v>2.1913998000000001</v>
      </c>
      <c r="J11047" s="8">
        <v>-75.634749099999993</v>
      </c>
    </row>
    <row r="11048" spans="1:10" x14ac:dyDescent="0.35">
      <c r="A11048" s="5" t="s">
        <v>10</v>
      </c>
      <c r="B11048" s="6">
        <v>176083</v>
      </c>
      <c r="C11048" s="6" t="s">
        <v>190</v>
      </c>
      <c r="D11048" s="6" t="s">
        <v>5480</v>
      </c>
      <c r="E11048" s="6">
        <v>5495</v>
      </c>
      <c r="F11048" s="6" t="s">
        <v>18</v>
      </c>
      <c r="G11048" s="6" t="s">
        <v>5481</v>
      </c>
      <c r="H11048" s="6" t="s">
        <v>5482</v>
      </c>
      <c r="I11048" s="7">
        <v>8.0962736999999994</v>
      </c>
      <c r="J11048" s="8">
        <v>-74.775586500000003</v>
      </c>
    </row>
    <row r="11049" spans="1:10" x14ac:dyDescent="0.35">
      <c r="A11049" s="5" t="s">
        <v>10</v>
      </c>
      <c r="B11049" s="6">
        <v>205968</v>
      </c>
      <c r="C11049" s="6" t="s">
        <v>24</v>
      </c>
      <c r="D11049" s="6" t="s">
        <v>11867</v>
      </c>
      <c r="E11049" s="6">
        <v>15401</v>
      </c>
      <c r="F11049" s="6" t="s">
        <v>18</v>
      </c>
      <c r="G11049" s="6" t="s">
        <v>21024</v>
      </c>
      <c r="H11049" s="6" t="s">
        <v>21025</v>
      </c>
      <c r="I11049" s="7">
        <v>7.0995216000000001</v>
      </c>
      <c r="J11049" s="8">
        <v>-73.116519699999998</v>
      </c>
    </row>
    <row r="11050" spans="1:10" x14ac:dyDescent="0.35">
      <c r="A11050" s="5" t="s">
        <v>10</v>
      </c>
      <c r="B11050" s="6">
        <v>212787</v>
      </c>
      <c r="C11050" s="6" t="s">
        <v>16</v>
      </c>
      <c r="D11050" s="6" t="s">
        <v>1401</v>
      </c>
      <c r="E11050" s="6">
        <v>68307</v>
      </c>
      <c r="F11050" s="6" t="s">
        <v>18</v>
      </c>
      <c r="G11050" s="6" t="s">
        <v>21026</v>
      </c>
      <c r="H11050" s="6" t="s">
        <v>21027</v>
      </c>
      <c r="I11050" s="7">
        <v>7.0503516999999896</v>
      </c>
      <c r="J11050" s="8">
        <v>-73.165313799999893</v>
      </c>
    </row>
    <row r="11051" spans="1:10" x14ac:dyDescent="0.35">
      <c r="A11051" s="5" t="s">
        <v>10</v>
      </c>
      <c r="B11051" s="6">
        <v>225619</v>
      </c>
      <c r="C11051" s="6" t="s">
        <v>16</v>
      </c>
      <c r="D11051" s="6" t="s">
        <v>78</v>
      </c>
      <c r="E11051" s="6">
        <v>68001</v>
      </c>
      <c r="F11051" s="6" t="s">
        <v>18</v>
      </c>
      <c r="G11051" s="6" t="s">
        <v>21028</v>
      </c>
      <c r="H11051" s="6" t="s">
        <v>21029</v>
      </c>
      <c r="I11051" s="7">
        <v>7.0842997999999904</v>
      </c>
      <c r="J11051" s="8">
        <v>-73.144487299999994</v>
      </c>
    </row>
    <row r="11052" spans="1:10" x14ac:dyDescent="0.35">
      <c r="A11052" s="5" t="s">
        <v>10</v>
      </c>
      <c r="B11052" s="6">
        <v>207027</v>
      </c>
      <c r="C11052" s="6" t="s">
        <v>551</v>
      </c>
      <c r="D11052" s="6" t="s">
        <v>1550</v>
      </c>
      <c r="E11052" s="6">
        <v>20710</v>
      </c>
      <c r="F11052" s="6" t="s">
        <v>18</v>
      </c>
      <c r="G11052" s="6" t="s">
        <v>21030</v>
      </c>
      <c r="H11052" s="6" t="s">
        <v>21031</v>
      </c>
      <c r="I11052" s="7">
        <v>7.7652954000000003</v>
      </c>
      <c r="J11052" s="8">
        <v>-73.392285799999996</v>
      </c>
    </row>
    <row r="11053" spans="1:10" x14ac:dyDescent="0.35">
      <c r="A11053" s="5" t="s">
        <v>10</v>
      </c>
      <c r="B11053" s="6">
        <v>228915</v>
      </c>
      <c r="C11053" s="6" t="s">
        <v>294</v>
      </c>
      <c r="D11053" s="6" t="s">
        <v>543</v>
      </c>
      <c r="E11053" s="6">
        <v>41396</v>
      </c>
      <c r="F11053" s="6" t="s">
        <v>18</v>
      </c>
      <c r="G11053" s="6" t="s">
        <v>21032</v>
      </c>
      <c r="H11053" s="6" t="s">
        <v>21033</v>
      </c>
      <c r="I11053" s="7">
        <v>2.3892758000000001</v>
      </c>
      <c r="J11053" s="8">
        <v>-75.887132300000005</v>
      </c>
    </row>
    <row r="11054" spans="1:10" x14ac:dyDescent="0.35">
      <c r="A11054" s="5" t="s">
        <v>10</v>
      </c>
      <c r="B11054" s="6">
        <v>237548</v>
      </c>
      <c r="C11054" s="6" t="s">
        <v>11</v>
      </c>
      <c r="D11054" s="6" t="s">
        <v>334</v>
      </c>
      <c r="E11054" s="6">
        <v>25754</v>
      </c>
      <c r="F11054" s="6" t="s">
        <v>18</v>
      </c>
      <c r="G11054" s="6" t="s">
        <v>21034</v>
      </c>
      <c r="H11054" s="6" t="s">
        <v>21035</v>
      </c>
      <c r="I11054" s="7">
        <v>4.5978124999999999</v>
      </c>
      <c r="J11054" s="8">
        <v>-74.191322200000002</v>
      </c>
    </row>
    <row r="11055" spans="1:10" x14ac:dyDescent="0.35">
      <c r="A11055" s="5" t="s">
        <v>10</v>
      </c>
      <c r="B11055" s="6">
        <v>243116</v>
      </c>
      <c r="C11055" s="6" t="s">
        <v>11</v>
      </c>
      <c r="D11055" s="6" t="s">
        <v>159</v>
      </c>
      <c r="E11055" s="6">
        <v>25175</v>
      </c>
      <c r="F11055" s="6" t="s">
        <v>18</v>
      </c>
      <c r="G11055" s="6" t="s">
        <v>21036</v>
      </c>
      <c r="H11055" s="6" t="s">
        <v>21037</v>
      </c>
      <c r="I11055" s="7">
        <v>4.8621086</v>
      </c>
      <c r="J11055" s="8">
        <v>-74.061166299999996</v>
      </c>
    </row>
    <row r="11056" spans="1:10" x14ac:dyDescent="0.35">
      <c r="A11056" s="5" t="s">
        <v>10</v>
      </c>
      <c r="B11056" s="6">
        <v>243137</v>
      </c>
      <c r="C11056" s="6" t="s">
        <v>11</v>
      </c>
      <c r="D11056" s="6" t="s">
        <v>3379</v>
      </c>
      <c r="E11056" s="6">
        <v>25407</v>
      </c>
      <c r="F11056" s="6" t="s">
        <v>18</v>
      </c>
      <c r="G11056" s="6" t="s">
        <v>21038</v>
      </c>
      <c r="H11056" s="6" t="s">
        <v>21039</v>
      </c>
      <c r="I11056" s="7">
        <v>5.3064103999999999</v>
      </c>
      <c r="J11056" s="8">
        <v>-73.711260100000004</v>
      </c>
    </row>
    <row r="11057" spans="1:10" x14ac:dyDescent="0.35">
      <c r="A11057" s="5" t="s">
        <v>10</v>
      </c>
      <c r="B11057" s="6">
        <v>245903</v>
      </c>
      <c r="C11057" s="6" t="s">
        <v>11</v>
      </c>
      <c r="D11057" s="6" t="s">
        <v>159</v>
      </c>
      <c r="E11057" s="6">
        <v>25175</v>
      </c>
      <c r="F11057" s="6" t="s">
        <v>18</v>
      </c>
      <c r="G11057" s="6" t="s">
        <v>21040</v>
      </c>
      <c r="H11057" s="6" t="s">
        <v>21041</v>
      </c>
      <c r="I11057" s="7">
        <v>4.8633829000000004</v>
      </c>
      <c r="J11057" s="8">
        <v>-74.0510333</v>
      </c>
    </row>
    <row r="11058" spans="1:10" x14ac:dyDescent="0.35">
      <c r="A11058" s="5" t="s">
        <v>10</v>
      </c>
      <c r="B11058" s="6">
        <v>232560</v>
      </c>
      <c r="C11058" s="6" t="s">
        <v>11</v>
      </c>
      <c r="D11058" s="6" t="s">
        <v>3054</v>
      </c>
      <c r="E11058" s="6">
        <v>25269</v>
      </c>
      <c r="F11058" s="6" t="s">
        <v>18</v>
      </c>
      <c r="G11058" s="6" t="s">
        <v>21042</v>
      </c>
      <c r="H11058" s="6" t="s">
        <v>21043</v>
      </c>
      <c r="I11058" s="7">
        <v>4.8065049999999996</v>
      </c>
      <c r="J11058" s="8">
        <v>-74.347825900000004</v>
      </c>
    </row>
    <row r="11059" spans="1:10" x14ac:dyDescent="0.35">
      <c r="A11059" s="5" t="s">
        <v>10</v>
      </c>
      <c r="B11059" s="6">
        <v>224597</v>
      </c>
      <c r="C11059" s="6" t="s">
        <v>11</v>
      </c>
      <c r="D11059" s="6" t="s">
        <v>680</v>
      </c>
      <c r="E11059" s="6">
        <v>25743</v>
      </c>
      <c r="F11059" s="6" t="s">
        <v>18</v>
      </c>
      <c r="G11059" s="6" t="s">
        <v>21044</v>
      </c>
      <c r="H11059" s="6" t="s">
        <v>21045</v>
      </c>
      <c r="I11059" s="7">
        <v>4.4062459</v>
      </c>
      <c r="J11059" s="8">
        <v>-74.386116099999995</v>
      </c>
    </row>
    <row r="11060" spans="1:10" x14ac:dyDescent="0.35">
      <c r="A11060" s="5" t="s">
        <v>10</v>
      </c>
      <c r="B11060" s="6">
        <v>180433</v>
      </c>
      <c r="C11060" s="6" t="s">
        <v>68</v>
      </c>
      <c r="D11060" s="6" t="s">
        <v>69</v>
      </c>
      <c r="E11060" s="6">
        <v>11001</v>
      </c>
      <c r="F11060" s="6" t="s">
        <v>18</v>
      </c>
      <c r="G11060" s="6" t="s">
        <v>21046</v>
      </c>
      <c r="H11060" s="6" t="s">
        <v>21047</v>
      </c>
      <c r="I11060" s="7">
        <v>4.6776970999999996</v>
      </c>
      <c r="J11060" s="8">
        <v>-74.143704200000002</v>
      </c>
    </row>
    <row r="11061" spans="1:10" x14ac:dyDescent="0.35">
      <c r="A11061" s="5" t="s">
        <v>10</v>
      </c>
      <c r="B11061" s="6">
        <v>234421</v>
      </c>
      <c r="C11061" s="6" t="s">
        <v>68</v>
      </c>
      <c r="D11061" s="6" t="s">
        <v>69</v>
      </c>
      <c r="E11061" s="6">
        <v>11001</v>
      </c>
      <c r="F11061" s="6" t="s">
        <v>18</v>
      </c>
      <c r="G11061" s="6" t="s">
        <v>13676</v>
      </c>
      <c r="H11061" s="6" t="s">
        <v>21048</v>
      </c>
      <c r="I11061" s="7">
        <v>4.5841735000000003</v>
      </c>
      <c r="J11061" s="8">
        <v>-74.087071100000003</v>
      </c>
    </row>
    <row r="11062" spans="1:10" x14ac:dyDescent="0.35">
      <c r="A11062" s="5" t="s">
        <v>10</v>
      </c>
      <c r="B11062" s="6">
        <v>127234</v>
      </c>
      <c r="C11062" s="6" t="s">
        <v>759</v>
      </c>
      <c r="D11062" s="6" t="s">
        <v>5212</v>
      </c>
      <c r="E11062" s="6">
        <v>99524</v>
      </c>
      <c r="F11062" s="6" t="s">
        <v>18</v>
      </c>
      <c r="G11062" s="6" t="s">
        <v>21049</v>
      </c>
      <c r="H11062" s="6" t="s">
        <v>21050</v>
      </c>
      <c r="I11062" s="7">
        <v>5.4894159</v>
      </c>
      <c r="J11062" s="8">
        <v>-70.414165699999998</v>
      </c>
    </row>
    <row r="11063" spans="1:10" x14ac:dyDescent="0.35">
      <c r="A11063" s="5" t="s">
        <v>10</v>
      </c>
      <c r="B11063" s="6">
        <v>211435</v>
      </c>
      <c r="C11063" s="6" t="s">
        <v>294</v>
      </c>
      <c r="D11063" s="6" t="s">
        <v>703</v>
      </c>
      <c r="E11063" s="6">
        <v>41001</v>
      </c>
      <c r="F11063" s="6" t="s">
        <v>18</v>
      </c>
      <c r="G11063" s="6" t="s">
        <v>21051</v>
      </c>
      <c r="H11063" s="6" t="s">
        <v>21052</v>
      </c>
      <c r="I11063" s="7">
        <v>2.8986831999999998</v>
      </c>
      <c r="J11063" s="8">
        <v>-75.259078700000003</v>
      </c>
    </row>
    <row r="11064" spans="1:10" x14ac:dyDescent="0.35">
      <c r="A11064" s="5" t="s">
        <v>10</v>
      </c>
      <c r="B11064" s="6">
        <v>215632</v>
      </c>
      <c r="C11064" s="6" t="s">
        <v>11</v>
      </c>
      <c r="D11064" s="6" t="s">
        <v>159</v>
      </c>
      <c r="E11064" s="6">
        <v>25175</v>
      </c>
      <c r="F11064" s="6" t="s">
        <v>18</v>
      </c>
      <c r="G11064" s="6" t="s">
        <v>21053</v>
      </c>
      <c r="H11064" s="6" t="s">
        <v>21054</v>
      </c>
      <c r="I11064" s="7">
        <v>4.8647580000000001</v>
      </c>
      <c r="J11064" s="8">
        <v>-74.050917999999996</v>
      </c>
    </row>
    <row r="11065" spans="1:10" x14ac:dyDescent="0.35">
      <c r="A11065" s="5" t="s">
        <v>10</v>
      </c>
      <c r="B11065" s="6">
        <v>233531</v>
      </c>
      <c r="C11065" s="6" t="s">
        <v>11</v>
      </c>
      <c r="D11065" s="6" t="s">
        <v>3852</v>
      </c>
      <c r="E11065" s="6">
        <v>25486</v>
      </c>
      <c r="F11065" s="6" t="s">
        <v>18</v>
      </c>
      <c r="G11065" s="6" t="s">
        <v>21055</v>
      </c>
      <c r="H11065" s="6" t="s">
        <v>21056</v>
      </c>
      <c r="I11065" s="7">
        <v>5.0679600000000002</v>
      </c>
      <c r="J11065" s="8">
        <v>-73.878020000000006</v>
      </c>
    </row>
    <row r="11066" spans="1:10" x14ac:dyDescent="0.35">
      <c r="A11066" s="5" t="s">
        <v>10</v>
      </c>
      <c r="B11066" s="6">
        <v>203409</v>
      </c>
      <c r="C11066" s="6" t="s">
        <v>28</v>
      </c>
      <c r="D11066" s="6" t="s">
        <v>91</v>
      </c>
      <c r="E11066" s="6">
        <v>54874</v>
      </c>
      <c r="F11066" s="6" t="s">
        <v>18</v>
      </c>
      <c r="G11066" s="6" t="s">
        <v>20161</v>
      </c>
      <c r="H11066" s="6" t="s">
        <v>21057</v>
      </c>
      <c r="I11066" s="7">
        <v>7.8645817999999998</v>
      </c>
      <c r="J11066" s="8">
        <v>-72.472865499999997</v>
      </c>
    </row>
    <row r="11067" spans="1:10" x14ac:dyDescent="0.35">
      <c r="A11067" s="5" t="s">
        <v>10</v>
      </c>
      <c r="B11067" s="6">
        <v>235539</v>
      </c>
      <c r="C11067" s="6" t="s">
        <v>11</v>
      </c>
      <c r="D11067" s="6" t="s">
        <v>3054</v>
      </c>
      <c r="E11067" s="6">
        <v>25269</v>
      </c>
      <c r="F11067" s="6" t="s">
        <v>18</v>
      </c>
      <c r="G11067" s="6" t="s">
        <v>21058</v>
      </c>
      <c r="H11067" s="6" t="s">
        <v>21059</v>
      </c>
      <c r="I11067" s="7">
        <v>4.8727391999999998</v>
      </c>
      <c r="J11067" s="8">
        <v>-74.292207399999995</v>
      </c>
    </row>
    <row r="11068" spans="1:10" x14ac:dyDescent="0.35">
      <c r="A11068" s="5" t="s">
        <v>10</v>
      </c>
      <c r="B11068" s="6">
        <v>188887</v>
      </c>
      <c r="C11068" s="6" t="s">
        <v>294</v>
      </c>
      <c r="D11068" s="6" t="s">
        <v>703</v>
      </c>
      <c r="E11068" s="6">
        <v>41001</v>
      </c>
      <c r="F11068" s="6" t="s">
        <v>18</v>
      </c>
      <c r="G11068" s="6" t="s">
        <v>21060</v>
      </c>
      <c r="H11068" s="6" t="s">
        <v>21061</v>
      </c>
      <c r="I11068" s="7">
        <v>2.9273954</v>
      </c>
      <c r="J11068" s="8">
        <v>-75.286624699999905</v>
      </c>
    </row>
    <row r="11069" spans="1:10" x14ac:dyDescent="0.35">
      <c r="A11069" s="5" t="s">
        <v>10</v>
      </c>
      <c r="B11069" s="6">
        <v>226376</v>
      </c>
      <c r="C11069" s="6" t="s">
        <v>109</v>
      </c>
      <c r="D11069" s="6" t="s">
        <v>377</v>
      </c>
      <c r="E11069" s="6">
        <v>13683</v>
      </c>
      <c r="F11069" s="6" t="s">
        <v>13</v>
      </c>
      <c r="G11069" s="6" t="s">
        <v>3737</v>
      </c>
      <c r="H11069" s="6" t="s">
        <v>21062</v>
      </c>
      <c r="I11069" s="7">
        <v>4.8664923999999896</v>
      </c>
      <c r="J11069" s="8">
        <v>-75.620755399999993</v>
      </c>
    </row>
    <row r="11070" spans="1:10" x14ac:dyDescent="0.35">
      <c r="A11070" s="5" t="s">
        <v>10</v>
      </c>
      <c r="B11070" s="6">
        <v>233452</v>
      </c>
      <c r="C11070" s="6" t="s">
        <v>11</v>
      </c>
      <c r="D11070" s="6" t="s">
        <v>337</v>
      </c>
      <c r="E11070" s="6">
        <v>25290</v>
      </c>
      <c r="F11070" s="6" t="s">
        <v>18</v>
      </c>
      <c r="G11070" s="6" t="s">
        <v>21063</v>
      </c>
      <c r="H11070" s="6" t="s">
        <v>21064</v>
      </c>
      <c r="I11070" s="7">
        <v>4.3246500000000001</v>
      </c>
      <c r="J11070" s="8">
        <v>-74.363579999999999</v>
      </c>
    </row>
    <row r="11071" spans="1:10" x14ac:dyDescent="0.35">
      <c r="A11071" s="5" t="s">
        <v>10</v>
      </c>
      <c r="B11071" s="6">
        <v>223308</v>
      </c>
      <c r="C11071" s="6" t="s">
        <v>551</v>
      </c>
      <c r="D11071" s="6" t="s">
        <v>977</v>
      </c>
      <c r="E11071" s="6">
        <v>20011</v>
      </c>
      <c r="F11071" s="6" t="s">
        <v>18</v>
      </c>
      <c r="G11071" s="6" t="s">
        <v>21065</v>
      </c>
      <c r="H11071" s="6" t="s">
        <v>21066</v>
      </c>
      <c r="I11071" s="7">
        <v>8.30874839999999</v>
      </c>
      <c r="J11071" s="8">
        <v>-73.607422</v>
      </c>
    </row>
    <row r="11072" spans="1:10" x14ac:dyDescent="0.35">
      <c r="A11072" s="5" t="s">
        <v>10</v>
      </c>
      <c r="B11072" s="6">
        <v>215961</v>
      </c>
      <c r="C11072" s="6" t="s">
        <v>3788</v>
      </c>
      <c r="D11072" s="6" t="s">
        <v>3974</v>
      </c>
      <c r="E11072" s="6">
        <v>18001</v>
      </c>
      <c r="F11072" s="6" t="s">
        <v>18</v>
      </c>
      <c r="G11072" s="6" t="s">
        <v>21067</v>
      </c>
      <c r="H11072" s="6" t="s">
        <v>21068</v>
      </c>
      <c r="I11072" s="7">
        <v>1.6157163999999999</v>
      </c>
      <c r="J11072" s="8">
        <v>-75.613240300000001</v>
      </c>
    </row>
    <row r="11073" spans="1:10" x14ac:dyDescent="0.35">
      <c r="A11073" s="5" t="s">
        <v>10</v>
      </c>
      <c r="B11073" s="6">
        <v>203216</v>
      </c>
      <c r="C11073" s="6" t="s">
        <v>2821</v>
      </c>
      <c r="D11073" s="6" t="s">
        <v>1066</v>
      </c>
      <c r="E11073" s="6">
        <v>47675</v>
      </c>
      <c r="F11073" s="6" t="s">
        <v>18</v>
      </c>
      <c r="G11073" s="6" t="s">
        <v>20579</v>
      </c>
      <c r="H11073" s="6" t="s">
        <v>20580</v>
      </c>
      <c r="I11073" s="7">
        <v>10.4911049</v>
      </c>
      <c r="J11073" s="8">
        <v>-74.794525999999905</v>
      </c>
    </row>
    <row r="11074" spans="1:10" x14ac:dyDescent="0.35">
      <c r="A11074" s="5" t="s">
        <v>10</v>
      </c>
      <c r="B11074" s="6">
        <v>183519</v>
      </c>
      <c r="C11074" s="6" t="s">
        <v>16</v>
      </c>
      <c r="D11074" s="6" t="s">
        <v>78</v>
      </c>
      <c r="E11074" s="6">
        <v>68001</v>
      </c>
      <c r="F11074" s="6" t="s">
        <v>18</v>
      </c>
      <c r="G11074" s="6" t="s">
        <v>6397</v>
      </c>
      <c r="H11074" s="6" t="s">
        <v>6398</v>
      </c>
      <c r="I11074" s="7">
        <v>7.0922954999999996</v>
      </c>
      <c r="J11074" s="8">
        <v>-73.097156900000002</v>
      </c>
    </row>
    <row r="11075" spans="1:10" x14ac:dyDescent="0.35">
      <c r="A11075" s="5" t="s">
        <v>10</v>
      </c>
      <c r="B11075" s="6">
        <v>211824</v>
      </c>
      <c r="C11075" s="6" t="s">
        <v>294</v>
      </c>
      <c r="D11075" s="6" t="s">
        <v>3557</v>
      </c>
      <c r="E11075" s="6">
        <v>41319</v>
      </c>
      <c r="F11075" s="6" t="s">
        <v>18</v>
      </c>
      <c r="G11075" s="6" t="s">
        <v>7440</v>
      </c>
      <c r="H11075" s="6" t="s">
        <v>21069</v>
      </c>
      <c r="I11075" s="7">
        <v>2.0255610000000002</v>
      </c>
      <c r="J11075" s="8">
        <v>-75.758955</v>
      </c>
    </row>
    <row r="11076" spans="1:10" x14ac:dyDescent="0.35">
      <c r="A11076" s="5" t="s">
        <v>10</v>
      </c>
      <c r="B11076" s="6">
        <v>243044</v>
      </c>
      <c r="C11076" s="6" t="s">
        <v>11</v>
      </c>
      <c r="D11076" s="6" t="s">
        <v>334</v>
      </c>
      <c r="E11076" s="6">
        <v>25754</v>
      </c>
      <c r="F11076" s="6" t="s">
        <v>18</v>
      </c>
      <c r="G11076" s="6" t="s">
        <v>21070</v>
      </c>
      <c r="H11076" s="6" t="s">
        <v>21071</v>
      </c>
      <c r="I11076" s="7">
        <v>4.5906642</v>
      </c>
      <c r="J11076" s="8">
        <v>-74.224264000000005</v>
      </c>
    </row>
    <row r="11077" spans="1:10" x14ac:dyDescent="0.35">
      <c r="A11077" s="5" t="s">
        <v>10</v>
      </c>
      <c r="B11077" s="6">
        <v>229164</v>
      </c>
      <c r="C11077" s="6" t="s">
        <v>68</v>
      </c>
      <c r="D11077" s="6" t="s">
        <v>69</v>
      </c>
      <c r="E11077" s="6">
        <v>11001</v>
      </c>
      <c r="F11077" s="6" t="s">
        <v>18</v>
      </c>
      <c r="G11077" s="6" t="s">
        <v>21072</v>
      </c>
      <c r="H11077" s="6" t="s">
        <v>21073</v>
      </c>
      <c r="I11077" s="7">
        <v>4.5142530000000001</v>
      </c>
      <c r="J11077" s="8">
        <v>-74.114375999999993</v>
      </c>
    </row>
    <row r="11078" spans="1:10" x14ac:dyDescent="0.35">
      <c r="A11078" s="5" t="s">
        <v>10</v>
      </c>
      <c r="B11078" s="6">
        <v>202814</v>
      </c>
      <c r="C11078" s="6" t="s">
        <v>278</v>
      </c>
      <c r="D11078" s="6" t="s">
        <v>279</v>
      </c>
      <c r="E11078" s="6">
        <v>50001</v>
      </c>
      <c r="F11078" s="6" t="s">
        <v>18</v>
      </c>
      <c r="G11078" s="6" t="s">
        <v>21074</v>
      </c>
      <c r="H11078" s="6" t="s">
        <v>21075</v>
      </c>
      <c r="I11078" s="7">
        <v>4.1241940000000001</v>
      </c>
      <c r="J11078" s="8">
        <v>-73.634172100000001</v>
      </c>
    </row>
    <row r="11079" spans="1:10" x14ac:dyDescent="0.35">
      <c r="A11079" s="5" t="s">
        <v>10</v>
      </c>
      <c r="B11079" s="6">
        <v>236300</v>
      </c>
      <c r="C11079" s="6" t="s">
        <v>278</v>
      </c>
      <c r="D11079" s="6" t="s">
        <v>3651</v>
      </c>
      <c r="E11079" s="6">
        <v>50313</v>
      </c>
      <c r="F11079" s="6" t="s">
        <v>18</v>
      </c>
      <c r="G11079" s="6" t="s">
        <v>21076</v>
      </c>
      <c r="H11079" s="6" t="s">
        <v>21077</v>
      </c>
      <c r="I11079" s="7">
        <v>3.5392187000000002</v>
      </c>
      <c r="J11079" s="8">
        <v>-73.705376099999995</v>
      </c>
    </row>
    <row r="11080" spans="1:10" x14ac:dyDescent="0.35">
      <c r="A11080" s="5" t="s">
        <v>10</v>
      </c>
      <c r="B11080" s="6">
        <v>208271</v>
      </c>
      <c r="C11080" s="6" t="s">
        <v>294</v>
      </c>
      <c r="D11080" s="6" t="s">
        <v>703</v>
      </c>
      <c r="E11080" s="6">
        <v>41001</v>
      </c>
      <c r="F11080" s="6" t="s">
        <v>18</v>
      </c>
      <c r="G11080" s="6" t="s">
        <v>21078</v>
      </c>
      <c r="H11080" s="6" t="s">
        <v>21079</v>
      </c>
      <c r="I11080" s="7">
        <v>2.9277757000000002</v>
      </c>
      <c r="J11080" s="8">
        <v>-75.2903953</v>
      </c>
    </row>
    <row r="11081" spans="1:10" x14ac:dyDescent="0.35">
      <c r="A11081" s="5" t="s">
        <v>10</v>
      </c>
      <c r="B11081" s="6">
        <v>234732</v>
      </c>
      <c r="C11081" s="6" t="s">
        <v>294</v>
      </c>
      <c r="D11081" s="6" t="s">
        <v>6101</v>
      </c>
      <c r="E11081" s="6">
        <v>41349</v>
      </c>
      <c r="F11081" s="6" t="s">
        <v>18</v>
      </c>
      <c r="G11081" s="6" t="s">
        <v>21080</v>
      </c>
      <c r="H11081" s="6" t="s">
        <v>21081</v>
      </c>
      <c r="I11081" s="7">
        <v>2.5811362</v>
      </c>
      <c r="J11081" s="8">
        <v>-75.447642200000004</v>
      </c>
    </row>
    <row r="11082" spans="1:10" x14ac:dyDescent="0.35">
      <c r="A11082" s="5" t="s">
        <v>10</v>
      </c>
      <c r="B11082" s="6">
        <v>239776</v>
      </c>
      <c r="C11082" s="6" t="s">
        <v>11</v>
      </c>
      <c r="D11082" s="6" t="s">
        <v>334</v>
      </c>
      <c r="E11082" s="6">
        <v>25754</v>
      </c>
      <c r="F11082" s="6" t="s">
        <v>18</v>
      </c>
      <c r="G11082" s="6" t="s">
        <v>21082</v>
      </c>
      <c r="H11082" s="6" t="s">
        <v>21083</v>
      </c>
      <c r="I11082" s="7">
        <v>4.5702220000000002</v>
      </c>
      <c r="J11082" s="8">
        <v>-74.230973199999994</v>
      </c>
    </row>
    <row r="11083" spans="1:10" x14ac:dyDescent="0.35">
      <c r="A11083" s="5" t="s">
        <v>10</v>
      </c>
      <c r="B11083" s="6">
        <v>198667</v>
      </c>
      <c r="C11083" s="6" t="s">
        <v>551</v>
      </c>
      <c r="D11083" s="6" t="s">
        <v>977</v>
      </c>
      <c r="E11083" s="6">
        <v>20011</v>
      </c>
      <c r="F11083" s="6" t="s">
        <v>18</v>
      </c>
      <c r="G11083" s="6" t="s">
        <v>21084</v>
      </c>
      <c r="H11083" s="6" t="s">
        <v>21085</v>
      </c>
      <c r="I11083" s="7">
        <v>8.3011607999999999</v>
      </c>
      <c r="J11083" s="8">
        <v>-73.616992600000003</v>
      </c>
    </row>
    <row r="11084" spans="1:10" x14ac:dyDescent="0.35">
      <c r="A11084" s="5" t="s">
        <v>10</v>
      </c>
      <c r="B11084" s="6">
        <v>228701</v>
      </c>
      <c r="C11084" s="6" t="s">
        <v>11</v>
      </c>
      <c r="D11084" s="6" t="s">
        <v>221</v>
      </c>
      <c r="E11084" s="6">
        <v>25430</v>
      </c>
      <c r="F11084" s="6" t="s">
        <v>18</v>
      </c>
      <c r="G11084" s="6" t="s">
        <v>21086</v>
      </c>
      <c r="H11084" s="6" t="s">
        <v>21087</v>
      </c>
      <c r="I11084" s="7">
        <v>4.7316856999999999</v>
      </c>
      <c r="J11084" s="8">
        <v>-74.2646388</v>
      </c>
    </row>
    <row r="11085" spans="1:10" x14ac:dyDescent="0.35">
      <c r="A11085" s="5" t="s">
        <v>10</v>
      </c>
      <c r="B11085" s="6">
        <v>212860</v>
      </c>
      <c r="C11085" s="6" t="s">
        <v>278</v>
      </c>
      <c r="D11085" s="6" t="s">
        <v>1331</v>
      </c>
      <c r="E11085" s="6">
        <v>50006</v>
      </c>
      <c r="F11085" s="6" t="s">
        <v>18</v>
      </c>
      <c r="G11085" s="6" t="s">
        <v>21088</v>
      </c>
      <c r="H11085" s="6" t="s">
        <v>21089</v>
      </c>
      <c r="I11085" s="7">
        <v>3.991663</v>
      </c>
      <c r="J11085" s="8">
        <v>-73.766128999999907</v>
      </c>
    </row>
    <row r="11086" spans="1:10" x14ac:dyDescent="0.35">
      <c r="A11086" s="5" t="s">
        <v>10</v>
      </c>
      <c r="B11086" s="6">
        <v>140397</v>
      </c>
      <c r="C11086" s="6" t="s">
        <v>11</v>
      </c>
      <c r="D11086" s="6" t="s">
        <v>159</v>
      </c>
      <c r="E11086" s="6">
        <v>25175</v>
      </c>
      <c r="F11086" s="6" t="s">
        <v>18</v>
      </c>
      <c r="G11086" s="6" t="s">
        <v>4260</v>
      </c>
      <c r="H11086" s="6" t="s">
        <v>4261</v>
      </c>
      <c r="I11086" s="7">
        <v>4.8554401</v>
      </c>
      <c r="J11086" s="8">
        <v>-74.060735600000001</v>
      </c>
    </row>
    <row r="11087" spans="1:10" x14ac:dyDescent="0.35">
      <c r="A11087" s="5" t="s">
        <v>10</v>
      </c>
      <c r="B11087" s="6">
        <v>185486</v>
      </c>
      <c r="C11087" s="6" t="s">
        <v>16</v>
      </c>
      <c r="D11087" s="6" t="s">
        <v>78</v>
      </c>
      <c r="E11087" s="6">
        <v>68001</v>
      </c>
      <c r="F11087" s="6" t="s">
        <v>18</v>
      </c>
      <c r="G11087" s="6" t="s">
        <v>7179</v>
      </c>
      <c r="H11087" s="6" t="s">
        <v>21090</v>
      </c>
      <c r="I11087" s="7">
        <v>7.1205786999999896</v>
      </c>
      <c r="J11087" s="8">
        <v>-73.135313699999998</v>
      </c>
    </row>
    <row r="11088" spans="1:10" x14ac:dyDescent="0.35">
      <c r="A11088" s="5" t="s">
        <v>10</v>
      </c>
      <c r="B11088" s="6">
        <v>220621</v>
      </c>
      <c r="C11088" s="6" t="s">
        <v>16</v>
      </c>
      <c r="D11088" s="6" t="s">
        <v>78</v>
      </c>
      <c r="E11088" s="6">
        <v>68001</v>
      </c>
      <c r="F11088" s="6" t="s">
        <v>18</v>
      </c>
      <c r="G11088" s="6" t="s">
        <v>20387</v>
      </c>
      <c r="H11088" s="6" t="s">
        <v>20388</v>
      </c>
      <c r="I11088" s="7">
        <v>7.1051045999999998</v>
      </c>
      <c r="J11088" s="8">
        <v>-73.113857099999905</v>
      </c>
    </row>
    <row r="11089" spans="1:10" x14ac:dyDescent="0.35">
      <c r="A11089" s="5" t="s">
        <v>10</v>
      </c>
      <c r="B11089" s="6">
        <v>239695</v>
      </c>
      <c r="C11089" s="6" t="s">
        <v>2130</v>
      </c>
      <c r="D11089" s="6" t="s">
        <v>2131</v>
      </c>
      <c r="E11089" s="6">
        <v>85001</v>
      </c>
      <c r="F11089" s="6" t="s">
        <v>18</v>
      </c>
      <c r="G11089" s="6" t="s">
        <v>21091</v>
      </c>
      <c r="H11089" s="6" t="s">
        <v>21092</v>
      </c>
      <c r="I11089" s="7">
        <v>5.3394129000000001</v>
      </c>
      <c r="J11089" s="8">
        <v>-72.382427000000007</v>
      </c>
    </row>
    <row r="11090" spans="1:10" x14ac:dyDescent="0.35">
      <c r="A11090" s="5" t="s">
        <v>10</v>
      </c>
      <c r="B11090" s="6">
        <v>239098</v>
      </c>
      <c r="C11090" s="6" t="s">
        <v>278</v>
      </c>
      <c r="D11090" s="6" t="s">
        <v>279</v>
      </c>
      <c r="E11090" s="6">
        <v>50001</v>
      </c>
      <c r="F11090" s="6" t="s">
        <v>18</v>
      </c>
      <c r="G11090" s="6" t="s">
        <v>21093</v>
      </c>
      <c r="H11090" s="6" t="s">
        <v>21094</v>
      </c>
      <c r="I11090" s="7">
        <v>4.0995346000000001</v>
      </c>
      <c r="J11090" s="8">
        <v>-73.656689600000007</v>
      </c>
    </row>
    <row r="11091" spans="1:10" x14ac:dyDescent="0.35">
      <c r="A11091" s="5" t="s">
        <v>10</v>
      </c>
      <c r="B11091" s="6">
        <v>243459</v>
      </c>
      <c r="C11091" s="6" t="s">
        <v>3788</v>
      </c>
      <c r="D11091" s="6" t="s">
        <v>17357</v>
      </c>
      <c r="E11091" s="6">
        <v>18860</v>
      </c>
      <c r="F11091" s="6" t="s">
        <v>18</v>
      </c>
      <c r="G11091" s="6" t="s">
        <v>21095</v>
      </c>
      <c r="H11091" s="6" t="s">
        <v>21096</v>
      </c>
      <c r="I11091" s="7">
        <v>1.1932738000000001</v>
      </c>
      <c r="J11091" s="8">
        <v>-75.708191099999993</v>
      </c>
    </row>
    <row r="11092" spans="1:10" x14ac:dyDescent="0.35">
      <c r="A11092" s="5" t="s">
        <v>10</v>
      </c>
      <c r="B11092" s="6">
        <v>239458</v>
      </c>
      <c r="C11092" s="6" t="s">
        <v>294</v>
      </c>
      <c r="D11092" s="6" t="s">
        <v>5931</v>
      </c>
      <c r="E11092" s="6">
        <v>41770</v>
      </c>
      <c r="F11092" s="6" t="s">
        <v>18</v>
      </c>
      <c r="G11092" s="6" t="s">
        <v>21097</v>
      </c>
      <c r="H11092" s="6" t="s">
        <v>21098</v>
      </c>
      <c r="I11092" s="7">
        <v>1.9769565</v>
      </c>
      <c r="J11092" s="8">
        <v>-75.795039599999996</v>
      </c>
    </row>
    <row r="11093" spans="1:10" x14ac:dyDescent="0.35">
      <c r="A11093" s="5" t="s">
        <v>10</v>
      </c>
      <c r="B11093" s="6">
        <v>246347</v>
      </c>
      <c r="C11093" s="6" t="s">
        <v>3788</v>
      </c>
      <c r="D11093" s="6" t="s">
        <v>3974</v>
      </c>
      <c r="E11093" s="6">
        <v>18001</v>
      </c>
      <c r="F11093" s="6" t="s">
        <v>18</v>
      </c>
      <c r="G11093" s="6" t="s">
        <v>21099</v>
      </c>
      <c r="H11093" s="6" t="s">
        <v>21100</v>
      </c>
      <c r="I11093" s="7">
        <v>1.6251492000000001</v>
      </c>
      <c r="J11093" s="8">
        <v>-75.598817499999996</v>
      </c>
    </row>
    <row r="11094" spans="1:10" x14ac:dyDescent="0.35">
      <c r="A11094" s="5" t="s">
        <v>10</v>
      </c>
      <c r="B11094" s="6">
        <v>244885</v>
      </c>
      <c r="C11094" s="6" t="s">
        <v>11</v>
      </c>
      <c r="D11094" s="6" t="s">
        <v>680</v>
      </c>
      <c r="E11094" s="6">
        <v>25743</v>
      </c>
      <c r="F11094" s="6" t="s">
        <v>18</v>
      </c>
      <c r="G11094" s="6" t="s">
        <v>21101</v>
      </c>
      <c r="H11094" s="6" t="s">
        <v>21102</v>
      </c>
      <c r="I11094" s="7">
        <v>4.3989342999999996</v>
      </c>
      <c r="J11094" s="8">
        <v>-74.384062200000002</v>
      </c>
    </row>
    <row r="11095" spans="1:10" x14ac:dyDescent="0.35">
      <c r="A11095" s="5" t="s">
        <v>10</v>
      </c>
      <c r="B11095" s="6">
        <v>210307</v>
      </c>
      <c r="C11095" s="6" t="s">
        <v>68</v>
      </c>
      <c r="D11095" s="6" t="s">
        <v>69</v>
      </c>
      <c r="E11095" s="6">
        <v>11001</v>
      </c>
      <c r="F11095" s="6" t="s">
        <v>18</v>
      </c>
      <c r="G11095" s="6" t="s">
        <v>6722</v>
      </c>
      <c r="H11095" s="6" t="s">
        <v>21103</v>
      </c>
      <c r="I11095" s="7">
        <v>4.6716936999999996</v>
      </c>
      <c r="J11095" s="8">
        <v>-74.058033299999906</v>
      </c>
    </row>
    <row r="11096" spans="1:10" x14ac:dyDescent="0.35">
      <c r="A11096" s="5" t="s">
        <v>10</v>
      </c>
      <c r="B11096" s="6">
        <v>237432</v>
      </c>
      <c r="C11096" s="6" t="s">
        <v>68</v>
      </c>
      <c r="D11096" s="6" t="s">
        <v>69</v>
      </c>
      <c r="E11096" s="6">
        <v>11001</v>
      </c>
      <c r="F11096" s="6" t="s">
        <v>2161</v>
      </c>
      <c r="G11096" s="6" t="s">
        <v>21104</v>
      </c>
      <c r="H11096" s="6" t="s">
        <v>21105</v>
      </c>
      <c r="I11096" s="7">
        <v>4.7454352000000002</v>
      </c>
      <c r="J11096" s="8">
        <v>-74.118724400000005</v>
      </c>
    </row>
    <row r="11097" spans="1:10" x14ac:dyDescent="0.35">
      <c r="A11097" s="5" t="s">
        <v>10</v>
      </c>
      <c r="B11097" s="6">
        <v>222859</v>
      </c>
      <c r="C11097" s="6" t="s">
        <v>68</v>
      </c>
      <c r="D11097" s="6" t="s">
        <v>69</v>
      </c>
      <c r="E11097" s="6">
        <v>11001</v>
      </c>
      <c r="F11097" s="6" t="s">
        <v>18</v>
      </c>
      <c r="G11097" s="6" t="s">
        <v>21106</v>
      </c>
      <c r="H11097" s="6" t="s">
        <v>21107</v>
      </c>
      <c r="I11097" s="7">
        <v>4.5677703999999997</v>
      </c>
      <c r="J11097" s="8">
        <v>-74.086941799999906</v>
      </c>
    </row>
    <row r="11098" spans="1:10" x14ac:dyDescent="0.35">
      <c r="A11098" s="5" t="s">
        <v>10</v>
      </c>
      <c r="B11098" s="6">
        <v>215633</v>
      </c>
      <c r="C11098" s="6" t="s">
        <v>294</v>
      </c>
      <c r="D11098" s="6" t="s">
        <v>447</v>
      </c>
      <c r="E11098" s="6">
        <v>41551</v>
      </c>
      <c r="F11098" s="6" t="s">
        <v>18</v>
      </c>
      <c r="G11098" s="6" t="s">
        <v>21108</v>
      </c>
      <c r="H11098" s="6" t="s">
        <v>21109</v>
      </c>
      <c r="I11098" s="7">
        <v>1.8458794000000001</v>
      </c>
      <c r="J11098" s="8">
        <v>-76.048262100000002</v>
      </c>
    </row>
    <row r="11099" spans="1:10" x14ac:dyDescent="0.35">
      <c r="A11099" s="5" t="s">
        <v>10</v>
      </c>
      <c r="B11099" s="6">
        <v>233895</v>
      </c>
      <c r="C11099" s="6" t="s">
        <v>294</v>
      </c>
      <c r="D11099" s="6" t="s">
        <v>447</v>
      </c>
      <c r="E11099" s="6">
        <v>41551</v>
      </c>
      <c r="F11099" s="6" t="s">
        <v>18</v>
      </c>
      <c r="G11099" s="6" t="s">
        <v>21110</v>
      </c>
      <c r="H11099" s="6" t="s">
        <v>21111</v>
      </c>
      <c r="I11099" s="7">
        <v>1.91669</v>
      </c>
      <c r="J11099" s="8">
        <v>-76.033370000000005</v>
      </c>
    </row>
    <row r="11100" spans="1:10" x14ac:dyDescent="0.35">
      <c r="A11100" s="5" t="s">
        <v>10</v>
      </c>
      <c r="B11100" s="6">
        <v>163215</v>
      </c>
      <c r="C11100" s="6" t="s">
        <v>294</v>
      </c>
      <c r="D11100" s="6" t="s">
        <v>5931</v>
      </c>
      <c r="E11100" s="6">
        <v>41770</v>
      </c>
      <c r="F11100" s="6" t="s">
        <v>13</v>
      </c>
      <c r="G11100" s="6" t="s">
        <v>7380</v>
      </c>
      <c r="H11100" s="6" t="s">
        <v>7381</v>
      </c>
      <c r="I11100" s="7">
        <v>1.9769565</v>
      </c>
      <c r="J11100" s="8">
        <v>-75.795039599999996</v>
      </c>
    </row>
    <row r="11101" spans="1:10" x14ac:dyDescent="0.35">
      <c r="A11101" s="5" t="s">
        <v>10</v>
      </c>
      <c r="B11101" s="6">
        <v>210240</v>
      </c>
      <c r="C11101" s="6" t="s">
        <v>11</v>
      </c>
      <c r="D11101" s="6" t="s">
        <v>106</v>
      </c>
      <c r="E11101" s="6">
        <v>25843</v>
      </c>
      <c r="F11101" s="6" t="s">
        <v>18</v>
      </c>
      <c r="G11101" s="6" t="s">
        <v>19647</v>
      </c>
      <c r="H11101" s="6" t="s">
        <v>21112</v>
      </c>
      <c r="I11101" s="7">
        <v>5.3120240000000001</v>
      </c>
      <c r="J11101" s="8">
        <v>-73.818221999999906</v>
      </c>
    </row>
    <row r="11102" spans="1:10" x14ac:dyDescent="0.35">
      <c r="A11102" s="5" t="s">
        <v>10</v>
      </c>
      <c r="B11102" s="6">
        <v>206611</v>
      </c>
      <c r="C11102" s="6" t="s">
        <v>117</v>
      </c>
      <c r="D11102" s="6" t="s">
        <v>3492</v>
      </c>
      <c r="E11102" s="6">
        <v>76520</v>
      </c>
      <c r="F11102" s="6" t="s">
        <v>18</v>
      </c>
      <c r="G11102" s="6" t="s">
        <v>5215</v>
      </c>
      <c r="H11102" s="6" t="s">
        <v>5216</v>
      </c>
      <c r="I11102" s="7">
        <v>3.4429397000000002</v>
      </c>
      <c r="J11102" s="8">
        <v>-76.523510199999905</v>
      </c>
    </row>
    <row r="11103" spans="1:10" x14ac:dyDescent="0.35">
      <c r="A11103" s="5" t="s">
        <v>10</v>
      </c>
      <c r="B11103" s="6">
        <v>185797</v>
      </c>
      <c r="C11103" s="6" t="s">
        <v>16</v>
      </c>
      <c r="D11103" s="6" t="s">
        <v>78</v>
      </c>
      <c r="E11103" s="6">
        <v>68001</v>
      </c>
      <c r="F11103" s="6" t="s">
        <v>18</v>
      </c>
      <c r="G11103" s="6" t="s">
        <v>21113</v>
      </c>
      <c r="H11103" s="6" t="s">
        <v>21114</v>
      </c>
      <c r="I11103" s="7">
        <v>7.1137877999999999</v>
      </c>
      <c r="J11103" s="8">
        <v>-73.131856900000002</v>
      </c>
    </row>
    <row r="11104" spans="1:10" x14ac:dyDescent="0.35">
      <c r="A11104" s="5" t="s">
        <v>10</v>
      </c>
      <c r="B11104" s="6">
        <v>245234</v>
      </c>
      <c r="C11104" s="6" t="s">
        <v>278</v>
      </c>
      <c r="D11104" s="6" t="s">
        <v>3789</v>
      </c>
      <c r="E11104" s="6">
        <v>50590</v>
      </c>
      <c r="F11104" s="6" t="s">
        <v>18</v>
      </c>
      <c r="G11104" s="6" t="s">
        <v>113</v>
      </c>
      <c r="H11104" s="6" t="s">
        <v>21115</v>
      </c>
      <c r="I11104" s="7">
        <v>2.9412099999999999</v>
      </c>
      <c r="J11104" s="8">
        <v>-73.207470000000001</v>
      </c>
    </row>
    <row r="11105" spans="1:10" x14ac:dyDescent="0.35">
      <c r="A11105" s="5" t="s">
        <v>10</v>
      </c>
      <c r="B11105" s="6">
        <v>218660</v>
      </c>
      <c r="C11105" s="6" t="s">
        <v>11</v>
      </c>
      <c r="D11105" s="6" t="s">
        <v>337</v>
      </c>
      <c r="E11105" s="6">
        <v>25290</v>
      </c>
      <c r="F11105" s="6" t="s">
        <v>18</v>
      </c>
      <c r="G11105" s="6" t="s">
        <v>21116</v>
      </c>
      <c r="H11105" s="6" t="s">
        <v>21117</v>
      </c>
      <c r="I11105" s="7">
        <v>4.3265297</v>
      </c>
      <c r="J11105" s="8">
        <v>-74.362085299999904</v>
      </c>
    </row>
    <row r="11106" spans="1:10" x14ac:dyDescent="0.35">
      <c r="A11106" s="5" t="s">
        <v>10</v>
      </c>
      <c r="B11106" s="6">
        <v>233273</v>
      </c>
      <c r="C11106" s="6" t="s">
        <v>11</v>
      </c>
      <c r="D11106" s="6" t="s">
        <v>407</v>
      </c>
      <c r="E11106" s="6">
        <v>25126</v>
      </c>
      <c r="F11106" s="6" t="s">
        <v>18</v>
      </c>
      <c r="G11106" s="6" t="s">
        <v>21118</v>
      </c>
      <c r="H11106" s="6" t="s">
        <v>21119</v>
      </c>
      <c r="I11106" s="7">
        <v>4.9188299999999998</v>
      </c>
      <c r="J11106" s="8">
        <v>-74.015090000000001</v>
      </c>
    </row>
    <row r="11107" spans="1:10" x14ac:dyDescent="0.35">
      <c r="A11107" s="5" t="s">
        <v>10</v>
      </c>
      <c r="B11107" s="6">
        <v>246327</v>
      </c>
      <c r="C11107" s="6" t="s">
        <v>11</v>
      </c>
      <c r="D11107" s="6" t="s">
        <v>513</v>
      </c>
      <c r="E11107" s="6">
        <v>25286</v>
      </c>
      <c r="F11107" s="6" t="s">
        <v>18</v>
      </c>
      <c r="G11107" s="6" t="s">
        <v>21120</v>
      </c>
      <c r="H11107" s="6" t="s">
        <v>21121</v>
      </c>
      <c r="I11107" s="7">
        <v>4.7176676999999998</v>
      </c>
      <c r="J11107" s="8">
        <v>-74.211874100000003</v>
      </c>
    </row>
    <row r="11108" spans="1:10" x14ac:dyDescent="0.35">
      <c r="A11108" s="5" t="s">
        <v>10</v>
      </c>
      <c r="B11108" s="6">
        <v>234705</v>
      </c>
      <c r="C11108" s="6" t="s">
        <v>68</v>
      </c>
      <c r="D11108" s="6" t="s">
        <v>69</v>
      </c>
      <c r="E11108" s="6">
        <v>11001</v>
      </c>
      <c r="F11108" s="6" t="s">
        <v>18</v>
      </c>
      <c r="G11108" s="6" t="s">
        <v>21122</v>
      </c>
      <c r="H11108" s="6" t="s">
        <v>21123</v>
      </c>
      <c r="I11108" s="7">
        <v>4.6076331000000001</v>
      </c>
      <c r="J11108" s="8">
        <v>-74.126303800000002</v>
      </c>
    </row>
    <row r="11109" spans="1:10" x14ac:dyDescent="0.35">
      <c r="A11109" s="5" t="s">
        <v>10</v>
      </c>
      <c r="B11109" s="6">
        <v>185532</v>
      </c>
      <c r="C11109" s="6" t="s">
        <v>11</v>
      </c>
      <c r="D11109" s="6" t="s">
        <v>513</v>
      </c>
      <c r="E11109" s="6">
        <v>25286</v>
      </c>
      <c r="F11109" s="6" t="s">
        <v>18</v>
      </c>
      <c r="G11109" s="6" t="s">
        <v>20898</v>
      </c>
      <c r="H11109" s="6" t="s">
        <v>20899</v>
      </c>
      <c r="I11109" s="7">
        <v>4.7080446</v>
      </c>
      <c r="J11109" s="8">
        <v>-74.217593299999905</v>
      </c>
    </row>
    <row r="11110" spans="1:10" x14ac:dyDescent="0.35">
      <c r="A11110" s="5" t="s">
        <v>10</v>
      </c>
      <c r="B11110" s="6">
        <v>155185</v>
      </c>
      <c r="C11110" s="6" t="s">
        <v>16</v>
      </c>
      <c r="D11110" s="6" t="s">
        <v>78</v>
      </c>
      <c r="E11110" s="6">
        <v>68001</v>
      </c>
      <c r="F11110" s="6" t="s">
        <v>18</v>
      </c>
      <c r="G11110" s="6" t="s">
        <v>4016</v>
      </c>
      <c r="H11110" s="6" t="s">
        <v>4017</v>
      </c>
      <c r="I11110" s="7">
        <v>7.1357876999999998</v>
      </c>
      <c r="J11110" s="8">
        <v>-73.128473999999997</v>
      </c>
    </row>
    <row r="11111" spans="1:10" x14ac:dyDescent="0.35">
      <c r="A11111" s="5" t="s">
        <v>10</v>
      </c>
      <c r="B11111" s="6">
        <v>204405</v>
      </c>
      <c r="C11111" s="6" t="s">
        <v>11</v>
      </c>
      <c r="D11111" s="6" t="s">
        <v>4944</v>
      </c>
      <c r="E11111" s="6">
        <v>25878</v>
      </c>
      <c r="F11111" s="6" t="s">
        <v>18</v>
      </c>
      <c r="G11111" s="6" t="s">
        <v>21124</v>
      </c>
      <c r="H11111" s="6" t="s">
        <v>21125</v>
      </c>
      <c r="I11111" s="7">
        <v>4.4373224999999996</v>
      </c>
      <c r="J11111" s="8">
        <v>-74.521815199999907</v>
      </c>
    </row>
    <row r="11112" spans="1:10" x14ac:dyDescent="0.35">
      <c r="A11112" s="5" t="s">
        <v>10</v>
      </c>
      <c r="B11112" s="6">
        <v>230993</v>
      </c>
      <c r="C11112" s="6" t="s">
        <v>11</v>
      </c>
      <c r="D11112" s="6" t="s">
        <v>4282</v>
      </c>
      <c r="E11112" s="6">
        <v>25181</v>
      </c>
      <c r="F11112" s="6" t="s">
        <v>18</v>
      </c>
      <c r="G11112" s="6" t="s">
        <v>4580</v>
      </c>
      <c r="H11112" s="6" t="s">
        <v>4581</v>
      </c>
      <c r="I11112" s="7">
        <v>4.5273349999999999</v>
      </c>
      <c r="J11112" s="8">
        <v>-73.922921000000002</v>
      </c>
    </row>
    <row r="11113" spans="1:10" x14ac:dyDescent="0.35">
      <c r="A11113" s="5" t="s">
        <v>10</v>
      </c>
      <c r="B11113" s="6">
        <v>244369</v>
      </c>
      <c r="C11113" s="6" t="s">
        <v>68</v>
      </c>
      <c r="D11113" s="6" t="s">
        <v>69</v>
      </c>
      <c r="E11113" s="6">
        <v>11001</v>
      </c>
      <c r="F11113" s="6" t="s">
        <v>18</v>
      </c>
      <c r="G11113" s="6" t="s">
        <v>21126</v>
      </c>
      <c r="H11113" s="6" t="s">
        <v>21127</v>
      </c>
      <c r="I11113" s="7">
        <v>4.7283483000000004</v>
      </c>
      <c r="J11113" s="8">
        <v>-74.104513299999994</v>
      </c>
    </row>
    <row r="11114" spans="1:10" x14ac:dyDescent="0.35">
      <c r="A11114" s="5" t="s">
        <v>10</v>
      </c>
      <c r="B11114" s="6">
        <v>220684</v>
      </c>
      <c r="C11114" s="6" t="s">
        <v>11</v>
      </c>
      <c r="D11114" s="6" t="s">
        <v>12</v>
      </c>
      <c r="E11114" s="6">
        <v>25899</v>
      </c>
      <c r="F11114" s="6" t="s">
        <v>18</v>
      </c>
      <c r="G11114" s="6" t="s">
        <v>21128</v>
      </c>
      <c r="H11114" s="6" t="s">
        <v>21129</v>
      </c>
      <c r="I11114" s="7">
        <v>5.0358801</v>
      </c>
      <c r="J11114" s="8">
        <v>-73.993582900000007</v>
      </c>
    </row>
    <row r="11115" spans="1:10" x14ac:dyDescent="0.35">
      <c r="A11115" s="5" t="s">
        <v>10</v>
      </c>
      <c r="B11115" s="6">
        <v>238529</v>
      </c>
      <c r="C11115" s="6" t="s">
        <v>16</v>
      </c>
      <c r="D11115" s="6" t="s">
        <v>1401</v>
      </c>
      <c r="E11115" s="6">
        <v>68307</v>
      </c>
      <c r="F11115" s="6" t="s">
        <v>2161</v>
      </c>
      <c r="G11115" s="6" t="s">
        <v>21130</v>
      </c>
      <c r="H11115" s="6" t="s">
        <v>21131</v>
      </c>
      <c r="I11115" s="7">
        <v>7.0699990000000001</v>
      </c>
      <c r="J11115" s="8">
        <v>-73.163822800000005</v>
      </c>
    </row>
    <row r="11116" spans="1:10" x14ac:dyDescent="0.35">
      <c r="A11116" s="5" t="s">
        <v>10</v>
      </c>
      <c r="B11116" s="6">
        <v>245067</v>
      </c>
      <c r="C11116" s="6" t="s">
        <v>294</v>
      </c>
      <c r="D11116" s="6" t="s">
        <v>4244</v>
      </c>
      <c r="E11116" s="6">
        <v>41298</v>
      </c>
      <c r="F11116" s="6" t="s">
        <v>18</v>
      </c>
      <c r="G11116" s="6" t="s">
        <v>21132</v>
      </c>
      <c r="H11116" s="6" t="s">
        <v>21133</v>
      </c>
      <c r="I11116" s="7">
        <v>2.1913630999999998</v>
      </c>
      <c r="J11116" s="8">
        <v>-75.624662200000003</v>
      </c>
    </row>
    <row r="11117" spans="1:10" x14ac:dyDescent="0.35">
      <c r="A11117" s="5" t="s">
        <v>10</v>
      </c>
      <c r="B11117" s="6">
        <v>154441</v>
      </c>
      <c r="C11117" s="6" t="s">
        <v>68</v>
      </c>
      <c r="D11117" s="6" t="s">
        <v>69</v>
      </c>
      <c r="E11117" s="6">
        <v>11001</v>
      </c>
      <c r="F11117" s="6" t="s">
        <v>18</v>
      </c>
      <c r="G11117" s="6" t="s">
        <v>4056</v>
      </c>
      <c r="H11117" s="6" t="s">
        <v>4057</v>
      </c>
      <c r="I11117" s="7">
        <v>4.6410041999999896</v>
      </c>
      <c r="J11117" s="8">
        <v>-74.195989699999998</v>
      </c>
    </row>
    <row r="11118" spans="1:10" x14ac:dyDescent="0.35">
      <c r="A11118" s="5" t="s">
        <v>10</v>
      </c>
      <c r="B11118" s="6">
        <v>173348</v>
      </c>
      <c r="C11118" s="6" t="s">
        <v>11</v>
      </c>
      <c r="D11118" s="6" t="s">
        <v>337</v>
      </c>
      <c r="E11118" s="6">
        <v>25290</v>
      </c>
      <c r="F11118" s="6" t="s">
        <v>18</v>
      </c>
      <c r="G11118" s="6" t="s">
        <v>4537</v>
      </c>
      <c r="H11118" s="6" t="s">
        <v>4538</v>
      </c>
      <c r="I11118" s="7">
        <v>4.3486342000000002</v>
      </c>
      <c r="J11118" s="8">
        <v>-74.363046400000002</v>
      </c>
    </row>
    <row r="11119" spans="1:10" x14ac:dyDescent="0.35">
      <c r="A11119" s="5" t="s">
        <v>10</v>
      </c>
      <c r="B11119" s="6">
        <v>222882</v>
      </c>
      <c r="C11119" s="6" t="s">
        <v>11</v>
      </c>
      <c r="D11119" s="6" t="s">
        <v>337</v>
      </c>
      <c r="E11119" s="6">
        <v>25290</v>
      </c>
      <c r="F11119" s="6" t="s">
        <v>18</v>
      </c>
      <c r="G11119" s="6" t="s">
        <v>21134</v>
      </c>
      <c r="H11119" s="6" t="s">
        <v>21135</v>
      </c>
      <c r="I11119" s="7">
        <v>4.3433735999999996</v>
      </c>
      <c r="J11119" s="8">
        <v>-74.362853899999905</v>
      </c>
    </row>
    <row r="11120" spans="1:10" x14ac:dyDescent="0.35">
      <c r="A11120" s="5" t="s">
        <v>10</v>
      </c>
      <c r="B11120" s="6">
        <v>229934</v>
      </c>
      <c r="C11120" s="6" t="s">
        <v>11</v>
      </c>
      <c r="D11120" s="6" t="s">
        <v>21</v>
      </c>
      <c r="E11120" s="6">
        <v>25386</v>
      </c>
      <c r="F11120" s="6" t="s">
        <v>18</v>
      </c>
      <c r="G11120" s="6" t="s">
        <v>21136</v>
      </c>
      <c r="H11120" s="6" t="s">
        <v>21137</v>
      </c>
      <c r="I11120" s="7">
        <v>4.6321469999999998</v>
      </c>
      <c r="J11120" s="8">
        <v>-74.463014000000001</v>
      </c>
    </row>
    <row r="11121" spans="1:10" x14ac:dyDescent="0.35">
      <c r="A11121" s="5" t="s">
        <v>10</v>
      </c>
      <c r="B11121" s="6">
        <v>203567</v>
      </c>
      <c r="C11121" s="6" t="s">
        <v>24</v>
      </c>
      <c r="D11121" s="6" t="s">
        <v>137</v>
      </c>
      <c r="E11121" s="6">
        <v>15238</v>
      </c>
      <c r="F11121" s="6" t="s">
        <v>18</v>
      </c>
      <c r="G11121" s="6" t="s">
        <v>7096</v>
      </c>
      <c r="H11121" s="6" t="s">
        <v>7097</v>
      </c>
      <c r="I11121" s="7">
        <v>5.8241521000000001</v>
      </c>
      <c r="J11121" s="8">
        <v>-73.034593000000001</v>
      </c>
    </row>
    <row r="11122" spans="1:10" x14ac:dyDescent="0.35">
      <c r="A11122" s="5" t="s">
        <v>10</v>
      </c>
      <c r="B11122" s="6">
        <v>205471</v>
      </c>
      <c r="C11122" s="6" t="s">
        <v>551</v>
      </c>
      <c r="D11122" s="6" t="s">
        <v>768</v>
      </c>
      <c r="E11122" s="6">
        <v>20621</v>
      </c>
      <c r="F11122" s="6" t="s">
        <v>18</v>
      </c>
      <c r="G11122" s="6" t="s">
        <v>5155</v>
      </c>
      <c r="H11122" s="6" t="s">
        <v>5156</v>
      </c>
      <c r="I11122" s="7">
        <v>10.3868315</v>
      </c>
      <c r="J11122" s="8">
        <v>-73.1706425</v>
      </c>
    </row>
    <row r="11123" spans="1:10" x14ac:dyDescent="0.35">
      <c r="A11123" s="5" t="s">
        <v>10</v>
      </c>
      <c r="B11123" s="6">
        <v>234266</v>
      </c>
      <c r="C11123" s="6" t="s">
        <v>294</v>
      </c>
      <c r="D11123" s="6" t="s">
        <v>447</v>
      </c>
      <c r="E11123" s="6">
        <v>41551</v>
      </c>
      <c r="F11123" s="6" t="s">
        <v>18</v>
      </c>
      <c r="G11123" s="6" t="s">
        <v>21138</v>
      </c>
      <c r="H11123" s="6" t="s">
        <v>21139</v>
      </c>
      <c r="I11123" s="7">
        <v>1.8470317999999999</v>
      </c>
      <c r="J11123" s="8">
        <v>-76.067374400000006</v>
      </c>
    </row>
    <row r="11124" spans="1:10" x14ac:dyDescent="0.35">
      <c r="A11124" s="5" t="s">
        <v>10</v>
      </c>
      <c r="B11124" s="6">
        <v>214197</v>
      </c>
      <c r="C11124" s="6" t="s">
        <v>3819</v>
      </c>
      <c r="D11124" s="6" t="s">
        <v>5557</v>
      </c>
      <c r="E11124" s="6">
        <v>86568</v>
      </c>
      <c r="F11124" s="6" t="s">
        <v>18</v>
      </c>
      <c r="G11124" s="6" t="s">
        <v>21140</v>
      </c>
      <c r="H11124" s="6" t="s">
        <v>21141</v>
      </c>
      <c r="I11124" s="7">
        <v>0.49573070000000002</v>
      </c>
      <c r="J11124" s="8">
        <v>-76.504716500000001</v>
      </c>
    </row>
    <row r="11125" spans="1:10" x14ac:dyDescent="0.35">
      <c r="A11125" s="5" t="s">
        <v>10</v>
      </c>
      <c r="B11125" s="6">
        <v>232828</v>
      </c>
      <c r="C11125" s="6" t="s">
        <v>3819</v>
      </c>
      <c r="D11125" s="6" t="s">
        <v>5557</v>
      </c>
      <c r="E11125" s="6">
        <v>86568</v>
      </c>
      <c r="F11125" s="6" t="s">
        <v>18</v>
      </c>
      <c r="G11125" s="6" t="s">
        <v>21142</v>
      </c>
      <c r="H11125" s="6" t="s">
        <v>21143</v>
      </c>
      <c r="I11125" s="7">
        <v>0.4985097</v>
      </c>
      <c r="J11125" s="8">
        <v>-76.497742799999997</v>
      </c>
    </row>
    <row r="11126" spans="1:10" x14ac:dyDescent="0.35">
      <c r="A11126" s="5" t="s">
        <v>10</v>
      </c>
      <c r="B11126" s="6">
        <v>180721</v>
      </c>
      <c r="C11126" s="6" t="s">
        <v>11</v>
      </c>
      <c r="D11126" s="6" t="s">
        <v>513</v>
      </c>
      <c r="E11126" s="6">
        <v>25286</v>
      </c>
      <c r="F11126" s="6" t="s">
        <v>18</v>
      </c>
      <c r="G11126" s="6" t="s">
        <v>20107</v>
      </c>
      <c r="H11126" s="6" t="s">
        <v>20108</v>
      </c>
      <c r="I11126" s="7">
        <v>4.7131084999999997</v>
      </c>
      <c r="J11126" s="8">
        <v>-74.199338999999995</v>
      </c>
    </row>
    <row r="11127" spans="1:10" x14ac:dyDescent="0.35">
      <c r="A11127" s="5" t="s">
        <v>10</v>
      </c>
      <c r="B11127" s="6">
        <v>186240</v>
      </c>
      <c r="C11127" s="6" t="s">
        <v>68</v>
      </c>
      <c r="D11127" s="6" t="s">
        <v>69</v>
      </c>
      <c r="E11127" s="6">
        <v>11001</v>
      </c>
      <c r="F11127" s="6" t="s">
        <v>18</v>
      </c>
      <c r="G11127" s="6" t="s">
        <v>21144</v>
      </c>
      <c r="H11127" s="6" t="s">
        <v>21145</v>
      </c>
      <c r="I11127" s="7">
        <v>4.7284734999999998</v>
      </c>
      <c r="J11127" s="8">
        <v>-74.038789699999995</v>
      </c>
    </row>
    <row r="11128" spans="1:10" x14ac:dyDescent="0.35">
      <c r="A11128" s="5" t="s">
        <v>10</v>
      </c>
      <c r="B11128" s="6">
        <v>220621</v>
      </c>
      <c r="C11128" s="6" t="s">
        <v>16</v>
      </c>
      <c r="D11128" s="6" t="s">
        <v>78</v>
      </c>
      <c r="E11128" s="6">
        <v>68001</v>
      </c>
      <c r="F11128" s="6" t="s">
        <v>18</v>
      </c>
      <c r="G11128" s="6" t="s">
        <v>20387</v>
      </c>
      <c r="H11128" s="6" t="s">
        <v>20388</v>
      </c>
      <c r="I11128" s="7">
        <v>7.1051045999999998</v>
      </c>
      <c r="J11128" s="8">
        <v>-73.113857099999905</v>
      </c>
    </row>
    <row r="11129" spans="1:10" x14ac:dyDescent="0.35">
      <c r="A11129" s="5" t="s">
        <v>10</v>
      </c>
      <c r="B11129" s="6">
        <v>242027</v>
      </c>
      <c r="C11129" s="6" t="s">
        <v>3788</v>
      </c>
      <c r="D11129" s="6" t="s">
        <v>21146</v>
      </c>
      <c r="E11129" s="6">
        <v>18756</v>
      </c>
      <c r="F11129" s="6" t="s">
        <v>18</v>
      </c>
      <c r="G11129" s="6" t="s">
        <v>21147</v>
      </c>
      <c r="H11129" s="6" t="s">
        <v>21148</v>
      </c>
      <c r="I11129" s="7">
        <v>0.699152</v>
      </c>
      <c r="J11129" s="8">
        <v>-75.253555000000006</v>
      </c>
    </row>
    <row r="11130" spans="1:10" x14ac:dyDescent="0.35">
      <c r="A11130" s="5" t="s">
        <v>10</v>
      </c>
      <c r="B11130" s="6">
        <v>245740</v>
      </c>
      <c r="C11130" s="6" t="s">
        <v>294</v>
      </c>
      <c r="D11130" s="6" t="s">
        <v>3557</v>
      </c>
      <c r="E11130" s="6">
        <v>41319</v>
      </c>
      <c r="F11130" s="6" t="s">
        <v>18</v>
      </c>
      <c r="G11130" s="6" t="s">
        <v>113</v>
      </c>
      <c r="H11130" s="6" t="s">
        <v>21149</v>
      </c>
      <c r="I11130" s="7">
        <v>2.0251553000000002</v>
      </c>
      <c r="J11130" s="8">
        <v>-75.754936299999997</v>
      </c>
    </row>
    <row r="11131" spans="1:10" x14ac:dyDescent="0.35">
      <c r="A11131" s="5" t="s">
        <v>10</v>
      </c>
      <c r="B11131" s="6">
        <v>215753</v>
      </c>
      <c r="C11131" s="6" t="s">
        <v>3788</v>
      </c>
      <c r="D11131" s="6" t="s">
        <v>3974</v>
      </c>
      <c r="E11131" s="6">
        <v>18001</v>
      </c>
      <c r="F11131" s="6" t="s">
        <v>18</v>
      </c>
      <c r="G11131" s="6" t="s">
        <v>21150</v>
      </c>
      <c r="H11131" s="6" t="s">
        <v>21151</v>
      </c>
      <c r="I11131" s="7">
        <v>1.6157931999999999</v>
      </c>
      <c r="J11131" s="8">
        <v>-75.613266699999997</v>
      </c>
    </row>
    <row r="11132" spans="1:10" x14ac:dyDescent="0.35">
      <c r="A11132" s="5" t="s">
        <v>10</v>
      </c>
      <c r="B11132" s="6">
        <v>206411</v>
      </c>
      <c r="C11132" s="6" t="s">
        <v>24</v>
      </c>
      <c r="D11132" s="6" t="s">
        <v>137</v>
      </c>
      <c r="E11132" s="6">
        <v>15238</v>
      </c>
      <c r="F11132" s="6" t="s">
        <v>18</v>
      </c>
      <c r="G11132" s="6" t="s">
        <v>21152</v>
      </c>
      <c r="H11132" s="6" t="s">
        <v>21153</v>
      </c>
      <c r="I11132" s="7">
        <v>5.8223395999999896</v>
      </c>
      <c r="J11132" s="8">
        <v>-73.024532699999995</v>
      </c>
    </row>
    <row r="11133" spans="1:10" x14ac:dyDescent="0.35">
      <c r="A11133" s="5" t="s">
        <v>10</v>
      </c>
      <c r="B11133" s="6">
        <v>240081</v>
      </c>
      <c r="C11133" s="6" t="s">
        <v>294</v>
      </c>
      <c r="D11133" s="6" t="s">
        <v>703</v>
      </c>
      <c r="E11133" s="6">
        <v>41001</v>
      </c>
      <c r="F11133" s="6" t="s">
        <v>18</v>
      </c>
      <c r="G11133" s="6" t="s">
        <v>21154</v>
      </c>
      <c r="H11133" s="6" t="s">
        <v>21155</v>
      </c>
      <c r="I11133" s="7">
        <v>2.9344887000000002</v>
      </c>
      <c r="J11133" s="8">
        <v>-75.2893483</v>
      </c>
    </row>
    <row r="11134" spans="1:10" x14ac:dyDescent="0.35">
      <c r="A11134" s="5" t="s">
        <v>10</v>
      </c>
      <c r="B11134" s="6">
        <v>238698</v>
      </c>
      <c r="C11134" s="6" t="s">
        <v>2821</v>
      </c>
      <c r="D11134" s="6" t="s">
        <v>2822</v>
      </c>
      <c r="E11134" s="6">
        <v>47001</v>
      </c>
      <c r="F11134" s="6" t="s">
        <v>18</v>
      </c>
      <c r="G11134" s="6" t="s">
        <v>3208</v>
      </c>
      <c r="H11134" s="6" t="s">
        <v>21156</v>
      </c>
      <c r="I11134" s="7">
        <v>11.246319700000001</v>
      </c>
      <c r="J11134" s="8">
        <v>-74.200980900000005</v>
      </c>
    </row>
    <row r="11135" spans="1:10" x14ac:dyDescent="0.35">
      <c r="A11135" s="5" t="s">
        <v>10</v>
      </c>
      <c r="B11135" s="6">
        <v>217539</v>
      </c>
      <c r="C11135" s="6" t="s">
        <v>294</v>
      </c>
      <c r="D11135" s="6" t="s">
        <v>3201</v>
      </c>
      <c r="E11135" s="6">
        <v>41378</v>
      </c>
      <c r="F11135" s="6" t="s">
        <v>18</v>
      </c>
      <c r="G11135" s="6" t="s">
        <v>21157</v>
      </c>
      <c r="H11135" s="6" t="s">
        <v>21158</v>
      </c>
      <c r="I11135" s="7">
        <v>2.1977370999999999</v>
      </c>
      <c r="J11135" s="8">
        <v>-75.979729000000006</v>
      </c>
    </row>
    <row r="11136" spans="1:10" x14ac:dyDescent="0.35">
      <c r="A11136" s="5" t="s">
        <v>10</v>
      </c>
      <c r="B11136" s="6">
        <v>205053</v>
      </c>
      <c r="C11136" s="6" t="s">
        <v>117</v>
      </c>
      <c r="D11136" s="6" t="s">
        <v>1334</v>
      </c>
      <c r="E11136" s="6">
        <v>76001</v>
      </c>
      <c r="F11136" s="6" t="s">
        <v>18</v>
      </c>
      <c r="G11136" s="6" t="s">
        <v>21159</v>
      </c>
      <c r="H11136" s="6" t="s">
        <v>21160</v>
      </c>
      <c r="I11136" s="7">
        <v>3.4811454999999998</v>
      </c>
      <c r="J11136" s="8">
        <v>-76.483701699999997</v>
      </c>
    </row>
    <row r="11137" spans="1:10" x14ac:dyDescent="0.35">
      <c r="A11137" s="5" t="s">
        <v>10</v>
      </c>
      <c r="B11137" s="6">
        <v>236344</v>
      </c>
      <c r="C11137" s="6" t="s">
        <v>68</v>
      </c>
      <c r="D11137" s="6" t="s">
        <v>69</v>
      </c>
      <c r="E11137" s="6">
        <v>11001</v>
      </c>
      <c r="F11137" s="6" t="s">
        <v>18</v>
      </c>
      <c r="G11137" s="6" t="s">
        <v>21161</v>
      </c>
      <c r="H11137" s="6" t="s">
        <v>21162</v>
      </c>
      <c r="I11137" s="7">
        <v>4.5865793999999998</v>
      </c>
      <c r="J11137" s="8">
        <v>-74.090283299999996</v>
      </c>
    </row>
    <row r="11138" spans="1:10" x14ac:dyDescent="0.35">
      <c r="A11138" s="5" t="s">
        <v>10</v>
      </c>
      <c r="B11138" s="6">
        <v>239995</v>
      </c>
      <c r="C11138" s="6" t="s">
        <v>278</v>
      </c>
      <c r="D11138" s="6" t="s">
        <v>279</v>
      </c>
      <c r="E11138" s="6">
        <v>50001</v>
      </c>
      <c r="F11138" s="6" t="s">
        <v>18</v>
      </c>
      <c r="G11138" s="6" t="s">
        <v>21163</v>
      </c>
      <c r="H11138" s="6" t="s">
        <v>21164</v>
      </c>
      <c r="I11138" s="7">
        <v>4.1530398000000002</v>
      </c>
      <c r="J11138" s="8">
        <v>-73.635549800000007</v>
      </c>
    </row>
    <row r="11139" spans="1:10" x14ac:dyDescent="0.35">
      <c r="A11139" s="5" t="s">
        <v>10</v>
      </c>
      <c r="B11139" s="6">
        <v>227351</v>
      </c>
      <c r="C11139" s="6" t="s">
        <v>2130</v>
      </c>
      <c r="D11139" s="6" t="s">
        <v>2131</v>
      </c>
      <c r="E11139" s="6">
        <v>85001</v>
      </c>
      <c r="F11139" s="6" t="s">
        <v>18</v>
      </c>
      <c r="G11139" s="6" t="s">
        <v>21165</v>
      </c>
      <c r="H11139" s="6" t="s">
        <v>5955</v>
      </c>
      <c r="I11139" s="7">
        <v>5.3489488999999999</v>
      </c>
      <c r="J11139" s="8">
        <v>-72.400539600000002</v>
      </c>
    </row>
    <row r="11140" spans="1:10" x14ac:dyDescent="0.35">
      <c r="A11140" s="5" t="s">
        <v>10</v>
      </c>
      <c r="B11140" s="6">
        <v>234336</v>
      </c>
      <c r="C11140" s="6" t="s">
        <v>294</v>
      </c>
      <c r="D11140" s="6" t="s">
        <v>5342</v>
      </c>
      <c r="E11140" s="6">
        <v>41801</v>
      </c>
      <c r="F11140" s="6" t="s">
        <v>18</v>
      </c>
      <c r="G11140" s="6" t="s">
        <v>21166</v>
      </c>
      <c r="H11140" s="6" t="s">
        <v>21167</v>
      </c>
      <c r="I11140" s="7">
        <v>2.7447946000000001</v>
      </c>
      <c r="J11140" s="8">
        <v>-75.566889599999996</v>
      </c>
    </row>
    <row r="11141" spans="1:10" x14ac:dyDescent="0.35">
      <c r="A11141" s="5" t="s">
        <v>10</v>
      </c>
      <c r="B11141" s="6">
        <v>188922</v>
      </c>
      <c r="C11141" s="6" t="s">
        <v>294</v>
      </c>
      <c r="D11141" s="6" t="s">
        <v>4257</v>
      </c>
      <c r="E11141" s="6">
        <v>41524</v>
      </c>
      <c r="F11141" s="6" t="s">
        <v>18</v>
      </c>
      <c r="G11141" s="6" t="s">
        <v>21018</v>
      </c>
      <c r="H11141" s="6" t="s">
        <v>21019</v>
      </c>
      <c r="I11141" s="7">
        <v>2.9640152</v>
      </c>
      <c r="J11141" s="8">
        <v>-75.309248499999995</v>
      </c>
    </row>
    <row r="11142" spans="1:10" x14ac:dyDescent="0.35">
      <c r="A11142" s="5" t="s">
        <v>10</v>
      </c>
      <c r="B11142" s="6">
        <v>203698</v>
      </c>
      <c r="C11142" s="6" t="s">
        <v>68</v>
      </c>
      <c r="D11142" s="6" t="s">
        <v>69</v>
      </c>
      <c r="E11142" s="6">
        <v>11001</v>
      </c>
      <c r="F11142" s="6" t="s">
        <v>18</v>
      </c>
      <c r="G11142" s="6" t="s">
        <v>21168</v>
      </c>
      <c r="H11142" s="6" t="s">
        <v>21169</v>
      </c>
      <c r="I11142" s="7">
        <v>4.5908899999999999</v>
      </c>
      <c r="J11142" s="8">
        <v>-74.196629999999999</v>
      </c>
    </row>
    <row r="11143" spans="1:10" x14ac:dyDescent="0.35">
      <c r="A11143" s="5" t="s">
        <v>10</v>
      </c>
      <c r="B11143" s="6">
        <v>186075</v>
      </c>
      <c r="C11143" s="6" t="s">
        <v>68</v>
      </c>
      <c r="D11143" s="6" t="s">
        <v>69</v>
      </c>
      <c r="E11143" s="6">
        <v>11001</v>
      </c>
      <c r="F11143" s="6" t="s">
        <v>18</v>
      </c>
      <c r="G11143" s="6" t="s">
        <v>6823</v>
      </c>
      <c r="H11143" s="6" t="s">
        <v>6824</v>
      </c>
      <c r="I11143" s="7">
        <v>4.6360165000000002</v>
      </c>
      <c r="J11143" s="8">
        <v>-74.1788636</v>
      </c>
    </row>
    <row r="11144" spans="1:10" x14ac:dyDescent="0.35">
      <c r="A11144" s="5" t="s">
        <v>10</v>
      </c>
      <c r="B11144" s="6">
        <v>206611</v>
      </c>
      <c r="C11144" s="6" t="s">
        <v>117</v>
      </c>
      <c r="D11144" s="6" t="s">
        <v>3492</v>
      </c>
      <c r="E11144" s="6">
        <v>76520</v>
      </c>
      <c r="F11144" s="6" t="s">
        <v>18</v>
      </c>
      <c r="G11144" s="6" t="s">
        <v>5215</v>
      </c>
      <c r="H11144" s="6" t="s">
        <v>5216</v>
      </c>
      <c r="I11144" s="7">
        <v>3.4429397000000002</v>
      </c>
      <c r="J11144" s="8">
        <v>-76.523510199999905</v>
      </c>
    </row>
    <row r="11145" spans="1:10" x14ac:dyDescent="0.35">
      <c r="A11145" s="5" t="s">
        <v>10</v>
      </c>
      <c r="B11145" s="6">
        <v>206247</v>
      </c>
      <c r="C11145" s="6" t="s">
        <v>551</v>
      </c>
      <c r="D11145" s="6" t="s">
        <v>3868</v>
      </c>
      <c r="E11145" s="6">
        <v>20001</v>
      </c>
      <c r="F11145" s="6" t="s">
        <v>18</v>
      </c>
      <c r="G11145" s="6" t="s">
        <v>21170</v>
      </c>
      <c r="H11145" s="6" t="s">
        <v>21171</v>
      </c>
      <c r="I11145" s="7">
        <v>10.4473421</v>
      </c>
      <c r="J11145" s="8">
        <v>-73.237750899999995</v>
      </c>
    </row>
    <row r="11146" spans="1:10" x14ac:dyDescent="0.35">
      <c r="A11146" s="5" t="s">
        <v>10</v>
      </c>
      <c r="B11146" s="6">
        <v>246511</v>
      </c>
      <c r="C11146" s="6" t="s">
        <v>11</v>
      </c>
      <c r="D11146" s="6" t="s">
        <v>12</v>
      </c>
      <c r="E11146" s="6">
        <v>25899</v>
      </c>
      <c r="F11146" s="6" t="s">
        <v>18</v>
      </c>
      <c r="G11146" s="6" t="s">
        <v>21172</v>
      </c>
      <c r="H11146" s="6" t="s">
        <v>21173</v>
      </c>
      <c r="I11146" s="7">
        <v>5.0243485000000003</v>
      </c>
      <c r="J11146" s="8">
        <v>-74.003914800000004</v>
      </c>
    </row>
    <row r="11147" spans="1:10" x14ac:dyDescent="0.35">
      <c r="A11147" s="5" t="s">
        <v>10</v>
      </c>
      <c r="B11147" s="6">
        <v>234255</v>
      </c>
      <c r="C11147" s="6" t="s">
        <v>117</v>
      </c>
      <c r="D11147" s="6" t="s">
        <v>1334</v>
      </c>
      <c r="E11147" s="6">
        <v>76001</v>
      </c>
      <c r="F11147" s="6" t="s">
        <v>18</v>
      </c>
      <c r="G11147" s="6" t="s">
        <v>21174</v>
      </c>
      <c r="H11147" s="6" t="s">
        <v>21175</v>
      </c>
      <c r="I11147" s="7">
        <v>3.4182638999999999</v>
      </c>
      <c r="J11147" s="8">
        <v>-76.483242799999999</v>
      </c>
    </row>
    <row r="11148" spans="1:10" x14ac:dyDescent="0.35">
      <c r="A11148" s="5" t="s">
        <v>10</v>
      </c>
      <c r="B11148" s="6">
        <v>238491</v>
      </c>
      <c r="C11148" s="6" t="s">
        <v>68</v>
      </c>
      <c r="D11148" s="6" t="s">
        <v>69</v>
      </c>
      <c r="E11148" s="6">
        <v>11001</v>
      </c>
      <c r="F11148" s="6" t="s">
        <v>18</v>
      </c>
      <c r="G11148" s="6" t="s">
        <v>21176</v>
      </c>
      <c r="H11148" s="6" t="s">
        <v>21177</v>
      </c>
      <c r="I11148" s="7">
        <v>4.5484175000000002</v>
      </c>
      <c r="J11148" s="8">
        <v>-74.111201399999999</v>
      </c>
    </row>
    <row r="11149" spans="1:10" x14ac:dyDescent="0.35">
      <c r="A11149" s="5" t="s">
        <v>10</v>
      </c>
      <c r="B11149" s="6">
        <v>232056</v>
      </c>
      <c r="C11149" s="6" t="s">
        <v>68</v>
      </c>
      <c r="D11149" s="6" t="s">
        <v>69</v>
      </c>
      <c r="E11149" s="6">
        <v>11001</v>
      </c>
      <c r="F11149" s="6" t="s">
        <v>18</v>
      </c>
      <c r="G11149" s="6" t="s">
        <v>21178</v>
      </c>
      <c r="H11149" s="6" t="s">
        <v>21179</v>
      </c>
      <c r="I11149" s="7">
        <v>4.5892419999999996</v>
      </c>
      <c r="J11149" s="8">
        <v>-74.162543999999997</v>
      </c>
    </row>
    <row r="11150" spans="1:10" x14ac:dyDescent="0.35">
      <c r="A11150" s="5" t="s">
        <v>10</v>
      </c>
      <c r="B11150" s="6">
        <v>202035</v>
      </c>
      <c r="C11150" s="6" t="s">
        <v>16</v>
      </c>
      <c r="D11150" s="6" t="s">
        <v>78</v>
      </c>
      <c r="E11150" s="6">
        <v>68001</v>
      </c>
      <c r="F11150" s="6" t="s">
        <v>18</v>
      </c>
      <c r="G11150" s="6" t="s">
        <v>4002</v>
      </c>
      <c r="H11150" s="6" t="s">
        <v>4003</v>
      </c>
      <c r="I11150" s="7">
        <v>7.1084516999999998</v>
      </c>
      <c r="J11150" s="8">
        <v>-73.119922099999997</v>
      </c>
    </row>
    <row r="11151" spans="1:10" x14ac:dyDescent="0.35">
      <c r="A11151" s="5" t="s">
        <v>10</v>
      </c>
      <c r="B11151" s="6">
        <v>239981</v>
      </c>
      <c r="C11151" s="6" t="s">
        <v>3788</v>
      </c>
      <c r="D11151" s="6" t="s">
        <v>3974</v>
      </c>
      <c r="E11151" s="6">
        <v>18001</v>
      </c>
      <c r="F11151" s="6" t="s">
        <v>18</v>
      </c>
      <c r="G11151" s="6" t="s">
        <v>8129</v>
      </c>
      <c r="H11151" s="6" t="s">
        <v>21180</v>
      </c>
      <c r="I11151" s="7">
        <v>1.6160931999999999</v>
      </c>
      <c r="J11151" s="8">
        <v>-75.611485599999995</v>
      </c>
    </row>
    <row r="11152" spans="1:10" x14ac:dyDescent="0.35">
      <c r="A11152" s="5" t="s">
        <v>10</v>
      </c>
      <c r="B11152" s="6">
        <v>246434</v>
      </c>
      <c r="C11152" s="6" t="s">
        <v>294</v>
      </c>
      <c r="D11152" s="6" t="s">
        <v>703</v>
      </c>
      <c r="E11152" s="6">
        <v>41001</v>
      </c>
      <c r="F11152" s="6" t="s">
        <v>18</v>
      </c>
      <c r="G11152" s="6" t="s">
        <v>21181</v>
      </c>
      <c r="H11152" s="6" t="s">
        <v>21182</v>
      </c>
      <c r="I11152" s="7">
        <v>2.9626570999999999</v>
      </c>
      <c r="J11152" s="8">
        <v>-75.296278200000003</v>
      </c>
    </row>
    <row r="11153" spans="1:10" x14ac:dyDescent="0.35">
      <c r="A11153" s="5" t="s">
        <v>10</v>
      </c>
      <c r="B11153" s="6">
        <v>188578</v>
      </c>
      <c r="C11153" s="6" t="s">
        <v>38</v>
      </c>
      <c r="D11153" s="6" t="s">
        <v>7839</v>
      </c>
      <c r="E11153" s="6">
        <v>19573</v>
      </c>
      <c r="F11153" s="6" t="s">
        <v>18</v>
      </c>
      <c r="G11153" s="6" t="s">
        <v>21183</v>
      </c>
      <c r="H11153" s="6" t="s">
        <v>21184</v>
      </c>
      <c r="I11153" s="7">
        <v>3.2246901000000001</v>
      </c>
      <c r="J11153" s="8">
        <v>-76.421698199999994</v>
      </c>
    </row>
    <row r="11154" spans="1:10" x14ac:dyDescent="0.35">
      <c r="A11154" s="5" t="s">
        <v>10</v>
      </c>
      <c r="B11154" s="6">
        <v>187041</v>
      </c>
      <c r="C11154" s="6" t="s">
        <v>11</v>
      </c>
      <c r="D11154" s="6" t="s">
        <v>334</v>
      </c>
      <c r="E11154" s="6">
        <v>25754</v>
      </c>
      <c r="F11154" s="6" t="s">
        <v>18</v>
      </c>
      <c r="G11154" s="6" t="s">
        <v>4954</v>
      </c>
      <c r="H11154" s="6" t="s">
        <v>4955</v>
      </c>
      <c r="I11154" s="7">
        <v>4.5723799999999999</v>
      </c>
      <c r="J11154" s="8">
        <v>-74.212742300000002</v>
      </c>
    </row>
    <row r="11155" spans="1:10" x14ac:dyDescent="0.35">
      <c r="A11155" s="5" t="s">
        <v>10</v>
      </c>
      <c r="B11155" s="6">
        <v>230926</v>
      </c>
      <c r="C11155" s="6" t="s">
        <v>68</v>
      </c>
      <c r="D11155" s="6" t="s">
        <v>69</v>
      </c>
      <c r="E11155" s="6">
        <v>11001</v>
      </c>
      <c r="F11155" s="6" t="s">
        <v>18</v>
      </c>
      <c r="G11155" s="6" t="s">
        <v>21185</v>
      </c>
      <c r="H11155" s="6" t="s">
        <v>21186</v>
      </c>
      <c r="I11155" s="7">
        <v>4.7465511999999999</v>
      </c>
      <c r="J11155" s="8">
        <v>-74.113225</v>
      </c>
    </row>
    <row r="11156" spans="1:10" x14ac:dyDescent="0.35">
      <c r="A11156" s="5" t="s">
        <v>10</v>
      </c>
      <c r="B11156" s="6">
        <v>238513</v>
      </c>
      <c r="C11156" s="6" t="s">
        <v>16</v>
      </c>
      <c r="D11156" s="6" t="s">
        <v>21187</v>
      </c>
      <c r="E11156" s="6">
        <v>68152</v>
      </c>
      <c r="F11156" s="6" t="s">
        <v>18</v>
      </c>
      <c r="G11156" s="6" t="s">
        <v>21188</v>
      </c>
      <c r="H11156" s="6" t="s">
        <v>21189</v>
      </c>
      <c r="I11156" s="7">
        <v>6.6276678999999996</v>
      </c>
      <c r="J11156" s="8">
        <v>-72.626345299999997</v>
      </c>
    </row>
    <row r="11157" spans="1:10" x14ac:dyDescent="0.35">
      <c r="A11157" s="5" t="s">
        <v>10</v>
      </c>
      <c r="B11157" s="6">
        <v>231144</v>
      </c>
      <c r="C11157" s="6" t="s">
        <v>16</v>
      </c>
      <c r="D11157" s="6" t="s">
        <v>78</v>
      </c>
      <c r="E11157" s="6">
        <v>68001</v>
      </c>
      <c r="F11157" s="6" t="s">
        <v>18</v>
      </c>
      <c r="G11157" s="6" t="s">
        <v>21190</v>
      </c>
      <c r="H11157" s="6" t="s">
        <v>21191</v>
      </c>
      <c r="I11157" s="7">
        <v>7.1404009999999998</v>
      </c>
      <c r="J11157" s="8">
        <v>-73.134386000000006</v>
      </c>
    </row>
    <row r="11158" spans="1:10" x14ac:dyDescent="0.35">
      <c r="A11158" s="5" t="s">
        <v>10</v>
      </c>
      <c r="B11158" s="6">
        <v>246486</v>
      </c>
      <c r="C11158" s="6" t="s">
        <v>278</v>
      </c>
      <c r="D11158" s="6" t="s">
        <v>3651</v>
      </c>
      <c r="E11158" s="6">
        <v>50313</v>
      </c>
      <c r="F11158" s="6" t="s">
        <v>18</v>
      </c>
      <c r="G11158" s="6" t="s">
        <v>21192</v>
      </c>
      <c r="H11158" s="6" t="s">
        <v>21193</v>
      </c>
      <c r="I11158" s="7">
        <v>3.5488328999999998</v>
      </c>
      <c r="J11158" s="8">
        <v>-73.706393500000004</v>
      </c>
    </row>
    <row r="11159" spans="1:10" x14ac:dyDescent="0.35">
      <c r="A11159" s="5" t="s">
        <v>10</v>
      </c>
      <c r="B11159" s="6">
        <v>220089</v>
      </c>
      <c r="C11159" s="6" t="s">
        <v>11</v>
      </c>
      <c r="D11159" s="6" t="s">
        <v>334</v>
      </c>
      <c r="E11159" s="6">
        <v>25754</v>
      </c>
      <c r="F11159" s="6" t="s">
        <v>18</v>
      </c>
      <c r="G11159" s="6" t="s">
        <v>21194</v>
      </c>
      <c r="H11159" s="6" t="s">
        <v>21195</v>
      </c>
      <c r="I11159" s="7">
        <v>4.5844828</v>
      </c>
      <c r="J11159" s="8">
        <v>-74.211716499999994</v>
      </c>
    </row>
    <row r="11160" spans="1:10" x14ac:dyDescent="0.35">
      <c r="A11160" s="5" t="s">
        <v>10</v>
      </c>
      <c r="B11160" s="6">
        <v>213353</v>
      </c>
      <c r="C11160" s="6" t="s">
        <v>68</v>
      </c>
      <c r="D11160" s="6" t="s">
        <v>69</v>
      </c>
      <c r="E11160" s="6">
        <v>11001</v>
      </c>
      <c r="F11160" s="6" t="s">
        <v>18</v>
      </c>
      <c r="G11160" s="6" t="s">
        <v>21196</v>
      </c>
      <c r="H11160" s="6" t="s">
        <v>21197</v>
      </c>
      <c r="I11160" s="7">
        <v>4.7109885999999896</v>
      </c>
      <c r="J11160" s="8">
        <v>-74.072091999999998</v>
      </c>
    </row>
    <row r="11161" spans="1:10" x14ac:dyDescent="0.35">
      <c r="A11161" s="5" t="s">
        <v>10</v>
      </c>
      <c r="B11161" s="6">
        <v>240239</v>
      </c>
      <c r="C11161" s="6" t="s">
        <v>68</v>
      </c>
      <c r="D11161" s="6" t="s">
        <v>69</v>
      </c>
      <c r="E11161" s="6">
        <v>11001</v>
      </c>
      <c r="F11161" s="6" t="s">
        <v>18</v>
      </c>
      <c r="G11161" s="6" t="s">
        <v>21198</v>
      </c>
      <c r="H11161" s="6" t="s">
        <v>21199</v>
      </c>
      <c r="I11161" s="7">
        <v>4.6788173000000004</v>
      </c>
      <c r="J11161" s="8">
        <v>-74.093952999999999</v>
      </c>
    </row>
    <row r="11162" spans="1:10" x14ac:dyDescent="0.35">
      <c r="A11162" s="5" t="s">
        <v>10</v>
      </c>
      <c r="B11162" s="6">
        <v>177167</v>
      </c>
      <c r="C11162" s="6" t="s">
        <v>2821</v>
      </c>
      <c r="D11162" s="6" t="s">
        <v>4909</v>
      </c>
      <c r="E11162" s="6">
        <v>47692</v>
      </c>
      <c r="F11162" s="6" t="s">
        <v>18</v>
      </c>
      <c r="G11162" s="6" t="s">
        <v>5095</v>
      </c>
      <c r="H11162" s="6" t="s">
        <v>5096</v>
      </c>
      <c r="I11162" s="7">
        <v>9.2389288999999994</v>
      </c>
      <c r="J11162" s="8">
        <v>-74.350015499999998</v>
      </c>
    </row>
    <row r="11163" spans="1:10" x14ac:dyDescent="0.35">
      <c r="A11163" s="5" t="s">
        <v>10</v>
      </c>
      <c r="B11163" s="6">
        <v>235463</v>
      </c>
      <c r="C11163" s="6" t="s">
        <v>117</v>
      </c>
      <c r="D11163" s="6" t="s">
        <v>1334</v>
      </c>
      <c r="E11163" s="6">
        <v>76001</v>
      </c>
      <c r="F11163" s="6" t="s">
        <v>18</v>
      </c>
      <c r="G11163" s="6" t="s">
        <v>21200</v>
      </c>
      <c r="H11163" s="6" t="s">
        <v>21201</v>
      </c>
      <c r="I11163" s="7">
        <v>3.4162574000000001</v>
      </c>
      <c r="J11163" s="8">
        <v>-76.499287100000004</v>
      </c>
    </row>
    <row r="11164" spans="1:10" x14ac:dyDescent="0.35">
      <c r="A11164" s="5" t="s">
        <v>10</v>
      </c>
      <c r="B11164" s="6">
        <v>163218</v>
      </c>
      <c r="C11164" s="6" t="s">
        <v>294</v>
      </c>
      <c r="D11164" s="6" t="s">
        <v>4244</v>
      </c>
      <c r="E11164" s="6">
        <v>41298</v>
      </c>
      <c r="F11164" s="6" t="s">
        <v>13</v>
      </c>
      <c r="G11164" s="6" t="s">
        <v>20323</v>
      </c>
      <c r="H11164" s="6" t="s">
        <v>20324</v>
      </c>
      <c r="I11164" s="7">
        <v>3.4497939</v>
      </c>
      <c r="J11164" s="8">
        <v>-76.542650799999905</v>
      </c>
    </row>
    <row r="11165" spans="1:10" x14ac:dyDescent="0.35">
      <c r="A11165" s="5" t="s">
        <v>10</v>
      </c>
      <c r="B11165" s="6">
        <v>237791</v>
      </c>
      <c r="C11165" s="6" t="s">
        <v>294</v>
      </c>
      <c r="D11165" s="6" t="s">
        <v>4244</v>
      </c>
      <c r="E11165" s="6">
        <v>41298</v>
      </c>
      <c r="F11165" s="6" t="s">
        <v>18</v>
      </c>
      <c r="G11165" s="6" t="s">
        <v>21202</v>
      </c>
      <c r="H11165" s="6" t="s">
        <v>5208</v>
      </c>
      <c r="I11165" s="7">
        <v>2.1954533999999999</v>
      </c>
      <c r="J11165" s="8">
        <v>-75.627438100000006</v>
      </c>
    </row>
    <row r="11166" spans="1:10" x14ac:dyDescent="0.35">
      <c r="A11166" s="5" t="s">
        <v>10</v>
      </c>
      <c r="B11166" s="6">
        <v>234127</v>
      </c>
      <c r="C11166" s="6" t="s">
        <v>11</v>
      </c>
      <c r="D11166" s="6" t="s">
        <v>106</v>
      </c>
      <c r="E11166" s="6">
        <v>25843</v>
      </c>
      <c r="F11166" s="6" t="s">
        <v>18</v>
      </c>
      <c r="G11166" s="6" t="s">
        <v>21203</v>
      </c>
      <c r="H11166" s="6" t="s">
        <v>21204</v>
      </c>
      <c r="I11166" s="7">
        <v>5.3107680000000004</v>
      </c>
      <c r="J11166" s="8">
        <v>-73.808687500000005</v>
      </c>
    </row>
    <row r="11167" spans="1:10" x14ac:dyDescent="0.35">
      <c r="A11167" s="5" t="s">
        <v>10</v>
      </c>
      <c r="B11167" s="6">
        <v>204994</v>
      </c>
      <c r="C11167" s="6" t="s">
        <v>278</v>
      </c>
      <c r="D11167" s="6" t="s">
        <v>4146</v>
      </c>
      <c r="E11167" s="6">
        <v>50606</v>
      </c>
      <c r="F11167" s="6" t="s">
        <v>18</v>
      </c>
      <c r="G11167" s="6" t="s">
        <v>20482</v>
      </c>
      <c r="H11167" s="6" t="s">
        <v>20483</v>
      </c>
      <c r="I11167" s="7">
        <v>4.2630819999999998</v>
      </c>
      <c r="J11167" s="8">
        <v>-73.562567000000001</v>
      </c>
    </row>
    <row r="11168" spans="1:10" x14ac:dyDescent="0.35">
      <c r="A11168" s="5" t="s">
        <v>10</v>
      </c>
      <c r="B11168" s="6">
        <v>245937</v>
      </c>
      <c r="C11168" s="6" t="s">
        <v>294</v>
      </c>
      <c r="D11168" s="6" t="s">
        <v>703</v>
      </c>
      <c r="E11168" s="6">
        <v>41001</v>
      </c>
      <c r="F11168" s="6" t="s">
        <v>18</v>
      </c>
      <c r="G11168" s="6" t="s">
        <v>21205</v>
      </c>
      <c r="H11168" s="6" t="s">
        <v>21206</v>
      </c>
      <c r="I11168" s="7">
        <v>2.9314634000000002</v>
      </c>
      <c r="J11168" s="8">
        <v>-75.268387300000001</v>
      </c>
    </row>
    <row r="11169" spans="1:10" x14ac:dyDescent="0.35">
      <c r="A11169" s="5" t="s">
        <v>10</v>
      </c>
      <c r="B11169" s="6">
        <v>219817</v>
      </c>
      <c r="C11169" s="6" t="s">
        <v>11</v>
      </c>
      <c r="D11169" s="6" t="s">
        <v>8287</v>
      </c>
      <c r="E11169" s="6">
        <v>25491</v>
      </c>
      <c r="F11169" s="6" t="s">
        <v>18</v>
      </c>
      <c r="G11169" s="6" t="s">
        <v>21207</v>
      </c>
      <c r="H11169" s="6" t="s">
        <v>21208</v>
      </c>
      <c r="I11169" s="7">
        <v>5.0694778999999999</v>
      </c>
      <c r="J11169" s="8">
        <v>-74.378239299999905</v>
      </c>
    </row>
    <row r="11170" spans="1:10" x14ac:dyDescent="0.35">
      <c r="A11170" s="5" t="s">
        <v>10</v>
      </c>
      <c r="B11170" s="6">
        <v>173990</v>
      </c>
      <c r="C11170" s="6" t="s">
        <v>16</v>
      </c>
      <c r="D11170" s="6" t="s">
        <v>78</v>
      </c>
      <c r="E11170" s="6">
        <v>68001</v>
      </c>
      <c r="F11170" s="6" t="s">
        <v>18</v>
      </c>
      <c r="G11170" s="6" t="s">
        <v>20514</v>
      </c>
      <c r="H11170" s="6" t="s">
        <v>20515</v>
      </c>
      <c r="I11170" s="7">
        <v>7.1194734999999998</v>
      </c>
      <c r="J11170" s="8">
        <v>-73.111693599999995</v>
      </c>
    </row>
    <row r="11171" spans="1:10" x14ac:dyDescent="0.35">
      <c r="A11171" s="5" t="s">
        <v>10</v>
      </c>
      <c r="B11171" s="6">
        <v>236835</v>
      </c>
      <c r="C11171" s="6" t="s">
        <v>2130</v>
      </c>
      <c r="D11171" s="6" t="s">
        <v>5723</v>
      </c>
      <c r="E11171" s="6">
        <v>85250</v>
      </c>
      <c r="F11171" s="6" t="s">
        <v>18</v>
      </c>
      <c r="G11171" s="6" t="s">
        <v>21209</v>
      </c>
      <c r="H11171" s="6" t="s">
        <v>21210</v>
      </c>
      <c r="I11171" s="7">
        <v>5.8893506999999996</v>
      </c>
      <c r="J11171" s="8">
        <v>-71.890067999999999</v>
      </c>
    </row>
    <row r="11172" spans="1:10" x14ac:dyDescent="0.35">
      <c r="A11172" s="5" t="s">
        <v>10</v>
      </c>
      <c r="B11172" s="6">
        <v>246029</v>
      </c>
      <c r="C11172" s="6" t="s">
        <v>294</v>
      </c>
      <c r="D11172" s="6" t="s">
        <v>543</v>
      </c>
      <c r="E11172" s="6">
        <v>41396</v>
      </c>
      <c r="F11172" s="6" t="s">
        <v>18</v>
      </c>
      <c r="G11172" s="6" t="s">
        <v>21211</v>
      </c>
      <c r="H11172" s="6" t="s">
        <v>21212</v>
      </c>
      <c r="I11172" s="7">
        <v>2.389011</v>
      </c>
      <c r="J11172" s="8">
        <v>-75.894246899999999</v>
      </c>
    </row>
    <row r="11173" spans="1:10" x14ac:dyDescent="0.35">
      <c r="A11173" s="5" t="s">
        <v>10</v>
      </c>
      <c r="B11173" s="6">
        <v>162900</v>
      </c>
      <c r="C11173" s="6" t="s">
        <v>294</v>
      </c>
      <c r="D11173" s="6" t="s">
        <v>4081</v>
      </c>
      <c r="E11173" s="6">
        <v>41306</v>
      </c>
      <c r="F11173" s="6" t="s">
        <v>13</v>
      </c>
      <c r="G11173" s="6" t="s">
        <v>21213</v>
      </c>
      <c r="H11173" s="6" t="s">
        <v>21214</v>
      </c>
      <c r="I11173" s="7">
        <v>2.3845070000000002</v>
      </c>
      <c r="J11173" s="8">
        <v>-75.542887999999905</v>
      </c>
    </row>
    <row r="11174" spans="1:10" x14ac:dyDescent="0.35">
      <c r="A11174" s="5" t="s">
        <v>10</v>
      </c>
      <c r="B11174" s="6">
        <v>227015</v>
      </c>
      <c r="C11174" s="6" t="s">
        <v>3819</v>
      </c>
      <c r="D11174" s="6" t="s">
        <v>14805</v>
      </c>
      <c r="E11174" s="6">
        <v>86573</v>
      </c>
      <c r="F11174" s="6" t="s">
        <v>18</v>
      </c>
      <c r="G11174" s="6" t="s">
        <v>21215</v>
      </c>
      <c r="H11174" s="6" t="s">
        <v>21216</v>
      </c>
      <c r="I11174" s="7">
        <v>4.5977353000000001</v>
      </c>
      <c r="J11174" s="8">
        <v>-74.064910400000002</v>
      </c>
    </row>
    <row r="11175" spans="1:10" x14ac:dyDescent="0.35">
      <c r="A11175" s="5" t="s">
        <v>10</v>
      </c>
      <c r="B11175" s="6">
        <v>231900</v>
      </c>
      <c r="C11175" s="6" t="s">
        <v>68</v>
      </c>
      <c r="D11175" s="6" t="s">
        <v>69</v>
      </c>
      <c r="E11175" s="6">
        <v>11001</v>
      </c>
      <c r="F11175" s="6" t="s">
        <v>18</v>
      </c>
      <c r="G11175" s="6" t="s">
        <v>21217</v>
      </c>
      <c r="H11175" s="6" t="s">
        <v>21218</v>
      </c>
      <c r="I11175" s="7">
        <v>4.5185919999999999</v>
      </c>
      <c r="J11175" s="8">
        <v>-74.117808999999994</v>
      </c>
    </row>
    <row r="11176" spans="1:10" x14ac:dyDescent="0.35">
      <c r="A11176" s="5" t="s">
        <v>10</v>
      </c>
      <c r="B11176" s="6">
        <v>239671</v>
      </c>
      <c r="C11176" s="6" t="s">
        <v>278</v>
      </c>
      <c r="D11176" s="6" t="s">
        <v>4764</v>
      </c>
      <c r="E11176" s="6">
        <v>50577</v>
      </c>
      <c r="F11176" s="6" t="s">
        <v>18</v>
      </c>
      <c r="G11176" s="6" t="s">
        <v>21219</v>
      </c>
      <c r="H11176" s="6" t="s">
        <v>21220</v>
      </c>
      <c r="I11176" s="7">
        <v>3.2724139999999999</v>
      </c>
      <c r="J11176" s="8">
        <v>-73.369541999999996</v>
      </c>
    </row>
    <row r="11177" spans="1:10" x14ac:dyDescent="0.35">
      <c r="A11177" s="5" t="s">
        <v>10</v>
      </c>
      <c r="B11177" s="6">
        <v>244696</v>
      </c>
      <c r="C11177" s="6" t="s">
        <v>3788</v>
      </c>
      <c r="D11177" s="6" t="s">
        <v>3974</v>
      </c>
      <c r="E11177" s="6">
        <v>18001</v>
      </c>
      <c r="F11177" s="6" t="s">
        <v>18</v>
      </c>
      <c r="G11177" s="6" t="s">
        <v>21221</v>
      </c>
      <c r="H11177" s="6" t="s">
        <v>21222</v>
      </c>
      <c r="I11177" s="7">
        <v>1.6256411</v>
      </c>
      <c r="J11177" s="8">
        <v>-75.602866500000005</v>
      </c>
    </row>
    <row r="11178" spans="1:10" x14ac:dyDescent="0.35">
      <c r="A11178" s="5" t="s">
        <v>10</v>
      </c>
      <c r="B11178" s="6">
        <v>211127</v>
      </c>
      <c r="C11178" s="6" t="s">
        <v>11</v>
      </c>
      <c r="D11178" s="6" t="s">
        <v>12</v>
      </c>
      <c r="E11178" s="6">
        <v>25899</v>
      </c>
      <c r="F11178" s="6" t="s">
        <v>18</v>
      </c>
      <c r="G11178" s="6" t="s">
        <v>21223</v>
      </c>
      <c r="H11178" s="6" t="s">
        <v>21224</v>
      </c>
      <c r="I11178" s="7">
        <v>5.0284436000000001</v>
      </c>
      <c r="J11178" s="8">
        <v>-73.995745499999998</v>
      </c>
    </row>
    <row r="11179" spans="1:10" x14ac:dyDescent="0.35">
      <c r="A11179" s="5" t="s">
        <v>10</v>
      </c>
      <c r="B11179" s="6">
        <v>233237</v>
      </c>
      <c r="C11179" s="6" t="s">
        <v>117</v>
      </c>
      <c r="D11179" s="6" t="s">
        <v>1334</v>
      </c>
      <c r="E11179" s="6">
        <v>76001</v>
      </c>
      <c r="F11179" s="6" t="s">
        <v>18</v>
      </c>
      <c r="G11179" s="6" t="s">
        <v>21225</v>
      </c>
      <c r="H11179" s="6" t="s">
        <v>21226</v>
      </c>
      <c r="I11179" s="7">
        <v>3.4712299999999998</v>
      </c>
      <c r="J11179" s="8">
        <v>-76.511060000000001</v>
      </c>
    </row>
    <row r="11180" spans="1:10" x14ac:dyDescent="0.35">
      <c r="A11180" s="5" t="s">
        <v>10</v>
      </c>
      <c r="B11180" s="6">
        <v>184929</v>
      </c>
      <c r="C11180" s="6" t="s">
        <v>11</v>
      </c>
      <c r="D11180" s="6" t="s">
        <v>334</v>
      </c>
      <c r="E11180" s="6">
        <v>25754</v>
      </c>
      <c r="F11180" s="6" t="s">
        <v>18</v>
      </c>
      <c r="G11180" s="6" t="s">
        <v>5911</v>
      </c>
      <c r="H11180" s="6" t="s">
        <v>5912</v>
      </c>
      <c r="I11180" s="7">
        <v>4.5605519000000001</v>
      </c>
      <c r="J11180" s="8">
        <v>-74.239864900000001</v>
      </c>
    </row>
    <row r="11181" spans="1:10" x14ac:dyDescent="0.35">
      <c r="A11181" s="5" t="s">
        <v>10</v>
      </c>
      <c r="B11181" s="6">
        <v>185695</v>
      </c>
      <c r="C11181" s="6" t="s">
        <v>68</v>
      </c>
      <c r="D11181" s="6" t="s">
        <v>69</v>
      </c>
      <c r="E11181" s="6">
        <v>11001</v>
      </c>
      <c r="F11181" s="6" t="s">
        <v>18</v>
      </c>
      <c r="G11181" s="6" t="s">
        <v>21227</v>
      </c>
      <c r="H11181" s="6" t="s">
        <v>21228</v>
      </c>
      <c r="I11181" s="7">
        <v>4.6107277999999896</v>
      </c>
      <c r="J11181" s="8">
        <v>-74.163883599999906</v>
      </c>
    </row>
    <row r="11182" spans="1:10" x14ac:dyDescent="0.35">
      <c r="A11182" s="5" t="s">
        <v>10</v>
      </c>
      <c r="B11182" s="6">
        <v>232199</v>
      </c>
      <c r="C11182" s="6" t="s">
        <v>278</v>
      </c>
      <c r="D11182" s="6" t="s">
        <v>279</v>
      </c>
      <c r="E11182" s="6">
        <v>50001</v>
      </c>
      <c r="F11182" s="6" t="s">
        <v>18</v>
      </c>
      <c r="G11182" s="6" t="s">
        <v>21229</v>
      </c>
      <c r="H11182" s="6" t="s">
        <v>21230</v>
      </c>
      <c r="I11182" s="7">
        <v>4.1299058000000004</v>
      </c>
      <c r="J11182" s="8">
        <v>-73.637100700000005</v>
      </c>
    </row>
    <row r="11183" spans="1:10" x14ac:dyDescent="0.35">
      <c r="A11183" s="5" t="s">
        <v>10</v>
      </c>
      <c r="B11183" s="6">
        <v>213853</v>
      </c>
      <c r="C11183" s="6" t="s">
        <v>294</v>
      </c>
      <c r="D11183" s="6" t="s">
        <v>1902</v>
      </c>
      <c r="E11183" s="6">
        <v>41799</v>
      </c>
      <c r="F11183" s="6" t="s">
        <v>18</v>
      </c>
      <c r="G11183" s="6" t="s">
        <v>21231</v>
      </c>
      <c r="H11183" s="6" t="s">
        <v>21232</v>
      </c>
      <c r="I11183" s="7">
        <v>3.0687991000000001</v>
      </c>
      <c r="J11183" s="8">
        <v>-75.139477999999997</v>
      </c>
    </row>
    <row r="11184" spans="1:10" x14ac:dyDescent="0.35">
      <c r="A11184" s="5" t="s">
        <v>10</v>
      </c>
      <c r="B11184" s="6">
        <v>246703</v>
      </c>
      <c r="C11184" s="6" t="s">
        <v>294</v>
      </c>
      <c r="D11184" s="6" t="s">
        <v>703</v>
      </c>
      <c r="E11184" s="6">
        <v>41001</v>
      </c>
      <c r="F11184" s="6" t="s">
        <v>18</v>
      </c>
      <c r="G11184" s="6" t="s">
        <v>21233</v>
      </c>
      <c r="H11184" s="6" t="s">
        <v>21234</v>
      </c>
      <c r="I11184" s="7">
        <v>2.9417209</v>
      </c>
      <c r="J11184" s="8">
        <v>-75.269982499999998</v>
      </c>
    </row>
    <row r="11185" spans="1:10" x14ac:dyDescent="0.35">
      <c r="A11185" s="5" t="s">
        <v>10</v>
      </c>
      <c r="B11185" s="6">
        <v>245729</v>
      </c>
      <c r="C11185" s="6" t="s">
        <v>11</v>
      </c>
      <c r="D11185" s="6" t="s">
        <v>823</v>
      </c>
      <c r="E11185" s="6">
        <v>25178</v>
      </c>
      <c r="F11185" s="6" t="s">
        <v>18</v>
      </c>
      <c r="G11185" s="6" t="s">
        <v>21235</v>
      </c>
      <c r="H11185" s="6" t="s">
        <v>21236</v>
      </c>
      <c r="I11185" s="7">
        <v>4.4427773999999998</v>
      </c>
      <c r="J11185" s="8">
        <v>-74.044029199999997</v>
      </c>
    </row>
    <row r="11186" spans="1:10" x14ac:dyDescent="0.35">
      <c r="A11186" s="5" t="s">
        <v>10</v>
      </c>
      <c r="B11186" s="6">
        <v>236442</v>
      </c>
      <c r="C11186" s="6" t="s">
        <v>457</v>
      </c>
      <c r="D11186" s="6" t="s">
        <v>12560</v>
      </c>
      <c r="E11186" s="6">
        <v>52207</v>
      </c>
      <c r="F11186" s="6" t="s">
        <v>18</v>
      </c>
      <c r="G11186" s="6" t="s">
        <v>12561</v>
      </c>
      <c r="H11186" s="6" t="s">
        <v>21237</v>
      </c>
      <c r="I11186" s="7">
        <v>1.2069398</v>
      </c>
      <c r="J11186" s="8">
        <v>-77.465945099999999</v>
      </c>
    </row>
    <row r="11187" spans="1:10" x14ac:dyDescent="0.35">
      <c r="A11187" s="5" t="s">
        <v>10</v>
      </c>
      <c r="B11187" s="6">
        <v>238695</v>
      </c>
      <c r="C11187" s="6" t="s">
        <v>11</v>
      </c>
      <c r="D11187" s="6" t="s">
        <v>159</v>
      </c>
      <c r="E11187" s="6">
        <v>25175</v>
      </c>
      <c r="F11187" s="6" t="s">
        <v>2161</v>
      </c>
      <c r="G11187" s="6" t="s">
        <v>21238</v>
      </c>
      <c r="H11187" s="6" t="s">
        <v>21239</v>
      </c>
      <c r="I11187" s="7">
        <v>4.8592332999999996</v>
      </c>
      <c r="J11187" s="8">
        <v>-74.054375500000006</v>
      </c>
    </row>
    <row r="11188" spans="1:10" x14ac:dyDescent="0.35">
      <c r="A11188" s="5" t="s">
        <v>10</v>
      </c>
      <c r="B11188" s="6">
        <v>237767</v>
      </c>
      <c r="C11188" s="6" t="s">
        <v>278</v>
      </c>
      <c r="D11188" s="6" t="s">
        <v>279</v>
      </c>
      <c r="E11188" s="6">
        <v>50001</v>
      </c>
      <c r="F11188" s="6" t="s">
        <v>18</v>
      </c>
      <c r="G11188" s="6" t="s">
        <v>21240</v>
      </c>
      <c r="H11188" s="6" t="s">
        <v>21241</v>
      </c>
      <c r="I11188" s="7">
        <v>4.1193901000000004</v>
      </c>
      <c r="J11188" s="8">
        <v>-73.632232500000001</v>
      </c>
    </row>
    <row r="11189" spans="1:10" x14ac:dyDescent="0.35">
      <c r="A11189" s="5" t="s">
        <v>10</v>
      </c>
      <c r="B11189" s="6">
        <v>211201</v>
      </c>
      <c r="C11189" s="6" t="s">
        <v>278</v>
      </c>
      <c r="D11189" s="6" t="s">
        <v>1331</v>
      </c>
      <c r="E11189" s="6">
        <v>50006</v>
      </c>
      <c r="F11189" s="6" t="s">
        <v>18</v>
      </c>
      <c r="G11189" s="6" t="s">
        <v>21242</v>
      </c>
      <c r="H11189" s="6" t="s">
        <v>21243</v>
      </c>
      <c r="I11189" s="7">
        <v>3.9840016999999999</v>
      </c>
      <c r="J11189" s="8">
        <v>-73.763826399999999</v>
      </c>
    </row>
    <row r="11190" spans="1:10" x14ac:dyDescent="0.35">
      <c r="A11190" s="5" t="s">
        <v>10</v>
      </c>
      <c r="B11190" s="6">
        <v>234157</v>
      </c>
      <c r="C11190" s="6" t="s">
        <v>68</v>
      </c>
      <c r="D11190" s="6" t="s">
        <v>69</v>
      </c>
      <c r="E11190" s="6">
        <v>11001</v>
      </c>
      <c r="F11190" s="6" t="s">
        <v>18</v>
      </c>
      <c r="G11190" s="6" t="s">
        <v>21244</v>
      </c>
      <c r="H11190" s="6" t="s">
        <v>21245</v>
      </c>
      <c r="I11190" s="7">
        <v>4.6504154</v>
      </c>
      <c r="J11190" s="8">
        <v>-74.065524600000003</v>
      </c>
    </row>
    <row r="11191" spans="1:10" x14ac:dyDescent="0.35">
      <c r="A11191" s="5" t="s">
        <v>10</v>
      </c>
      <c r="B11191" s="6">
        <v>234989</v>
      </c>
      <c r="C11191" s="6" t="s">
        <v>551</v>
      </c>
      <c r="D11191" s="6" t="s">
        <v>1550</v>
      </c>
      <c r="E11191" s="6">
        <v>20710</v>
      </c>
      <c r="F11191" s="6" t="s">
        <v>18</v>
      </c>
      <c r="G11191" s="6" t="s">
        <v>21246</v>
      </c>
      <c r="H11191" s="6" t="s">
        <v>21247</v>
      </c>
      <c r="I11191" s="7">
        <v>7.7636684000000002</v>
      </c>
      <c r="J11191" s="8">
        <v>-73.393211699999995</v>
      </c>
    </row>
    <row r="11192" spans="1:10" x14ac:dyDescent="0.35">
      <c r="A11192" s="5" t="s">
        <v>10</v>
      </c>
      <c r="B11192" s="6">
        <v>223872</v>
      </c>
      <c r="C11192" s="6" t="s">
        <v>11</v>
      </c>
      <c r="D11192" s="6" t="s">
        <v>334</v>
      </c>
      <c r="E11192" s="6">
        <v>25754</v>
      </c>
      <c r="F11192" s="6" t="s">
        <v>18</v>
      </c>
      <c r="G11192" s="6" t="s">
        <v>7382</v>
      </c>
      <c r="H11192" s="6" t="s">
        <v>7383</v>
      </c>
      <c r="I11192" s="7">
        <v>4.5793781999999998</v>
      </c>
      <c r="J11192" s="8">
        <v>-74.209130500000001</v>
      </c>
    </row>
    <row r="11193" spans="1:10" x14ac:dyDescent="0.35">
      <c r="A11193" s="5" t="s">
        <v>10</v>
      </c>
      <c r="B11193" s="6">
        <v>232986</v>
      </c>
      <c r="C11193" s="6" t="s">
        <v>190</v>
      </c>
      <c r="D11193" s="6" t="s">
        <v>6084</v>
      </c>
      <c r="E11193" s="6">
        <v>5154</v>
      </c>
      <c r="F11193" s="6" t="s">
        <v>18</v>
      </c>
      <c r="G11193" s="6" t="s">
        <v>21248</v>
      </c>
      <c r="H11193" s="6" t="s">
        <v>21249</v>
      </c>
      <c r="I11193" s="7">
        <v>7.9876699999999996</v>
      </c>
      <c r="J11193" s="8">
        <v>-75.199700000000007</v>
      </c>
    </row>
    <row r="11194" spans="1:10" x14ac:dyDescent="0.35">
      <c r="A11194" s="5" t="s">
        <v>10</v>
      </c>
      <c r="B11194" s="6">
        <v>150323</v>
      </c>
      <c r="C11194" s="6" t="s">
        <v>24</v>
      </c>
      <c r="D11194" s="6" t="s">
        <v>88</v>
      </c>
      <c r="E11194" s="6">
        <v>15001</v>
      </c>
      <c r="F11194" s="6" t="s">
        <v>18</v>
      </c>
      <c r="G11194" s="6" t="s">
        <v>21250</v>
      </c>
      <c r="H11194" s="6" t="s">
        <v>21251</v>
      </c>
      <c r="I11194" s="7">
        <v>5.5999454999999996</v>
      </c>
      <c r="J11194" s="8">
        <v>-73.325704299999998</v>
      </c>
    </row>
    <row r="11195" spans="1:10" x14ac:dyDescent="0.35">
      <c r="A11195" s="5" t="s">
        <v>10</v>
      </c>
      <c r="B11195" s="6">
        <v>106226</v>
      </c>
      <c r="C11195" s="6" t="s">
        <v>16</v>
      </c>
      <c r="D11195" s="6" t="s">
        <v>78</v>
      </c>
      <c r="E11195" s="6">
        <v>68001</v>
      </c>
      <c r="F11195" s="6" t="s">
        <v>18</v>
      </c>
      <c r="G11195" s="6" t="s">
        <v>21252</v>
      </c>
      <c r="H11195" s="6" t="s">
        <v>21253</v>
      </c>
      <c r="I11195" s="7">
        <v>7.1226475999999996</v>
      </c>
      <c r="J11195" s="8">
        <v>-73.133936499999905</v>
      </c>
    </row>
    <row r="11196" spans="1:10" x14ac:dyDescent="0.35">
      <c r="A11196" s="5" t="s">
        <v>10</v>
      </c>
      <c r="B11196" s="6">
        <v>227590</v>
      </c>
      <c r="C11196" s="6" t="s">
        <v>11</v>
      </c>
      <c r="D11196" s="6" t="s">
        <v>1193</v>
      </c>
      <c r="E11196" s="6">
        <v>25035</v>
      </c>
      <c r="F11196" s="6" t="s">
        <v>18</v>
      </c>
      <c r="G11196" s="6" t="s">
        <v>21254</v>
      </c>
      <c r="H11196" s="6" t="s">
        <v>21255</v>
      </c>
      <c r="I11196" s="7">
        <v>4.5569674999999998</v>
      </c>
      <c r="J11196" s="8">
        <v>-74.528939699999995</v>
      </c>
    </row>
    <row r="11197" spans="1:10" x14ac:dyDescent="0.35">
      <c r="A11197" s="5" t="s">
        <v>10</v>
      </c>
      <c r="B11197" s="6">
        <v>212481</v>
      </c>
      <c r="C11197" s="6" t="s">
        <v>11</v>
      </c>
      <c r="D11197" s="6" t="s">
        <v>334</v>
      </c>
      <c r="E11197" s="6">
        <v>25754</v>
      </c>
      <c r="F11197" s="6" t="s">
        <v>18</v>
      </c>
      <c r="G11197" s="6" t="s">
        <v>21256</v>
      </c>
      <c r="H11197" s="6" t="s">
        <v>21257</v>
      </c>
      <c r="I11197" s="7">
        <v>4.5749496999999897</v>
      </c>
      <c r="J11197" s="8">
        <v>-74.185721099999995</v>
      </c>
    </row>
    <row r="11198" spans="1:10" x14ac:dyDescent="0.35">
      <c r="A11198" s="5" t="s">
        <v>10</v>
      </c>
      <c r="B11198" s="6">
        <v>210740</v>
      </c>
      <c r="C11198" s="6" t="s">
        <v>68</v>
      </c>
      <c r="D11198" s="6" t="s">
        <v>69</v>
      </c>
      <c r="E11198" s="6">
        <v>11001</v>
      </c>
      <c r="F11198" s="6" t="s">
        <v>18</v>
      </c>
      <c r="G11198" s="6" t="s">
        <v>21258</v>
      </c>
      <c r="H11198" s="6" t="s">
        <v>21259</v>
      </c>
      <c r="I11198" s="7">
        <v>4.6115278000000002</v>
      </c>
      <c r="J11198" s="8">
        <v>-74.095147299999994</v>
      </c>
    </row>
    <row r="11199" spans="1:10" x14ac:dyDescent="0.35">
      <c r="A11199" s="5" t="s">
        <v>10</v>
      </c>
      <c r="B11199" s="6">
        <v>226255</v>
      </c>
      <c r="C11199" s="6" t="s">
        <v>117</v>
      </c>
      <c r="D11199" s="6" t="s">
        <v>1334</v>
      </c>
      <c r="E11199" s="6">
        <v>76001</v>
      </c>
      <c r="F11199" s="6" t="s">
        <v>13</v>
      </c>
      <c r="G11199" s="6" t="s">
        <v>3737</v>
      </c>
      <c r="H11199" s="6" t="s">
        <v>21260</v>
      </c>
      <c r="I11199" s="7">
        <v>3.4518914000000001</v>
      </c>
      <c r="J11199" s="8">
        <v>-76.5657341</v>
      </c>
    </row>
    <row r="11200" spans="1:10" x14ac:dyDescent="0.35">
      <c r="A11200" s="5" t="s">
        <v>10</v>
      </c>
      <c r="B11200" s="6">
        <v>239493</v>
      </c>
      <c r="C11200" s="6" t="s">
        <v>11</v>
      </c>
      <c r="D11200" s="6" t="s">
        <v>334</v>
      </c>
      <c r="E11200" s="6">
        <v>25754</v>
      </c>
      <c r="F11200" s="6" t="s">
        <v>2161</v>
      </c>
      <c r="G11200" s="6" t="s">
        <v>21261</v>
      </c>
      <c r="H11200" s="6" t="s">
        <v>21262</v>
      </c>
      <c r="I11200" s="7">
        <v>4.5874879000000002</v>
      </c>
      <c r="J11200" s="8">
        <v>-74.193177000000006</v>
      </c>
    </row>
    <row r="11201" spans="1:10" x14ac:dyDescent="0.35">
      <c r="A11201" s="5" t="s">
        <v>10</v>
      </c>
      <c r="B11201" s="6">
        <v>231614</v>
      </c>
      <c r="C11201" s="6" t="s">
        <v>16</v>
      </c>
      <c r="D11201" s="6" t="s">
        <v>78</v>
      </c>
      <c r="E11201" s="6">
        <v>68001</v>
      </c>
      <c r="F11201" s="6" t="s">
        <v>18</v>
      </c>
      <c r="G11201" s="6" t="s">
        <v>21263</v>
      </c>
      <c r="H11201" s="6" t="s">
        <v>21264</v>
      </c>
      <c r="I11201" s="7">
        <v>7.1361369999999997</v>
      </c>
      <c r="J11201" s="8">
        <v>-73.124900999999994</v>
      </c>
    </row>
    <row r="11202" spans="1:10" x14ac:dyDescent="0.35">
      <c r="A11202" s="5" t="s">
        <v>10</v>
      </c>
      <c r="B11202" s="6">
        <v>220686</v>
      </c>
      <c r="C11202" s="6" t="s">
        <v>278</v>
      </c>
      <c r="D11202" s="6" t="s">
        <v>2336</v>
      </c>
      <c r="E11202" s="6">
        <v>50226</v>
      </c>
      <c r="F11202" s="6" t="s">
        <v>18</v>
      </c>
      <c r="G11202" s="6" t="s">
        <v>21265</v>
      </c>
      <c r="H11202" s="6" t="s">
        <v>21266</v>
      </c>
      <c r="I11202" s="7">
        <v>4.2724595999999897</v>
      </c>
      <c r="J11202" s="8">
        <v>-73.490364700000001</v>
      </c>
    </row>
    <row r="11203" spans="1:10" x14ac:dyDescent="0.35">
      <c r="A11203" s="5" t="s">
        <v>10</v>
      </c>
      <c r="B11203" s="6">
        <v>214410</v>
      </c>
      <c r="C11203" s="6" t="s">
        <v>294</v>
      </c>
      <c r="D11203" s="6" t="s">
        <v>447</v>
      </c>
      <c r="E11203" s="6">
        <v>41551</v>
      </c>
      <c r="F11203" s="6" t="s">
        <v>18</v>
      </c>
      <c r="G11203" s="6" t="s">
        <v>21267</v>
      </c>
      <c r="H11203" s="6" t="s">
        <v>21268</v>
      </c>
      <c r="I11203" s="7">
        <v>1.8449968000000001</v>
      </c>
      <c r="J11203" s="8">
        <v>-76.049026999999995</v>
      </c>
    </row>
    <row r="11204" spans="1:10" x14ac:dyDescent="0.35">
      <c r="A11204" s="5" t="s">
        <v>10</v>
      </c>
      <c r="B11204" s="6">
        <v>201462</v>
      </c>
      <c r="C11204" s="6" t="s">
        <v>11</v>
      </c>
      <c r="D11204" s="6" t="s">
        <v>12</v>
      </c>
      <c r="E11204" s="6">
        <v>25899</v>
      </c>
      <c r="F11204" s="6" t="s">
        <v>18</v>
      </c>
      <c r="G11204" s="6" t="s">
        <v>21269</v>
      </c>
      <c r="H11204" s="6" t="s">
        <v>21270</v>
      </c>
      <c r="I11204" s="7">
        <v>5.0364329999999997</v>
      </c>
      <c r="J11204" s="8">
        <v>-73.999992599999999</v>
      </c>
    </row>
    <row r="11205" spans="1:10" x14ac:dyDescent="0.35">
      <c r="A11205" s="5" t="s">
        <v>10</v>
      </c>
      <c r="B11205" s="6">
        <v>224869</v>
      </c>
      <c r="C11205" s="6" t="s">
        <v>11</v>
      </c>
      <c r="D11205" s="6" t="s">
        <v>3054</v>
      </c>
      <c r="E11205" s="6">
        <v>25269</v>
      </c>
      <c r="F11205" s="6" t="s">
        <v>18</v>
      </c>
      <c r="G11205" s="6" t="s">
        <v>21271</v>
      </c>
      <c r="H11205" s="6" t="s">
        <v>21272</v>
      </c>
      <c r="I11205" s="7">
        <v>4.8118295999999896</v>
      </c>
      <c r="J11205" s="8">
        <v>-74.339845499999996</v>
      </c>
    </row>
    <row r="11206" spans="1:10" x14ac:dyDescent="0.35">
      <c r="A11206" s="5" t="s">
        <v>10</v>
      </c>
      <c r="B11206" s="6">
        <v>198192</v>
      </c>
      <c r="C11206" s="6" t="s">
        <v>68</v>
      </c>
      <c r="D11206" s="6" t="s">
        <v>69</v>
      </c>
      <c r="E11206" s="6">
        <v>11001</v>
      </c>
      <c r="F11206" s="6" t="s">
        <v>18</v>
      </c>
      <c r="G11206" s="6" t="s">
        <v>21273</v>
      </c>
      <c r="H11206" s="6" t="s">
        <v>21274</v>
      </c>
      <c r="I11206" s="7">
        <v>4.6825068999999999</v>
      </c>
      <c r="J11206" s="8">
        <v>-74.145140299999994</v>
      </c>
    </row>
    <row r="11207" spans="1:10" x14ac:dyDescent="0.35">
      <c r="A11207" s="5" t="s">
        <v>10</v>
      </c>
      <c r="B11207" s="6">
        <v>186302</v>
      </c>
      <c r="C11207" s="6" t="s">
        <v>11</v>
      </c>
      <c r="D11207" s="6" t="s">
        <v>159</v>
      </c>
      <c r="E11207" s="6">
        <v>25175</v>
      </c>
      <c r="F11207" s="6" t="s">
        <v>18</v>
      </c>
      <c r="G11207" s="6" t="s">
        <v>20203</v>
      </c>
      <c r="H11207" s="6" t="s">
        <v>20204</v>
      </c>
      <c r="I11207" s="7">
        <v>4.8576021000000003</v>
      </c>
      <c r="J11207" s="8">
        <v>-74.061055199999998</v>
      </c>
    </row>
    <row r="11208" spans="1:10" x14ac:dyDescent="0.35">
      <c r="A11208" s="5" t="s">
        <v>10</v>
      </c>
      <c r="B11208" s="6">
        <v>235301</v>
      </c>
      <c r="C11208" s="6" t="s">
        <v>16</v>
      </c>
      <c r="D11208" s="6" t="s">
        <v>1401</v>
      </c>
      <c r="E11208" s="6">
        <v>68307</v>
      </c>
      <c r="F11208" s="6" t="s">
        <v>18</v>
      </c>
      <c r="G11208" s="6" t="s">
        <v>21275</v>
      </c>
      <c r="H11208" s="6" t="s">
        <v>21276</v>
      </c>
      <c r="I11208" s="7">
        <v>7.1059331999999999</v>
      </c>
      <c r="J11208" s="8">
        <v>-73.116101299999997</v>
      </c>
    </row>
    <row r="11209" spans="1:10" x14ac:dyDescent="0.35">
      <c r="A11209" s="5" t="s">
        <v>10</v>
      </c>
      <c r="B11209" s="6">
        <v>211025</v>
      </c>
      <c r="C11209" s="6" t="s">
        <v>278</v>
      </c>
      <c r="D11209" s="6" t="s">
        <v>5157</v>
      </c>
      <c r="E11209" s="6">
        <v>50680</v>
      </c>
      <c r="F11209" s="6" t="s">
        <v>18</v>
      </c>
      <c r="G11209" s="6" t="s">
        <v>5158</v>
      </c>
      <c r="H11209" s="6" t="s">
        <v>5159</v>
      </c>
      <c r="I11209" s="7">
        <v>3.7111377000000001</v>
      </c>
      <c r="J11209" s="8">
        <v>-73.242013599999893</v>
      </c>
    </row>
    <row r="11210" spans="1:10" x14ac:dyDescent="0.35">
      <c r="A11210" s="5" t="s">
        <v>10</v>
      </c>
      <c r="B11210" s="6">
        <v>237643</v>
      </c>
      <c r="C11210" s="6" t="s">
        <v>3788</v>
      </c>
      <c r="D11210" s="6" t="s">
        <v>6771</v>
      </c>
      <c r="E11210" s="6">
        <v>18753</v>
      </c>
      <c r="F11210" s="6" t="s">
        <v>18</v>
      </c>
      <c r="G11210" s="6" t="s">
        <v>21277</v>
      </c>
      <c r="H11210" s="6" t="s">
        <v>21278</v>
      </c>
      <c r="I11210" s="7">
        <v>2.1122420000000002</v>
      </c>
      <c r="J11210" s="8">
        <v>-74.771365299999999</v>
      </c>
    </row>
    <row r="11211" spans="1:10" x14ac:dyDescent="0.35">
      <c r="A11211" s="5" t="s">
        <v>10</v>
      </c>
      <c r="B11211" s="6">
        <v>222147</v>
      </c>
      <c r="C11211" s="6" t="s">
        <v>294</v>
      </c>
      <c r="D11211" s="6" t="s">
        <v>447</v>
      </c>
      <c r="E11211" s="6">
        <v>41551</v>
      </c>
      <c r="F11211" s="6" t="s">
        <v>18</v>
      </c>
      <c r="G11211" s="6" t="s">
        <v>21279</v>
      </c>
      <c r="H11211" s="6" t="s">
        <v>21280</v>
      </c>
      <c r="I11211" s="7">
        <v>1.8563308999999999</v>
      </c>
      <c r="J11211" s="8">
        <v>-76.046161099999907</v>
      </c>
    </row>
    <row r="11212" spans="1:10" x14ac:dyDescent="0.35">
      <c r="A11212" s="5" t="s">
        <v>10</v>
      </c>
      <c r="B11212" s="6">
        <v>184921</v>
      </c>
      <c r="C11212" s="6" t="s">
        <v>117</v>
      </c>
      <c r="D11212" s="6" t="s">
        <v>1334</v>
      </c>
      <c r="E11212" s="6">
        <v>76001</v>
      </c>
      <c r="F11212" s="6" t="s">
        <v>18</v>
      </c>
      <c r="G11212" s="6" t="s">
        <v>21281</v>
      </c>
      <c r="H11212" s="6" t="s">
        <v>21282</v>
      </c>
      <c r="I11212" s="7">
        <v>3.4314809999999998</v>
      </c>
      <c r="J11212" s="8">
        <v>-76.544510599999995</v>
      </c>
    </row>
    <row r="11213" spans="1:10" x14ac:dyDescent="0.35">
      <c r="A11213" s="5" t="s">
        <v>10</v>
      </c>
      <c r="B11213" s="6">
        <v>185099</v>
      </c>
      <c r="C11213" s="6" t="s">
        <v>11</v>
      </c>
      <c r="D11213" s="6" t="s">
        <v>334</v>
      </c>
      <c r="E11213" s="6">
        <v>25754</v>
      </c>
      <c r="F11213" s="6" t="s">
        <v>18</v>
      </c>
      <c r="G11213" s="6" t="s">
        <v>3926</v>
      </c>
      <c r="H11213" s="6" t="s">
        <v>3927</v>
      </c>
      <c r="I11213" s="7">
        <v>4.5638947999999999</v>
      </c>
      <c r="J11213" s="8">
        <v>-74.234247499999995</v>
      </c>
    </row>
    <row r="11214" spans="1:10" x14ac:dyDescent="0.35">
      <c r="A11214" s="5" t="s">
        <v>10</v>
      </c>
      <c r="B11214" s="6">
        <v>234424</v>
      </c>
      <c r="C11214" s="6" t="s">
        <v>308</v>
      </c>
      <c r="D11214" s="6" t="s">
        <v>7590</v>
      </c>
      <c r="E11214" s="6">
        <v>23466</v>
      </c>
      <c r="F11214" s="6" t="s">
        <v>18</v>
      </c>
      <c r="G11214" s="6" t="s">
        <v>21283</v>
      </c>
      <c r="H11214" s="6" t="s">
        <v>21284</v>
      </c>
      <c r="I11214" s="7">
        <v>7.9708313999999998</v>
      </c>
      <c r="J11214" s="8">
        <v>-75.423603999999997</v>
      </c>
    </row>
    <row r="11215" spans="1:10" x14ac:dyDescent="0.35">
      <c r="A11215" s="5" t="s">
        <v>10</v>
      </c>
      <c r="B11215" s="6">
        <v>240250</v>
      </c>
      <c r="C11215" s="6" t="s">
        <v>3819</v>
      </c>
      <c r="D11215" s="6" t="s">
        <v>14622</v>
      </c>
      <c r="E11215" s="6">
        <v>86865</v>
      </c>
      <c r="F11215" s="6" t="s">
        <v>18</v>
      </c>
      <c r="G11215" s="6" t="s">
        <v>21285</v>
      </c>
      <c r="H11215" s="6" t="s">
        <v>21286</v>
      </c>
      <c r="I11215" s="7">
        <v>0.42338500000000001</v>
      </c>
      <c r="J11215" s="8">
        <v>-76.904996999999995</v>
      </c>
    </row>
    <row r="11216" spans="1:10" x14ac:dyDescent="0.35">
      <c r="A11216" s="5" t="s">
        <v>10</v>
      </c>
      <c r="B11216" s="6">
        <v>214105</v>
      </c>
      <c r="C11216" s="6" t="s">
        <v>11</v>
      </c>
      <c r="D11216" s="6" t="s">
        <v>1997</v>
      </c>
      <c r="E11216" s="6">
        <v>25797</v>
      </c>
      <c r="F11216" s="6" t="s">
        <v>18</v>
      </c>
      <c r="G11216" s="6" t="s">
        <v>21287</v>
      </c>
      <c r="H11216" s="6" t="s">
        <v>21288</v>
      </c>
      <c r="I11216" s="7">
        <v>4.6544258000000003</v>
      </c>
      <c r="J11216" s="8">
        <v>-74.399813899999998</v>
      </c>
    </row>
    <row r="11217" spans="1:10" x14ac:dyDescent="0.35">
      <c r="A11217" s="5" t="s">
        <v>10</v>
      </c>
      <c r="B11217" s="6">
        <v>234063</v>
      </c>
      <c r="C11217" s="6" t="s">
        <v>11</v>
      </c>
      <c r="D11217" s="6" t="s">
        <v>334</v>
      </c>
      <c r="E11217" s="6">
        <v>25754</v>
      </c>
      <c r="F11217" s="6" t="s">
        <v>18</v>
      </c>
      <c r="G11217" s="6" t="s">
        <v>21289</v>
      </c>
      <c r="H11217" s="6" t="s">
        <v>21290</v>
      </c>
      <c r="I11217" s="7">
        <v>4.5794673000000001</v>
      </c>
      <c r="J11217" s="8">
        <v>-74.224660200000002</v>
      </c>
    </row>
    <row r="11218" spans="1:10" x14ac:dyDescent="0.35">
      <c r="A11218" s="5" t="s">
        <v>10</v>
      </c>
      <c r="B11218" s="6">
        <v>218861</v>
      </c>
      <c r="C11218" s="6" t="s">
        <v>16</v>
      </c>
      <c r="D11218" s="6" t="s">
        <v>78</v>
      </c>
      <c r="E11218" s="6">
        <v>68001</v>
      </c>
      <c r="F11218" s="6" t="s">
        <v>18</v>
      </c>
      <c r="G11218" s="6" t="s">
        <v>21291</v>
      </c>
      <c r="H11218" s="6" t="s">
        <v>21292</v>
      </c>
      <c r="I11218" s="7">
        <v>7.1153130999999998</v>
      </c>
      <c r="J11218" s="8">
        <v>-73.1258555</v>
      </c>
    </row>
    <row r="11219" spans="1:10" x14ac:dyDescent="0.35">
      <c r="A11219" s="5" t="s">
        <v>10</v>
      </c>
      <c r="B11219" s="6">
        <v>207311</v>
      </c>
      <c r="C11219" s="6" t="s">
        <v>11</v>
      </c>
      <c r="D11219" s="6" t="s">
        <v>4073</v>
      </c>
      <c r="E11219" s="6">
        <v>25740</v>
      </c>
      <c r="F11219" s="6" t="s">
        <v>18</v>
      </c>
      <c r="G11219" s="6" t="s">
        <v>21293</v>
      </c>
      <c r="H11219" s="6" t="s">
        <v>21294</v>
      </c>
      <c r="I11219" s="7">
        <v>4.5294115000000001</v>
      </c>
      <c r="J11219" s="8">
        <v>-74.237127000000001</v>
      </c>
    </row>
    <row r="11220" spans="1:10" x14ac:dyDescent="0.35">
      <c r="A11220" s="5" t="s">
        <v>10</v>
      </c>
      <c r="B11220" s="6">
        <v>222845</v>
      </c>
      <c r="C11220" s="6" t="s">
        <v>11</v>
      </c>
      <c r="D11220" s="6" t="s">
        <v>513</v>
      </c>
      <c r="E11220" s="6">
        <v>25286</v>
      </c>
      <c r="F11220" s="6" t="s">
        <v>18</v>
      </c>
      <c r="G11220" s="6" t="s">
        <v>21295</v>
      </c>
      <c r="H11220" s="6" t="s">
        <v>21296</v>
      </c>
      <c r="I11220" s="7">
        <v>4.7085878999999897</v>
      </c>
      <c r="J11220" s="8">
        <v>-74.213015499999997</v>
      </c>
    </row>
    <row r="11221" spans="1:10" x14ac:dyDescent="0.35">
      <c r="A11221" s="5" t="s">
        <v>10</v>
      </c>
      <c r="B11221" s="6">
        <v>216567</v>
      </c>
      <c r="C11221" s="6" t="s">
        <v>11</v>
      </c>
      <c r="D11221" s="6" t="s">
        <v>337</v>
      </c>
      <c r="E11221" s="6">
        <v>25290</v>
      </c>
      <c r="F11221" s="6" t="s">
        <v>18</v>
      </c>
      <c r="G11221" s="6" t="s">
        <v>21297</v>
      </c>
      <c r="H11221" s="6" t="s">
        <v>21298</v>
      </c>
      <c r="I11221" s="7">
        <v>4.3260006000000004</v>
      </c>
      <c r="J11221" s="8">
        <v>-74.414746800000003</v>
      </c>
    </row>
    <row r="11222" spans="1:10" x14ac:dyDescent="0.35">
      <c r="A11222" s="5" t="s">
        <v>10</v>
      </c>
      <c r="B11222" s="6">
        <v>225555</v>
      </c>
      <c r="C11222" s="6" t="s">
        <v>68</v>
      </c>
      <c r="D11222" s="6" t="s">
        <v>69</v>
      </c>
      <c r="E11222" s="6">
        <v>11001</v>
      </c>
      <c r="F11222" s="6" t="s">
        <v>18</v>
      </c>
      <c r="G11222" s="6" t="s">
        <v>21299</v>
      </c>
      <c r="H11222" s="6" t="s">
        <v>21300</v>
      </c>
      <c r="I11222" s="7">
        <v>4.6182473000000002</v>
      </c>
      <c r="J11222" s="8">
        <v>-74.147649000000001</v>
      </c>
    </row>
    <row r="11223" spans="1:10" x14ac:dyDescent="0.35">
      <c r="A11223" s="5" t="s">
        <v>10</v>
      </c>
      <c r="B11223" s="6">
        <v>236515</v>
      </c>
      <c r="C11223" s="6" t="s">
        <v>294</v>
      </c>
      <c r="D11223" s="6" t="s">
        <v>4634</v>
      </c>
      <c r="E11223" s="6">
        <v>41020</v>
      </c>
      <c r="F11223" s="6" t="s">
        <v>18</v>
      </c>
      <c r="G11223" s="6" t="s">
        <v>21301</v>
      </c>
      <c r="H11223" s="6" t="s">
        <v>21302</v>
      </c>
      <c r="I11223" s="7">
        <v>2.9195669</v>
      </c>
      <c r="J11223" s="8">
        <v>-75.2861647</v>
      </c>
    </row>
    <row r="11224" spans="1:10" x14ac:dyDescent="0.35">
      <c r="A11224" s="5" t="s">
        <v>10</v>
      </c>
      <c r="B11224" s="6">
        <v>231608</v>
      </c>
      <c r="C11224" s="6" t="s">
        <v>11</v>
      </c>
      <c r="D11224" s="6" t="s">
        <v>159</v>
      </c>
      <c r="E11224" s="6">
        <v>25175</v>
      </c>
      <c r="F11224" s="6" t="s">
        <v>18</v>
      </c>
      <c r="G11224" s="6" t="s">
        <v>113</v>
      </c>
      <c r="H11224" s="6" t="s">
        <v>21303</v>
      </c>
      <c r="I11224" s="7">
        <v>4.8608703999999996</v>
      </c>
      <c r="J11224" s="8">
        <v>-74.046057399999995</v>
      </c>
    </row>
    <row r="11225" spans="1:10" x14ac:dyDescent="0.35">
      <c r="A11225" s="5" t="s">
        <v>10</v>
      </c>
      <c r="B11225" s="6">
        <v>159135</v>
      </c>
      <c r="C11225" s="6" t="s">
        <v>16</v>
      </c>
      <c r="D11225" s="6" t="s">
        <v>510</v>
      </c>
      <c r="E11225" s="6">
        <v>68547</v>
      </c>
      <c r="F11225" s="6" t="s">
        <v>18</v>
      </c>
      <c r="G11225" s="6" t="s">
        <v>21304</v>
      </c>
      <c r="H11225" s="6" t="s">
        <v>21305</v>
      </c>
      <c r="I11225" s="7">
        <v>6.9868831</v>
      </c>
      <c r="J11225" s="8">
        <v>-73.050503800000001</v>
      </c>
    </row>
    <row r="11226" spans="1:10" x14ac:dyDescent="0.35">
      <c r="A11226" s="5" t="s">
        <v>10</v>
      </c>
      <c r="B11226" s="6">
        <v>241846</v>
      </c>
      <c r="C11226" s="6" t="s">
        <v>278</v>
      </c>
      <c r="D11226" s="6" t="s">
        <v>1331</v>
      </c>
      <c r="E11226" s="6">
        <v>50006</v>
      </c>
      <c r="F11226" s="6" t="s">
        <v>18</v>
      </c>
      <c r="G11226" s="6" t="s">
        <v>21306</v>
      </c>
      <c r="H11226" s="6" t="s">
        <v>21307</v>
      </c>
      <c r="I11226" s="7">
        <v>3.991663</v>
      </c>
      <c r="J11226" s="8">
        <v>-73.766129000000006</v>
      </c>
    </row>
    <row r="11227" spans="1:10" x14ac:dyDescent="0.35">
      <c r="A11227" s="5" t="s">
        <v>10</v>
      </c>
      <c r="B11227" s="6">
        <v>207616</v>
      </c>
      <c r="C11227" s="6" t="s">
        <v>11</v>
      </c>
      <c r="D11227" s="6" t="s">
        <v>334</v>
      </c>
      <c r="E11227" s="6">
        <v>25754</v>
      </c>
      <c r="F11227" s="6" t="s">
        <v>18</v>
      </c>
      <c r="G11227" s="6" t="s">
        <v>113</v>
      </c>
      <c r="H11227" s="6" t="s">
        <v>21308</v>
      </c>
      <c r="I11227" s="7">
        <v>4.5831349000000001</v>
      </c>
      <c r="J11227" s="8">
        <v>-74.212614000000002</v>
      </c>
    </row>
    <row r="11228" spans="1:10" x14ac:dyDescent="0.35">
      <c r="A11228" s="5" t="s">
        <v>10</v>
      </c>
      <c r="B11228" s="6">
        <v>234843</v>
      </c>
      <c r="C11228" s="6" t="s">
        <v>16</v>
      </c>
      <c r="D11228" s="6" t="s">
        <v>78</v>
      </c>
      <c r="E11228" s="6">
        <v>68001</v>
      </c>
      <c r="F11228" s="6" t="s">
        <v>18</v>
      </c>
      <c r="G11228" s="6" t="s">
        <v>21309</v>
      </c>
      <c r="H11228" s="6" t="s">
        <v>21310</v>
      </c>
      <c r="I11228" s="7">
        <v>7.1406745000000003</v>
      </c>
      <c r="J11228" s="8">
        <v>-73.132599200000001</v>
      </c>
    </row>
    <row r="11229" spans="1:10" x14ac:dyDescent="0.35">
      <c r="A11229" s="5" t="s">
        <v>10</v>
      </c>
      <c r="B11229" s="6">
        <v>222828</v>
      </c>
      <c r="C11229" s="6" t="s">
        <v>68</v>
      </c>
      <c r="D11229" s="6" t="s">
        <v>69</v>
      </c>
      <c r="E11229" s="6">
        <v>11001</v>
      </c>
      <c r="F11229" s="6" t="s">
        <v>18</v>
      </c>
      <c r="G11229" s="6" t="s">
        <v>21311</v>
      </c>
      <c r="H11229" s="6" t="s">
        <v>21312</v>
      </c>
      <c r="I11229" s="7">
        <v>4.6747290000000001</v>
      </c>
      <c r="J11229" s="8">
        <v>-74.099931999999995</v>
      </c>
    </row>
    <row r="11230" spans="1:10" x14ac:dyDescent="0.35">
      <c r="A11230" s="5" t="s">
        <v>10</v>
      </c>
      <c r="B11230" s="6">
        <v>241444</v>
      </c>
      <c r="C11230" s="6" t="s">
        <v>308</v>
      </c>
      <c r="D11230" s="6" t="s">
        <v>18257</v>
      </c>
      <c r="E11230" s="6">
        <v>23670</v>
      </c>
      <c r="F11230" s="6" t="s">
        <v>18</v>
      </c>
      <c r="G11230" s="6" t="s">
        <v>21313</v>
      </c>
      <c r="H11230" s="6" t="s">
        <v>21314</v>
      </c>
      <c r="I11230" s="7">
        <v>9.1467430000000007</v>
      </c>
      <c r="J11230" s="8">
        <v>-75.509017</v>
      </c>
    </row>
    <row r="11231" spans="1:10" x14ac:dyDescent="0.35">
      <c r="A11231" s="5" t="s">
        <v>10</v>
      </c>
      <c r="B11231" s="6">
        <v>232325</v>
      </c>
      <c r="C11231" s="6" t="s">
        <v>16</v>
      </c>
      <c r="D11231" s="6" t="s">
        <v>9217</v>
      </c>
      <c r="E11231" s="6">
        <v>68655</v>
      </c>
      <c r="F11231" s="6" t="s">
        <v>18</v>
      </c>
      <c r="G11231" s="6" t="s">
        <v>21315</v>
      </c>
      <c r="H11231" s="6" t="s">
        <v>21316</v>
      </c>
      <c r="I11231" s="7">
        <v>7.3942796</v>
      </c>
      <c r="J11231" s="8">
        <v>-73.5002511</v>
      </c>
    </row>
    <row r="11232" spans="1:10" x14ac:dyDescent="0.35">
      <c r="A11232" s="5" t="s">
        <v>10</v>
      </c>
      <c r="B11232" s="6">
        <v>235665</v>
      </c>
      <c r="C11232" s="6" t="s">
        <v>11</v>
      </c>
      <c r="D11232" s="6" t="s">
        <v>12</v>
      </c>
      <c r="E11232" s="6">
        <v>25899</v>
      </c>
      <c r="F11232" s="6" t="s">
        <v>18</v>
      </c>
      <c r="G11232" s="6" t="s">
        <v>21317</v>
      </c>
      <c r="H11232" s="6" t="s">
        <v>21318</v>
      </c>
      <c r="I11232" s="7">
        <v>5.0288234999999997</v>
      </c>
      <c r="J11232" s="8">
        <v>-73.993470400000007</v>
      </c>
    </row>
    <row r="11233" spans="1:10" x14ac:dyDescent="0.35">
      <c r="A11233" s="5" t="s">
        <v>10</v>
      </c>
      <c r="B11233" s="6">
        <v>200984</v>
      </c>
      <c r="C11233" s="6" t="s">
        <v>68</v>
      </c>
      <c r="D11233" s="6" t="s">
        <v>69</v>
      </c>
      <c r="E11233" s="6">
        <v>11001</v>
      </c>
      <c r="F11233" s="6" t="s">
        <v>18</v>
      </c>
      <c r="G11233" s="6" t="s">
        <v>9365</v>
      </c>
      <c r="H11233" s="6" t="s">
        <v>9366</v>
      </c>
      <c r="I11233" s="7">
        <v>4.6247834000000001</v>
      </c>
      <c r="J11233" s="8">
        <v>-74.119957299999996</v>
      </c>
    </row>
    <row r="11234" spans="1:10" x14ac:dyDescent="0.35">
      <c r="A11234" s="5" t="s">
        <v>10</v>
      </c>
      <c r="B11234" s="6">
        <v>227831</v>
      </c>
      <c r="C11234" s="6" t="s">
        <v>294</v>
      </c>
      <c r="D11234" s="6" t="s">
        <v>10300</v>
      </c>
      <c r="E11234" s="6">
        <v>41357</v>
      </c>
      <c r="F11234" s="6" t="s">
        <v>18</v>
      </c>
      <c r="G11234" s="6" t="s">
        <v>21319</v>
      </c>
      <c r="H11234" s="6" t="s">
        <v>21320</v>
      </c>
      <c r="I11234" s="7">
        <v>2.6909548000000001</v>
      </c>
      <c r="J11234" s="8">
        <v>-75.616064600000001</v>
      </c>
    </row>
    <row r="11235" spans="1:10" x14ac:dyDescent="0.35">
      <c r="A11235" s="5" t="s">
        <v>10</v>
      </c>
      <c r="B11235" s="6">
        <v>208485</v>
      </c>
      <c r="C11235" s="6" t="s">
        <v>366</v>
      </c>
      <c r="D11235" s="6" t="s">
        <v>370</v>
      </c>
      <c r="E11235" s="6">
        <v>44874</v>
      </c>
      <c r="F11235" s="6" t="s">
        <v>18</v>
      </c>
      <c r="G11235" s="6" t="s">
        <v>21321</v>
      </c>
      <c r="H11235" s="6" t="s">
        <v>21322</v>
      </c>
      <c r="I11235" s="7">
        <v>10.603721</v>
      </c>
      <c r="J11235" s="8">
        <v>-72.981935999999905</v>
      </c>
    </row>
    <row r="11236" spans="1:10" x14ac:dyDescent="0.35">
      <c r="A11236" s="5" t="s">
        <v>10</v>
      </c>
      <c r="B11236" s="6">
        <v>201360</v>
      </c>
      <c r="C11236" s="6" t="s">
        <v>16</v>
      </c>
      <c r="D11236" s="6" t="s">
        <v>78</v>
      </c>
      <c r="E11236" s="6">
        <v>68001</v>
      </c>
      <c r="F11236" s="6" t="s">
        <v>18</v>
      </c>
      <c r="G11236" s="6" t="s">
        <v>21323</v>
      </c>
      <c r="H11236" s="6" t="s">
        <v>21324</v>
      </c>
      <c r="I11236" s="7">
        <v>7.1160892999999996</v>
      </c>
      <c r="J11236" s="8">
        <v>-73.126777899999993</v>
      </c>
    </row>
    <row r="11237" spans="1:10" x14ac:dyDescent="0.35">
      <c r="A11237" s="5" t="s">
        <v>10</v>
      </c>
      <c r="B11237" s="6">
        <v>232937</v>
      </c>
      <c r="C11237" s="6" t="s">
        <v>16</v>
      </c>
      <c r="D11237" s="6" t="s">
        <v>2825</v>
      </c>
      <c r="E11237" s="6">
        <v>68276</v>
      </c>
      <c r="F11237" s="6" t="s">
        <v>18</v>
      </c>
      <c r="G11237" s="6" t="s">
        <v>21325</v>
      </c>
      <c r="H11237" s="6" t="s">
        <v>21326</v>
      </c>
      <c r="I11237" s="7">
        <v>7.0717787000000003</v>
      </c>
      <c r="J11237" s="8">
        <v>-73.104784699999996</v>
      </c>
    </row>
    <row r="11238" spans="1:10" x14ac:dyDescent="0.35">
      <c r="A11238" s="5" t="s">
        <v>10</v>
      </c>
      <c r="B11238" s="6">
        <v>178523</v>
      </c>
      <c r="C11238" s="6" t="s">
        <v>68</v>
      </c>
      <c r="D11238" s="6" t="s">
        <v>69</v>
      </c>
      <c r="E11238" s="6">
        <v>11001</v>
      </c>
      <c r="F11238" s="6" t="s">
        <v>18</v>
      </c>
      <c r="G11238" s="6" t="s">
        <v>10664</v>
      </c>
      <c r="H11238" s="6" t="s">
        <v>10665</v>
      </c>
      <c r="I11238" s="7">
        <v>4.5409392999999998</v>
      </c>
      <c r="J11238" s="8">
        <v>-74.118042199999906</v>
      </c>
    </row>
    <row r="11239" spans="1:10" x14ac:dyDescent="0.35">
      <c r="A11239" s="5" t="s">
        <v>10</v>
      </c>
      <c r="B11239" s="6">
        <v>244330</v>
      </c>
      <c r="C11239" s="6" t="s">
        <v>366</v>
      </c>
      <c r="D11239" s="6" t="s">
        <v>21327</v>
      </c>
      <c r="E11239" s="6">
        <v>44560</v>
      </c>
      <c r="F11239" s="6" t="s">
        <v>18</v>
      </c>
      <c r="G11239" s="6" t="s">
        <v>21328</v>
      </c>
      <c r="H11239" s="6" t="s">
        <v>21329</v>
      </c>
      <c r="I11239" s="7">
        <v>11.773527</v>
      </c>
      <c r="J11239" s="8">
        <v>-72.442755899999995</v>
      </c>
    </row>
    <row r="11240" spans="1:10" x14ac:dyDescent="0.35">
      <c r="A11240" s="5" t="s">
        <v>10</v>
      </c>
      <c r="B11240" s="6">
        <v>165767</v>
      </c>
      <c r="C11240" s="6" t="s">
        <v>302</v>
      </c>
      <c r="D11240" s="6" t="s">
        <v>4041</v>
      </c>
      <c r="E11240" s="6">
        <v>8758</v>
      </c>
      <c r="F11240" s="6" t="s">
        <v>18</v>
      </c>
      <c r="G11240" s="6" t="s">
        <v>8947</v>
      </c>
      <c r="H11240" s="6" t="s">
        <v>8948</v>
      </c>
      <c r="I11240" s="7">
        <v>10.933068</v>
      </c>
      <c r="J11240" s="8">
        <v>-74.786175599999893</v>
      </c>
    </row>
    <row r="11241" spans="1:10" x14ac:dyDescent="0.35">
      <c r="A11241" s="5" t="s">
        <v>10</v>
      </c>
      <c r="B11241" s="6">
        <v>154013</v>
      </c>
      <c r="C11241" s="6" t="s">
        <v>3788</v>
      </c>
      <c r="D11241" s="6" t="s">
        <v>3974</v>
      </c>
      <c r="E11241" s="6">
        <v>18001</v>
      </c>
      <c r="F11241" s="6" t="s">
        <v>18</v>
      </c>
      <c r="G11241" s="6" t="s">
        <v>21330</v>
      </c>
      <c r="H11241" s="6" t="s">
        <v>21331</v>
      </c>
      <c r="I11241" s="7">
        <v>1.6153858000000001</v>
      </c>
      <c r="J11241" s="8">
        <v>-75.604236399999905</v>
      </c>
    </row>
    <row r="11242" spans="1:10" x14ac:dyDescent="0.35">
      <c r="A11242" s="5" t="s">
        <v>10</v>
      </c>
      <c r="B11242" s="6">
        <v>189787</v>
      </c>
      <c r="C11242" s="6" t="s">
        <v>11</v>
      </c>
      <c r="D11242" s="6" t="s">
        <v>1193</v>
      </c>
      <c r="E11242" s="6">
        <v>25035</v>
      </c>
      <c r="F11242" s="6" t="s">
        <v>18</v>
      </c>
      <c r="G11242" s="6" t="s">
        <v>21332</v>
      </c>
      <c r="H11242" s="6" t="s">
        <v>21333</v>
      </c>
      <c r="I11242" s="7">
        <v>4.5489420000000003</v>
      </c>
      <c r="J11242" s="8">
        <v>-74.535235</v>
      </c>
    </row>
    <row r="11243" spans="1:10" x14ac:dyDescent="0.35">
      <c r="A11243" s="5" t="s">
        <v>10</v>
      </c>
      <c r="B11243" s="6">
        <v>239323</v>
      </c>
      <c r="C11243" s="6" t="s">
        <v>16</v>
      </c>
      <c r="D11243" s="6" t="s">
        <v>705</v>
      </c>
      <c r="E11243" s="6">
        <v>68077</v>
      </c>
      <c r="F11243" s="6" t="s">
        <v>18</v>
      </c>
      <c r="G11243" s="6" t="s">
        <v>1678</v>
      </c>
      <c r="H11243" s="6" t="s">
        <v>21334</v>
      </c>
      <c r="I11243" s="7">
        <v>5.9327195000000001</v>
      </c>
      <c r="J11243" s="8">
        <v>-73.616002800000004</v>
      </c>
    </row>
    <row r="11244" spans="1:10" x14ac:dyDescent="0.35">
      <c r="A11244" s="5" t="s">
        <v>10</v>
      </c>
      <c r="B11244" s="6">
        <v>231281</v>
      </c>
      <c r="C11244" s="6" t="s">
        <v>16</v>
      </c>
      <c r="D11244" s="6" t="s">
        <v>1257</v>
      </c>
      <c r="E11244" s="6">
        <v>68770</v>
      </c>
      <c r="F11244" s="6" t="s">
        <v>18</v>
      </c>
      <c r="G11244" s="6" t="s">
        <v>21335</v>
      </c>
      <c r="H11244" s="6" t="s">
        <v>21336</v>
      </c>
      <c r="I11244" s="7">
        <v>6.0993529999999998</v>
      </c>
      <c r="J11244" s="8">
        <v>-73.443174999999997</v>
      </c>
    </row>
    <row r="11245" spans="1:10" x14ac:dyDescent="0.35">
      <c r="A11245" s="5" t="s">
        <v>10</v>
      </c>
      <c r="B11245" s="6">
        <v>239244</v>
      </c>
      <c r="C11245" s="6" t="s">
        <v>68</v>
      </c>
      <c r="D11245" s="6" t="s">
        <v>69</v>
      </c>
      <c r="E11245" s="6">
        <v>11001</v>
      </c>
      <c r="F11245" s="6" t="s">
        <v>18</v>
      </c>
      <c r="G11245" s="6" t="s">
        <v>21337</v>
      </c>
      <c r="H11245" s="6" t="s">
        <v>21338</v>
      </c>
      <c r="I11245" s="7">
        <v>4.7664909</v>
      </c>
      <c r="J11245" s="8">
        <v>-74.045434700000001</v>
      </c>
    </row>
    <row r="11246" spans="1:10" x14ac:dyDescent="0.35">
      <c r="A11246" s="5" t="s">
        <v>10</v>
      </c>
      <c r="B11246" s="6">
        <v>232512</v>
      </c>
      <c r="C11246" s="6" t="s">
        <v>68</v>
      </c>
      <c r="D11246" s="6" t="s">
        <v>69</v>
      </c>
      <c r="E11246" s="6">
        <v>11001</v>
      </c>
      <c r="F11246" s="6" t="s">
        <v>18</v>
      </c>
      <c r="G11246" s="6" t="s">
        <v>12404</v>
      </c>
      <c r="H11246" s="6" t="s">
        <v>21339</v>
      </c>
      <c r="I11246" s="7">
        <v>4.5783284999999996</v>
      </c>
      <c r="J11246" s="8">
        <v>-74.097085199999995</v>
      </c>
    </row>
    <row r="11247" spans="1:10" x14ac:dyDescent="0.35">
      <c r="A11247" s="5" t="s">
        <v>10</v>
      </c>
      <c r="B11247" s="6">
        <v>245797</v>
      </c>
      <c r="C11247" s="6" t="s">
        <v>2821</v>
      </c>
      <c r="D11247" s="6" t="s">
        <v>2822</v>
      </c>
      <c r="E11247" s="6">
        <v>47001</v>
      </c>
      <c r="F11247" s="6" t="s">
        <v>18</v>
      </c>
      <c r="G11247" s="6" t="s">
        <v>21340</v>
      </c>
      <c r="H11247" s="6" t="s">
        <v>10341</v>
      </c>
      <c r="I11247" s="7">
        <v>11.240304699999999</v>
      </c>
      <c r="J11247" s="8">
        <v>-74.2115644</v>
      </c>
    </row>
    <row r="11248" spans="1:10" x14ac:dyDescent="0.35">
      <c r="A11248" s="5" t="s">
        <v>10</v>
      </c>
      <c r="B11248" s="6">
        <v>231116</v>
      </c>
      <c r="C11248" s="6" t="s">
        <v>16</v>
      </c>
      <c r="D11248" s="6" t="s">
        <v>78</v>
      </c>
      <c r="E11248" s="6">
        <v>68001</v>
      </c>
      <c r="F11248" s="6" t="s">
        <v>18</v>
      </c>
      <c r="G11248" s="6" t="s">
        <v>21341</v>
      </c>
      <c r="H11248" s="6" t="s">
        <v>21342</v>
      </c>
      <c r="I11248" s="7">
        <v>7.1001272000000002</v>
      </c>
      <c r="J11248" s="8">
        <v>-73.1076525</v>
      </c>
    </row>
    <row r="11249" spans="1:10" x14ac:dyDescent="0.35">
      <c r="A11249" s="5" t="s">
        <v>10</v>
      </c>
      <c r="B11249" s="6">
        <v>232950</v>
      </c>
      <c r="C11249" s="6" t="s">
        <v>42</v>
      </c>
      <c r="D11249" s="6" t="s">
        <v>396</v>
      </c>
      <c r="E11249" s="6">
        <v>17380</v>
      </c>
      <c r="F11249" s="6" t="s">
        <v>18</v>
      </c>
      <c r="G11249" s="6" t="s">
        <v>21343</v>
      </c>
      <c r="H11249" s="6" t="s">
        <v>21344</v>
      </c>
      <c r="I11249" s="7">
        <v>5.4826600000000001</v>
      </c>
      <c r="J11249" s="8">
        <v>-74.671809999999994</v>
      </c>
    </row>
    <row r="11250" spans="1:10" x14ac:dyDescent="0.35">
      <c r="A11250" s="5" t="s">
        <v>10</v>
      </c>
      <c r="B11250" s="6">
        <v>235999</v>
      </c>
      <c r="C11250" s="6" t="s">
        <v>24</v>
      </c>
      <c r="D11250" s="6" t="s">
        <v>2199</v>
      </c>
      <c r="E11250" s="6">
        <v>15507</v>
      </c>
      <c r="F11250" s="6" t="s">
        <v>18</v>
      </c>
      <c r="G11250" s="6" t="s">
        <v>21345</v>
      </c>
      <c r="H11250" s="6" t="s">
        <v>21346</v>
      </c>
      <c r="I11250" s="7">
        <v>5.8513368999999997</v>
      </c>
      <c r="J11250" s="8">
        <v>-76.025664399999997</v>
      </c>
    </row>
    <row r="11251" spans="1:10" x14ac:dyDescent="0.35">
      <c r="A11251" s="5" t="s">
        <v>10</v>
      </c>
      <c r="B11251" s="6">
        <v>234321</v>
      </c>
      <c r="C11251" s="6" t="s">
        <v>16</v>
      </c>
      <c r="D11251" s="6" t="s">
        <v>7769</v>
      </c>
      <c r="E11251" s="6">
        <v>68689</v>
      </c>
      <c r="F11251" s="6" t="s">
        <v>18</v>
      </c>
      <c r="G11251" s="6" t="s">
        <v>21347</v>
      </c>
      <c r="H11251" s="6" t="s">
        <v>21348</v>
      </c>
      <c r="I11251" s="7">
        <v>6.880471</v>
      </c>
      <c r="J11251" s="8">
        <v>-73.410560000000004</v>
      </c>
    </row>
    <row r="11252" spans="1:10" x14ac:dyDescent="0.35">
      <c r="A11252" s="5" t="s">
        <v>10</v>
      </c>
      <c r="B11252" s="6">
        <v>243029</v>
      </c>
      <c r="C11252" s="6" t="s">
        <v>16</v>
      </c>
      <c r="D11252" s="6" t="s">
        <v>2825</v>
      </c>
      <c r="E11252" s="6">
        <v>68276</v>
      </c>
      <c r="F11252" s="6" t="s">
        <v>18</v>
      </c>
      <c r="G11252" s="6" t="s">
        <v>21349</v>
      </c>
      <c r="H11252" s="6" t="s">
        <v>21350</v>
      </c>
      <c r="I11252" s="7">
        <v>7.0727561000000003</v>
      </c>
      <c r="J11252" s="8">
        <v>-73.095457999999994</v>
      </c>
    </row>
    <row r="11253" spans="1:10" x14ac:dyDescent="0.35">
      <c r="A11253" s="5" t="s">
        <v>10</v>
      </c>
      <c r="B11253" s="6">
        <v>237837</v>
      </c>
      <c r="C11253" s="6" t="s">
        <v>68</v>
      </c>
      <c r="D11253" s="6" t="s">
        <v>69</v>
      </c>
      <c r="E11253" s="6">
        <v>11001</v>
      </c>
      <c r="F11253" s="6" t="s">
        <v>18</v>
      </c>
      <c r="G11253" s="6" t="s">
        <v>21351</v>
      </c>
      <c r="H11253" s="6" t="s">
        <v>21352</v>
      </c>
      <c r="I11253" s="7">
        <v>4.7659944000000003</v>
      </c>
      <c r="J11253" s="8">
        <v>-74.025590300000005</v>
      </c>
    </row>
    <row r="11254" spans="1:10" x14ac:dyDescent="0.35">
      <c r="A11254" s="5" t="s">
        <v>10</v>
      </c>
      <c r="B11254" s="6">
        <v>229233</v>
      </c>
      <c r="C11254" s="6" t="s">
        <v>16</v>
      </c>
      <c r="D11254" s="6" t="s">
        <v>78</v>
      </c>
      <c r="E11254" s="6">
        <v>68001</v>
      </c>
      <c r="F11254" s="6" t="s">
        <v>18</v>
      </c>
      <c r="G11254" s="6" t="s">
        <v>21353</v>
      </c>
      <c r="H11254" s="6" t="s">
        <v>21354</v>
      </c>
      <c r="I11254" s="7">
        <v>7.0816115999999996</v>
      </c>
      <c r="J11254" s="8">
        <v>-73.122481300000004</v>
      </c>
    </row>
    <row r="11255" spans="1:10" x14ac:dyDescent="0.35">
      <c r="A11255" s="5" t="s">
        <v>10</v>
      </c>
      <c r="B11255" s="6">
        <v>228781</v>
      </c>
      <c r="C11255" s="6" t="s">
        <v>11</v>
      </c>
      <c r="D11255" s="6" t="s">
        <v>5259</v>
      </c>
      <c r="E11255" s="6">
        <v>25320</v>
      </c>
      <c r="F11255" s="6" t="s">
        <v>18</v>
      </c>
      <c r="G11255" s="6" t="s">
        <v>21355</v>
      </c>
      <c r="H11255" s="6" t="s">
        <v>21356</v>
      </c>
      <c r="I11255" s="7">
        <v>5.0678087999999999</v>
      </c>
      <c r="J11255" s="8">
        <v>-74.5953205</v>
      </c>
    </row>
    <row r="11256" spans="1:10" x14ac:dyDescent="0.35">
      <c r="A11256" s="5" t="s">
        <v>10</v>
      </c>
      <c r="B11256" s="6">
        <v>231343</v>
      </c>
      <c r="C11256" s="6" t="s">
        <v>28</v>
      </c>
      <c r="D11256" s="6" t="s">
        <v>153</v>
      </c>
      <c r="E11256" s="6">
        <v>54518</v>
      </c>
      <c r="F11256" s="6" t="s">
        <v>18</v>
      </c>
      <c r="G11256" s="6" t="s">
        <v>21357</v>
      </c>
      <c r="H11256" s="6" t="s">
        <v>21358</v>
      </c>
      <c r="I11256" s="7">
        <v>7.3756412999999998</v>
      </c>
      <c r="J11256" s="8">
        <v>-72.647773000000001</v>
      </c>
    </row>
    <row r="11257" spans="1:10" x14ac:dyDescent="0.35">
      <c r="A11257" s="5" t="s">
        <v>10</v>
      </c>
      <c r="B11257" s="6">
        <v>208564</v>
      </c>
      <c r="C11257" s="6" t="s">
        <v>278</v>
      </c>
      <c r="D11257" s="6" t="s">
        <v>1331</v>
      </c>
      <c r="E11257" s="6">
        <v>50006</v>
      </c>
      <c r="F11257" s="6" t="s">
        <v>18</v>
      </c>
      <c r="G11257" s="6" t="s">
        <v>21359</v>
      </c>
      <c r="H11257" s="6" t="s">
        <v>21360</v>
      </c>
      <c r="I11257" s="7">
        <v>4.6039645</v>
      </c>
      <c r="J11257" s="8">
        <v>-74.085059000000001</v>
      </c>
    </row>
    <row r="11258" spans="1:10" x14ac:dyDescent="0.35">
      <c r="A11258" s="5" t="s">
        <v>10</v>
      </c>
      <c r="B11258" s="6">
        <v>246937</v>
      </c>
      <c r="C11258" s="6" t="s">
        <v>61</v>
      </c>
      <c r="D11258" s="6" t="s">
        <v>62</v>
      </c>
      <c r="E11258" s="6">
        <v>63001</v>
      </c>
      <c r="F11258" s="6" t="s">
        <v>18</v>
      </c>
      <c r="G11258" s="6" t="s">
        <v>21361</v>
      </c>
      <c r="H11258" s="6" t="s">
        <v>21362</v>
      </c>
      <c r="I11258" s="7">
        <v>4.5195790000000002</v>
      </c>
      <c r="J11258" s="8">
        <v>-75.708100000000002</v>
      </c>
    </row>
    <row r="11259" spans="1:10" x14ac:dyDescent="0.35">
      <c r="A11259" s="5" t="s">
        <v>10</v>
      </c>
      <c r="B11259" s="6">
        <v>236731</v>
      </c>
      <c r="C11259" s="6" t="s">
        <v>68</v>
      </c>
      <c r="D11259" s="6" t="s">
        <v>69</v>
      </c>
      <c r="E11259" s="6">
        <v>11001</v>
      </c>
      <c r="F11259" s="6" t="s">
        <v>18</v>
      </c>
      <c r="G11259" s="6" t="s">
        <v>21363</v>
      </c>
      <c r="H11259" s="6" t="s">
        <v>21364</v>
      </c>
      <c r="I11259" s="7">
        <v>4.5604098000000004</v>
      </c>
      <c r="J11259" s="8">
        <v>-74.085664600000001</v>
      </c>
    </row>
    <row r="11260" spans="1:10" x14ac:dyDescent="0.35">
      <c r="A11260" s="5" t="s">
        <v>10</v>
      </c>
      <c r="B11260" s="6">
        <v>174040</v>
      </c>
      <c r="C11260" s="6" t="s">
        <v>68</v>
      </c>
      <c r="D11260" s="6" t="s">
        <v>69</v>
      </c>
      <c r="E11260" s="6">
        <v>11001</v>
      </c>
      <c r="F11260" s="6" t="s">
        <v>18</v>
      </c>
      <c r="G11260" s="6" t="s">
        <v>10928</v>
      </c>
      <c r="H11260" s="6" t="s">
        <v>10929</v>
      </c>
      <c r="I11260" s="7">
        <v>4.4954941000000002</v>
      </c>
      <c r="J11260" s="8">
        <v>-74.103621399999994</v>
      </c>
    </row>
    <row r="11261" spans="1:10" x14ac:dyDescent="0.35">
      <c r="A11261" s="5" t="s">
        <v>10</v>
      </c>
      <c r="B11261" s="6">
        <v>138676</v>
      </c>
      <c r="C11261" s="6" t="s">
        <v>68</v>
      </c>
      <c r="D11261" s="6" t="s">
        <v>69</v>
      </c>
      <c r="E11261" s="6">
        <v>11001</v>
      </c>
      <c r="F11261" s="6" t="s">
        <v>18</v>
      </c>
      <c r="G11261" s="6" t="s">
        <v>11451</v>
      </c>
      <c r="H11261" s="6" t="s">
        <v>11452</v>
      </c>
      <c r="I11261" s="7">
        <v>4.6351186999999996</v>
      </c>
      <c r="J11261" s="8">
        <v>-74.1658343</v>
      </c>
    </row>
    <row r="11262" spans="1:10" x14ac:dyDescent="0.35">
      <c r="A11262" s="5" t="s">
        <v>10</v>
      </c>
      <c r="B11262" s="6">
        <v>230478</v>
      </c>
      <c r="C11262" s="6" t="s">
        <v>2821</v>
      </c>
      <c r="D11262" s="6" t="s">
        <v>2822</v>
      </c>
      <c r="E11262" s="6">
        <v>47001</v>
      </c>
      <c r="F11262" s="6" t="s">
        <v>18</v>
      </c>
      <c r="G11262" s="6" t="s">
        <v>21365</v>
      </c>
      <c r="H11262" s="6" t="s">
        <v>21366</v>
      </c>
      <c r="I11262" s="7">
        <v>11.2319791</v>
      </c>
      <c r="J11262" s="8">
        <v>-74.209429200000002</v>
      </c>
    </row>
    <row r="11263" spans="1:10" x14ac:dyDescent="0.35">
      <c r="A11263" s="5" t="s">
        <v>10</v>
      </c>
      <c r="B11263" s="6">
        <v>144243</v>
      </c>
      <c r="C11263" s="6" t="s">
        <v>16</v>
      </c>
      <c r="D11263" s="6" t="s">
        <v>2825</v>
      </c>
      <c r="E11263" s="6">
        <v>68276</v>
      </c>
      <c r="F11263" s="6" t="s">
        <v>18</v>
      </c>
      <c r="G11263" s="6" t="s">
        <v>21367</v>
      </c>
      <c r="H11263" s="6" t="s">
        <v>21368</v>
      </c>
      <c r="I11263" s="7">
        <v>7.1239526999999896</v>
      </c>
      <c r="J11263" s="8">
        <v>-73.117610299999996</v>
      </c>
    </row>
    <row r="11264" spans="1:10" x14ac:dyDescent="0.35">
      <c r="A11264" s="5" t="s">
        <v>10</v>
      </c>
      <c r="B11264" s="6">
        <v>184862</v>
      </c>
      <c r="C11264" s="6" t="s">
        <v>11</v>
      </c>
      <c r="D11264" s="6" t="s">
        <v>337</v>
      </c>
      <c r="E11264" s="6">
        <v>25290</v>
      </c>
      <c r="F11264" s="6" t="s">
        <v>18</v>
      </c>
      <c r="G11264" s="6" t="s">
        <v>21369</v>
      </c>
      <c r="H11264" s="6" t="s">
        <v>21370</v>
      </c>
      <c r="I11264" s="7">
        <v>4.3444398</v>
      </c>
      <c r="J11264" s="8">
        <v>-74.361213699999993</v>
      </c>
    </row>
    <row r="11265" spans="1:10" x14ac:dyDescent="0.35">
      <c r="A11265" s="5" t="s">
        <v>10</v>
      </c>
      <c r="B11265" s="6">
        <v>233279</v>
      </c>
      <c r="C11265" s="6" t="s">
        <v>308</v>
      </c>
      <c r="D11265" s="6" t="s">
        <v>8438</v>
      </c>
      <c r="E11265" s="6">
        <v>23686</v>
      </c>
      <c r="F11265" s="6" t="s">
        <v>18</v>
      </c>
      <c r="G11265" s="6" t="s">
        <v>21371</v>
      </c>
      <c r="H11265" s="6" t="s">
        <v>21372</v>
      </c>
      <c r="I11265" s="7">
        <v>8.7823799999999999</v>
      </c>
      <c r="J11265" s="8">
        <v>-75.861000000000004</v>
      </c>
    </row>
    <row r="11266" spans="1:10" x14ac:dyDescent="0.35">
      <c r="A11266" s="5" t="s">
        <v>10</v>
      </c>
      <c r="B11266" s="6">
        <v>233979</v>
      </c>
      <c r="C11266" s="6" t="s">
        <v>294</v>
      </c>
      <c r="D11266" s="6" t="s">
        <v>543</v>
      </c>
      <c r="E11266" s="6">
        <v>41396</v>
      </c>
      <c r="F11266" s="6" t="s">
        <v>18</v>
      </c>
      <c r="G11266" s="6" t="s">
        <v>21373</v>
      </c>
      <c r="H11266" s="6" t="s">
        <v>21374</v>
      </c>
      <c r="I11266" s="7">
        <v>2.3888948999999999</v>
      </c>
      <c r="J11266" s="8">
        <v>-75.895853000000002</v>
      </c>
    </row>
    <row r="11267" spans="1:10" x14ac:dyDescent="0.35">
      <c r="A11267" s="5" t="s">
        <v>10</v>
      </c>
      <c r="B11267" s="6">
        <v>234974</v>
      </c>
      <c r="C11267" s="6" t="s">
        <v>24</v>
      </c>
      <c r="D11267" s="6" t="s">
        <v>317</v>
      </c>
      <c r="E11267" s="6">
        <v>15176</v>
      </c>
      <c r="F11267" s="6" t="s">
        <v>18</v>
      </c>
      <c r="G11267" s="6" t="s">
        <v>21375</v>
      </c>
      <c r="H11267" s="6" t="s">
        <v>21376</v>
      </c>
      <c r="I11267" s="7">
        <v>5.6163597999999997</v>
      </c>
      <c r="J11267" s="8">
        <v>-73.816662800000003</v>
      </c>
    </row>
    <row r="11268" spans="1:10" x14ac:dyDescent="0.35">
      <c r="A11268" s="5" t="s">
        <v>10</v>
      </c>
      <c r="B11268" s="6">
        <v>205608</v>
      </c>
      <c r="C11268" s="6" t="s">
        <v>16</v>
      </c>
      <c r="D11268" s="6" t="s">
        <v>2825</v>
      </c>
      <c r="E11268" s="6">
        <v>68276</v>
      </c>
      <c r="F11268" s="6" t="s">
        <v>18</v>
      </c>
      <c r="G11268" s="6" t="s">
        <v>21377</v>
      </c>
      <c r="H11268" s="6" t="s">
        <v>21378</v>
      </c>
      <c r="I11268" s="7">
        <v>7.0882011</v>
      </c>
      <c r="J11268" s="8">
        <v>-73.090707699999996</v>
      </c>
    </row>
    <row r="11269" spans="1:10" x14ac:dyDescent="0.35">
      <c r="A11269" s="5" t="s">
        <v>10</v>
      </c>
      <c r="B11269" s="6">
        <v>244195</v>
      </c>
      <c r="C11269" s="6" t="s">
        <v>4364</v>
      </c>
      <c r="D11269" s="6" t="s">
        <v>4365</v>
      </c>
      <c r="E11269" s="6">
        <v>70001</v>
      </c>
      <c r="F11269" s="6" t="s">
        <v>18</v>
      </c>
      <c r="G11269" s="6" t="s">
        <v>21379</v>
      </c>
      <c r="H11269" s="6" t="s">
        <v>21380</v>
      </c>
      <c r="I11269" s="7">
        <v>9.2962483999999996</v>
      </c>
      <c r="J11269" s="8">
        <v>-75.404900499999997</v>
      </c>
    </row>
    <row r="11270" spans="1:10" x14ac:dyDescent="0.35">
      <c r="A11270" s="5" t="s">
        <v>10</v>
      </c>
      <c r="B11270" s="6">
        <v>243334</v>
      </c>
      <c r="C11270" s="6" t="s">
        <v>38</v>
      </c>
      <c r="D11270" s="6" t="s">
        <v>39</v>
      </c>
      <c r="E11270" s="6">
        <v>19001</v>
      </c>
      <c r="F11270" s="6" t="s">
        <v>18</v>
      </c>
      <c r="G11270" s="6" t="s">
        <v>21381</v>
      </c>
      <c r="H11270" s="6" t="s">
        <v>21382</v>
      </c>
      <c r="I11270" s="7">
        <v>2.4312792000000001</v>
      </c>
      <c r="J11270" s="8">
        <v>-76.612785200000005</v>
      </c>
    </row>
    <row r="11271" spans="1:10" x14ac:dyDescent="0.35">
      <c r="A11271" s="5" t="s">
        <v>10</v>
      </c>
      <c r="B11271" s="6">
        <v>234990</v>
      </c>
      <c r="C11271" s="6" t="s">
        <v>302</v>
      </c>
      <c r="D11271" s="6" t="s">
        <v>359</v>
      </c>
      <c r="E11271" s="6">
        <v>8001</v>
      </c>
      <c r="F11271" s="6" t="s">
        <v>18</v>
      </c>
      <c r="G11271" s="6" t="s">
        <v>21383</v>
      </c>
      <c r="H11271" s="6" t="s">
        <v>21384</v>
      </c>
      <c r="I11271" s="7">
        <v>10.930958</v>
      </c>
      <c r="J11271" s="8">
        <v>-74.807213399999995</v>
      </c>
    </row>
    <row r="11272" spans="1:10" x14ac:dyDescent="0.35">
      <c r="A11272" s="5" t="s">
        <v>10</v>
      </c>
      <c r="B11272" s="6">
        <v>206511</v>
      </c>
      <c r="C11272" s="6" t="s">
        <v>16</v>
      </c>
      <c r="D11272" s="6" t="s">
        <v>2825</v>
      </c>
      <c r="E11272" s="6">
        <v>68276</v>
      </c>
      <c r="F11272" s="6" t="s">
        <v>18</v>
      </c>
      <c r="G11272" s="6" t="s">
        <v>21385</v>
      </c>
      <c r="H11272" s="6" t="s">
        <v>21386</v>
      </c>
      <c r="I11272" s="7">
        <v>7.0915903999999896</v>
      </c>
      <c r="J11272" s="8">
        <v>-73.102891</v>
      </c>
    </row>
    <row r="11273" spans="1:10" x14ac:dyDescent="0.35">
      <c r="A11273" s="5" t="s">
        <v>10</v>
      </c>
      <c r="B11273" s="6">
        <v>186379</v>
      </c>
      <c r="C11273" s="6" t="s">
        <v>302</v>
      </c>
      <c r="D11273" s="6" t="s">
        <v>359</v>
      </c>
      <c r="E11273" s="6">
        <v>8001</v>
      </c>
      <c r="F11273" s="6" t="s">
        <v>18</v>
      </c>
      <c r="G11273" s="6" t="s">
        <v>8037</v>
      </c>
      <c r="H11273" s="6" t="s">
        <v>8038</v>
      </c>
      <c r="I11273" s="7">
        <v>10.919730400000001</v>
      </c>
      <c r="J11273" s="8">
        <v>-74.823921299999995</v>
      </c>
    </row>
    <row r="11274" spans="1:10" x14ac:dyDescent="0.35">
      <c r="A11274" s="5" t="s">
        <v>10</v>
      </c>
      <c r="B11274" s="6">
        <v>245858</v>
      </c>
      <c r="C11274" s="6" t="s">
        <v>94</v>
      </c>
      <c r="D11274" s="6" t="s">
        <v>98</v>
      </c>
      <c r="E11274" s="6">
        <v>66001</v>
      </c>
      <c r="F11274" s="6" t="s">
        <v>18</v>
      </c>
      <c r="G11274" s="6" t="s">
        <v>10104</v>
      </c>
      <c r="H11274" s="6" t="s">
        <v>21387</v>
      </c>
      <c r="I11274" s="7">
        <v>4.7979789999999998</v>
      </c>
      <c r="J11274" s="8">
        <v>-75.698177200000003</v>
      </c>
    </row>
    <row r="11275" spans="1:10" x14ac:dyDescent="0.35">
      <c r="A11275" s="5" t="s">
        <v>10</v>
      </c>
      <c r="B11275" s="6">
        <v>223833</v>
      </c>
      <c r="C11275" s="6" t="s">
        <v>3788</v>
      </c>
      <c r="D11275" s="6" t="s">
        <v>3974</v>
      </c>
      <c r="E11275" s="6">
        <v>18001</v>
      </c>
      <c r="F11275" s="6" t="s">
        <v>18</v>
      </c>
      <c r="G11275" s="6" t="s">
        <v>21388</v>
      </c>
      <c r="H11275" s="6" t="s">
        <v>21389</v>
      </c>
      <c r="I11275" s="7">
        <v>1.6211183</v>
      </c>
      <c r="J11275" s="8">
        <v>-75.602475699999999</v>
      </c>
    </row>
    <row r="11276" spans="1:10" x14ac:dyDescent="0.35">
      <c r="A11276" s="5" t="s">
        <v>10</v>
      </c>
      <c r="B11276" s="6">
        <v>136882</v>
      </c>
      <c r="C11276" s="6" t="s">
        <v>11</v>
      </c>
      <c r="D11276" s="6" t="s">
        <v>3833</v>
      </c>
      <c r="E11276" s="6">
        <v>25322</v>
      </c>
      <c r="F11276" s="6" t="s">
        <v>18</v>
      </c>
      <c r="G11276" s="6" t="s">
        <v>21390</v>
      </c>
      <c r="H11276" s="6" t="s">
        <v>21391</v>
      </c>
      <c r="I11276" s="7">
        <v>4.8516396999999998</v>
      </c>
      <c r="J11276" s="8">
        <v>-74.056286499999999</v>
      </c>
    </row>
    <row r="11277" spans="1:10" x14ac:dyDescent="0.35">
      <c r="A11277" s="5" t="s">
        <v>10</v>
      </c>
      <c r="B11277" s="6">
        <v>178503</v>
      </c>
      <c r="C11277" s="6" t="s">
        <v>68</v>
      </c>
      <c r="D11277" s="6" t="s">
        <v>69</v>
      </c>
      <c r="E11277" s="6">
        <v>11001</v>
      </c>
      <c r="F11277" s="6" t="s">
        <v>18</v>
      </c>
      <c r="G11277" s="6" t="s">
        <v>21392</v>
      </c>
      <c r="H11277" s="6" t="s">
        <v>21393</v>
      </c>
      <c r="I11277" s="7">
        <v>4.7214942000000004</v>
      </c>
      <c r="J11277" s="8">
        <v>-74.114765899999995</v>
      </c>
    </row>
    <row r="11278" spans="1:10" x14ac:dyDescent="0.35">
      <c r="A11278" s="5" t="s">
        <v>10</v>
      </c>
      <c r="B11278" s="6">
        <v>183674</v>
      </c>
      <c r="C11278" s="6" t="s">
        <v>68</v>
      </c>
      <c r="D11278" s="6" t="s">
        <v>69</v>
      </c>
      <c r="E11278" s="6">
        <v>11001</v>
      </c>
      <c r="F11278" s="6" t="s">
        <v>18</v>
      </c>
      <c r="G11278" s="6" t="s">
        <v>21394</v>
      </c>
      <c r="H11278" s="6" t="s">
        <v>21395</v>
      </c>
      <c r="I11278" s="7">
        <v>4.5785051999999897</v>
      </c>
      <c r="J11278" s="8">
        <v>-74.153610700000002</v>
      </c>
    </row>
    <row r="11279" spans="1:10" x14ac:dyDescent="0.35">
      <c r="A11279" s="5" t="s">
        <v>10</v>
      </c>
      <c r="B11279" s="6">
        <v>243767</v>
      </c>
      <c r="C11279" s="6" t="s">
        <v>38</v>
      </c>
      <c r="D11279" s="6" t="s">
        <v>11410</v>
      </c>
      <c r="E11279" s="6">
        <v>19807</v>
      </c>
      <c r="F11279" s="6" t="s">
        <v>18</v>
      </c>
      <c r="G11279" s="6" t="s">
        <v>21396</v>
      </c>
      <c r="H11279" s="6" t="s">
        <v>21397</v>
      </c>
      <c r="I11279" s="7">
        <v>2.3521378999999998</v>
      </c>
      <c r="J11279" s="8">
        <v>-76.680983299999994</v>
      </c>
    </row>
    <row r="11280" spans="1:10" x14ac:dyDescent="0.35">
      <c r="A11280" s="5" t="s">
        <v>10</v>
      </c>
      <c r="B11280" s="6">
        <v>240414</v>
      </c>
      <c r="C11280" s="6" t="s">
        <v>16</v>
      </c>
      <c r="D11280" s="6" t="s">
        <v>9217</v>
      </c>
      <c r="E11280" s="6">
        <v>68655</v>
      </c>
      <c r="F11280" s="6" t="s">
        <v>18</v>
      </c>
      <c r="G11280" s="6" t="s">
        <v>21398</v>
      </c>
      <c r="H11280" s="6" t="s">
        <v>21399</v>
      </c>
      <c r="I11280" s="7">
        <v>7.3918889999999999</v>
      </c>
      <c r="J11280" s="8">
        <v>-73.499832100000006</v>
      </c>
    </row>
    <row r="11281" spans="1:10" x14ac:dyDescent="0.35">
      <c r="A11281" s="5" t="s">
        <v>10</v>
      </c>
      <c r="B11281" s="6">
        <v>205235</v>
      </c>
      <c r="C11281" s="6" t="s">
        <v>16</v>
      </c>
      <c r="D11281" s="6" t="s">
        <v>2825</v>
      </c>
      <c r="E11281" s="6">
        <v>68276</v>
      </c>
      <c r="F11281" s="6" t="s">
        <v>18</v>
      </c>
      <c r="G11281" s="6" t="s">
        <v>21400</v>
      </c>
      <c r="H11281" s="6" t="s">
        <v>21401</v>
      </c>
      <c r="I11281" s="7">
        <v>7.0614926000000002</v>
      </c>
      <c r="J11281" s="8">
        <v>-73.086273499999905</v>
      </c>
    </row>
    <row r="11282" spans="1:10" x14ac:dyDescent="0.35">
      <c r="A11282" s="5" t="s">
        <v>10</v>
      </c>
      <c r="B11282" s="6">
        <v>156828</v>
      </c>
      <c r="C11282" s="6" t="s">
        <v>302</v>
      </c>
      <c r="D11282" s="6" t="s">
        <v>359</v>
      </c>
      <c r="E11282" s="6">
        <v>8001</v>
      </c>
      <c r="F11282" s="6" t="s">
        <v>18</v>
      </c>
      <c r="G11282" s="6" t="s">
        <v>21402</v>
      </c>
      <c r="H11282" s="6" t="s">
        <v>21403</v>
      </c>
      <c r="I11282" s="7">
        <v>10.9544584</v>
      </c>
      <c r="J11282" s="8">
        <v>-74.802417599999998</v>
      </c>
    </row>
    <row r="11283" spans="1:10" x14ac:dyDescent="0.35">
      <c r="A11283" s="5" t="s">
        <v>10</v>
      </c>
      <c r="B11283" s="6">
        <v>223668</v>
      </c>
      <c r="C11283" s="6" t="s">
        <v>7527</v>
      </c>
      <c r="D11283" s="6" t="s">
        <v>21404</v>
      </c>
      <c r="E11283" s="6">
        <v>27006</v>
      </c>
      <c r="F11283" s="6" t="s">
        <v>18</v>
      </c>
      <c r="G11283" s="6" t="s">
        <v>21405</v>
      </c>
      <c r="H11283" s="6" t="s">
        <v>21406</v>
      </c>
      <c r="I11283" s="7">
        <v>4.6799540999999998</v>
      </c>
      <c r="J11283" s="8">
        <v>-74.067216799999997</v>
      </c>
    </row>
    <row r="11284" spans="1:10" x14ac:dyDescent="0.35">
      <c r="A11284" s="5" t="s">
        <v>10</v>
      </c>
      <c r="B11284" s="6">
        <v>241737</v>
      </c>
      <c r="C11284" s="6" t="s">
        <v>61</v>
      </c>
      <c r="D11284" s="6" t="s">
        <v>723</v>
      </c>
      <c r="E11284" s="6">
        <v>63470</v>
      </c>
      <c r="F11284" s="6" t="s">
        <v>18</v>
      </c>
      <c r="G11284" s="6" t="s">
        <v>8035</v>
      </c>
      <c r="H11284" s="6" t="s">
        <v>21407</v>
      </c>
      <c r="I11284" s="7">
        <v>4.5675211999999998</v>
      </c>
      <c r="J11284" s="8">
        <v>-75.750562900000006</v>
      </c>
    </row>
    <row r="11285" spans="1:10" x14ac:dyDescent="0.35">
      <c r="A11285" s="5" t="s">
        <v>10</v>
      </c>
      <c r="B11285" s="6">
        <v>205953</v>
      </c>
      <c r="C11285" s="6" t="s">
        <v>278</v>
      </c>
      <c r="D11285" s="6" t="s">
        <v>1331</v>
      </c>
      <c r="E11285" s="6">
        <v>50006</v>
      </c>
      <c r="F11285" s="6" t="s">
        <v>18</v>
      </c>
      <c r="G11285" s="6" t="s">
        <v>10323</v>
      </c>
      <c r="H11285" s="6" t="s">
        <v>10324</v>
      </c>
      <c r="I11285" s="7">
        <v>3.9868964999999998</v>
      </c>
      <c r="J11285" s="8">
        <v>-73.760288599999996</v>
      </c>
    </row>
    <row r="11286" spans="1:10" x14ac:dyDescent="0.35">
      <c r="A11286" s="5" t="s">
        <v>10</v>
      </c>
      <c r="B11286" s="6">
        <v>232629</v>
      </c>
      <c r="C11286" s="6" t="s">
        <v>16</v>
      </c>
      <c r="D11286" s="6" t="s">
        <v>1266</v>
      </c>
      <c r="E11286" s="6">
        <v>68081</v>
      </c>
      <c r="F11286" s="6" t="s">
        <v>18</v>
      </c>
      <c r="G11286" s="6" t="s">
        <v>21408</v>
      </c>
      <c r="H11286" s="6" t="s">
        <v>21409</v>
      </c>
      <c r="I11286" s="7">
        <v>7.0779097000000002</v>
      </c>
      <c r="J11286" s="8">
        <v>-73.851852500000007</v>
      </c>
    </row>
    <row r="11287" spans="1:10" x14ac:dyDescent="0.35">
      <c r="A11287" s="5" t="s">
        <v>10</v>
      </c>
      <c r="B11287" s="6">
        <v>246748</v>
      </c>
      <c r="C11287" s="6" t="s">
        <v>16</v>
      </c>
      <c r="D11287" s="6" t="s">
        <v>1942</v>
      </c>
      <c r="E11287" s="6">
        <v>68406</v>
      </c>
      <c r="F11287" s="6" t="s">
        <v>18</v>
      </c>
      <c r="G11287" s="6" t="s">
        <v>21410</v>
      </c>
      <c r="H11287" s="6" t="s">
        <v>21411</v>
      </c>
      <c r="I11287" s="7">
        <v>7.1144404000000003</v>
      </c>
      <c r="J11287" s="8">
        <v>-73.218020499999994</v>
      </c>
    </row>
    <row r="11288" spans="1:10" x14ac:dyDescent="0.35">
      <c r="A11288" s="5" t="s">
        <v>10</v>
      </c>
      <c r="B11288" s="6">
        <v>230437</v>
      </c>
      <c r="C11288" s="6" t="s">
        <v>117</v>
      </c>
      <c r="D11288" s="6" t="s">
        <v>1291</v>
      </c>
      <c r="E11288" s="6">
        <v>76834</v>
      </c>
      <c r="F11288" s="6" t="s">
        <v>18</v>
      </c>
      <c r="G11288" s="6" t="s">
        <v>21412</v>
      </c>
      <c r="H11288" s="6" t="s">
        <v>21413</v>
      </c>
      <c r="I11288" s="7">
        <v>4.0828807999999999</v>
      </c>
      <c r="J11288" s="8">
        <v>-76.201074800000001</v>
      </c>
    </row>
    <row r="11289" spans="1:10" x14ac:dyDescent="0.35">
      <c r="A11289" s="5" t="s">
        <v>10</v>
      </c>
      <c r="B11289" s="6">
        <v>208140</v>
      </c>
      <c r="C11289" s="6" t="s">
        <v>2821</v>
      </c>
      <c r="D11289" s="6" t="s">
        <v>9495</v>
      </c>
      <c r="E11289" s="6">
        <v>47245</v>
      </c>
      <c r="F11289" s="6" t="s">
        <v>18</v>
      </c>
      <c r="G11289" s="6" t="s">
        <v>21414</v>
      </c>
      <c r="H11289" s="6" t="s">
        <v>21415</v>
      </c>
      <c r="I11289" s="7">
        <v>9.0035069999999902</v>
      </c>
      <c r="J11289" s="8">
        <v>-73.973863999999907</v>
      </c>
    </row>
    <row r="11290" spans="1:10" x14ac:dyDescent="0.35">
      <c r="A11290" s="5" t="s">
        <v>10</v>
      </c>
      <c r="B11290" s="6">
        <v>242910</v>
      </c>
      <c r="C11290" s="6" t="s">
        <v>16</v>
      </c>
      <c r="D11290" s="6" t="s">
        <v>1724</v>
      </c>
      <c r="E11290" s="6">
        <v>68855</v>
      </c>
      <c r="F11290" s="6" t="s">
        <v>18</v>
      </c>
      <c r="G11290" s="6" t="s">
        <v>21416</v>
      </c>
      <c r="H11290" s="6" t="s">
        <v>21417</v>
      </c>
      <c r="I11290" s="7">
        <v>6.4403135999999996</v>
      </c>
      <c r="J11290" s="8">
        <v>-73.111356000000001</v>
      </c>
    </row>
    <row r="11291" spans="1:10" x14ac:dyDescent="0.35">
      <c r="A11291" s="5" t="s">
        <v>10</v>
      </c>
      <c r="B11291" s="6">
        <v>236064</v>
      </c>
      <c r="C11291" s="6" t="s">
        <v>68</v>
      </c>
      <c r="D11291" s="6" t="s">
        <v>69</v>
      </c>
      <c r="E11291" s="6">
        <v>11001</v>
      </c>
      <c r="F11291" s="6" t="s">
        <v>18</v>
      </c>
      <c r="G11291" s="6" t="s">
        <v>21418</v>
      </c>
      <c r="H11291" s="6" t="s">
        <v>21419</v>
      </c>
      <c r="I11291" s="7">
        <v>4.5783832000000002</v>
      </c>
      <c r="J11291" s="8">
        <v>-74.100297100000006</v>
      </c>
    </row>
    <row r="11292" spans="1:10" x14ac:dyDescent="0.35">
      <c r="A11292" s="5" t="s">
        <v>10</v>
      </c>
      <c r="B11292" s="6">
        <v>239861</v>
      </c>
      <c r="C11292" s="6" t="s">
        <v>117</v>
      </c>
      <c r="D11292" s="6" t="s">
        <v>15128</v>
      </c>
      <c r="E11292" s="6">
        <v>76054</v>
      </c>
      <c r="F11292" s="6" t="s">
        <v>18</v>
      </c>
      <c r="G11292" s="6" t="s">
        <v>21420</v>
      </c>
      <c r="H11292" s="6" t="s">
        <v>21421</v>
      </c>
      <c r="I11292" s="7">
        <v>4.7271456000000001</v>
      </c>
      <c r="J11292" s="8">
        <v>-76.120777200000006</v>
      </c>
    </row>
    <row r="11293" spans="1:10" x14ac:dyDescent="0.35">
      <c r="A11293" s="5" t="s">
        <v>10</v>
      </c>
      <c r="B11293" s="6">
        <v>236301</v>
      </c>
      <c r="C11293" s="6" t="s">
        <v>308</v>
      </c>
      <c r="D11293" s="6" t="s">
        <v>309</v>
      </c>
      <c r="E11293" s="6">
        <v>23001</v>
      </c>
      <c r="F11293" s="6" t="s">
        <v>18</v>
      </c>
      <c r="G11293" s="6" t="s">
        <v>21422</v>
      </c>
      <c r="H11293" s="6" t="s">
        <v>21423</v>
      </c>
      <c r="I11293" s="7">
        <v>8.7512494000000007</v>
      </c>
      <c r="J11293" s="8">
        <v>-75.878850799999995</v>
      </c>
    </row>
    <row r="11294" spans="1:10" x14ac:dyDescent="0.35">
      <c r="A11294" s="5" t="s">
        <v>10</v>
      </c>
      <c r="B11294" s="6">
        <v>178892</v>
      </c>
      <c r="C11294" s="6" t="s">
        <v>302</v>
      </c>
      <c r="D11294" s="6" t="s">
        <v>359</v>
      </c>
      <c r="E11294" s="6">
        <v>8001</v>
      </c>
      <c r="F11294" s="6" t="s">
        <v>18</v>
      </c>
      <c r="G11294" s="6" t="s">
        <v>8022</v>
      </c>
      <c r="H11294" s="6" t="s">
        <v>8023</v>
      </c>
      <c r="I11294" s="7">
        <v>10.963329999999999</v>
      </c>
      <c r="J11294" s="8">
        <v>-74.774244199999998</v>
      </c>
    </row>
    <row r="11295" spans="1:10" x14ac:dyDescent="0.35">
      <c r="A11295" s="5" t="s">
        <v>10</v>
      </c>
      <c r="B11295" s="6">
        <v>225400</v>
      </c>
      <c r="C11295" s="6" t="s">
        <v>16</v>
      </c>
      <c r="D11295" s="6" t="s">
        <v>78</v>
      </c>
      <c r="E11295" s="6">
        <v>68001</v>
      </c>
      <c r="F11295" s="6" t="s">
        <v>18</v>
      </c>
      <c r="G11295" s="6" t="s">
        <v>21424</v>
      </c>
      <c r="H11295" s="6" t="s">
        <v>21425</v>
      </c>
      <c r="I11295" s="7">
        <v>7.0833560999999996</v>
      </c>
      <c r="J11295" s="8">
        <v>-73.123558399999993</v>
      </c>
    </row>
    <row r="11296" spans="1:10" x14ac:dyDescent="0.35">
      <c r="A11296" s="5" t="s">
        <v>10</v>
      </c>
      <c r="B11296" s="6">
        <v>231459</v>
      </c>
      <c r="C11296" s="6" t="s">
        <v>16</v>
      </c>
      <c r="D11296" s="6" t="s">
        <v>78</v>
      </c>
      <c r="E11296" s="6">
        <v>68001</v>
      </c>
      <c r="F11296" s="6" t="s">
        <v>18</v>
      </c>
      <c r="G11296" s="6" t="s">
        <v>21426</v>
      </c>
      <c r="H11296" s="6" t="s">
        <v>21427</v>
      </c>
      <c r="I11296" s="7">
        <v>7.1191721000000001</v>
      </c>
      <c r="J11296" s="8">
        <v>-73.124472100000006</v>
      </c>
    </row>
    <row r="11297" spans="1:10" x14ac:dyDescent="0.35">
      <c r="A11297" s="5" t="s">
        <v>10</v>
      </c>
      <c r="B11297" s="6">
        <v>242893</v>
      </c>
      <c r="C11297" s="6" t="s">
        <v>16</v>
      </c>
      <c r="D11297" s="6" t="s">
        <v>1401</v>
      </c>
      <c r="E11297" s="6">
        <v>68307</v>
      </c>
      <c r="F11297" s="6" t="s">
        <v>18</v>
      </c>
      <c r="G11297" s="6" t="s">
        <v>21428</v>
      </c>
      <c r="H11297" s="6" t="s">
        <v>21429</v>
      </c>
      <c r="I11297" s="7">
        <v>7.0672566999999997</v>
      </c>
      <c r="J11297" s="8">
        <v>-73.169600500000001</v>
      </c>
    </row>
    <row r="11298" spans="1:10" x14ac:dyDescent="0.35">
      <c r="A11298" s="5" t="s">
        <v>10</v>
      </c>
      <c r="B11298" s="6">
        <v>155067</v>
      </c>
      <c r="C11298" s="6" t="s">
        <v>3788</v>
      </c>
      <c r="D11298" s="6" t="s">
        <v>20939</v>
      </c>
      <c r="E11298" s="6">
        <v>18785</v>
      </c>
      <c r="F11298" s="6" t="s">
        <v>18</v>
      </c>
      <c r="G11298" s="6" t="s">
        <v>21430</v>
      </c>
      <c r="H11298" s="6" t="s">
        <v>21431</v>
      </c>
      <c r="I11298" s="7">
        <v>2.4403624000000002</v>
      </c>
      <c r="J11298" s="8">
        <v>-76.603304800000004</v>
      </c>
    </row>
    <row r="11299" spans="1:10" x14ac:dyDescent="0.35">
      <c r="A11299" s="5" t="s">
        <v>10</v>
      </c>
      <c r="B11299" s="6">
        <v>159087</v>
      </c>
      <c r="C11299" s="6" t="s">
        <v>55</v>
      </c>
      <c r="D11299" s="6" t="s">
        <v>5655</v>
      </c>
      <c r="E11299" s="6">
        <v>73168</v>
      </c>
      <c r="F11299" s="6" t="s">
        <v>18</v>
      </c>
      <c r="G11299" s="6" t="s">
        <v>21432</v>
      </c>
      <c r="H11299" s="6" t="s">
        <v>21433</v>
      </c>
      <c r="I11299" s="7">
        <v>3.7292391999999999</v>
      </c>
      <c r="J11299" s="8">
        <v>-75.488781500000002</v>
      </c>
    </row>
    <row r="11300" spans="1:10" x14ac:dyDescent="0.35">
      <c r="A11300" s="5" t="s">
        <v>10</v>
      </c>
      <c r="B11300" s="6">
        <v>173791</v>
      </c>
      <c r="C11300" s="6" t="s">
        <v>68</v>
      </c>
      <c r="D11300" s="6" t="s">
        <v>69</v>
      </c>
      <c r="E11300" s="6">
        <v>11001</v>
      </c>
      <c r="F11300" s="6" t="s">
        <v>18</v>
      </c>
      <c r="G11300" s="6" t="s">
        <v>8902</v>
      </c>
      <c r="H11300" s="6" t="s">
        <v>8903</v>
      </c>
      <c r="I11300" s="7">
        <v>4.6996957999999998</v>
      </c>
      <c r="J11300" s="8">
        <v>-74.097518100000002</v>
      </c>
    </row>
    <row r="11301" spans="1:10" x14ac:dyDescent="0.35">
      <c r="A11301" s="5" t="s">
        <v>10</v>
      </c>
      <c r="B11301" s="6">
        <v>197053</v>
      </c>
      <c r="C11301" s="6" t="s">
        <v>2821</v>
      </c>
      <c r="D11301" s="6" t="s">
        <v>2822</v>
      </c>
      <c r="E11301" s="6">
        <v>47001</v>
      </c>
      <c r="F11301" s="6" t="s">
        <v>18</v>
      </c>
      <c r="G11301" s="6" t="s">
        <v>8385</v>
      </c>
      <c r="H11301" s="6" t="s">
        <v>8386</v>
      </c>
      <c r="I11301" s="7">
        <v>11.2326335</v>
      </c>
      <c r="J11301" s="8">
        <v>-74.194842699999995</v>
      </c>
    </row>
    <row r="11302" spans="1:10" x14ac:dyDescent="0.35">
      <c r="A11302" s="5" t="s">
        <v>10</v>
      </c>
      <c r="B11302" s="6">
        <v>232522</v>
      </c>
      <c r="C11302" s="6" t="s">
        <v>302</v>
      </c>
      <c r="D11302" s="6" t="s">
        <v>359</v>
      </c>
      <c r="E11302" s="6">
        <v>8001</v>
      </c>
      <c r="F11302" s="6" t="s">
        <v>18</v>
      </c>
      <c r="G11302" s="6" t="s">
        <v>21434</v>
      </c>
      <c r="H11302" s="6" t="s">
        <v>21435</v>
      </c>
      <c r="I11302" s="7">
        <v>10.929937499999999</v>
      </c>
      <c r="J11302" s="8">
        <v>-74.796443300000007</v>
      </c>
    </row>
    <row r="11303" spans="1:10" x14ac:dyDescent="0.35">
      <c r="A11303" s="5" t="s">
        <v>10</v>
      </c>
      <c r="B11303" s="6">
        <v>233986</v>
      </c>
      <c r="C11303" s="6" t="s">
        <v>302</v>
      </c>
      <c r="D11303" s="6" t="s">
        <v>4041</v>
      </c>
      <c r="E11303" s="6">
        <v>8758</v>
      </c>
      <c r="F11303" s="6" t="s">
        <v>18</v>
      </c>
      <c r="G11303" s="6" t="s">
        <v>21436</v>
      </c>
      <c r="H11303" s="6" t="s">
        <v>21437</v>
      </c>
      <c r="I11303" s="7">
        <v>10.9083343</v>
      </c>
      <c r="J11303" s="8">
        <v>-74.784920799999995</v>
      </c>
    </row>
    <row r="11304" spans="1:10" x14ac:dyDescent="0.35">
      <c r="A11304" s="5" t="s">
        <v>10</v>
      </c>
      <c r="B11304" s="6">
        <v>208603</v>
      </c>
      <c r="C11304" s="6" t="s">
        <v>366</v>
      </c>
      <c r="D11304" s="6" t="s">
        <v>370</v>
      </c>
      <c r="E11304" s="6">
        <v>44874</v>
      </c>
      <c r="F11304" s="6" t="s">
        <v>18</v>
      </c>
      <c r="G11304" s="6" t="s">
        <v>21438</v>
      </c>
      <c r="H11304" s="6" t="s">
        <v>21439</v>
      </c>
      <c r="I11304" s="7">
        <v>10.6119223</v>
      </c>
      <c r="J11304" s="8">
        <v>-72.977835299999995</v>
      </c>
    </row>
    <row r="11305" spans="1:10" x14ac:dyDescent="0.35">
      <c r="A11305" s="5" t="s">
        <v>10</v>
      </c>
      <c r="B11305" s="6">
        <v>245555</v>
      </c>
      <c r="C11305" s="6" t="s">
        <v>2821</v>
      </c>
      <c r="D11305" s="6" t="s">
        <v>2822</v>
      </c>
      <c r="E11305" s="6">
        <v>47001</v>
      </c>
      <c r="F11305" s="6" t="s">
        <v>18</v>
      </c>
      <c r="G11305" s="6" t="s">
        <v>21440</v>
      </c>
      <c r="H11305" s="6" t="s">
        <v>21441</v>
      </c>
      <c r="I11305" s="7">
        <v>11.2158646</v>
      </c>
      <c r="J11305" s="8">
        <v>-74.160322300000004</v>
      </c>
    </row>
    <row r="11306" spans="1:10" x14ac:dyDescent="0.35">
      <c r="A11306" s="5" t="s">
        <v>10</v>
      </c>
      <c r="B11306" s="6">
        <v>235478</v>
      </c>
      <c r="C11306" s="6" t="s">
        <v>466</v>
      </c>
      <c r="D11306" s="6" t="s">
        <v>1262</v>
      </c>
      <c r="E11306" s="6">
        <v>81001</v>
      </c>
      <c r="F11306" s="6" t="s">
        <v>18</v>
      </c>
      <c r="G11306" s="6" t="s">
        <v>21442</v>
      </c>
      <c r="H11306" s="6" t="s">
        <v>21443</v>
      </c>
      <c r="I11306" s="7">
        <v>6.45</v>
      </c>
      <c r="J11306" s="8">
        <v>-70.68338</v>
      </c>
    </row>
    <row r="11307" spans="1:10" x14ac:dyDescent="0.35">
      <c r="A11307" s="5" t="s">
        <v>10</v>
      </c>
      <c r="B11307" s="6">
        <v>236490</v>
      </c>
      <c r="C11307" s="6" t="s">
        <v>4364</v>
      </c>
      <c r="D11307" s="6" t="s">
        <v>4365</v>
      </c>
      <c r="E11307" s="6">
        <v>70001</v>
      </c>
      <c r="F11307" s="6" t="s">
        <v>18</v>
      </c>
      <c r="G11307" s="6" t="s">
        <v>21444</v>
      </c>
      <c r="H11307" s="6" t="s">
        <v>21445</v>
      </c>
      <c r="I11307" s="7">
        <v>9.3046299000000001</v>
      </c>
      <c r="J11307" s="8">
        <v>-75.3901678</v>
      </c>
    </row>
    <row r="11308" spans="1:10" x14ac:dyDescent="0.35">
      <c r="A11308" s="5" t="s">
        <v>10</v>
      </c>
      <c r="B11308" s="6">
        <v>218479</v>
      </c>
      <c r="C11308" s="6" t="s">
        <v>38</v>
      </c>
      <c r="D11308" s="6" t="s">
        <v>9478</v>
      </c>
      <c r="E11308" s="6">
        <v>19622</v>
      </c>
      <c r="F11308" s="6" t="s">
        <v>18</v>
      </c>
      <c r="G11308" s="6" t="s">
        <v>21446</v>
      </c>
      <c r="H11308" s="6" t="s">
        <v>21447</v>
      </c>
      <c r="I11308" s="7">
        <v>2.2614952000000001</v>
      </c>
      <c r="J11308" s="8">
        <v>-76.739680300000003</v>
      </c>
    </row>
    <row r="11309" spans="1:10" x14ac:dyDescent="0.35">
      <c r="A11309" s="5" t="s">
        <v>10</v>
      </c>
      <c r="B11309" s="6">
        <v>188526</v>
      </c>
      <c r="C11309" s="6" t="s">
        <v>68</v>
      </c>
      <c r="D11309" s="6" t="s">
        <v>69</v>
      </c>
      <c r="E11309" s="6">
        <v>11001</v>
      </c>
      <c r="F11309" s="6" t="s">
        <v>18</v>
      </c>
      <c r="G11309" s="6" t="s">
        <v>7623</v>
      </c>
      <c r="H11309" s="6" t="s">
        <v>7624</v>
      </c>
      <c r="I11309" s="7">
        <v>4.6469889999999996</v>
      </c>
      <c r="J11309" s="8">
        <v>-74.167763100000002</v>
      </c>
    </row>
    <row r="11310" spans="1:10" x14ac:dyDescent="0.35">
      <c r="A11310" s="5" t="s">
        <v>10</v>
      </c>
      <c r="B11310" s="6">
        <v>236276</v>
      </c>
      <c r="C11310" s="6" t="s">
        <v>16</v>
      </c>
      <c r="D11310" s="6" t="s">
        <v>254</v>
      </c>
      <c r="E11310" s="6">
        <v>68079</v>
      </c>
      <c r="F11310" s="6" t="s">
        <v>18</v>
      </c>
      <c r="G11310" s="6" t="s">
        <v>21448</v>
      </c>
      <c r="H11310" s="6" t="s">
        <v>21449</v>
      </c>
      <c r="I11310" s="7">
        <v>6.6353987999999999</v>
      </c>
      <c r="J11310" s="8">
        <v>-73.222122499999998</v>
      </c>
    </row>
    <row r="11311" spans="1:10" x14ac:dyDescent="0.35">
      <c r="A11311" s="5" t="s">
        <v>10</v>
      </c>
      <c r="B11311" s="6">
        <v>171874</v>
      </c>
      <c r="C11311" s="6" t="s">
        <v>3788</v>
      </c>
      <c r="D11311" s="6" t="s">
        <v>7125</v>
      </c>
      <c r="E11311" s="6">
        <v>18247</v>
      </c>
      <c r="F11311" s="6" t="s">
        <v>18</v>
      </c>
      <c r="G11311" s="6" t="s">
        <v>21450</v>
      </c>
      <c r="H11311" s="6" t="s">
        <v>21451</v>
      </c>
      <c r="I11311" s="7">
        <v>1.680042</v>
      </c>
      <c r="J11311" s="8">
        <v>-75.2833349</v>
      </c>
    </row>
    <row r="11312" spans="1:10" x14ac:dyDescent="0.35">
      <c r="A11312" s="5" t="s">
        <v>10</v>
      </c>
      <c r="B11312" s="6">
        <v>233570</v>
      </c>
      <c r="C11312" s="6" t="s">
        <v>68</v>
      </c>
      <c r="D11312" s="6" t="s">
        <v>69</v>
      </c>
      <c r="E11312" s="6">
        <v>11001</v>
      </c>
      <c r="F11312" s="6" t="s">
        <v>18</v>
      </c>
      <c r="G11312" s="6" t="s">
        <v>21452</v>
      </c>
      <c r="H11312" s="6" t="s">
        <v>21453</v>
      </c>
      <c r="I11312" s="7">
        <v>4.5954100000000002</v>
      </c>
      <c r="J11312" s="8">
        <v>-74.083420000000004</v>
      </c>
    </row>
    <row r="11313" spans="1:10" x14ac:dyDescent="0.35">
      <c r="A11313" s="5" t="s">
        <v>10</v>
      </c>
      <c r="B11313" s="6">
        <v>239832</v>
      </c>
      <c r="C11313" s="6" t="s">
        <v>16</v>
      </c>
      <c r="D11313" s="6" t="s">
        <v>78</v>
      </c>
      <c r="E11313" s="6">
        <v>68001</v>
      </c>
      <c r="F11313" s="6" t="s">
        <v>18</v>
      </c>
      <c r="G11313" s="6" t="s">
        <v>21454</v>
      </c>
      <c r="H11313" s="6" t="s">
        <v>21455</v>
      </c>
      <c r="I11313" s="7">
        <v>7.1449806000000002</v>
      </c>
      <c r="J11313" s="8">
        <v>-73.124312000000003</v>
      </c>
    </row>
    <row r="11314" spans="1:10" x14ac:dyDescent="0.35">
      <c r="A11314" s="5" t="s">
        <v>10</v>
      </c>
      <c r="B11314" s="6">
        <v>240082</v>
      </c>
      <c r="C11314" s="6" t="s">
        <v>61</v>
      </c>
      <c r="D11314" s="6" t="s">
        <v>62</v>
      </c>
      <c r="E11314" s="6">
        <v>63001</v>
      </c>
      <c r="F11314" s="6" t="s">
        <v>18</v>
      </c>
      <c r="G11314" s="6" t="s">
        <v>21456</v>
      </c>
      <c r="H11314" s="6" t="s">
        <v>21457</v>
      </c>
      <c r="I11314" s="7">
        <v>4.5447902999999998</v>
      </c>
      <c r="J11314" s="8">
        <v>-75.672651700000003</v>
      </c>
    </row>
    <row r="11315" spans="1:10" x14ac:dyDescent="0.35">
      <c r="A11315" s="5" t="s">
        <v>10</v>
      </c>
      <c r="B11315" s="6">
        <v>94518</v>
      </c>
      <c r="C11315" s="6" t="s">
        <v>11</v>
      </c>
      <c r="D11315" s="6" t="s">
        <v>8287</v>
      </c>
      <c r="E11315" s="6">
        <v>25491</v>
      </c>
      <c r="F11315" s="6" t="s">
        <v>18</v>
      </c>
      <c r="G11315" s="6" t="s">
        <v>8288</v>
      </c>
      <c r="H11315" s="6" t="s">
        <v>8289</v>
      </c>
      <c r="I11315" s="7">
        <v>5.0694349999999897</v>
      </c>
      <c r="J11315" s="8">
        <v>-74.380304999999893</v>
      </c>
    </row>
    <row r="11316" spans="1:10" x14ac:dyDescent="0.35">
      <c r="A11316" s="5" t="s">
        <v>10</v>
      </c>
      <c r="B11316" s="6">
        <v>150094</v>
      </c>
      <c r="C11316" s="6" t="s">
        <v>11</v>
      </c>
      <c r="D11316" s="6" t="s">
        <v>12</v>
      </c>
      <c r="E11316" s="6">
        <v>25899</v>
      </c>
      <c r="F11316" s="6" t="s">
        <v>18</v>
      </c>
      <c r="G11316" s="6" t="s">
        <v>11120</v>
      </c>
      <c r="H11316" s="6" t="s">
        <v>11121</v>
      </c>
      <c r="I11316" s="7">
        <v>5.0214049999999997</v>
      </c>
      <c r="J11316" s="8">
        <v>-73.997884799999994</v>
      </c>
    </row>
    <row r="11317" spans="1:10" x14ac:dyDescent="0.35">
      <c r="A11317" s="5" t="s">
        <v>10</v>
      </c>
      <c r="B11317" s="6">
        <v>182627</v>
      </c>
      <c r="C11317" s="6" t="s">
        <v>11</v>
      </c>
      <c r="D11317" s="6" t="s">
        <v>337</v>
      </c>
      <c r="E11317" s="6">
        <v>25290</v>
      </c>
      <c r="F11317" s="6" t="s">
        <v>18</v>
      </c>
      <c r="G11317" s="6" t="s">
        <v>21458</v>
      </c>
      <c r="H11317" s="6" t="s">
        <v>21459</v>
      </c>
      <c r="I11317" s="7">
        <v>4.3270263</v>
      </c>
      <c r="J11317" s="8">
        <v>-74.400303399999999</v>
      </c>
    </row>
    <row r="11318" spans="1:10" x14ac:dyDescent="0.35">
      <c r="A11318" s="5" t="s">
        <v>10</v>
      </c>
      <c r="B11318" s="6">
        <v>190298</v>
      </c>
      <c r="C11318" s="6" t="s">
        <v>68</v>
      </c>
      <c r="D11318" s="6" t="s">
        <v>69</v>
      </c>
      <c r="E11318" s="6">
        <v>11001</v>
      </c>
      <c r="F11318" s="6" t="s">
        <v>18</v>
      </c>
      <c r="G11318" s="6" t="s">
        <v>1940</v>
      </c>
      <c r="H11318" s="6" t="s">
        <v>11222</v>
      </c>
      <c r="I11318" s="7">
        <v>4.5682117999999896</v>
      </c>
      <c r="J11318" s="8">
        <v>-74.163045600000004</v>
      </c>
    </row>
    <row r="11319" spans="1:10" x14ac:dyDescent="0.35">
      <c r="A11319" s="5" t="s">
        <v>10</v>
      </c>
      <c r="B11319" s="6">
        <v>228834</v>
      </c>
      <c r="C11319" s="6" t="s">
        <v>11</v>
      </c>
      <c r="D11319" s="6" t="s">
        <v>334</v>
      </c>
      <c r="E11319" s="6">
        <v>25754</v>
      </c>
      <c r="F11319" s="6" t="s">
        <v>18</v>
      </c>
      <c r="G11319" s="6" t="s">
        <v>21460</v>
      </c>
      <c r="H11319" s="6" t="s">
        <v>21461</v>
      </c>
      <c r="I11319" s="7">
        <v>4.5818700000000003</v>
      </c>
      <c r="J11319" s="8">
        <v>-74.213549999999998</v>
      </c>
    </row>
    <row r="11320" spans="1:10" x14ac:dyDescent="0.35">
      <c r="A11320" s="5" t="s">
        <v>10</v>
      </c>
      <c r="B11320" s="6">
        <v>241537</v>
      </c>
      <c r="C11320" s="6" t="s">
        <v>308</v>
      </c>
      <c r="D11320" s="6" t="s">
        <v>309</v>
      </c>
      <c r="E11320" s="6">
        <v>23001</v>
      </c>
      <c r="F11320" s="6" t="s">
        <v>18</v>
      </c>
      <c r="G11320" s="6" t="s">
        <v>21462</v>
      </c>
      <c r="H11320" s="6" t="s">
        <v>21463</v>
      </c>
      <c r="I11320" s="7">
        <v>8.7436507999999993</v>
      </c>
      <c r="J11320" s="8">
        <v>-75.888174500000005</v>
      </c>
    </row>
    <row r="11321" spans="1:10" x14ac:dyDescent="0.35">
      <c r="A11321" s="5" t="s">
        <v>10</v>
      </c>
      <c r="B11321" s="6">
        <v>240247</v>
      </c>
      <c r="C11321" s="6" t="s">
        <v>94</v>
      </c>
      <c r="D11321" s="6" t="s">
        <v>98</v>
      </c>
      <c r="E11321" s="6">
        <v>66001</v>
      </c>
      <c r="F11321" s="6" t="s">
        <v>18</v>
      </c>
      <c r="G11321" s="6" t="s">
        <v>21464</v>
      </c>
      <c r="H11321" s="6" t="s">
        <v>21465</v>
      </c>
      <c r="I11321" s="7">
        <v>4.8074260000000004</v>
      </c>
      <c r="J11321" s="8">
        <v>-75.736367099999995</v>
      </c>
    </row>
    <row r="11322" spans="1:10" x14ac:dyDescent="0.35">
      <c r="A11322" s="5" t="s">
        <v>10</v>
      </c>
      <c r="B11322" s="6">
        <v>148966</v>
      </c>
      <c r="C11322" s="6" t="s">
        <v>55</v>
      </c>
      <c r="D11322" s="6" t="s">
        <v>56</v>
      </c>
      <c r="E11322" s="6">
        <v>73001</v>
      </c>
      <c r="F11322" s="6" t="s">
        <v>18</v>
      </c>
      <c r="G11322" s="6" t="s">
        <v>21466</v>
      </c>
      <c r="H11322" s="6" t="s">
        <v>21467</v>
      </c>
      <c r="I11322" s="7">
        <v>4.4326547999999999</v>
      </c>
      <c r="J11322" s="8">
        <v>-75.243284099999997</v>
      </c>
    </row>
    <row r="11323" spans="1:10" x14ac:dyDescent="0.35">
      <c r="A11323" s="5" t="s">
        <v>10</v>
      </c>
      <c r="B11323" s="6">
        <v>235375</v>
      </c>
      <c r="C11323" s="6" t="s">
        <v>457</v>
      </c>
      <c r="D11323" s="6" t="s">
        <v>4400</v>
      </c>
      <c r="E11323" s="6">
        <v>52001</v>
      </c>
      <c r="F11323" s="6" t="s">
        <v>18</v>
      </c>
      <c r="G11323" s="6" t="s">
        <v>21468</v>
      </c>
      <c r="H11323" s="6" t="s">
        <v>21469</v>
      </c>
      <c r="I11323" s="7">
        <v>1.2136289</v>
      </c>
      <c r="J11323" s="8">
        <v>-77.282421799999995</v>
      </c>
    </row>
    <row r="11324" spans="1:10" x14ac:dyDescent="0.35">
      <c r="A11324" s="5" t="s">
        <v>10</v>
      </c>
      <c r="B11324" s="6">
        <v>238887</v>
      </c>
      <c r="C11324" s="6" t="s">
        <v>117</v>
      </c>
      <c r="D11324" s="6" t="s">
        <v>1334</v>
      </c>
      <c r="E11324" s="6">
        <v>76001</v>
      </c>
      <c r="F11324" s="6" t="s">
        <v>18</v>
      </c>
      <c r="G11324" s="6" t="s">
        <v>21470</v>
      </c>
      <c r="H11324" s="6" t="s">
        <v>21471</v>
      </c>
      <c r="I11324" s="7">
        <v>3.4667799000000001</v>
      </c>
      <c r="J11324" s="8">
        <v>-76.514626800000002</v>
      </c>
    </row>
    <row r="11325" spans="1:10" x14ac:dyDescent="0.35">
      <c r="A11325" s="5" t="s">
        <v>10</v>
      </c>
      <c r="B11325" s="6">
        <v>145864</v>
      </c>
      <c r="C11325" s="6" t="s">
        <v>294</v>
      </c>
      <c r="D11325" s="6" t="s">
        <v>4244</v>
      </c>
      <c r="E11325" s="6">
        <v>41298</v>
      </c>
      <c r="F11325" s="6" t="s">
        <v>18</v>
      </c>
      <c r="G11325" s="6" t="s">
        <v>11116</v>
      </c>
      <c r="H11325" s="6" t="s">
        <v>11117</v>
      </c>
      <c r="I11325" s="7">
        <v>2.1674272999999999</v>
      </c>
      <c r="J11325" s="8">
        <v>-75.678297399999906</v>
      </c>
    </row>
    <row r="11326" spans="1:10" x14ac:dyDescent="0.35">
      <c r="A11326" s="5" t="s">
        <v>10</v>
      </c>
      <c r="B11326" s="6">
        <v>231111</v>
      </c>
      <c r="C11326" s="6" t="s">
        <v>308</v>
      </c>
      <c r="D11326" s="6" t="s">
        <v>309</v>
      </c>
      <c r="E11326" s="6">
        <v>23001</v>
      </c>
      <c r="F11326" s="6" t="s">
        <v>18</v>
      </c>
      <c r="G11326" s="6" t="s">
        <v>21472</v>
      </c>
      <c r="H11326" s="6" t="s">
        <v>21473</v>
      </c>
      <c r="I11326" s="7">
        <v>8.7642009000000005</v>
      </c>
      <c r="J11326" s="8">
        <v>-75.877563600000002</v>
      </c>
    </row>
    <row r="11327" spans="1:10" x14ac:dyDescent="0.35">
      <c r="A11327" s="5" t="s">
        <v>10</v>
      </c>
      <c r="B11327" s="6">
        <v>218997</v>
      </c>
      <c r="C11327" s="6" t="s">
        <v>16</v>
      </c>
      <c r="D11327" s="6" t="s">
        <v>2825</v>
      </c>
      <c r="E11327" s="6">
        <v>68276</v>
      </c>
      <c r="F11327" s="6" t="s">
        <v>18</v>
      </c>
      <c r="G11327" s="6" t="s">
        <v>21474</v>
      </c>
      <c r="H11327" s="6" t="s">
        <v>21475</v>
      </c>
      <c r="I11327" s="7">
        <v>7.0706423999999997</v>
      </c>
      <c r="J11327" s="8">
        <v>-73.107186599999906</v>
      </c>
    </row>
    <row r="11328" spans="1:10" x14ac:dyDescent="0.35">
      <c r="A11328" s="5" t="s">
        <v>10</v>
      </c>
      <c r="B11328" s="6">
        <v>174086</v>
      </c>
      <c r="C11328" s="6" t="s">
        <v>3788</v>
      </c>
      <c r="D11328" s="6" t="s">
        <v>17357</v>
      </c>
      <c r="E11328" s="6">
        <v>18860</v>
      </c>
      <c r="F11328" s="6" t="s">
        <v>18</v>
      </c>
      <c r="G11328" s="6" t="s">
        <v>21476</v>
      </c>
      <c r="H11328" s="6" t="s">
        <v>21477</v>
      </c>
      <c r="I11328" s="7">
        <v>0.869892</v>
      </c>
      <c r="J11328" s="8">
        <v>-73.841906300000005</v>
      </c>
    </row>
    <row r="11329" spans="1:10" x14ac:dyDescent="0.35">
      <c r="A11329" s="5" t="s">
        <v>10</v>
      </c>
      <c r="B11329" s="6">
        <v>68279</v>
      </c>
      <c r="C11329" s="6" t="s">
        <v>294</v>
      </c>
      <c r="D11329" s="6" t="s">
        <v>703</v>
      </c>
      <c r="E11329" s="6">
        <v>41001</v>
      </c>
      <c r="F11329" s="6" t="s">
        <v>18</v>
      </c>
      <c r="G11329" s="6" t="s">
        <v>10278</v>
      </c>
      <c r="H11329" s="6" t="s">
        <v>8093</v>
      </c>
      <c r="I11329" s="7">
        <v>2.9694110999999999</v>
      </c>
      <c r="J11329" s="8">
        <v>-75.287294299999999</v>
      </c>
    </row>
    <row r="11330" spans="1:10" x14ac:dyDescent="0.35">
      <c r="A11330" s="5" t="s">
        <v>10</v>
      </c>
      <c r="B11330" s="6">
        <v>128656</v>
      </c>
      <c r="C11330" s="6" t="s">
        <v>68</v>
      </c>
      <c r="D11330" s="6" t="s">
        <v>69</v>
      </c>
      <c r="E11330" s="6">
        <v>11001</v>
      </c>
      <c r="F11330" s="6" t="s">
        <v>18</v>
      </c>
      <c r="G11330" s="6" t="s">
        <v>21478</v>
      </c>
      <c r="H11330" s="6" t="s">
        <v>21479</v>
      </c>
      <c r="I11330" s="7">
        <v>4.6763060999999997</v>
      </c>
      <c r="J11330" s="8">
        <v>-74.1516412</v>
      </c>
    </row>
    <row r="11331" spans="1:10" x14ac:dyDescent="0.35">
      <c r="A11331" s="5" t="s">
        <v>10</v>
      </c>
      <c r="B11331" s="6">
        <v>236183</v>
      </c>
      <c r="C11331" s="6" t="s">
        <v>3788</v>
      </c>
      <c r="D11331" s="6" t="s">
        <v>21480</v>
      </c>
      <c r="E11331" s="6">
        <v>18610</v>
      </c>
      <c r="F11331" s="6" t="s">
        <v>18</v>
      </c>
      <c r="G11331" s="6" t="s">
        <v>8967</v>
      </c>
      <c r="H11331" s="6" t="s">
        <v>21481</v>
      </c>
      <c r="I11331" s="7">
        <v>1.3311550000000001</v>
      </c>
      <c r="J11331" s="8">
        <v>-75.974444199999994</v>
      </c>
    </row>
    <row r="11332" spans="1:10" x14ac:dyDescent="0.35">
      <c r="A11332" s="5" t="s">
        <v>10</v>
      </c>
      <c r="B11332" s="6">
        <v>145698</v>
      </c>
      <c r="C11332" s="6" t="s">
        <v>294</v>
      </c>
      <c r="D11332" s="6" t="s">
        <v>4244</v>
      </c>
      <c r="E11332" s="6">
        <v>41298</v>
      </c>
      <c r="F11332" s="6" t="s">
        <v>18</v>
      </c>
      <c r="G11332" s="6" t="s">
        <v>21482</v>
      </c>
      <c r="H11332" s="6" t="s">
        <v>21483</v>
      </c>
      <c r="I11332" s="7">
        <v>2.1954030000000002</v>
      </c>
      <c r="J11332" s="8">
        <v>-75.627467899999999</v>
      </c>
    </row>
    <row r="11333" spans="1:10" x14ac:dyDescent="0.35">
      <c r="A11333" s="5" t="s">
        <v>10</v>
      </c>
      <c r="B11333" s="6">
        <v>163224</v>
      </c>
      <c r="C11333" s="6" t="s">
        <v>11</v>
      </c>
      <c r="D11333" s="6" t="s">
        <v>10428</v>
      </c>
      <c r="E11333" s="6">
        <v>25426</v>
      </c>
      <c r="F11333" s="6" t="s">
        <v>18</v>
      </c>
      <c r="G11333" s="6" t="s">
        <v>21484</v>
      </c>
      <c r="H11333" s="6" t="s">
        <v>21485</v>
      </c>
      <c r="I11333" s="7">
        <v>5.0804039000000003</v>
      </c>
      <c r="J11333" s="8">
        <v>-73.6067994</v>
      </c>
    </row>
    <row r="11334" spans="1:10" x14ac:dyDescent="0.35">
      <c r="A11334" s="5" t="s">
        <v>10</v>
      </c>
      <c r="B11334" s="6">
        <v>242976</v>
      </c>
      <c r="C11334" s="6" t="s">
        <v>16</v>
      </c>
      <c r="D11334" s="6" t="s">
        <v>78</v>
      </c>
      <c r="E11334" s="6">
        <v>68001</v>
      </c>
      <c r="F11334" s="6" t="s">
        <v>18</v>
      </c>
      <c r="G11334" s="6" t="s">
        <v>21486</v>
      </c>
      <c r="H11334" s="6" t="s">
        <v>21487</v>
      </c>
      <c r="I11334" s="7">
        <v>7.1232929</v>
      </c>
      <c r="J11334" s="8">
        <v>-73.117443600000001</v>
      </c>
    </row>
    <row r="11335" spans="1:10" x14ac:dyDescent="0.35">
      <c r="A11335" s="5" t="s">
        <v>10</v>
      </c>
      <c r="B11335" s="6">
        <v>231882</v>
      </c>
      <c r="C11335" s="6" t="s">
        <v>16</v>
      </c>
      <c r="D11335" s="6" t="s">
        <v>21187</v>
      </c>
      <c r="E11335" s="6">
        <v>68152</v>
      </c>
      <c r="F11335" s="6" t="s">
        <v>18</v>
      </c>
      <c r="G11335" s="6" t="s">
        <v>21488</v>
      </c>
      <c r="H11335" s="6" t="s">
        <v>21489</v>
      </c>
      <c r="I11335" s="7">
        <v>6.6278180000000004</v>
      </c>
      <c r="J11335" s="8">
        <v>-72.625461999999999</v>
      </c>
    </row>
    <row r="11336" spans="1:10" x14ac:dyDescent="0.35">
      <c r="A11336" s="5" t="s">
        <v>10</v>
      </c>
      <c r="B11336" s="6">
        <v>173645</v>
      </c>
      <c r="C11336" s="6" t="s">
        <v>11</v>
      </c>
      <c r="D11336" s="6" t="s">
        <v>680</v>
      </c>
      <c r="E11336" s="6">
        <v>25743</v>
      </c>
      <c r="F11336" s="6" t="s">
        <v>18</v>
      </c>
      <c r="G11336" s="6" t="s">
        <v>7605</v>
      </c>
      <c r="H11336" s="6" t="s">
        <v>7606</v>
      </c>
      <c r="I11336" s="7">
        <v>4.4035900000000003</v>
      </c>
      <c r="J11336" s="8">
        <v>-74.385739999999998</v>
      </c>
    </row>
    <row r="11337" spans="1:10" x14ac:dyDescent="0.35">
      <c r="A11337" s="5" t="s">
        <v>10</v>
      </c>
      <c r="B11337" s="6">
        <v>234005</v>
      </c>
      <c r="C11337" s="6" t="s">
        <v>366</v>
      </c>
      <c r="D11337" s="6" t="s">
        <v>8296</v>
      </c>
      <c r="E11337" s="6">
        <v>44001</v>
      </c>
      <c r="F11337" s="6" t="s">
        <v>18</v>
      </c>
      <c r="G11337" s="6" t="s">
        <v>21490</v>
      </c>
      <c r="H11337" s="6" t="s">
        <v>21491</v>
      </c>
      <c r="I11337" s="7">
        <v>11.545637599999999</v>
      </c>
      <c r="J11337" s="8">
        <v>-72.9030889</v>
      </c>
    </row>
    <row r="11338" spans="1:10" x14ac:dyDescent="0.35">
      <c r="A11338" s="5" t="s">
        <v>10</v>
      </c>
      <c r="B11338" s="6">
        <v>233154</v>
      </c>
      <c r="C11338" s="6" t="s">
        <v>294</v>
      </c>
      <c r="D11338" s="6" t="s">
        <v>703</v>
      </c>
      <c r="E11338" s="6">
        <v>41001</v>
      </c>
      <c r="F11338" s="6" t="s">
        <v>18</v>
      </c>
      <c r="G11338" s="6" t="s">
        <v>21492</v>
      </c>
      <c r="H11338" s="6" t="s">
        <v>21493</v>
      </c>
      <c r="I11338" s="7">
        <v>2.9114399999999998</v>
      </c>
      <c r="J11338" s="8">
        <v>-75.275180000000006</v>
      </c>
    </row>
    <row r="11339" spans="1:10" x14ac:dyDescent="0.35">
      <c r="A11339" s="5" t="s">
        <v>10</v>
      </c>
      <c r="B11339" s="6">
        <v>233268</v>
      </c>
      <c r="C11339" s="6" t="s">
        <v>55</v>
      </c>
      <c r="D11339" s="6" t="s">
        <v>56</v>
      </c>
      <c r="E11339" s="6">
        <v>73001</v>
      </c>
      <c r="F11339" s="6" t="s">
        <v>18</v>
      </c>
      <c r="G11339" s="6" t="s">
        <v>21494</v>
      </c>
      <c r="H11339" s="6" t="s">
        <v>21495</v>
      </c>
      <c r="I11339" s="7">
        <v>4.4520200000000001</v>
      </c>
      <c r="J11339" s="8">
        <v>-75.235960000000006</v>
      </c>
    </row>
    <row r="11340" spans="1:10" x14ac:dyDescent="0.35">
      <c r="A11340" s="5" t="s">
        <v>10</v>
      </c>
      <c r="B11340" s="6">
        <v>245485</v>
      </c>
      <c r="C11340" s="6" t="s">
        <v>94</v>
      </c>
      <c r="D11340" s="6" t="s">
        <v>98</v>
      </c>
      <c r="E11340" s="6">
        <v>66001</v>
      </c>
      <c r="F11340" s="6" t="s">
        <v>18</v>
      </c>
      <c r="G11340" s="6" t="s">
        <v>21496</v>
      </c>
      <c r="H11340" s="6" t="s">
        <v>21497</v>
      </c>
      <c r="I11340" s="7">
        <v>4.8085243000000002</v>
      </c>
      <c r="J11340" s="8">
        <v>-75.703925699999999</v>
      </c>
    </row>
    <row r="11341" spans="1:10" x14ac:dyDescent="0.35">
      <c r="A11341" s="5" t="s">
        <v>10</v>
      </c>
      <c r="B11341" s="6">
        <v>153807</v>
      </c>
      <c r="C11341" s="6" t="s">
        <v>3788</v>
      </c>
      <c r="D11341" s="6" t="s">
        <v>21498</v>
      </c>
      <c r="E11341" s="6">
        <v>18205</v>
      </c>
      <c r="F11341" s="6" t="s">
        <v>18</v>
      </c>
      <c r="G11341" s="6" t="s">
        <v>21499</v>
      </c>
      <c r="H11341" s="6" t="s">
        <v>21500</v>
      </c>
      <c r="I11341" s="7">
        <v>1.0340079</v>
      </c>
      <c r="J11341" s="8">
        <v>-75.9214427</v>
      </c>
    </row>
    <row r="11342" spans="1:10" x14ac:dyDescent="0.35">
      <c r="A11342" s="5" t="s">
        <v>10</v>
      </c>
      <c r="B11342" s="6">
        <v>197584</v>
      </c>
      <c r="C11342" s="6" t="s">
        <v>302</v>
      </c>
      <c r="D11342" s="6" t="s">
        <v>7633</v>
      </c>
      <c r="E11342" s="6">
        <v>8634</v>
      </c>
      <c r="F11342" s="6" t="s">
        <v>13</v>
      </c>
      <c r="G11342" s="6" t="s">
        <v>21501</v>
      </c>
      <c r="H11342" s="6" t="s">
        <v>21502</v>
      </c>
      <c r="I11342" s="7">
        <v>10.7890096</v>
      </c>
      <c r="J11342" s="8">
        <v>-74.753973400000007</v>
      </c>
    </row>
    <row r="11343" spans="1:10" x14ac:dyDescent="0.35">
      <c r="A11343" s="5" t="s">
        <v>10</v>
      </c>
      <c r="B11343" s="6">
        <v>210168</v>
      </c>
      <c r="C11343" s="6" t="s">
        <v>294</v>
      </c>
      <c r="D11343" s="6" t="s">
        <v>703</v>
      </c>
      <c r="E11343" s="6">
        <v>41001</v>
      </c>
      <c r="F11343" s="6" t="s">
        <v>18</v>
      </c>
      <c r="G11343" s="6" t="s">
        <v>10205</v>
      </c>
      <c r="H11343" s="6" t="s">
        <v>10206</v>
      </c>
      <c r="I11343" s="7">
        <v>2.9078525000000002</v>
      </c>
      <c r="J11343" s="8">
        <v>-75.273589599999994</v>
      </c>
    </row>
    <row r="11344" spans="1:10" x14ac:dyDescent="0.35">
      <c r="A11344" s="5" t="s">
        <v>10</v>
      </c>
      <c r="B11344" s="6">
        <v>183326</v>
      </c>
      <c r="C11344" s="6" t="s">
        <v>16</v>
      </c>
      <c r="D11344" s="6" t="s">
        <v>510</v>
      </c>
      <c r="E11344" s="6">
        <v>68547</v>
      </c>
      <c r="F11344" s="6" t="s">
        <v>18</v>
      </c>
      <c r="G11344" s="6" t="s">
        <v>21503</v>
      </c>
      <c r="H11344" s="6" t="s">
        <v>21504</v>
      </c>
      <c r="I11344" s="7">
        <v>6.9724923999999904</v>
      </c>
      <c r="J11344" s="8">
        <v>-73.050776299999995</v>
      </c>
    </row>
    <row r="11345" spans="1:10" x14ac:dyDescent="0.35">
      <c r="A11345" s="5" t="s">
        <v>10</v>
      </c>
      <c r="B11345" s="6">
        <v>223510</v>
      </c>
      <c r="C11345" s="6" t="s">
        <v>294</v>
      </c>
      <c r="D11345" s="6" t="s">
        <v>703</v>
      </c>
      <c r="E11345" s="6">
        <v>41001</v>
      </c>
      <c r="F11345" s="6" t="s">
        <v>18</v>
      </c>
      <c r="G11345" s="6" t="s">
        <v>21505</v>
      </c>
      <c r="H11345" s="6" t="s">
        <v>21506</v>
      </c>
      <c r="I11345" s="7">
        <v>2.9694096000000001</v>
      </c>
      <c r="J11345" s="8">
        <v>-75.297983399999893</v>
      </c>
    </row>
    <row r="11346" spans="1:10" x14ac:dyDescent="0.35">
      <c r="A11346" s="5" t="s">
        <v>10</v>
      </c>
      <c r="B11346" s="6">
        <v>234357</v>
      </c>
      <c r="C11346" s="6" t="s">
        <v>16</v>
      </c>
      <c r="D11346" s="6" t="s">
        <v>1401</v>
      </c>
      <c r="E11346" s="6">
        <v>68307</v>
      </c>
      <c r="F11346" s="6" t="s">
        <v>18</v>
      </c>
      <c r="G11346" s="6" t="s">
        <v>21507</v>
      </c>
      <c r="H11346" s="6" t="s">
        <v>21508</v>
      </c>
      <c r="I11346" s="7">
        <v>7.0715494000000003</v>
      </c>
      <c r="J11346" s="8">
        <v>-73.169484800000006</v>
      </c>
    </row>
    <row r="11347" spans="1:10" x14ac:dyDescent="0.35">
      <c r="A11347" s="5" t="s">
        <v>10</v>
      </c>
      <c r="B11347" s="6">
        <v>229614</v>
      </c>
      <c r="C11347" s="6" t="s">
        <v>302</v>
      </c>
      <c r="D11347" s="6" t="s">
        <v>359</v>
      </c>
      <c r="E11347" s="6">
        <v>8001</v>
      </c>
      <c r="F11347" s="6" t="s">
        <v>18</v>
      </c>
      <c r="G11347" s="6" t="s">
        <v>21509</v>
      </c>
      <c r="H11347" s="6" t="s">
        <v>21510</v>
      </c>
      <c r="I11347" s="7">
        <v>11.0096101</v>
      </c>
      <c r="J11347" s="8">
        <v>-74.800099200000005</v>
      </c>
    </row>
    <row r="11348" spans="1:10" x14ac:dyDescent="0.35">
      <c r="A11348" s="5" t="s">
        <v>10</v>
      </c>
      <c r="B11348" s="6">
        <v>192682</v>
      </c>
      <c r="C11348" s="6" t="s">
        <v>28</v>
      </c>
      <c r="D11348" s="6" t="s">
        <v>29</v>
      </c>
      <c r="E11348" s="6">
        <v>54001</v>
      </c>
      <c r="F11348" s="6" t="s">
        <v>13</v>
      </c>
      <c r="G11348" s="6" t="s">
        <v>21511</v>
      </c>
      <c r="H11348" s="6" t="s">
        <v>21512</v>
      </c>
      <c r="I11348" s="7">
        <v>7.8829045000000004</v>
      </c>
      <c r="J11348" s="8">
        <v>-72.4930533</v>
      </c>
    </row>
    <row r="11349" spans="1:10" x14ac:dyDescent="0.35">
      <c r="A11349" s="5" t="s">
        <v>10</v>
      </c>
      <c r="B11349" s="6">
        <v>215676</v>
      </c>
      <c r="C11349" s="6" t="s">
        <v>278</v>
      </c>
      <c r="D11349" s="6" t="s">
        <v>279</v>
      </c>
      <c r="E11349" s="6">
        <v>50001</v>
      </c>
      <c r="F11349" s="6" t="s">
        <v>18</v>
      </c>
      <c r="G11349" s="6" t="s">
        <v>21513</v>
      </c>
      <c r="H11349" s="6" t="s">
        <v>21514</v>
      </c>
      <c r="I11349" s="7">
        <v>4.1477291999999997</v>
      </c>
      <c r="J11349" s="8">
        <v>-73.640376099999997</v>
      </c>
    </row>
    <row r="11350" spans="1:10" x14ac:dyDescent="0.35">
      <c r="A11350" s="5" t="s">
        <v>10</v>
      </c>
      <c r="B11350" s="6">
        <v>99386</v>
      </c>
      <c r="C11350" s="6" t="s">
        <v>68</v>
      </c>
      <c r="D11350" s="6" t="s">
        <v>69</v>
      </c>
      <c r="E11350" s="6">
        <v>11001</v>
      </c>
      <c r="F11350" s="6" t="s">
        <v>18</v>
      </c>
      <c r="G11350" s="6" t="s">
        <v>9335</v>
      </c>
      <c r="H11350" s="6" t="s">
        <v>9336</v>
      </c>
      <c r="I11350" s="7">
        <v>4.7214942000000004</v>
      </c>
      <c r="J11350" s="8">
        <v>-74.114765899999995</v>
      </c>
    </row>
    <row r="11351" spans="1:10" x14ac:dyDescent="0.35">
      <c r="A11351" s="5" t="s">
        <v>10</v>
      </c>
      <c r="B11351" s="6">
        <v>231837</v>
      </c>
      <c r="C11351" s="6" t="s">
        <v>2821</v>
      </c>
      <c r="D11351" s="6" t="s">
        <v>21515</v>
      </c>
      <c r="E11351" s="6">
        <v>47570</v>
      </c>
      <c r="F11351" s="6" t="s">
        <v>18</v>
      </c>
      <c r="G11351" s="6" t="s">
        <v>21516</v>
      </c>
      <c r="H11351" s="6" t="s">
        <v>21517</v>
      </c>
      <c r="I11351" s="7">
        <v>10.978418100000001</v>
      </c>
      <c r="J11351" s="8">
        <v>-74.326434800000001</v>
      </c>
    </row>
    <row r="11352" spans="1:10" x14ac:dyDescent="0.35">
      <c r="A11352" s="5" t="s">
        <v>10</v>
      </c>
      <c r="B11352" s="6">
        <v>219004</v>
      </c>
      <c r="C11352" s="6" t="s">
        <v>16</v>
      </c>
      <c r="D11352" s="6" t="s">
        <v>7769</v>
      </c>
      <c r="E11352" s="6">
        <v>68689</v>
      </c>
      <c r="F11352" s="6" t="s">
        <v>18</v>
      </c>
      <c r="G11352" s="6" t="s">
        <v>21518</v>
      </c>
      <c r="H11352" s="6" t="s">
        <v>21519</v>
      </c>
      <c r="I11352" s="7">
        <v>6.8785179999999997</v>
      </c>
      <c r="J11352" s="8">
        <v>-73.413233000000005</v>
      </c>
    </row>
    <row r="11353" spans="1:10" x14ac:dyDescent="0.35">
      <c r="A11353" s="5" t="s">
        <v>10</v>
      </c>
      <c r="B11353" s="6">
        <v>233532</v>
      </c>
      <c r="C11353" s="6" t="s">
        <v>117</v>
      </c>
      <c r="D11353" s="6" t="s">
        <v>1334</v>
      </c>
      <c r="E11353" s="6">
        <v>76001</v>
      </c>
      <c r="F11353" s="6" t="s">
        <v>18</v>
      </c>
      <c r="G11353" s="6" t="s">
        <v>21520</v>
      </c>
      <c r="H11353" s="6" t="s">
        <v>21521</v>
      </c>
      <c r="I11353" s="7">
        <v>3.4316800000000001</v>
      </c>
      <c r="J11353" s="8">
        <v>-76.472650000000002</v>
      </c>
    </row>
    <row r="11354" spans="1:10" x14ac:dyDescent="0.35">
      <c r="A11354" s="5" t="s">
        <v>10</v>
      </c>
      <c r="B11354" s="6">
        <v>217236</v>
      </c>
      <c r="C11354" s="6" t="s">
        <v>302</v>
      </c>
      <c r="D11354" s="6" t="s">
        <v>359</v>
      </c>
      <c r="E11354" s="6">
        <v>8001</v>
      </c>
      <c r="F11354" s="6" t="s">
        <v>18</v>
      </c>
      <c r="G11354" s="6" t="s">
        <v>21522</v>
      </c>
      <c r="H11354" s="6" t="s">
        <v>21523</v>
      </c>
      <c r="I11354" s="7">
        <v>10.956877499999999</v>
      </c>
      <c r="J11354" s="8">
        <v>-74.791468600000002</v>
      </c>
    </row>
    <row r="11355" spans="1:10" x14ac:dyDescent="0.35">
      <c r="A11355" s="5" t="s">
        <v>10</v>
      </c>
      <c r="B11355" s="6">
        <v>246813</v>
      </c>
      <c r="C11355" s="6" t="s">
        <v>302</v>
      </c>
      <c r="D11355" s="6" t="s">
        <v>8024</v>
      </c>
      <c r="E11355" s="6">
        <v>8078</v>
      </c>
      <c r="F11355" s="6" t="s">
        <v>18</v>
      </c>
      <c r="G11355" s="6" t="s">
        <v>21524</v>
      </c>
      <c r="H11355" s="6" t="s">
        <v>21525</v>
      </c>
      <c r="I11355" s="7">
        <v>10.7999434</v>
      </c>
      <c r="J11355" s="8">
        <v>-74.908935299999996</v>
      </c>
    </row>
    <row r="11356" spans="1:10" x14ac:dyDescent="0.35">
      <c r="A11356" s="5" t="s">
        <v>10</v>
      </c>
      <c r="B11356" s="6">
        <v>236674</v>
      </c>
      <c r="C11356" s="6" t="s">
        <v>16</v>
      </c>
      <c r="D11356" s="6" t="s">
        <v>254</v>
      </c>
      <c r="E11356" s="6">
        <v>68079</v>
      </c>
      <c r="F11356" s="6" t="s">
        <v>18</v>
      </c>
      <c r="G11356" s="6" t="s">
        <v>21526</v>
      </c>
      <c r="H11356" s="6" t="s">
        <v>21527</v>
      </c>
      <c r="I11356" s="7">
        <v>6.6347144</v>
      </c>
      <c r="J11356" s="8">
        <v>-73.222452599999997</v>
      </c>
    </row>
    <row r="11357" spans="1:10" x14ac:dyDescent="0.35">
      <c r="A11357" s="5" t="s">
        <v>10</v>
      </c>
      <c r="B11357" s="6">
        <v>245967</v>
      </c>
      <c r="C11357" s="6" t="s">
        <v>61</v>
      </c>
      <c r="D11357" s="6" t="s">
        <v>62</v>
      </c>
      <c r="E11357" s="6">
        <v>63001</v>
      </c>
      <c r="F11357" s="6" t="s">
        <v>18</v>
      </c>
      <c r="G11357" s="6" t="s">
        <v>21528</v>
      </c>
      <c r="H11357" s="6" t="s">
        <v>21529</v>
      </c>
      <c r="I11357" s="7">
        <v>4.5334399000000003</v>
      </c>
      <c r="J11357" s="8">
        <v>-75.6724198</v>
      </c>
    </row>
    <row r="11358" spans="1:10" x14ac:dyDescent="0.35">
      <c r="A11358" s="5" t="s">
        <v>10</v>
      </c>
      <c r="B11358" s="6">
        <v>204473</v>
      </c>
      <c r="C11358" s="6" t="s">
        <v>16</v>
      </c>
      <c r="D11358" s="6" t="s">
        <v>2825</v>
      </c>
      <c r="E11358" s="6">
        <v>68276</v>
      </c>
      <c r="F11358" s="6" t="s">
        <v>18</v>
      </c>
      <c r="G11358" s="6" t="s">
        <v>21530</v>
      </c>
      <c r="H11358" s="6" t="s">
        <v>21531</v>
      </c>
      <c r="I11358" s="7">
        <v>7.1155901999999998</v>
      </c>
      <c r="J11358" s="8">
        <v>-73.128944399999995</v>
      </c>
    </row>
    <row r="11359" spans="1:10" x14ac:dyDescent="0.35">
      <c r="A11359" s="5" t="s">
        <v>10</v>
      </c>
      <c r="B11359" s="6">
        <v>222133</v>
      </c>
      <c r="C11359" s="6" t="s">
        <v>16</v>
      </c>
      <c r="D11359" s="6" t="s">
        <v>510</v>
      </c>
      <c r="E11359" s="6">
        <v>68547</v>
      </c>
      <c r="F11359" s="6" t="s">
        <v>18</v>
      </c>
      <c r="G11359" s="6" t="s">
        <v>21532</v>
      </c>
      <c r="H11359" s="6" t="s">
        <v>21533</v>
      </c>
      <c r="I11359" s="7">
        <v>6.9915390000000004</v>
      </c>
      <c r="J11359" s="8">
        <v>-73.053998000000007</v>
      </c>
    </row>
    <row r="11360" spans="1:10" x14ac:dyDescent="0.35">
      <c r="A11360" s="5" t="s">
        <v>10</v>
      </c>
      <c r="B11360" s="6">
        <v>239545</v>
      </c>
      <c r="C11360" s="6" t="s">
        <v>2821</v>
      </c>
      <c r="D11360" s="6" t="s">
        <v>7712</v>
      </c>
      <c r="E11360" s="6">
        <v>47189</v>
      </c>
      <c r="F11360" s="6" t="s">
        <v>18</v>
      </c>
      <c r="G11360" s="6" t="s">
        <v>21534</v>
      </c>
      <c r="H11360" s="6" t="s">
        <v>21535</v>
      </c>
      <c r="I11360" s="7">
        <v>11.003911499999999</v>
      </c>
      <c r="J11360" s="8">
        <v>-74.250219000000001</v>
      </c>
    </row>
    <row r="11361" spans="1:10" x14ac:dyDescent="0.35">
      <c r="A11361" s="5" t="s">
        <v>10</v>
      </c>
      <c r="B11361" s="6">
        <v>229345</v>
      </c>
      <c r="C11361" s="6" t="s">
        <v>16</v>
      </c>
      <c r="D11361" s="6" t="s">
        <v>510</v>
      </c>
      <c r="E11361" s="6">
        <v>68547</v>
      </c>
      <c r="F11361" s="6" t="s">
        <v>18</v>
      </c>
      <c r="G11361" s="6" t="s">
        <v>21536</v>
      </c>
      <c r="H11361" s="6" t="s">
        <v>21537</v>
      </c>
      <c r="I11361" s="7">
        <v>6.9855909</v>
      </c>
      <c r="J11361" s="8">
        <v>-73.049611299999995</v>
      </c>
    </row>
    <row r="11362" spans="1:10" x14ac:dyDescent="0.35">
      <c r="A11362" s="5" t="s">
        <v>10</v>
      </c>
      <c r="B11362" s="6">
        <v>245951</v>
      </c>
      <c r="C11362" s="6" t="s">
        <v>4364</v>
      </c>
      <c r="D11362" s="6" t="s">
        <v>4365</v>
      </c>
      <c r="E11362" s="6">
        <v>70001</v>
      </c>
      <c r="F11362" s="6" t="s">
        <v>18</v>
      </c>
      <c r="G11362" s="6" t="s">
        <v>21538</v>
      </c>
      <c r="H11362" s="6" t="s">
        <v>21539</v>
      </c>
      <c r="I11362" s="7">
        <v>9.3087351999999992</v>
      </c>
      <c r="J11362" s="8">
        <v>-75.389430200000007</v>
      </c>
    </row>
    <row r="11363" spans="1:10" x14ac:dyDescent="0.35">
      <c r="A11363" s="5" t="s">
        <v>10</v>
      </c>
      <c r="B11363" s="6">
        <v>236385</v>
      </c>
      <c r="C11363" s="6" t="s">
        <v>2821</v>
      </c>
      <c r="D11363" s="6" t="s">
        <v>21540</v>
      </c>
      <c r="E11363" s="6">
        <v>47170</v>
      </c>
      <c r="F11363" s="6" t="s">
        <v>18</v>
      </c>
      <c r="G11363" s="6" t="s">
        <v>21541</v>
      </c>
      <c r="H11363" s="6" t="s">
        <v>21542</v>
      </c>
      <c r="I11363" s="7">
        <v>10.0271411</v>
      </c>
      <c r="J11363" s="8">
        <v>-74.621393699999999</v>
      </c>
    </row>
    <row r="11364" spans="1:10" x14ac:dyDescent="0.35">
      <c r="A11364" s="5" t="s">
        <v>10</v>
      </c>
      <c r="B11364" s="6">
        <v>242975</v>
      </c>
      <c r="C11364" s="6" t="s">
        <v>16</v>
      </c>
      <c r="D11364" s="6" t="s">
        <v>1401</v>
      </c>
      <c r="E11364" s="6">
        <v>68307</v>
      </c>
      <c r="F11364" s="6" t="s">
        <v>18</v>
      </c>
      <c r="G11364" s="6" t="s">
        <v>21543</v>
      </c>
      <c r="H11364" s="6" t="s">
        <v>21544</v>
      </c>
      <c r="I11364" s="7">
        <v>7.0669870000000001</v>
      </c>
      <c r="J11364" s="8">
        <v>-73.169905</v>
      </c>
    </row>
    <row r="11365" spans="1:10" x14ac:dyDescent="0.35">
      <c r="A11365" s="5" t="s">
        <v>10</v>
      </c>
      <c r="B11365" s="6">
        <v>229912</v>
      </c>
      <c r="C11365" s="6" t="s">
        <v>61</v>
      </c>
      <c r="D11365" s="6" t="s">
        <v>121</v>
      </c>
      <c r="E11365" s="6">
        <v>63130</v>
      </c>
      <c r="F11365" s="6" t="s">
        <v>18</v>
      </c>
      <c r="G11365" s="6" t="s">
        <v>21545</v>
      </c>
      <c r="H11365" s="6" t="s">
        <v>21546</v>
      </c>
      <c r="I11365" s="7">
        <v>4.5266935999999998</v>
      </c>
      <c r="J11365" s="8">
        <v>-75.640957400000005</v>
      </c>
    </row>
    <row r="11366" spans="1:10" x14ac:dyDescent="0.35">
      <c r="A11366" s="5" t="s">
        <v>10</v>
      </c>
      <c r="B11366" s="6">
        <v>231426</v>
      </c>
      <c r="C11366" s="6" t="s">
        <v>55</v>
      </c>
      <c r="D11366" s="6" t="s">
        <v>18268</v>
      </c>
      <c r="E11366" s="6">
        <v>73408</v>
      </c>
      <c r="F11366" s="6" t="s">
        <v>18</v>
      </c>
      <c r="G11366" s="6" t="s">
        <v>21547</v>
      </c>
      <c r="H11366" s="6" t="s">
        <v>21548</v>
      </c>
      <c r="I11366" s="7">
        <v>4.8634577999999999</v>
      </c>
      <c r="J11366" s="8">
        <v>-74.906790799999996</v>
      </c>
    </row>
    <row r="11367" spans="1:10" x14ac:dyDescent="0.35">
      <c r="A11367" s="5" t="s">
        <v>10</v>
      </c>
      <c r="B11367" s="6">
        <v>95711</v>
      </c>
      <c r="C11367" s="6" t="s">
        <v>294</v>
      </c>
      <c r="D11367" s="6" t="s">
        <v>1902</v>
      </c>
      <c r="E11367" s="6">
        <v>41799</v>
      </c>
      <c r="F11367" s="6" t="s">
        <v>18</v>
      </c>
      <c r="G11367" s="6" t="s">
        <v>8713</v>
      </c>
      <c r="H11367" s="6" t="s">
        <v>8714</v>
      </c>
      <c r="I11367" s="7">
        <v>3.0687101999999999</v>
      </c>
      <c r="J11367" s="8">
        <v>-75.138633400000003</v>
      </c>
    </row>
    <row r="11368" spans="1:10" x14ac:dyDescent="0.35">
      <c r="A11368" s="5" t="s">
        <v>10</v>
      </c>
      <c r="B11368" s="6">
        <v>238071</v>
      </c>
      <c r="C11368" s="6" t="s">
        <v>16</v>
      </c>
      <c r="D11368" s="6" t="s">
        <v>78</v>
      </c>
      <c r="E11368" s="6">
        <v>68001</v>
      </c>
      <c r="F11368" s="6" t="s">
        <v>18</v>
      </c>
      <c r="G11368" s="6" t="s">
        <v>21549</v>
      </c>
      <c r="H11368" s="6" t="s">
        <v>21550</v>
      </c>
      <c r="I11368" s="7">
        <v>7.0977427000000004</v>
      </c>
      <c r="J11368" s="8">
        <v>-73.124874300000002</v>
      </c>
    </row>
    <row r="11369" spans="1:10" x14ac:dyDescent="0.35">
      <c r="A11369" s="5" t="s">
        <v>10</v>
      </c>
      <c r="B11369" s="6">
        <v>235289</v>
      </c>
      <c r="C11369" s="6" t="s">
        <v>68</v>
      </c>
      <c r="D11369" s="6" t="s">
        <v>69</v>
      </c>
      <c r="E11369" s="6">
        <v>11001</v>
      </c>
      <c r="F11369" s="6" t="s">
        <v>18</v>
      </c>
      <c r="G11369" s="6" t="s">
        <v>21551</v>
      </c>
      <c r="H11369" s="6" t="s">
        <v>21552</v>
      </c>
      <c r="I11369" s="7">
        <v>4.6005753</v>
      </c>
      <c r="J11369" s="8">
        <v>-74.070111999999995</v>
      </c>
    </row>
    <row r="11370" spans="1:10" x14ac:dyDescent="0.35">
      <c r="A11370" s="5" t="s">
        <v>10</v>
      </c>
      <c r="B11370" s="6">
        <v>146046</v>
      </c>
      <c r="C11370" s="6" t="s">
        <v>294</v>
      </c>
      <c r="D11370" s="6" t="s">
        <v>3133</v>
      </c>
      <c r="E11370" s="6">
        <v>41483</v>
      </c>
      <c r="F11370" s="6" t="s">
        <v>18</v>
      </c>
      <c r="G11370" s="6" t="s">
        <v>21553</v>
      </c>
      <c r="H11370" s="6" t="s">
        <v>21554</v>
      </c>
      <c r="I11370" s="7">
        <v>2.5446209999999998</v>
      </c>
      <c r="J11370" s="8">
        <v>-75.808940800000002</v>
      </c>
    </row>
    <row r="11371" spans="1:10" x14ac:dyDescent="0.35">
      <c r="A11371" s="5" t="s">
        <v>10</v>
      </c>
      <c r="B11371" s="6">
        <v>165786</v>
      </c>
      <c r="C11371" s="6" t="s">
        <v>11</v>
      </c>
      <c r="D11371" s="6" t="s">
        <v>5259</v>
      </c>
      <c r="E11371" s="6">
        <v>25320</v>
      </c>
      <c r="F11371" s="6" t="s">
        <v>18</v>
      </c>
      <c r="G11371" s="6" t="s">
        <v>21555</v>
      </c>
      <c r="H11371" s="6" t="s">
        <v>21556</v>
      </c>
      <c r="I11371" s="7">
        <v>5.0678087999999999</v>
      </c>
      <c r="J11371" s="8">
        <v>-74.5953205</v>
      </c>
    </row>
    <row r="11372" spans="1:10" x14ac:dyDescent="0.35">
      <c r="A11372" s="5" t="s">
        <v>10</v>
      </c>
      <c r="B11372" s="6">
        <v>233852</v>
      </c>
      <c r="C11372" s="6" t="s">
        <v>302</v>
      </c>
      <c r="D11372" s="6" t="s">
        <v>359</v>
      </c>
      <c r="E11372" s="6">
        <v>8001</v>
      </c>
      <c r="F11372" s="6" t="s">
        <v>18</v>
      </c>
      <c r="G11372" s="6" t="s">
        <v>21557</v>
      </c>
      <c r="H11372" s="6" t="s">
        <v>21558</v>
      </c>
      <c r="I11372" s="7">
        <v>10.983931500000001</v>
      </c>
      <c r="J11372" s="8">
        <v>-74.805066699999998</v>
      </c>
    </row>
    <row r="11373" spans="1:10" x14ac:dyDescent="0.35">
      <c r="A11373" s="5" t="s">
        <v>10</v>
      </c>
      <c r="B11373" s="6">
        <v>246832</v>
      </c>
      <c r="C11373" s="6" t="s">
        <v>38</v>
      </c>
      <c r="D11373" s="6" t="s">
        <v>9498</v>
      </c>
      <c r="E11373" s="6">
        <v>19548</v>
      </c>
      <c r="F11373" s="6" t="s">
        <v>18</v>
      </c>
      <c r="G11373" s="6" t="s">
        <v>21559</v>
      </c>
      <c r="H11373" s="6" t="s">
        <v>21560</v>
      </c>
      <c r="I11373" s="7">
        <v>2.6827823999999998</v>
      </c>
      <c r="J11373" s="8">
        <v>-76.5719414</v>
      </c>
    </row>
    <row r="11374" spans="1:10" x14ac:dyDescent="0.35">
      <c r="A11374" s="5" t="s">
        <v>10</v>
      </c>
      <c r="B11374" s="6">
        <v>239910</v>
      </c>
      <c r="C11374" s="6" t="s">
        <v>68</v>
      </c>
      <c r="D11374" s="6" t="s">
        <v>69</v>
      </c>
      <c r="E11374" s="6">
        <v>11001</v>
      </c>
      <c r="F11374" s="6" t="s">
        <v>18</v>
      </c>
      <c r="G11374" s="6" t="s">
        <v>21561</v>
      </c>
      <c r="H11374" s="6" t="s">
        <v>21562</v>
      </c>
      <c r="I11374" s="7">
        <v>4.6073893999999997</v>
      </c>
      <c r="J11374" s="8">
        <v>-74.100907300000003</v>
      </c>
    </row>
    <row r="11375" spans="1:10" x14ac:dyDescent="0.35">
      <c r="A11375" s="5" t="s">
        <v>10</v>
      </c>
      <c r="B11375" s="6">
        <v>171622</v>
      </c>
      <c r="C11375" s="6" t="s">
        <v>68</v>
      </c>
      <c r="D11375" s="6" t="s">
        <v>69</v>
      </c>
      <c r="E11375" s="6">
        <v>11001</v>
      </c>
      <c r="F11375" s="6" t="s">
        <v>18</v>
      </c>
      <c r="G11375" s="6" t="s">
        <v>21563</v>
      </c>
      <c r="H11375" s="6" t="s">
        <v>21564</v>
      </c>
      <c r="I11375" s="7">
        <v>4.6898600999999998</v>
      </c>
      <c r="J11375" s="8">
        <v>-74.083398399999993</v>
      </c>
    </row>
    <row r="11376" spans="1:10" x14ac:dyDescent="0.35">
      <c r="A11376" s="5" t="s">
        <v>10</v>
      </c>
      <c r="B11376" s="6">
        <v>197053</v>
      </c>
      <c r="C11376" s="6" t="s">
        <v>2821</v>
      </c>
      <c r="D11376" s="6" t="s">
        <v>2822</v>
      </c>
      <c r="E11376" s="6">
        <v>47001</v>
      </c>
      <c r="F11376" s="6" t="s">
        <v>18</v>
      </c>
      <c r="G11376" s="6" t="s">
        <v>8385</v>
      </c>
      <c r="H11376" s="6" t="s">
        <v>8386</v>
      </c>
      <c r="I11376" s="7">
        <v>11.2326335</v>
      </c>
      <c r="J11376" s="8">
        <v>-74.194842699999995</v>
      </c>
    </row>
    <row r="11377" spans="1:10" x14ac:dyDescent="0.35">
      <c r="A11377" s="5" t="s">
        <v>10</v>
      </c>
      <c r="B11377" s="6">
        <v>202858</v>
      </c>
      <c r="C11377" s="6" t="s">
        <v>302</v>
      </c>
      <c r="D11377" s="6" t="s">
        <v>7616</v>
      </c>
      <c r="E11377" s="6">
        <v>8549</v>
      </c>
      <c r="F11377" s="6" t="s">
        <v>18</v>
      </c>
      <c r="G11377" s="6" t="s">
        <v>21565</v>
      </c>
      <c r="H11377" s="6" t="s">
        <v>21566</v>
      </c>
      <c r="I11377" s="7">
        <v>10.748716</v>
      </c>
      <c r="J11377" s="8">
        <v>-75.107922000000002</v>
      </c>
    </row>
    <row r="11378" spans="1:10" x14ac:dyDescent="0.35">
      <c r="A11378" s="5" t="s">
        <v>10</v>
      </c>
      <c r="B11378" s="6">
        <v>157361</v>
      </c>
      <c r="C11378" s="6" t="s">
        <v>16</v>
      </c>
      <c r="D11378" s="6" t="s">
        <v>510</v>
      </c>
      <c r="E11378" s="6">
        <v>68547</v>
      </c>
      <c r="F11378" s="6" t="s">
        <v>18</v>
      </c>
      <c r="G11378" s="6" t="s">
        <v>21567</v>
      </c>
      <c r="H11378" s="6" t="s">
        <v>21568</v>
      </c>
      <c r="I11378" s="7">
        <v>4.5998406999999997</v>
      </c>
      <c r="J11378" s="8">
        <v>-74.075980700000002</v>
      </c>
    </row>
    <row r="11379" spans="1:10" x14ac:dyDescent="0.35">
      <c r="A11379" s="5" t="s">
        <v>10</v>
      </c>
      <c r="B11379" s="6">
        <v>236380</v>
      </c>
      <c r="C11379" s="6" t="s">
        <v>302</v>
      </c>
      <c r="D11379" s="6" t="s">
        <v>5913</v>
      </c>
      <c r="E11379" s="6">
        <v>8296</v>
      </c>
      <c r="F11379" s="6" t="s">
        <v>18</v>
      </c>
      <c r="G11379" s="6" t="s">
        <v>21569</v>
      </c>
      <c r="H11379" s="6" t="s">
        <v>21570</v>
      </c>
      <c r="I11379" s="7">
        <v>10.918334700000001</v>
      </c>
      <c r="J11379" s="8">
        <v>-74.867822899999993</v>
      </c>
    </row>
    <row r="11380" spans="1:10" x14ac:dyDescent="0.35">
      <c r="A11380" s="5" t="s">
        <v>10</v>
      </c>
      <c r="B11380" s="6">
        <v>234463</v>
      </c>
      <c r="C11380" s="6" t="s">
        <v>117</v>
      </c>
      <c r="D11380" s="6" t="s">
        <v>1334</v>
      </c>
      <c r="E11380" s="6">
        <v>76001</v>
      </c>
      <c r="F11380" s="6" t="s">
        <v>13</v>
      </c>
      <c r="G11380" s="6" t="s">
        <v>21571</v>
      </c>
      <c r="H11380" s="6" t="s">
        <v>21572</v>
      </c>
      <c r="I11380" s="7">
        <v>3.4407028999999998</v>
      </c>
      <c r="J11380" s="8">
        <v>-76.537987799999996</v>
      </c>
    </row>
    <row r="11381" spans="1:10" x14ac:dyDescent="0.35">
      <c r="A11381" s="5" t="s">
        <v>10</v>
      </c>
      <c r="B11381" s="6">
        <v>234162</v>
      </c>
      <c r="C11381" s="6" t="s">
        <v>117</v>
      </c>
      <c r="D11381" s="6" t="s">
        <v>3860</v>
      </c>
      <c r="E11381" s="6">
        <v>76130</v>
      </c>
      <c r="F11381" s="6" t="s">
        <v>18</v>
      </c>
      <c r="G11381" s="6" t="s">
        <v>21573</v>
      </c>
      <c r="H11381" s="6" t="s">
        <v>21574</v>
      </c>
      <c r="I11381" s="7">
        <v>3.4088471</v>
      </c>
      <c r="J11381" s="8">
        <v>-76.347930700000006</v>
      </c>
    </row>
    <row r="11382" spans="1:10" x14ac:dyDescent="0.35">
      <c r="A11382" s="5" t="s">
        <v>10</v>
      </c>
      <c r="B11382" s="6">
        <v>237687</v>
      </c>
      <c r="C11382" s="6" t="s">
        <v>16</v>
      </c>
      <c r="D11382" s="6" t="s">
        <v>2825</v>
      </c>
      <c r="E11382" s="6">
        <v>68276</v>
      </c>
      <c r="F11382" s="6" t="s">
        <v>18</v>
      </c>
      <c r="G11382" s="6" t="s">
        <v>21575</v>
      </c>
      <c r="H11382" s="6" t="s">
        <v>21576</v>
      </c>
      <c r="I11382" s="7">
        <v>7.0860132</v>
      </c>
      <c r="J11382" s="8">
        <v>-73.107052300000007</v>
      </c>
    </row>
    <row r="11383" spans="1:10" x14ac:dyDescent="0.35">
      <c r="A11383" s="5" t="s">
        <v>10</v>
      </c>
      <c r="B11383" s="6">
        <v>237565</v>
      </c>
      <c r="C11383" s="6" t="s">
        <v>16</v>
      </c>
      <c r="D11383" s="6" t="s">
        <v>78</v>
      </c>
      <c r="E11383" s="6">
        <v>68001</v>
      </c>
      <c r="F11383" s="6" t="s">
        <v>18</v>
      </c>
      <c r="G11383" s="6" t="s">
        <v>21577</v>
      </c>
      <c r="H11383" s="6" t="s">
        <v>21578</v>
      </c>
      <c r="I11383" s="7">
        <v>7.1232753999999998</v>
      </c>
      <c r="J11383" s="8">
        <v>-73.127494200000001</v>
      </c>
    </row>
    <row r="11384" spans="1:10" x14ac:dyDescent="0.35">
      <c r="A11384" s="5" t="s">
        <v>10</v>
      </c>
      <c r="B11384" s="6">
        <v>205816</v>
      </c>
      <c r="C11384" s="6" t="s">
        <v>16</v>
      </c>
      <c r="D11384" s="6" t="s">
        <v>78</v>
      </c>
      <c r="E11384" s="6">
        <v>68001</v>
      </c>
      <c r="F11384" s="6" t="s">
        <v>18</v>
      </c>
      <c r="G11384" s="6" t="s">
        <v>21579</v>
      </c>
      <c r="H11384" s="6" t="s">
        <v>21580</v>
      </c>
      <c r="I11384" s="7">
        <v>7.1125515999999998</v>
      </c>
      <c r="J11384" s="8">
        <v>-73.129071999999994</v>
      </c>
    </row>
    <row r="11385" spans="1:10" x14ac:dyDescent="0.35">
      <c r="A11385" s="5" t="s">
        <v>10</v>
      </c>
      <c r="B11385" s="6">
        <v>215219</v>
      </c>
      <c r="C11385" s="6" t="s">
        <v>16</v>
      </c>
      <c r="D11385" s="6" t="s">
        <v>2825</v>
      </c>
      <c r="E11385" s="6">
        <v>68276</v>
      </c>
      <c r="F11385" s="6" t="s">
        <v>18</v>
      </c>
      <c r="G11385" s="6" t="s">
        <v>21581</v>
      </c>
      <c r="H11385" s="6" t="s">
        <v>21582</v>
      </c>
      <c r="I11385" s="7">
        <v>7.0882114999999999</v>
      </c>
      <c r="J11385" s="8">
        <v>-73.095120499999993</v>
      </c>
    </row>
    <row r="11386" spans="1:10" x14ac:dyDescent="0.35">
      <c r="A11386" s="5" t="s">
        <v>10</v>
      </c>
      <c r="B11386" s="6">
        <v>230565</v>
      </c>
      <c r="C11386" s="6" t="s">
        <v>294</v>
      </c>
      <c r="D11386" s="6" t="s">
        <v>703</v>
      </c>
      <c r="E11386" s="6">
        <v>41001</v>
      </c>
      <c r="F11386" s="6" t="s">
        <v>18</v>
      </c>
      <c r="G11386" s="6" t="s">
        <v>21583</v>
      </c>
      <c r="H11386" s="6" t="s">
        <v>21584</v>
      </c>
      <c r="I11386" s="7">
        <v>2.9270423999999999</v>
      </c>
      <c r="J11386" s="8">
        <v>-75.268292599999995</v>
      </c>
    </row>
    <row r="11387" spans="1:10" x14ac:dyDescent="0.35">
      <c r="A11387" s="5" t="s">
        <v>10</v>
      </c>
      <c r="B11387" s="6">
        <v>213297</v>
      </c>
      <c r="C11387" s="6" t="s">
        <v>68</v>
      </c>
      <c r="D11387" s="6" t="s">
        <v>69</v>
      </c>
      <c r="E11387" s="6">
        <v>11001</v>
      </c>
      <c r="F11387" s="6" t="s">
        <v>18</v>
      </c>
      <c r="G11387" s="6" t="s">
        <v>21585</v>
      </c>
      <c r="H11387" s="6" t="s">
        <v>21586</v>
      </c>
      <c r="I11387" s="7">
        <v>4.5989613999999897</v>
      </c>
      <c r="J11387" s="8">
        <v>-74.109256799999997</v>
      </c>
    </row>
    <row r="11388" spans="1:10" x14ac:dyDescent="0.35">
      <c r="A11388" s="5" t="s">
        <v>10</v>
      </c>
      <c r="B11388" s="6">
        <v>213082</v>
      </c>
      <c r="C11388" s="6" t="s">
        <v>302</v>
      </c>
      <c r="D11388" s="6" t="s">
        <v>4041</v>
      </c>
      <c r="E11388" s="6">
        <v>8758</v>
      </c>
      <c r="F11388" s="6" t="s">
        <v>18</v>
      </c>
      <c r="G11388" s="6" t="s">
        <v>21587</v>
      </c>
      <c r="H11388" s="6" t="s">
        <v>21588</v>
      </c>
      <c r="I11388" s="7">
        <v>10.9196139</v>
      </c>
      <c r="J11388" s="8">
        <v>-74.811700500000001</v>
      </c>
    </row>
    <row r="11389" spans="1:10" x14ac:dyDescent="0.35">
      <c r="A11389" s="5" t="s">
        <v>10</v>
      </c>
      <c r="B11389" s="6">
        <v>236915</v>
      </c>
      <c r="C11389" s="6" t="s">
        <v>308</v>
      </c>
      <c r="D11389" s="6" t="s">
        <v>8102</v>
      </c>
      <c r="E11389" s="6">
        <v>23417</v>
      </c>
      <c r="F11389" s="6" t="s">
        <v>18</v>
      </c>
      <c r="G11389" s="6" t="s">
        <v>21589</v>
      </c>
      <c r="H11389" s="6" t="s">
        <v>21590</v>
      </c>
      <c r="I11389" s="7">
        <v>2.9123307999999999</v>
      </c>
      <c r="J11389" s="8">
        <v>-75.270948200000007</v>
      </c>
    </row>
    <row r="11390" spans="1:10" x14ac:dyDescent="0.35">
      <c r="A11390" s="5" t="s">
        <v>10</v>
      </c>
      <c r="B11390" s="6">
        <v>102628</v>
      </c>
      <c r="C11390" s="6" t="s">
        <v>11</v>
      </c>
      <c r="D11390" s="6" t="s">
        <v>6067</v>
      </c>
      <c r="E11390" s="6">
        <v>25288</v>
      </c>
      <c r="F11390" s="6" t="s">
        <v>18</v>
      </c>
      <c r="G11390" s="6" t="s">
        <v>21591</v>
      </c>
      <c r="H11390" s="6" t="s">
        <v>21592</v>
      </c>
      <c r="I11390" s="7">
        <v>4.8084771999999996</v>
      </c>
      <c r="J11390" s="8">
        <v>-74.3549431</v>
      </c>
    </row>
    <row r="11391" spans="1:10" x14ac:dyDescent="0.35">
      <c r="A11391" s="5" t="s">
        <v>10</v>
      </c>
      <c r="B11391" s="6">
        <v>144064</v>
      </c>
      <c r="C11391" s="6" t="s">
        <v>11</v>
      </c>
      <c r="D11391" s="6" t="s">
        <v>106</v>
      </c>
      <c r="E11391" s="6">
        <v>25843</v>
      </c>
      <c r="F11391" s="6" t="s">
        <v>18</v>
      </c>
      <c r="G11391" s="6" t="s">
        <v>8505</v>
      </c>
      <c r="H11391" s="6" t="s">
        <v>8506</v>
      </c>
      <c r="I11391" s="7">
        <v>5.3120240000000001</v>
      </c>
      <c r="J11391" s="8">
        <v>-73.818221999999906</v>
      </c>
    </row>
    <row r="11392" spans="1:10" x14ac:dyDescent="0.35">
      <c r="A11392" s="5" t="s">
        <v>10</v>
      </c>
      <c r="B11392" s="6">
        <v>204360</v>
      </c>
      <c r="C11392" s="6" t="s">
        <v>302</v>
      </c>
      <c r="D11392" s="6" t="s">
        <v>359</v>
      </c>
      <c r="E11392" s="6">
        <v>8001</v>
      </c>
      <c r="F11392" s="6" t="s">
        <v>18</v>
      </c>
      <c r="G11392" s="6" t="s">
        <v>9539</v>
      </c>
      <c r="H11392" s="6" t="s">
        <v>9540</v>
      </c>
      <c r="I11392" s="7">
        <v>10.9553227</v>
      </c>
      <c r="J11392" s="8">
        <v>-74.853991299999905</v>
      </c>
    </row>
    <row r="11393" spans="1:10" x14ac:dyDescent="0.35">
      <c r="A11393" s="5" t="s">
        <v>10</v>
      </c>
      <c r="B11393" s="6">
        <v>154377</v>
      </c>
      <c r="C11393" s="6" t="s">
        <v>3788</v>
      </c>
      <c r="D11393" s="6" t="s">
        <v>3974</v>
      </c>
      <c r="E11393" s="6">
        <v>18001</v>
      </c>
      <c r="F11393" s="6" t="s">
        <v>18</v>
      </c>
      <c r="G11393" s="6" t="s">
        <v>21593</v>
      </c>
      <c r="H11393" s="6" t="s">
        <v>21594</v>
      </c>
      <c r="I11393" s="7">
        <v>1.6087089000000001</v>
      </c>
      <c r="J11393" s="8">
        <v>-75.600707599999893</v>
      </c>
    </row>
    <row r="11394" spans="1:10" x14ac:dyDescent="0.35">
      <c r="A11394" s="5" t="s">
        <v>10</v>
      </c>
      <c r="B11394" s="6">
        <v>232415</v>
      </c>
      <c r="C11394" s="6" t="s">
        <v>294</v>
      </c>
      <c r="D11394" s="6" t="s">
        <v>5497</v>
      </c>
      <c r="E11394" s="6">
        <v>41013</v>
      </c>
      <c r="F11394" s="6" t="s">
        <v>18</v>
      </c>
      <c r="G11394" s="6" t="s">
        <v>21595</v>
      </c>
      <c r="H11394" s="6" t="s">
        <v>21596</v>
      </c>
      <c r="I11394" s="7">
        <v>2.9248116999999998</v>
      </c>
      <c r="J11394" s="8">
        <v>-75.288183399999994</v>
      </c>
    </row>
    <row r="11395" spans="1:10" x14ac:dyDescent="0.35">
      <c r="A11395" s="5" t="s">
        <v>10</v>
      </c>
      <c r="B11395" s="6">
        <v>211891</v>
      </c>
      <c r="C11395" s="6" t="s">
        <v>278</v>
      </c>
      <c r="D11395" s="6" t="s">
        <v>279</v>
      </c>
      <c r="E11395" s="6">
        <v>50001</v>
      </c>
      <c r="F11395" s="6" t="s">
        <v>18</v>
      </c>
      <c r="G11395" s="6" t="s">
        <v>7737</v>
      </c>
      <c r="H11395" s="6" t="s">
        <v>7738</v>
      </c>
      <c r="I11395" s="7">
        <v>4.0899469000000002</v>
      </c>
      <c r="J11395" s="8">
        <v>-73.666435699999994</v>
      </c>
    </row>
    <row r="11396" spans="1:10" x14ac:dyDescent="0.35">
      <c r="A11396" s="5" t="s">
        <v>10</v>
      </c>
      <c r="B11396" s="6">
        <v>161078</v>
      </c>
      <c r="C11396" s="6" t="s">
        <v>68</v>
      </c>
      <c r="D11396" s="6" t="s">
        <v>69</v>
      </c>
      <c r="E11396" s="6">
        <v>11001</v>
      </c>
      <c r="F11396" s="6" t="s">
        <v>18</v>
      </c>
      <c r="G11396" s="6" t="s">
        <v>9783</v>
      </c>
      <c r="H11396" s="6" t="s">
        <v>9784</v>
      </c>
      <c r="I11396" s="7">
        <v>4.7363577000000001</v>
      </c>
      <c r="J11396" s="8">
        <v>-74.029493500000001</v>
      </c>
    </row>
    <row r="11397" spans="1:10" x14ac:dyDescent="0.35">
      <c r="A11397" s="5" t="s">
        <v>10</v>
      </c>
      <c r="B11397" s="6">
        <v>242981</v>
      </c>
      <c r="C11397" s="6" t="s">
        <v>16</v>
      </c>
      <c r="D11397" s="6" t="s">
        <v>21187</v>
      </c>
      <c r="E11397" s="6">
        <v>68152</v>
      </c>
      <c r="F11397" s="6" t="s">
        <v>18</v>
      </c>
      <c r="G11397" s="6" t="s">
        <v>21597</v>
      </c>
      <c r="H11397" s="6" t="s">
        <v>21598</v>
      </c>
      <c r="I11397" s="7">
        <v>6.6271576000000003</v>
      </c>
      <c r="J11397" s="8">
        <v>-72.626420199999998</v>
      </c>
    </row>
    <row r="11398" spans="1:10" x14ac:dyDescent="0.35">
      <c r="A11398" s="5" t="s">
        <v>10</v>
      </c>
      <c r="B11398" s="6">
        <v>202863</v>
      </c>
      <c r="C11398" s="6" t="s">
        <v>16</v>
      </c>
      <c r="D11398" s="6" t="s">
        <v>78</v>
      </c>
      <c r="E11398" s="6">
        <v>68001</v>
      </c>
      <c r="F11398" s="6" t="s">
        <v>18</v>
      </c>
      <c r="G11398" s="6" t="s">
        <v>8949</v>
      </c>
      <c r="H11398" s="6" t="s">
        <v>8950</v>
      </c>
      <c r="I11398" s="7">
        <v>7.1303049999999999</v>
      </c>
      <c r="J11398" s="8">
        <v>-73.123183799999893</v>
      </c>
    </row>
    <row r="11399" spans="1:10" x14ac:dyDescent="0.35">
      <c r="A11399" s="5" t="s">
        <v>10</v>
      </c>
      <c r="B11399" s="6">
        <v>188765</v>
      </c>
      <c r="C11399" s="6" t="s">
        <v>3788</v>
      </c>
      <c r="D11399" s="6" t="s">
        <v>3974</v>
      </c>
      <c r="E11399" s="6">
        <v>18001</v>
      </c>
      <c r="F11399" s="6" t="s">
        <v>18</v>
      </c>
      <c r="G11399" s="6" t="s">
        <v>10669</v>
      </c>
      <c r="H11399" s="6" t="s">
        <v>10670</v>
      </c>
      <c r="I11399" s="7">
        <v>1.6153858000000001</v>
      </c>
      <c r="J11399" s="8">
        <v>-75.604236399999905</v>
      </c>
    </row>
    <row r="11400" spans="1:10" x14ac:dyDescent="0.35">
      <c r="A11400" s="5" t="s">
        <v>10</v>
      </c>
      <c r="B11400" s="6">
        <v>232916</v>
      </c>
      <c r="C11400" s="6" t="s">
        <v>68</v>
      </c>
      <c r="D11400" s="6" t="s">
        <v>69</v>
      </c>
      <c r="E11400" s="6">
        <v>11001</v>
      </c>
      <c r="F11400" s="6" t="s">
        <v>18</v>
      </c>
      <c r="G11400" s="6" t="s">
        <v>21599</v>
      </c>
      <c r="H11400" s="6" t="s">
        <v>21600</v>
      </c>
      <c r="I11400" s="7">
        <v>4.5596500000000004</v>
      </c>
      <c r="J11400" s="8">
        <v>-74.096720000000005</v>
      </c>
    </row>
    <row r="11401" spans="1:10" x14ac:dyDescent="0.35">
      <c r="A11401" s="5" t="s">
        <v>10</v>
      </c>
      <c r="B11401" s="6">
        <v>236139</v>
      </c>
      <c r="C11401" s="6" t="s">
        <v>308</v>
      </c>
      <c r="D11401" s="6" t="s">
        <v>10782</v>
      </c>
      <c r="E11401" s="6">
        <v>23570</v>
      </c>
      <c r="F11401" s="6" t="s">
        <v>18</v>
      </c>
      <c r="G11401" s="6" t="s">
        <v>21601</v>
      </c>
      <c r="H11401" s="6" t="s">
        <v>21602</v>
      </c>
      <c r="I11401" s="7">
        <v>8.5062026999999993</v>
      </c>
      <c r="J11401" s="8">
        <v>-75.507858400000003</v>
      </c>
    </row>
    <row r="11402" spans="1:10" x14ac:dyDescent="0.35">
      <c r="A11402" s="5" t="s">
        <v>10</v>
      </c>
      <c r="B11402" s="6">
        <v>246924</v>
      </c>
      <c r="C11402" s="6" t="s">
        <v>2821</v>
      </c>
      <c r="D11402" s="6" t="s">
        <v>8204</v>
      </c>
      <c r="E11402" s="6">
        <v>47053</v>
      </c>
      <c r="F11402" s="6" t="s">
        <v>18</v>
      </c>
      <c r="G11402" s="6" t="s">
        <v>21603</v>
      </c>
      <c r="H11402" s="6" t="s">
        <v>21604</v>
      </c>
      <c r="I11402" s="7">
        <v>10.593610999999999</v>
      </c>
      <c r="J11402" s="8">
        <v>-74.193956200000002</v>
      </c>
    </row>
    <row r="11403" spans="1:10" x14ac:dyDescent="0.35">
      <c r="A11403" s="5" t="s">
        <v>10</v>
      </c>
      <c r="B11403" s="6">
        <v>235975</v>
      </c>
      <c r="C11403" s="6" t="s">
        <v>16</v>
      </c>
      <c r="D11403" s="6" t="s">
        <v>1401</v>
      </c>
      <c r="E11403" s="6">
        <v>68307</v>
      </c>
      <c r="F11403" s="6" t="s">
        <v>18</v>
      </c>
      <c r="G11403" s="6" t="s">
        <v>21605</v>
      </c>
      <c r="H11403" s="6" t="s">
        <v>21606</v>
      </c>
      <c r="I11403" s="7">
        <v>7.0726344999999897</v>
      </c>
      <c r="J11403" s="8">
        <v>-73.168019999999999</v>
      </c>
    </row>
    <row r="11404" spans="1:10" x14ac:dyDescent="0.35">
      <c r="A11404" s="5" t="s">
        <v>10</v>
      </c>
      <c r="B11404" s="6">
        <v>226846</v>
      </c>
      <c r="C11404" s="6" t="s">
        <v>16</v>
      </c>
      <c r="D11404" s="6" t="s">
        <v>2825</v>
      </c>
      <c r="E11404" s="6">
        <v>68276</v>
      </c>
      <c r="F11404" s="6" t="s">
        <v>18</v>
      </c>
      <c r="G11404" s="6" t="s">
        <v>21607</v>
      </c>
      <c r="H11404" s="6" t="s">
        <v>21608</v>
      </c>
      <c r="I11404" s="7">
        <v>7.0776626999999896</v>
      </c>
      <c r="J11404" s="8">
        <v>-73.098253999999997</v>
      </c>
    </row>
    <row r="11405" spans="1:10" x14ac:dyDescent="0.35">
      <c r="A11405" s="5" t="s">
        <v>10</v>
      </c>
      <c r="B11405" s="6">
        <v>235396</v>
      </c>
      <c r="C11405" s="6" t="s">
        <v>4364</v>
      </c>
      <c r="D11405" s="6" t="s">
        <v>4365</v>
      </c>
      <c r="E11405" s="6">
        <v>70001</v>
      </c>
      <c r="F11405" s="6" t="s">
        <v>18</v>
      </c>
      <c r="G11405" s="6" t="s">
        <v>21609</v>
      </c>
      <c r="H11405" s="6" t="s">
        <v>21610</v>
      </c>
      <c r="I11405" s="7">
        <v>9.2939139999999991</v>
      </c>
      <c r="J11405" s="8">
        <v>-75.403288900000007</v>
      </c>
    </row>
    <row r="11406" spans="1:10" x14ac:dyDescent="0.35">
      <c r="A11406" s="5" t="s">
        <v>10</v>
      </c>
      <c r="B11406" s="6">
        <v>243762</v>
      </c>
      <c r="C11406" s="6" t="s">
        <v>38</v>
      </c>
      <c r="D11406" s="6" t="s">
        <v>13809</v>
      </c>
      <c r="E11406" s="6">
        <v>19418</v>
      </c>
      <c r="F11406" s="6" t="s">
        <v>18</v>
      </c>
      <c r="G11406" s="6" t="s">
        <v>21611</v>
      </c>
      <c r="H11406" s="6" t="s">
        <v>21612</v>
      </c>
      <c r="I11406" s="7">
        <v>2.8458038999999999</v>
      </c>
      <c r="J11406" s="8">
        <v>-77.248039000000006</v>
      </c>
    </row>
    <row r="11407" spans="1:10" x14ac:dyDescent="0.35">
      <c r="A11407" s="5" t="s">
        <v>10</v>
      </c>
      <c r="B11407" s="6">
        <v>179954</v>
      </c>
      <c r="C11407" s="6" t="s">
        <v>3788</v>
      </c>
      <c r="D11407" s="6" t="s">
        <v>3974</v>
      </c>
      <c r="E11407" s="6">
        <v>18001</v>
      </c>
      <c r="F11407" s="6" t="s">
        <v>18</v>
      </c>
      <c r="G11407" s="6" t="s">
        <v>21613</v>
      </c>
      <c r="H11407" s="6" t="s">
        <v>21614</v>
      </c>
      <c r="I11407" s="7">
        <v>1.6336929</v>
      </c>
      <c r="J11407" s="8">
        <v>-75.603644599999996</v>
      </c>
    </row>
    <row r="11408" spans="1:10" x14ac:dyDescent="0.35">
      <c r="A11408" s="5" t="s">
        <v>10</v>
      </c>
      <c r="B11408" s="6">
        <v>238661</v>
      </c>
      <c r="C11408" s="6" t="s">
        <v>294</v>
      </c>
      <c r="D11408" s="6" t="s">
        <v>703</v>
      </c>
      <c r="E11408" s="6">
        <v>41001</v>
      </c>
      <c r="F11408" s="6" t="s">
        <v>18</v>
      </c>
      <c r="G11408" s="6" t="s">
        <v>21615</v>
      </c>
      <c r="H11408" s="6" t="s">
        <v>21616</v>
      </c>
      <c r="I11408" s="7">
        <v>2.9229826000000001</v>
      </c>
      <c r="J11408" s="8">
        <v>-75.2829835</v>
      </c>
    </row>
    <row r="11409" spans="1:10" x14ac:dyDescent="0.35">
      <c r="A11409" s="5" t="s">
        <v>10</v>
      </c>
      <c r="B11409" s="6">
        <v>220850</v>
      </c>
      <c r="C11409" s="6" t="s">
        <v>16</v>
      </c>
      <c r="D11409" s="6" t="s">
        <v>78</v>
      </c>
      <c r="E11409" s="6">
        <v>68001</v>
      </c>
      <c r="F11409" s="6" t="s">
        <v>18</v>
      </c>
      <c r="G11409" s="6" t="s">
        <v>21617</v>
      </c>
      <c r="H11409" s="6" t="s">
        <v>21618</v>
      </c>
      <c r="I11409" s="7">
        <v>7.1154691000000003</v>
      </c>
      <c r="J11409" s="8">
        <v>-73.109841599999996</v>
      </c>
    </row>
    <row r="11410" spans="1:10" x14ac:dyDescent="0.35">
      <c r="A11410" s="5" t="s">
        <v>10</v>
      </c>
      <c r="B11410" s="6">
        <v>245705</v>
      </c>
      <c r="C11410" s="6" t="s">
        <v>61</v>
      </c>
      <c r="D11410" s="6" t="s">
        <v>7726</v>
      </c>
      <c r="E11410" s="6">
        <v>63272</v>
      </c>
      <c r="F11410" s="6" t="s">
        <v>18</v>
      </c>
      <c r="G11410" s="6" t="s">
        <v>21619</v>
      </c>
      <c r="H11410" s="6" t="s">
        <v>21620</v>
      </c>
      <c r="I11410" s="7">
        <v>4.6750718000000004</v>
      </c>
      <c r="J11410" s="8">
        <v>-75.658527699999993</v>
      </c>
    </row>
    <row r="11411" spans="1:10" x14ac:dyDescent="0.35">
      <c r="A11411" s="5" t="s">
        <v>10</v>
      </c>
      <c r="B11411" s="6">
        <v>239948</v>
      </c>
      <c r="C11411" s="6" t="s">
        <v>2821</v>
      </c>
      <c r="D11411" s="6" t="s">
        <v>3692</v>
      </c>
      <c r="E11411" s="6">
        <v>47288</v>
      </c>
      <c r="F11411" s="6" t="s">
        <v>18</v>
      </c>
      <c r="G11411" s="6" t="s">
        <v>21621</v>
      </c>
      <c r="H11411" s="6" t="s">
        <v>21622</v>
      </c>
      <c r="I11411" s="7">
        <v>10.523324799999999</v>
      </c>
      <c r="J11411" s="8">
        <v>-74.189691600000003</v>
      </c>
    </row>
    <row r="11412" spans="1:10" x14ac:dyDescent="0.35">
      <c r="A11412" s="5" t="s">
        <v>10</v>
      </c>
      <c r="B11412" s="6">
        <v>239983</v>
      </c>
      <c r="C11412" s="6" t="s">
        <v>302</v>
      </c>
      <c r="D11412" s="6" t="s">
        <v>359</v>
      </c>
      <c r="E11412" s="6">
        <v>8001</v>
      </c>
      <c r="F11412" s="6" t="s">
        <v>18</v>
      </c>
      <c r="G11412" s="6" t="s">
        <v>21623</v>
      </c>
      <c r="H11412" s="6" t="s">
        <v>21624</v>
      </c>
      <c r="I11412" s="7">
        <v>10.947968599999999</v>
      </c>
      <c r="J11412" s="8">
        <v>-74.792600500000006</v>
      </c>
    </row>
    <row r="11413" spans="1:10" x14ac:dyDescent="0.35">
      <c r="A11413" s="5" t="s">
        <v>10</v>
      </c>
      <c r="B11413" s="6">
        <v>167594</v>
      </c>
      <c r="C11413" s="6" t="s">
        <v>302</v>
      </c>
      <c r="D11413" s="6" t="s">
        <v>7833</v>
      </c>
      <c r="E11413" s="6">
        <v>8685</v>
      </c>
      <c r="F11413" s="6" t="s">
        <v>18</v>
      </c>
      <c r="G11413" s="6" t="s">
        <v>7834</v>
      </c>
      <c r="H11413" s="6" t="s">
        <v>7835</v>
      </c>
      <c r="I11413" s="7">
        <v>10.762972299999999</v>
      </c>
      <c r="J11413" s="8">
        <v>-74.755960999999999</v>
      </c>
    </row>
    <row r="11414" spans="1:10" x14ac:dyDescent="0.35">
      <c r="A11414" s="5" t="s">
        <v>10</v>
      </c>
      <c r="B11414" s="6">
        <v>219076</v>
      </c>
      <c r="C11414" s="6" t="s">
        <v>38</v>
      </c>
      <c r="D11414" s="6" t="s">
        <v>9498</v>
      </c>
      <c r="E11414" s="6">
        <v>19548</v>
      </c>
      <c r="F11414" s="6" t="s">
        <v>18</v>
      </c>
      <c r="G11414" s="6" t="s">
        <v>9499</v>
      </c>
      <c r="H11414" s="6" t="s">
        <v>9500</v>
      </c>
      <c r="I11414" s="7">
        <v>2.6434438999999998</v>
      </c>
      <c r="J11414" s="8">
        <v>-76.533071399999997</v>
      </c>
    </row>
    <row r="11415" spans="1:10" x14ac:dyDescent="0.35">
      <c r="A11415" s="5" t="s">
        <v>10</v>
      </c>
      <c r="B11415" s="6">
        <v>244474</v>
      </c>
      <c r="C11415" s="6" t="s">
        <v>38</v>
      </c>
      <c r="D11415" s="6" t="s">
        <v>39</v>
      </c>
      <c r="E11415" s="6">
        <v>19001</v>
      </c>
      <c r="F11415" s="6" t="s">
        <v>18</v>
      </c>
      <c r="G11415" s="6" t="s">
        <v>21625</v>
      </c>
      <c r="H11415" s="6" t="s">
        <v>21626</v>
      </c>
      <c r="I11415" s="7">
        <v>2.4819892000000001</v>
      </c>
      <c r="J11415" s="8">
        <v>-76.575729999999993</v>
      </c>
    </row>
    <row r="11416" spans="1:10" x14ac:dyDescent="0.35">
      <c r="A11416" s="5" t="s">
        <v>10</v>
      </c>
      <c r="B11416" s="6">
        <v>237343</v>
      </c>
      <c r="C11416" s="6" t="s">
        <v>16</v>
      </c>
      <c r="D11416" s="6" t="s">
        <v>521</v>
      </c>
      <c r="E11416" s="6">
        <v>68861</v>
      </c>
      <c r="F11416" s="6" t="s">
        <v>18</v>
      </c>
      <c r="G11416" s="6" t="s">
        <v>21627</v>
      </c>
      <c r="H11416" s="6" t="s">
        <v>21628</v>
      </c>
      <c r="I11416" s="7">
        <v>6.0133314000000002</v>
      </c>
      <c r="J11416" s="8">
        <v>-73.671834399999995</v>
      </c>
    </row>
    <row r="11417" spans="1:10" x14ac:dyDescent="0.35">
      <c r="A11417" s="5" t="s">
        <v>10</v>
      </c>
      <c r="B11417" s="6">
        <v>232197</v>
      </c>
      <c r="C11417" s="6" t="s">
        <v>16</v>
      </c>
      <c r="D11417" s="6" t="s">
        <v>1401</v>
      </c>
      <c r="E11417" s="6">
        <v>68307</v>
      </c>
      <c r="F11417" s="6" t="s">
        <v>18</v>
      </c>
      <c r="G11417" s="6" t="s">
        <v>21629</v>
      </c>
      <c r="H11417" s="6" t="s">
        <v>21630</v>
      </c>
      <c r="I11417" s="7">
        <v>7.0731459000000001</v>
      </c>
      <c r="J11417" s="8">
        <v>-73.163519300000004</v>
      </c>
    </row>
    <row r="11418" spans="1:10" x14ac:dyDescent="0.35">
      <c r="A11418" s="5" t="s">
        <v>10</v>
      </c>
      <c r="B11418" s="6">
        <v>246826</v>
      </c>
      <c r="C11418" s="6" t="s">
        <v>42</v>
      </c>
      <c r="D11418" s="6" t="s">
        <v>1973</v>
      </c>
      <c r="E11418" s="6">
        <v>17662</v>
      </c>
      <c r="F11418" s="6" t="s">
        <v>18</v>
      </c>
      <c r="G11418" s="6" t="s">
        <v>21631</v>
      </c>
      <c r="H11418" s="6" t="s">
        <v>21632</v>
      </c>
      <c r="I11418" s="7">
        <v>5.4132654000000002</v>
      </c>
      <c r="J11418" s="8">
        <v>-74.992694299999997</v>
      </c>
    </row>
    <row r="11419" spans="1:10" x14ac:dyDescent="0.35">
      <c r="A11419" s="5" t="s">
        <v>10</v>
      </c>
      <c r="B11419" s="6">
        <v>171841</v>
      </c>
      <c r="C11419" s="6" t="s">
        <v>3788</v>
      </c>
      <c r="D11419" s="6" t="s">
        <v>6771</v>
      </c>
      <c r="E11419" s="6">
        <v>18753</v>
      </c>
      <c r="F11419" s="6" t="s">
        <v>18</v>
      </c>
      <c r="G11419" s="6" t="s">
        <v>1945</v>
      </c>
      <c r="H11419" s="6" t="s">
        <v>21633</v>
      </c>
      <c r="I11419" s="7">
        <v>2.1136446000000002</v>
      </c>
      <c r="J11419" s="8">
        <v>-74.773205599999997</v>
      </c>
    </row>
    <row r="11420" spans="1:10" x14ac:dyDescent="0.35">
      <c r="A11420" s="5" t="s">
        <v>10</v>
      </c>
      <c r="B11420" s="6">
        <v>235021</v>
      </c>
      <c r="C11420" s="6" t="s">
        <v>68</v>
      </c>
      <c r="D11420" s="6" t="s">
        <v>69</v>
      </c>
      <c r="E11420" s="6">
        <v>11001</v>
      </c>
      <c r="F11420" s="6" t="s">
        <v>18</v>
      </c>
      <c r="G11420" s="6" t="s">
        <v>21634</v>
      </c>
      <c r="H11420" s="6" t="s">
        <v>21635</v>
      </c>
      <c r="I11420" s="7">
        <v>4.6099373999999997</v>
      </c>
      <c r="J11420" s="8">
        <v>-74.199652200000003</v>
      </c>
    </row>
    <row r="11421" spans="1:10" x14ac:dyDescent="0.35">
      <c r="A11421" s="5" t="s">
        <v>10</v>
      </c>
      <c r="B11421" s="6">
        <v>231745</v>
      </c>
      <c r="C11421" s="6" t="s">
        <v>4364</v>
      </c>
      <c r="D11421" s="6" t="s">
        <v>13121</v>
      </c>
      <c r="E11421" s="6">
        <v>70124</v>
      </c>
      <c r="F11421" s="6" t="s">
        <v>18</v>
      </c>
      <c r="G11421" s="6" t="s">
        <v>21636</v>
      </c>
      <c r="H11421" s="6" t="s">
        <v>21637</v>
      </c>
      <c r="I11421" s="7">
        <v>8.7906688000000006</v>
      </c>
      <c r="J11421" s="8">
        <v>-75.117151800000002</v>
      </c>
    </row>
    <row r="11422" spans="1:10" x14ac:dyDescent="0.35">
      <c r="A11422" s="5" t="s">
        <v>10</v>
      </c>
      <c r="B11422" s="6">
        <v>236350</v>
      </c>
      <c r="C11422" s="6" t="s">
        <v>117</v>
      </c>
      <c r="D11422" s="6" t="s">
        <v>4931</v>
      </c>
      <c r="E11422" s="6">
        <v>76892</v>
      </c>
      <c r="F11422" s="6" t="s">
        <v>18</v>
      </c>
      <c r="G11422" s="6" t="s">
        <v>21638</v>
      </c>
      <c r="H11422" s="6" t="s">
        <v>21639</v>
      </c>
      <c r="I11422" s="7">
        <v>3.5706101000000001</v>
      </c>
      <c r="J11422" s="8">
        <v>-76.497224399999993</v>
      </c>
    </row>
    <row r="11423" spans="1:10" x14ac:dyDescent="0.35">
      <c r="A11423" s="5" t="s">
        <v>10</v>
      </c>
      <c r="B11423" s="6">
        <v>234384</v>
      </c>
      <c r="C11423" s="6" t="s">
        <v>68</v>
      </c>
      <c r="D11423" s="6" t="s">
        <v>69</v>
      </c>
      <c r="E11423" s="6">
        <v>11001</v>
      </c>
      <c r="F11423" s="6" t="s">
        <v>18</v>
      </c>
      <c r="G11423" s="6" t="s">
        <v>21640</v>
      </c>
      <c r="H11423" s="6" t="s">
        <v>21641</v>
      </c>
      <c r="I11423" s="7">
        <v>4.6319482000000001</v>
      </c>
      <c r="J11423" s="8">
        <v>-74.168754500000006</v>
      </c>
    </row>
    <row r="11424" spans="1:10" x14ac:dyDescent="0.35">
      <c r="A11424" s="5" t="s">
        <v>10</v>
      </c>
      <c r="B11424" s="6">
        <v>236107</v>
      </c>
      <c r="C11424" s="6" t="s">
        <v>42</v>
      </c>
      <c r="D11424" s="6" t="s">
        <v>396</v>
      </c>
      <c r="E11424" s="6">
        <v>17380</v>
      </c>
      <c r="F11424" s="6" t="s">
        <v>18</v>
      </c>
      <c r="G11424" s="6" t="s">
        <v>21642</v>
      </c>
      <c r="H11424" s="6" t="s">
        <v>21643</v>
      </c>
      <c r="I11424" s="7">
        <v>5.472709</v>
      </c>
      <c r="J11424" s="8">
        <v>-74.667983999999905</v>
      </c>
    </row>
    <row r="11425" spans="1:10" x14ac:dyDescent="0.35">
      <c r="A11425" s="5" t="s">
        <v>10</v>
      </c>
      <c r="B11425" s="6">
        <v>214465</v>
      </c>
      <c r="C11425" s="6" t="s">
        <v>294</v>
      </c>
      <c r="D11425" s="6" t="s">
        <v>703</v>
      </c>
      <c r="E11425" s="6">
        <v>41001</v>
      </c>
      <c r="F11425" s="6" t="s">
        <v>18</v>
      </c>
      <c r="G11425" s="6" t="s">
        <v>21644</v>
      </c>
      <c r="H11425" s="6" t="s">
        <v>21645</v>
      </c>
      <c r="I11425" s="7">
        <v>2.9564824000000001</v>
      </c>
      <c r="J11425" s="8">
        <v>-75.282894799999994</v>
      </c>
    </row>
    <row r="11426" spans="1:10" x14ac:dyDescent="0.35">
      <c r="A11426" s="5" t="s">
        <v>10</v>
      </c>
      <c r="B11426" s="6">
        <v>155476</v>
      </c>
      <c r="C11426" s="6" t="s">
        <v>11</v>
      </c>
      <c r="D11426" s="6" t="s">
        <v>5259</v>
      </c>
      <c r="E11426" s="6">
        <v>25320</v>
      </c>
      <c r="F11426" s="6" t="s">
        <v>18</v>
      </c>
      <c r="G11426" s="6" t="s">
        <v>9305</v>
      </c>
      <c r="H11426" s="6" t="s">
        <v>9306</v>
      </c>
      <c r="I11426" s="7">
        <v>4.5725460999999896</v>
      </c>
      <c r="J11426" s="8">
        <v>-74.225797700000001</v>
      </c>
    </row>
    <row r="11427" spans="1:10" x14ac:dyDescent="0.35">
      <c r="A11427" s="5" t="s">
        <v>10</v>
      </c>
      <c r="B11427" s="6">
        <v>190400</v>
      </c>
      <c r="C11427" s="6" t="s">
        <v>11</v>
      </c>
      <c r="D11427" s="6" t="s">
        <v>337</v>
      </c>
      <c r="E11427" s="6">
        <v>25290</v>
      </c>
      <c r="F11427" s="6" t="s">
        <v>18</v>
      </c>
      <c r="G11427" s="6" t="s">
        <v>21646</v>
      </c>
      <c r="H11427" s="6" t="s">
        <v>21647</v>
      </c>
      <c r="I11427" s="7">
        <v>4.3451519999999997</v>
      </c>
      <c r="J11427" s="8">
        <v>-74.361823000000001</v>
      </c>
    </row>
    <row r="11428" spans="1:10" x14ac:dyDescent="0.35">
      <c r="A11428" s="5" t="s">
        <v>10</v>
      </c>
      <c r="B11428" s="6">
        <v>245285</v>
      </c>
      <c r="C11428" s="6" t="s">
        <v>38</v>
      </c>
      <c r="D11428" s="6" t="s">
        <v>10734</v>
      </c>
      <c r="E11428" s="6">
        <v>19532</v>
      </c>
      <c r="F11428" s="6" t="s">
        <v>18</v>
      </c>
      <c r="G11428" s="6" t="s">
        <v>21648</v>
      </c>
      <c r="H11428" s="6" t="s">
        <v>21649</v>
      </c>
      <c r="I11428" s="7">
        <v>2.1115699000000001</v>
      </c>
      <c r="J11428" s="8">
        <v>-76.984645999999998</v>
      </c>
    </row>
    <row r="11429" spans="1:10" x14ac:dyDescent="0.35">
      <c r="A11429" s="5" t="s">
        <v>10</v>
      </c>
      <c r="B11429" s="6">
        <v>153382</v>
      </c>
      <c r="C11429" s="6" t="s">
        <v>3788</v>
      </c>
      <c r="D11429" s="6" t="s">
        <v>3974</v>
      </c>
      <c r="E11429" s="6">
        <v>18001</v>
      </c>
      <c r="F11429" s="6" t="s">
        <v>18</v>
      </c>
      <c r="G11429" s="6" t="s">
        <v>21650</v>
      </c>
      <c r="H11429" s="6" t="s">
        <v>21651</v>
      </c>
      <c r="I11429" s="7">
        <v>1.5997526</v>
      </c>
      <c r="J11429" s="8">
        <v>-75.598805400000003</v>
      </c>
    </row>
    <row r="11430" spans="1:10" x14ac:dyDescent="0.35">
      <c r="A11430" s="5" t="s">
        <v>10</v>
      </c>
      <c r="B11430" s="6">
        <v>232918</v>
      </c>
      <c r="C11430" s="6" t="s">
        <v>68</v>
      </c>
      <c r="D11430" s="6" t="s">
        <v>69</v>
      </c>
      <c r="E11430" s="6">
        <v>11001</v>
      </c>
      <c r="F11430" s="6" t="s">
        <v>18</v>
      </c>
      <c r="G11430" s="6" t="s">
        <v>21652</v>
      </c>
      <c r="H11430" s="6" t="s">
        <v>21653</v>
      </c>
      <c r="I11430" s="7">
        <v>4.6115000000000004</v>
      </c>
      <c r="J11430" s="8">
        <v>-74.11403</v>
      </c>
    </row>
    <row r="11431" spans="1:10" x14ac:dyDescent="0.35">
      <c r="A11431" s="5" t="s">
        <v>10</v>
      </c>
      <c r="B11431" s="6">
        <v>140515</v>
      </c>
      <c r="C11431" s="6" t="s">
        <v>68</v>
      </c>
      <c r="D11431" s="6" t="s">
        <v>69</v>
      </c>
      <c r="E11431" s="6">
        <v>11001</v>
      </c>
      <c r="F11431" s="6" t="s">
        <v>18</v>
      </c>
      <c r="G11431" s="6" t="s">
        <v>21654</v>
      </c>
      <c r="H11431" s="6" t="s">
        <v>21655</v>
      </c>
      <c r="I11431" s="7">
        <v>4.5107635999999998</v>
      </c>
      <c r="J11431" s="8">
        <v>-74.113419800000003</v>
      </c>
    </row>
    <row r="11432" spans="1:10" x14ac:dyDescent="0.35">
      <c r="A11432" s="5" t="s">
        <v>10</v>
      </c>
      <c r="B11432" s="6">
        <v>244689</v>
      </c>
      <c r="C11432" s="6" t="s">
        <v>16</v>
      </c>
      <c r="D11432" s="6" t="s">
        <v>1266</v>
      </c>
      <c r="E11432" s="6">
        <v>68081</v>
      </c>
      <c r="F11432" s="6" t="s">
        <v>18</v>
      </c>
      <c r="G11432" s="6" t="s">
        <v>21656</v>
      </c>
      <c r="H11432" s="6" t="s">
        <v>21657</v>
      </c>
      <c r="I11432" s="7">
        <v>7.0422190000000002</v>
      </c>
      <c r="J11432" s="8">
        <v>-73.839637699999997</v>
      </c>
    </row>
    <row r="11433" spans="1:10" x14ac:dyDescent="0.35">
      <c r="A11433" s="5" t="s">
        <v>10</v>
      </c>
      <c r="B11433" s="6">
        <v>154262</v>
      </c>
      <c r="C11433" s="6" t="s">
        <v>3788</v>
      </c>
      <c r="D11433" s="6" t="s">
        <v>3974</v>
      </c>
      <c r="E11433" s="6">
        <v>18001</v>
      </c>
      <c r="F11433" s="6" t="s">
        <v>18</v>
      </c>
      <c r="G11433" s="6" t="s">
        <v>9120</v>
      </c>
      <c r="H11433" s="6" t="s">
        <v>9121</v>
      </c>
      <c r="I11433" s="7">
        <v>1.6227847</v>
      </c>
      <c r="J11433" s="8">
        <v>-75.612799899999999</v>
      </c>
    </row>
    <row r="11434" spans="1:10" x14ac:dyDescent="0.35">
      <c r="A11434" s="5" t="s">
        <v>10</v>
      </c>
      <c r="B11434" s="6">
        <v>188765</v>
      </c>
      <c r="C11434" s="6" t="s">
        <v>3788</v>
      </c>
      <c r="D11434" s="6" t="s">
        <v>3974</v>
      </c>
      <c r="E11434" s="6">
        <v>18001</v>
      </c>
      <c r="F11434" s="6" t="s">
        <v>18</v>
      </c>
      <c r="G11434" s="6" t="s">
        <v>10669</v>
      </c>
      <c r="H11434" s="6" t="s">
        <v>10670</v>
      </c>
      <c r="I11434" s="7">
        <v>1.6153858000000001</v>
      </c>
      <c r="J11434" s="8">
        <v>-75.604236399999905</v>
      </c>
    </row>
    <row r="11435" spans="1:10" x14ac:dyDescent="0.35">
      <c r="A11435" s="5" t="s">
        <v>10</v>
      </c>
      <c r="B11435" s="6">
        <v>235797</v>
      </c>
      <c r="C11435" s="6" t="s">
        <v>55</v>
      </c>
      <c r="D11435" s="6" t="s">
        <v>56</v>
      </c>
      <c r="E11435" s="6">
        <v>73001</v>
      </c>
      <c r="F11435" s="6" t="s">
        <v>18</v>
      </c>
      <c r="G11435" s="6" t="s">
        <v>21658</v>
      </c>
      <c r="H11435" s="6" t="s">
        <v>21659</v>
      </c>
      <c r="I11435" s="7">
        <v>4.4403547000000003</v>
      </c>
      <c r="J11435" s="8">
        <v>-75.211157999999998</v>
      </c>
    </row>
    <row r="11436" spans="1:10" x14ac:dyDescent="0.35">
      <c r="A11436" s="5" t="s">
        <v>10</v>
      </c>
      <c r="B11436" s="6">
        <v>241510</v>
      </c>
      <c r="C11436" s="6" t="s">
        <v>302</v>
      </c>
      <c r="D11436" s="6" t="s">
        <v>359</v>
      </c>
      <c r="E11436" s="6">
        <v>8001</v>
      </c>
      <c r="F11436" s="6" t="s">
        <v>18</v>
      </c>
      <c r="G11436" s="6" t="s">
        <v>21660</v>
      </c>
      <c r="H11436" s="6" t="s">
        <v>21661</v>
      </c>
      <c r="I11436" s="7">
        <v>10.9929661</v>
      </c>
      <c r="J11436" s="8">
        <v>-74.786889700000003</v>
      </c>
    </row>
    <row r="11437" spans="1:10" x14ac:dyDescent="0.35">
      <c r="A11437" s="5" t="s">
        <v>10</v>
      </c>
      <c r="B11437" s="6">
        <v>197532</v>
      </c>
      <c r="C11437" s="6" t="s">
        <v>302</v>
      </c>
      <c r="D11437" s="6" t="s">
        <v>4041</v>
      </c>
      <c r="E11437" s="6">
        <v>8758</v>
      </c>
      <c r="F11437" s="6" t="s">
        <v>18</v>
      </c>
      <c r="G11437" s="6" t="s">
        <v>21662</v>
      </c>
      <c r="H11437" s="6" t="s">
        <v>21663</v>
      </c>
      <c r="I11437" s="7">
        <v>10.9386186</v>
      </c>
      <c r="J11437" s="8">
        <v>-74.776303200000001</v>
      </c>
    </row>
    <row r="11438" spans="1:10" x14ac:dyDescent="0.35">
      <c r="A11438" s="5" t="s">
        <v>10</v>
      </c>
      <c r="B11438" s="6">
        <v>235485</v>
      </c>
      <c r="C11438" s="6" t="s">
        <v>61</v>
      </c>
      <c r="D11438" s="6" t="s">
        <v>62</v>
      </c>
      <c r="E11438" s="6">
        <v>63001</v>
      </c>
      <c r="F11438" s="6" t="s">
        <v>18</v>
      </c>
      <c r="G11438" s="6" t="s">
        <v>1504</v>
      </c>
      <c r="H11438" s="6" t="s">
        <v>21664</v>
      </c>
      <c r="I11438" s="7">
        <v>4.5359727999999997</v>
      </c>
      <c r="J11438" s="8">
        <v>-75.674090399999997</v>
      </c>
    </row>
    <row r="11439" spans="1:10" x14ac:dyDescent="0.35">
      <c r="A11439" s="5" t="s">
        <v>10</v>
      </c>
      <c r="B11439" s="6">
        <v>238538</v>
      </c>
      <c r="C11439" s="6" t="s">
        <v>117</v>
      </c>
      <c r="D11439" s="6" t="s">
        <v>1334</v>
      </c>
      <c r="E11439" s="6">
        <v>76001</v>
      </c>
      <c r="F11439" s="6" t="s">
        <v>18</v>
      </c>
      <c r="G11439" s="6" t="s">
        <v>21665</v>
      </c>
      <c r="H11439" s="6" t="s">
        <v>21666</v>
      </c>
      <c r="I11439" s="7">
        <v>3.4420522999999998</v>
      </c>
      <c r="J11439" s="8">
        <v>-76.499243100000001</v>
      </c>
    </row>
    <row r="11440" spans="1:10" x14ac:dyDescent="0.35">
      <c r="A11440" s="5" t="s">
        <v>10</v>
      </c>
      <c r="B11440" s="6">
        <v>231874</v>
      </c>
      <c r="C11440" s="6" t="s">
        <v>68</v>
      </c>
      <c r="D11440" s="6" t="s">
        <v>69</v>
      </c>
      <c r="E11440" s="6">
        <v>11001</v>
      </c>
      <c r="F11440" s="6" t="s">
        <v>18</v>
      </c>
      <c r="G11440" s="6" t="s">
        <v>21667</v>
      </c>
      <c r="H11440" s="6" t="s">
        <v>21668</v>
      </c>
      <c r="I11440" s="7">
        <v>4.5876159999999997</v>
      </c>
      <c r="J11440" s="8">
        <v>-74.179778999999996</v>
      </c>
    </row>
    <row r="11441" spans="1:10" x14ac:dyDescent="0.35">
      <c r="A11441" s="5" t="s">
        <v>10</v>
      </c>
      <c r="B11441" s="6">
        <v>231771</v>
      </c>
      <c r="C11441" s="6" t="s">
        <v>294</v>
      </c>
      <c r="D11441" s="6" t="s">
        <v>703</v>
      </c>
      <c r="E11441" s="6">
        <v>41001</v>
      </c>
      <c r="F11441" s="6" t="s">
        <v>18</v>
      </c>
      <c r="G11441" s="6" t="s">
        <v>21669</v>
      </c>
      <c r="H11441" s="6" t="s">
        <v>21670</v>
      </c>
      <c r="I11441" s="7">
        <v>2.9404469999999998</v>
      </c>
      <c r="J11441" s="8">
        <v>-75.266064999999998</v>
      </c>
    </row>
    <row r="11442" spans="1:10" x14ac:dyDescent="0.35">
      <c r="A11442" s="5" t="s">
        <v>10</v>
      </c>
      <c r="B11442" s="6">
        <v>144065</v>
      </c>
      <c r="C11442" s="6" t="s">
        <v>11</v>
      </c>
      <c r="D11442" s="6" t="s">
        <v>857</v>
      </c>
      <c r="E11442" s="6">
        <v>25758</v>
      </c>
      <c r="F11442" s="6" t="s">
        <v>18</v>
      </c>
      <c r="G11442" s="6" t="s">
        <v>8173</v>
      </c>
      <c r="H11442" s="6" t="s">
        <v>8174</v>
      </c>
      <c r="I11442" s="7">
        <v>4.9086112999999996</v>
      </c>
      <c r="J11442" s="8">
        <v>-73.941448899999997</v>
      </c>
    </row>
    <row r="11443" spans="1:10" x14ac:dyDescent="0.35">
      <c r="A11443" s="5" t="s">
        <v>10</v>
      </c>
      <c r="B11443" s="6">
        <v>176517</v>
      </c>
      <c r="C11443" s="6" t="s">
        <v>302</v>
      </c>
      <c r="D11443" s="6" t="s">
        <v>8024</v>
      </c>
      <c r="E11443" s="6">
        <v>8078</v>
      </c>
      <c r="F11443" s="6" t="s">
        <v>18</v>
      </c>
      <c r="G11443" s="6" t="s">
        <v>8541</v>
      </c>
      <c r="H11443" s="6" t="s">
        <v>8542</v>
      </c>
      <c r="I11443" s="7">
        <v>10.7949448</v>
      </c>
      <c r="J11443" s="8">
        <v>-74.909915999999996</v>
      </c>
    </row>
    <row r="11444" spans="1:10" x14ac:dyDescent="0.35">
      <c r="A11444" s="5" t="s">
        <v>10</v>
      </c>
      <c r="B11444" s="6">
        <v>237909</v>
      </c>
      <c r="C11444" s="6" t="s">
        <v>38</v>
      </c>
      <c r="D11444" s="6" t="s">
        <v>11410</v>
      </c>
      <c r="E11444" s="6">
        <v>19807</v>
      </c>
      <c r="F11444" s="6" t="s">
        <v>18</v>
      </c>
      <c r="G11444" s="6" t="s">
        <v>21671</v>
      </c>
      <c r="H11444" s="6" t="s">
        <v>21672</v>
      </c>
      <c r="I11444" s="7">
        <v>2.3526940000000001</v>
      </c>
      <c r="J11444" s="8">
        <v>-76.683341400000003</v>
      </c>
    </row>
    <row r="11445" spans="1:10" x14ac:dyDescent="0.35">
      <c r="A11445" s="5" t="s">
        <v>10</v>
      </c>
      <c r="B11445" s="6">
        <v>239614</v>
      </c>
      <c r="C11445" s="6" t="s">
        <v>38</v>
      </c>
      <c r="D11445" s="6" t="s">
        <v>39</v>
      </c>
      <c r="E11445" s="6">
        <v>19001</v>
      </c>
      <c r="F11445" s="6" t="s">
        <v>18</v>
      </c>
      <c r="G11445" s="6" t="s">
        <v>4678</v>
      </c>
      <c r="H11445" s="6" t="s">
        <v>21673</v>
      </c>
      <c r="I11445" s="7">
        <v>2.4457089000000001</v>
      </c>
      <c r="J11445" s="8">
        <v>-76.617682200000004</v>
      </c>
    </row>
    <row r="11446" spans="1:10" x14ac:dyDescent="0.35">
      <c r="A11446" s="5" t="s">
        <v>10</v>
      </c>
      <c r="B11446" s="6">
        <v>110923</v>
      </c>
      <c r="C11446" s="6" t="s">
        <v>16</v>
      </c>
      <c r="D11446" s="6" t="s">
        <v>1942</v>
      </c>
      <c r="E11446" s="6">
        <v>68406</v>
      </c>
      <c r="F11446" s="6" t="s">
        <v>18</v>
      </c>
      <c r="G11446" s="6" t="s">
        <v>8029</v>
      </c>
      <c r="H11446" s="6" t="s">
        <v>8030</v>
      </c>
      <c r="I11446" s="7">
        <v>11.2450242</v>
      </c>
      <c r="J11446" s="8">
        <v>-74.206125</v>
      </c>
    </row>
    <row r="11447" spans="1:10" x14ac:dyDescent="0.35">
      <c r="A11447" s="5" t="s">
        <v>10</v>
      </c>
      <c r="B11447" s="6">
        <v>154918</v>
      </c>
      <c r="C11447" s="6" t="s">
        <v>3788</v>
      </c>
      <c r="D11447" s="6" t="s">
        <v>8936</v>
      </c>
      <c r="E11447" s="6">
        <v>18256</v>
      </c>
      <c r="F11447" s="6" t="s">
        <v>18</v>
      </c>
      <c r="G11447" s="6" t="s">
        <v>9564</v>
      </c>
      <c r="H11447" s="6" t="s">
        <v>9565</v>
      </c>
      <c r="I11447" s="7">
        <v>1.5710820999999999</v>
      </c>
      <c r="J11447" s="8">
        <v>-75.326834899999994</v>
      </c>
    </row>
    <row r="11448" spans="1:10" x14ac:dyDescent="0.35">
      <c r="A11448" s="5" t="s">
        <v>10</v>
      </c>
      <c r="B11448" s="6">
        <v>232795</v>
      </c>
      <c r="C11448" s="6" t="s">
        <v>11</v>
      </c>
      <c r="D11448" s="6" t="s">
        <v>334</v>
      </c>
      <c r="E11448" s="6">
        <v>25754</v>
      </c>
      <c r="F11448" s="6" t="s">
        <v>18</v>
      </c>
      <c r="G11448" s="6" t="s">
        <v>21674</v>
      </c>
      <c r="H11448" s="6" t="s">
        <v>21675</v>
      </c>
      <c r="I11448" s="7">
        <v>4.5771863000000002</v>
      </c>
      <c r="J11448" s="8">
        <v>-74.216624899999999</v>
      </c>
    </row>
    <row r="11449" spans="1:10" x14ac:dyDescent="0.35">
      <c r="A11449" s="5" t="s">
        <v>10</v>
      </c>
      <c r="B11449" s="6">
        <v>199803</v>
      </c>
      <c r="C11449" s="6" t="s">
        <v>68</v>
      </c>
      <c r="D11449" s="6" t="s">
        <v>69</v>
      </c>
      <c r="E11449" s="6">
        <v>11001</v>
      </c>
      <c r="F11449" s="6" t="s">
        <v>18</v>
      </c>
      <c r="G11449" s="6" t="s">
        <v>21676</v>
      </c>
      <c r="H11449" s="6" t="s">
        <v>21677</v>
      </c>
      <c r="I11449" s="7">
        <v>4.5051546999999896</v>
      </c>
      <c r="J11449" s="8">
        <v>-74.115368500000002</v>
      </c>
    </row>
    <row r="11450" spans="1:10" x14ac:dyDescent="0.35">
      <c r="A11450" s="5" t="s">
        <v>10</v>
      </c>
      <c r="B11450" s="6">
        <v>201402</v>
      </c>
      <c r="C11450" s="6" t="s">
        <v>308</v>
      </c>
      <c r="D11450" s="6" t="s">
        <v>13199</v>
      </c>
      <c r="E11450" s="6">
        <v>23672</v>
      </c>
      <c r="F11450" s="6" t="s">
        <v>18</v>
      </c>
      <c r="G11450" s="6" t="s">
        <v>21678</v>
      </c>
      <c r="H11450" s="6" t="s">
        <v>21679</v>
      </c>
      <c r="I11450" s="7">
        <v>9.3746419999999997</v>
      </c>
      <c r="J11450" s="8">
        <v>-75.758516999999998</v>
      </c>
    </row>
    <row r="11451" spans="1:10" x14ac:dyDescent="0.35">
      <c r="A11451" s="5" t="s">
        <v>10</v>
      </c>
      <c r="B11451" s="6">
        <v>246133</v>
      </c>
      <c r="C11451" s="6" t="s">
        <v>94</v>
      </c>
      <c r="D11451" s="6" t="s">
        <v>3196</v>
      </c>
      <c r="E11451" s="6">
        <v>66687</v>
      </c>
      <c r="F11451" s="6" t="s">
        <v>18</v>
      </c>
      <c r="G11451" s="6" t="s">
        <v>21680</v>
      </c>
      <c r="H11451" s="6" t="s">
        <v>21681</v>
      </c>
      <c r="I11451" s="7">
        <v>5.0729866000000001</v>
      </c>
      <c r="J11451" s="8">
        <v>-75.963445300000004</v>
      </c>
    </row>
    <row r="11452" spans="1:10" x14ac:dyDescent="0.35">
      <c r="A11452" s="5" t="s">
        <v>10</v>
      </c>
      <c r="B11452" s="6">
        <v>233143</v>
      </c>
      <c r="C11452" s="6" t="s">
        <v>68</v>
      </c>
      <c r="D11452" s="6" t="s">
        <v>69</v>
      </c>
      <c r="E11452" s="6">
        <v>11001</v>
      </c>
      <c r="F11452" s="6" t="s">
        <v>18</v>
      </c>
      <c r="G11452" s="6" t="s">
        <v>21682</v>
      </c>
      <c r="H11452" s="6" t="s">
        <v>21683</v>
      </c>
      <c r="I11452" s="7">
        <v>4.5829399999999998</v>
      </c>
      <c r="J11452" s="8">
        <v>-74.105969999999999</v>
      </c>
    </row>
    <row r="11453" spans="1:10" x14ac:dyDescent="0.35">
      <c r="A11453" s="5" t="s">
        <v>10</v>
      </c>
      <c r="B11453" s="6">
        <v>153153</v>
      </c>
      <c r="C11453" s="6" t="s">
        <v>3788</v>
      </c>
      <c r="D11453" s="6" t="s">
        <v>3974</v>
      </c>
      <c r="E11453" s="6">
        <v>18001</v>
      </c>
      <c r="F11453" s="6" t="s">
        <v>18</v>
      </c>
      <c r="G11453" s="6" t="s">
        <v>9921</v>
      </c>
      <c r="H11453" s="6" t="s">
        <v>9922</v>
      </c>
      <c r="I11453" s="7">
        <v>1.5961211</v>
      </c>
      <c r="J11453" s="8">
        <v>-75.583791499999904</v>
      </c>
    </row>
    <row r="11454" spans="1:10" x14ac:dyDescent="0.35">
      <c r="A11454" s="5" t="s">
        <v>10</v>
      </c>
      <c r="B11454" s="6">
        <v>216349</v>
      </c>
      <c r="C11454" s="6" t="s">
        <v>61</v>
      </c>
      <c r="D11454" s="6" t="s">
        <v>62</v>
      </c>
      <c r="E11454" s="6">
        <v>63001</v>
      </c>
      <c r="F11454" s="6" t="s">
        <v>13</v>
      </c>
      <c r="G11454" s="6" t="s">
        <v>21684</v>
      </c>
      <c r="H11454" s="6" t="s">
        <v>21685</v>
      </c>
      <c r="I11454" s="7">
        <v>4.5251710000000003</v>
      </c>
      <c r="J11454" s="8">
        <v>-75.6842848</v>
      </c>
    </row>
    <row r="11455" spans="1:10" x14ac:dyDescent="0.35">
      <c r="A11455" s="5" t="s">
        <v>10</v>
      </c>
      <c r="B11455" s="6">
        <v>246442</v>
      </c>
      <c r="C11455" s="6" t="s">
        <v>16</v>
      </c>
      <c r="D11455" s="6" t="s">
        <v>1266</v>
      </c>
      <c r="E11455" s="6">
        <v>68081</v>
      </c>
      <c r="F11455" s="6" t="s">
        <v>18</v>
      </c>
      <c r="G11455" s="6" t="s">
        <v>113</v>
      </c>
      <c r="H11455" s="6" t="s">
        <v>21686</v>
      </c>
      <c r="I11455" s="7">
        <v>7.0388710999999997</v>
      </c>
      <c r="J11455" s="8">
        <v>-73.842783699999998</v>
      </c>
    </row>
    <row r="11456" spans="1:10" x14ac:dyDescent="0.35">
      <c r="A11456" s="5" t="s">
        <v>10</v>
      </c>
      <c r="B11456" s="6">
        <v>239898</v>
      </c>
      <c r="C11456" s="6" t="s">
        <v>68</v>
      </c>
      <c r="D11456" s="6" t="s">
        <v>69</v>
      </c>
      <c r="E11456" s="6">
        <v>11001</v>
      </c>
      <c r="F11456" s="6" t="s">
        <v>18</v>
      </c>
      <c r="G11456" s="6" t="s">
        <v>21687</v>
      </c>
      <c r="H11456" s="6" t="s">
        <v>21688</v>
      </c>
      <c r="I11456" s="7">
        <v>4.6530712999999997</v>
      </c>
      <c r="J11456" s="8">
        <v>-74.061404100000004</v>
      </c>
    </row>
    <row r="11457" spans="1:10" x14ac:dyDescent="0.35">
      <c r="A11457" s="5" t="s">
        <v>10</v>
      </c>
      <c r="B11457" s="6">
        <v>239798</v>
      </c>
      <c r="C11457" s="6" t="s">
        <v>117</v>
      </c>
      <c r="D11457" s="6" t="s">
        <v>1334</v>
      </c>
      <c r="E11457" s="6">
        <v>76001</v>
      </c>
      <c r="F11457" s="6" t="s">
        <v>18</v>
      </c>
      <c r="G11457" s="6" t="s">
        <v>21689</v>
      </c>
      <c r="H11457" s="6" t="s">
        <v>21690</v>
      </c>
      <c r="I11457" s="7">
        <v>3.4353283999999999</v>
      </c>
      <c r="J11457" s="8">
        <v>-76.543012500000003</v>
      </c>
    </row>
    <row r="11458" spans="1:10" x14ac:dyDescent="0.35">
      <c r="A11458" s="5" t="s">
        <v>10</v>
      </c>
      <c r="B11458" s="6">
        <v>94532</v>
      </c>
      <c r="C11458" s="6" t="s">
        <v>11</v>
      </c>
      <c r="D11458" s="6" t="s">
        <v>431</v>
      </c>
      <c r="E11458" s="6">
        <v>25402</v>
      </c>
      <c r="F11458" s="6" t="s">
        <v>18</v>
      </c>
      <c r="G11458" s="6" t="s">
        <v>21691</v>
      </c>
      <c r="H11458" s="6" t="s">
        <v>21692</v>
      </c>
      <c r="I11458" s="7">
        <v>4.9999310000000001</v>
      </c>
      <c r="J11458" s="8">
        <v>-74.339955000000003</v>
      </c>
    </row>
    <row r="11459" spans="1:10" x14ac:dyDescent="0.35">
      <c r="A11459" s="5" t="s">
        <v>10</v>
      </c>
      <c r="B11459" s="6">
        <v>203795</v>
      </c>
      <c r="C11459" s="6" t="s">
        <v>302</v>
      </c>
      <c r="D11459" s="6" t="s">
        <v>359</v>
      </c>
      <c r="E11459" s="6">
        <v>8001</v>
      </c>
      <c r="F11459" s="6" t="s">
        <v>18</v>
      </c>
      <c r="G11459" s="6" t="s">
        <v>21693</v>
      </c>
      <c r="H11459" s="6" t="s">
        <v>21694</v>
      </c>
      <c r="I11459" s="7">
        <v>10.9583306</v>
      </c>
      <c r="J11459" s="8">
        <v>-74.770010900000003</v>
      </c>
    </row>
    <row r="11460" spans="1:10" x14ac:dyDescent="0.35">
      <c r="A11460" s="5" t="s">
        <v>10</v>
      </c>
      <c r="B11460" s="6">
        <v>233547</v>
      </c>
      <c r="C11460" s="6" t="s">
        <v>68</v>
      </c>
      <c r="D11460" s="6" t="s">
        <v>69</v>
      </c>
      <c r="E11460" s="6">
        <v>11001</v>
      </c>
      <c r="F11460" s="6" t="s">
        <v>18</v>
      </c>
      <c r="G11460" s="6" t="s">
        <v>21695</v>
      </c>
      <c r="H11460" s="6" t="s">
        <v>21696</v>
      </c>
      <c r="I11460" s="7">
        <v>4.6152100000000003</v>
      </c>
      <c r="J11460" s="8">
        <v>-74.130300000000005</v>
      </c>
    </row>
    <row r="11461" spans="1:10" x14ac:dyDescent="0.35">
      <c r="A11461" s="5" t="s">
        <v>10</v>
      </c>
      <c r="B11461" s="6">
        <v>113244</v>
      </c>
      <c r="C11461" s="6" t="s">
        <v>16</v>
      </c>
      <c r="D11461" s="6" t="s">
        <v>78</v>
      </c>
      <c r="E11461" s="6">
        <v>68001</v>
      </c>
      <c r="F11461" s="6" t="s">
        <v>18</v>
      </c>
      <c r="G11461" s="6" t="s">
        <v>21697</v>
      </c>
      <c r="H11461" s="6" t="s">
        <v>21698</v>
      </c>
      <c r="I11461" s="7">
        <v>7.1093918</v>
      </c>
      <c r="J11461" s="8">
        <v>-73.116070199999996</v>
      </c>
    </row>
    <row r="11462" spans="1:10" x14ac:dyDescent="0.35">
      <c r="A11462" s="5" t="s">
        <v>10</v>
      </c>
      <c r="B11462" s="6">
        <v>242906</v>
      </c>
      <c r="C11462" s="6" t="s">
        <v>16</v>
      </c>
      <c r="D11462" s="6" t="s">
        <v>78</v>
      </c>
      <c r="E11462" s="6">
        <v>68001</v>
      </c>
      <c r="F11462" s="6" t="s">
        <v>18</v>
      </c>
      <c r="G11462" s="6" t="s">
        <v>21699</v>
      </c>
      <c r="H11462" s="6" t="s">
        <v>21700</v>
      </c>
      <c r="I11462" s="7">
        <v>7.1218219999999999</v>
      </c>
      <c r="J11462" s="8">
        <v>-73.115830500000001</v>
      </c>
    </row>
    <row r="11463" spans="1:10" x14ac:dyDescent="0.35">
      <c r="A11463" s="5" t="s">
        <v>10</v>
      </c>
      <c r="B11463" s="6">
        <v>110923</v>
      </c>
      <c r="C11463" s="6" t="s">
        <v>16</v>
      </c>
      <c r="D11463" s="6" t="s">
        <v>1942</v>
      </c>
      <c r="E11463" s="6">
        <v>68406</v>
      </c>
      <c r="F11463" s="6" t="s">
        <v>18</v>
      </c>
      <c r="G11463" s="6" t="s">
        <v>8029</v>
      </c>
      <c r="H11463" s="6" t="s">
        <v>8030</v>
      </c>
      <c r="I11463" s="7">
        <v>11.2450242</v>
      </c>
      <c r="J11463" s="8">
        <v>-74.206125</v>
      </c>
    </row>
    <row r="11464" spans="1:10" x14ac:dyDescent="0.35">
      <c r="A11464" s="5" t="s">
        <v>10</v>
      </c>
      <c r="B11464" s="6">
        <v>238519</v>
      </c>
      <c r="C11464" s="6" t="s">
        <v>16</v>
      </c>
      <c r="D11464" s="6" t="s">
        <v>705</v>
      </c>
      <c r="E11464" s="6">
        <v>68077</v>
      </c>
      <c r="F11464" s="6" t="s">
        <v>18</v>
      </c>
      <c r="G11464" s="6" t="s">
        <v>21701</v>
      </c>
      <c r="H11464" s="6" t="s">
        <v>21702</v>
      </c>
      <c r="I11464" s="7">
        <v>5.9338870000000004</v>
      </c>
      <c r="J11464" s="8">
        <v>-73.615116599999993</v>
      </c>
    </row>
    <row r="11465" spans="1:10" x14ac:dyDescent="0.35">
      <c r="A11465" s="5" t="s">
        <v>10</v>
      </c>
      <c r="B11465" s="6">
        <v>233676</v>
      </c>
      <c r="C11465" s="6" t="s">
        <v>68</v>
      </c>
      <c r="D11465" s="6" t="s">
        <v>69</v>
      </c>
      <c r="E11465" s="6">
        <v>11001</v>
      </c>
      <c r="F11465" s="6" t="s">
        <v>18</v>
      </c>
      <c r="G11465" s="6" t="s">
        <v>21703</v>
      </c>
      <c r="H11465" s="6" t="s">
        <v>21704</v>
      </c>
      <c r="I11465" s="7">
        <v>4.5963200000000004</v>
      </c>
      <c r="J11465" s="8">
        <v>-74.121030000000005</v>
      </c>
    </row>
    <row r="11466" spans="1:10" x14ac:dyDescent="0.35">
      <c r="A11466" s="5" t="s">
        <v>10</v>
      </c>
      <c r="B11466" s="6">
        <v>126916</v>
      </c>
      <c r="C11466" s="6" t="s">
        <v>11</v>
      </c>
      <c r="D11466" s="6" t="s">
        <v>159</v>
      </c>
      <c r="E11466" s="6">
        <v>25175</v>
      </c>
      <c r="F11466" s="6" t="s">
        <v>18</v>
      </c>
      <c r="G11466" s="6" t="s">
        <v>855</v>
      </c>
      <c r="H11466" s="6" t="s">
        <v>21705</v>
      </c>
      <c r="I11466" s="7">
        <v>4.8672390999999999</v>
      </c>
      <c r="J11466" s="8">
        <v>-74.0524597</v>
      </c>
    </row>
    <row r="11467" spans="1:10" x14ac:dyDescent="0.35">
      <c r="A11467" s="5" t="s">
        <v>10</v>
      </c>
      <c r="B11467" s="6">
        <v>237020</v>
      </c>
      <c r="C11467" s="6" t="s">
        <v>2821</v>
      </c>
      <c r="D11467" s="6" t="s">
        <v>2822</v>
      </c>
      <c r="E11467" s="6">
        <v>47001</v>
      </c>
      <c r="F11467" s="6" t="s">
        <v>18</v>
      </c>
      <c r="G11467" s="6" t="s">
        <v>21706</v>
      </c>
      <c r="H11467" s="6" t="s">
        <v>21707</v>
      </c>
      <c r="I11467" s="7">
        <v>11.2041758</v>
      </c>
      <c r="J11467" s="8">
        <v>-74.2260773</v>
      </c>
    </row>
    <row r="11468" spans="1:10" x14ac:dyDescent="0.35">
      <c r="A11468" s="5" t="s">
        <v>10</v>
      </c>
      <c r="B11468" s="6">
        <v>234345</v>
      </c>
      <c r="C11468" s="6" t="s">
        <v>16</v>
      </c>
      <c r="D11468" s="6" t="s">
        <v>510</v>
      </c>
      <c r="E11468" s="6">
        <v>68547</v>
      </c>
      <c r="F11468" s="6" t="s">
        <v>18</v>
      </c>
      <c r="G11468" s="6" t="s">
        <v>21708</v>
      </c>
      <c r="H11468" s="6" t="s">
        <v>21709</v>
      </c>
      <c r="I11468" s="7">
        <v>6.9920586</v>
      </c>
      <c r="J11468" s="8">
        <v>-73.046719199999998</v>
      </c>
    </row>
    <row r="11469" spans="1:10" x14ac:dyDescent="0.35">
      <c r="A11469" s="5" t="s">
        <v>10</v>
      </c>
      <c r="B11469" s="6">
        <v>166580</v>
      </c>
      <c r="C11469" s="6" t="s">
        <v>3788</v>
      </c>
      <c r="D11469" s="6" t="s">
        <v>3974</v>
      </c>
      <c r="E11469" s="6">
        <v>18001</v>
      </c>
      <c r="F11469" s="6" t="s">
        <v>18</v>
      </c>
      <c r="G11469" s="6" t="s">
        <v>21710</v>
      </c>
      <c r="H11469" s="6" t="s">
        <v>21711</v>
      </c>
      <c r="I11469" s="7">
        <v>1.6184902999999999</v>
      </c>
      <c r="J11469" s="8">
        <v>-75.597645700000001</v>
      </c>
    </row>
    <row r="11470" spans="1:10" x14ac:dyDescent="0.35">
      <c r="A11470" s="5" t="s">
        <v>10</v>
      </c>
      <c r="B11470" s="6">
        <v>232118</v>
      </c>
      <c r="C11470" s="6" t="s">
        <v>3788</v>
      </c>
      <c r="D11470" s="6" t="s">
        <v>6771</v>
      </c>
      <c r="E11470" s="6">
        <v>18753</v>
      </c>
      <c r="F11470" s="6" t="s">
        <v>18</v>
      </c>
      <c r="G11470" s="6" t="s">
        <v>21712</v>
      </c>
      <c r="H11470" s="6" t="s">
        <v>21713</v>
      </c>
      <c r="I11470" s="7">
        <v>2.113645</v>
      </c>
      <c r="J11470" s="8">
        <v>-74.773206000000002</v>
      </c>
    </row>
    <row r="11471" spans="1:10" x14ac:dyDescent="0.35">
      <c r="A11471" s="5" t="s">
        <v>10</v>
      </c>
      <c r="B11471" s="6">
        <v>234102</v>
      </c>
      <c r="C11471" s="6" t="s">
        <v>55</v>
      </c>
      <c r="D11471" s="6" t="s">
        <v>56</v>
      </c>
      <c r="E11471" s="6">
        <v>73001</v>
      </c>
      <c r="F11471" s="6" t="s">
        <v>18</v>
      </c>
      <c r="G11471" s="6" t="s">
        <v>21714</v>
      </c>
      <c r="H11471" s="6" t="s">
        <v>21715</v>
      </c>
      <c r="I11471" s="7">
        <v>4.4295273999999996</v>
      </c>
      <c r="J11471" s="8">
        <v>-75.235568499999999</v>
      </c>
    </row>
    <row r="11472" spans="1:10" x14ac:dyDescent="0.35">
      <c r="A11472" s="5" t="s">
        <v>10</v>
      </c>
      <c r="B11472" s="6">
        <v>146127</v>
      </c>
      <c r="C11472" s="6" t="s">
        <v>16</v>
      </c>
      <c r="D11472" s="6" t="s">
        <v>78</v>
      </c>
      <c r="E11472" s="6">
        <v>68001</v>
      </c>
      <c r="F11472" s="6" t="s">
        <v>18</v>
      </c>
      <c r="G11472" s="6" t="s">
        <v>7490</v>
      </c>
      <c r="H11472" s="6" t="s">
        <v>7491</v>
      </c>
      <c r="I11472" s="7">
        <v>7.1359680000000001</v>
      </c>
      <c r="J11472" s="8">
        <v>-73.110173099999997</v>
      </c>
    </row>
    <row r="11473" spans="1:10" x14ac:dyDescent="0.35">
      <c r="A11473" s="5" t="s">
        <v>10</v>
      </c>
      <c r="B11473" s="6">
        <v>164613</v>
      </c>
      <c r="C11473" s="6" t="s">
        <v>68</v>
      </c>
      <c r="D11473" s="6" t="s">
        <v>69</v>
      </c>
      <c r="E11473" s="6">
        <v>11001</v>
      </c>
      <c r="F11473" s="6" t="s">
        <v>18</v>
      </c>
      <c r="G11473" s="6" t="s">
        <v>21716</v>
      </c>
      <c r="H11473" s="6" t="s">
        <v>21717</v>
      </c>
      <c r="I11473" s="7">
        <v>4.5774210999999996</v>
      </c>
      <c r="J11473" s="8">
        <v>-74.093082499999994</v>
      </c>
    </row>
    <row r="11474" spans="1:10" x14ac:dyDescent="0.35">
      <c r="A11474" s="5" t="s">
        <v>10</v>
      </c>
      <c r="B11474" s="6">
        <v>246413</v>
      </c>
      <c r="C11474" s="6" t="s">
        <v>2821</v>
      </c>
      <c r="D11474" s="6" t="s">
        <v>9371</v>
      </c>
      <c r="E11474" s="6">
        <v>47551</v>
      </c>
      <c r="F11474" s="6" t="s">
        <v>18</v>
      </c>
      <c r="G11474" s="6" t="s">
        <v>21718</v>
      </c>
      <c r="H11474" s="6" t="s">
        <v>21719</v>
      </c>
      <c r="I11474" s="7">
        <v>10.4555794</v>
      </c>
      <c r="J11474" s="8">
        <v>-74.609383699999995</v>
      </c>
    </row>
    <row r="11475" spans="1:10" x14ac:dyDescent="0.35">
      <c r="A11475" s="5" t="s">
        <v>10</v>
      </c>
      <c r="B11475" s="6">
        <v>198641</v>
      </c>
      <c r="C11475" s="6" t="s">
        <v>4364</v>
      </c>
      <c r="D11475" s="6" t="s">
        <v>4365</v>
      </c>
      <c r="E11475" s="6">
        <v>70001</v>
      </c>
      <c r="F11475" s="6" t="s">
        <v>18</v>
      </c>
      <c r="G11475" s="6" t="s">
        <v>21720</v>
      </c>
      <c r="H11475" s="6" t="s">
        <v>21721</v>
      </c>
      <c r="I11475" s="7">
        <v>9.3342051999999995</v>
      </c>
      <c r="J11475" s="8">
        <v>-75.392142499999906</v>
      </c>
    </row>
    <row r="11476" spans="1:10" x14ac:dyDescent="0.35">
      <c r="A11476" s="5" t="s">
        <v>10</v>
      </c>
      <c r="B11476" s="6">
        <v>230013</v>
      </c>
      <c r="C11476" s="6" t="s">
        <v>16</v>
      </c>
      <c r="D11476" s="6" t="s">
        <v>2825</v>
      </c>
      <c r="E11476" s="6">
        <v>68276</v>
      </c>
      <c r="F11476" s="6" t="s">
        <v>18</v>
      </c>
      <c r="G11476" s="6" t="s">
        <v>21722</v>
      </c>
      <c r="H11476" s="6" t="s">
        <v>21723</v>
      </c>
      <c r="I11476" s="7">
        <v>7.0808026000000002</v>
      </c>
      <c r="J11476" s="8">
        <v>-73.102497</v>
      </c>
    </row>
    <row r="11477" spans="1:10" x14ac:dyDescent="0.35">
      <c r="A11477" s="5" t="s">
        <v>10</v>
      </c>
      <c r="B11477" s="6">
        <v>231974</v>
      </c>
      <c r="C11477" s="6" t="s">
        <v>24</v>
      </c>
      <c r="D11477" s="6" t="s">
        <v>2199</v>
      </c>
      <c r="E11477" s="6">
        <v>15507</v>
      </c>
      <c r="F11477" s="6" t="s">
        <v>18</v>
      </c>
      <c r="G11477" s="6" t="s">
        <v>21724</v>
      </c>
      <c r="H11477" s="6" t="s">
        <v>21725</v>
      </c>
      <c r="I11477" s="7">
        <v>5.6578150000000003</v>
      </c>
      <c r="J11477" s="8">
        <v>-74.180851000000004</v>
      </c>
    </row>
    <row r="11478" spans="1:10" x14ac:dyDescent="0.35">
      <c r="A11478" s="5" t="s">
        <v>10</v>
      </c>
      <c r="B11478" s="6">
        <v>166837</v>
      </c>
      <c r="C11478" s="6" t="s">
        <v>16</v>
      </c>
      <c r="D11478" s="6" t="s">
        <v>510</v>
      </c>
      <c r="E11478" s="6">
        <v>68547</v>
      </c>
      <c r="F11478" s="6" t="s">
        <v>18</v>
      </c>
      <c r="G11478" s="6" t="s">
        <v>21726</v>
      </c>
      <c r="H11478" s="6" t="s">
        <v>21727</v>
      </c>
      <c r="I11478" s="7">
        <v>6.9814401999999998</v>
      </c>
      <c r="J11478" s="8">
        <v>-73.050438599999893</v>
      </c>
    </row>
    <row r="11479" spans="1:10" x14ac:dyDescent="0.35">
      <c r="A11479" s="5" t="s">
        <v>10</v>
      </c>
      <c r="B11479" s="6">
        <v>214681</v>
      </c>
      <c r="C11479" s="6" t="s">
        <v>294</v>
      </c>
      <c r="D11479" s="6" t="s">
        <v>703</v>
      </c>
      <c r="E11479" s="6">
        <v>41001</v>
      </c>
      <c r="F11479" s="6" t="s">
        <v>18</v>
      </c>
      <c r="G11479" s="6" t="s">
        <v>21728</v>
      </c>
      <c r="H11479" s="6" t="s">
        <v>21729</v>
      </c>
      <c r="I11479" s="7">
        <v>2.9306104999999998</v>
      </c>
      <c r="J11479" s="8">
        <v>-75.273123699999999</v>
      </c>
    </row>
    <row r="11480" spans="1:10" x14ac:dyDescent="0.35">
      <c r="A11480" s="5" t="s">
        <v>10</v>
      </c>
      <c r="B11480" s="6">
        <v>188990</v>
      </c>
      <c r="C11480" s="6" t="s">
        <v>68</v>
      </c>
      <c r="D11480" s="6" t="s">
        <v>69</v>
      </c>
      <c r="E11480" s="6">
        <v>11001</v>
      </c>
      <c r="F11480" s="6" t="s">
        <v>18</v>
      </c>
      <c r="G11480" s="6" t="s">
        <v>8612</v>
      </c>
      <c r="H11480" s="6" t="s">
        <v>8613</v>
      </c>
      <c r="I11480" s="7">
        <v>4.6348079999999996</v>
      </c>
      <c r="J11480" s="8">
        <v>-74.169272899999996</v>
      </c>
    </row>
    <row r="11481" spans="1:10" x14ac:dyDescent="0.35">
      <c r="A11481" s="5" t="s">
        <v>10</v>
      </c>
      <c r="B11481" s="6">
        <v>245476</v>
      </c>
      <c r="C11481" s="6" t="s">
        <v>16</v>
      </c>
      <c r="D11481" s="6" t="s">
        <v>78</v>
      </c>
      <c r="E11481" s="6">
        <v>68001</v>
      </c>
      <c r="F11481" s="6" t="s">
        <v>18</v>
      </c>
      <c r="G11481" s="6" t="s">
        <v>21730</v>
      </c>
      <c r="H11481" s="6" t="s">
        <v>21731</v>
      </c>
      <c r="I11481" s="7">
        <v>7.1304955999999997</v>
      </c>
      <c r="J11481" s="8">
        <v>-73.117884900000007</v>
      </c>
    </row>
    <row r="11482" spans="1:10" x14ac:dyDescent="0.35">
      <c r="A11482" s="5" t="s">
        <v>10</v>
      </c>
      <c r="B11482" s="6">
        <v>235568</v>
      </c>
      <c r="C11482" s="6" t="s">
        <v>68</v>
      </c>
      <c r="D11482" s="6" t="s">
        <v>69</v>
      </c>
      <c r="E11482" s="6">
        <v>11001</v>
      </c>
      <c r="F11482" s="6" t="s">
        <v>18</v>
      </c>
      <c r="G11482" s="6" t="s">
        <v>21732</v>
      </c>
      <c r="H11482" s="6" t="s">
        <v>21733</v>
      </c>
      <c r="I11482" s="7">
        <v>4.6776204000000003</v>
      </c>
      <c r="J11482" s="8">
        <v>-74.1398358</v>
      </c>
    </row>
    <row r="11483" spans="1:10" x14ac:dyDescent="0.35">
      <c r="A11483" s="5" t="s">
        <v>10</v>
      </c>
      <c r="B11483" s="6">
        <v>210418</v>
      </c>
      <c r="C11483" s="6" t="s">
        <v>68</v>
      </c>
      <c r="D11483" s="6" t="s">
        <v>69</v>
      </c>
      <c r="E11483" s="6">
        <v>11001</v>
      </c>
      <c r="F11483" s="6" t="s">
        <v>18</v>
      </c>
      <c r="G11483" s="6" t="s">
        <v>21734</v>
      </c>
      <c r="H11483" s="6" t="s">
        <v>21735</v>
      </c>
      <c r="I11483" s="7">
        <v>4.6504418999999997</v>
      </c>
      <c r="J11483" s="8">
        <v>-74.086938099999998</v>
      </c>
    </row>
    <row r="11484" spans="1:10" x14ac:dyDescent="0.35">
      <c r="A11484" s="5" t="s">
        <v>10</v>
      </c>
      <c r="B11484" s="6">
        <v>153153</v>
      </c>
      <c r="C11484" s="6" t="s">
        <v>3788</v>
      </c>
      <c r="D11484" s="6" t="s">
        <v>3974</v>
      </c>
      <c r="E11484" s="6">
        <v>18001</v>
      </c>
      <c r="F11484" s="6" t="s">
        <v>18</v>
      </c>
      <c r="G11484" s="6" t="s">
        <v>9921</v>
      </c>
      <c r="H11484" s="6" t="s">
        <v>9922</v>
      </c>
      <c r="I11484" s="7">
        <v>1.5961211</v>
      </c>
      <c r="J11484" s="8">
        <v>-75.583791499999904</v>
      </c>
    </row>
    <row r="11485" spans="1:10" x14ac:dyDescent="0.35">
      <c r="A11485" s="5" t="s">
        <v>10</v>
      </c>
      <c r="B11485" s="6">
        <v>234401</v>
      </c>
      <c r="C11485" s="6" t="s">
        <v>11</v>
      </c>
      <c r="D11485" s="6" t="s">
        <v>1547</v>
      </c>
      <c r="E11485" s="6">
        <v>25817</v>
      </c>
      <c r="F11485" s="6" t="s">
        <v>18</v>
      </c>
      <c r="G11485" s="6" t="s">
        <v>21736</v>
      </c>
      <c r="H11485" s="6" t="s">
        <v>21737</v>
      </c>
      <c r="I11485" s="7">
        <v>4.9627122999999997</v>
      </c>
      <c r="J11485" s="8">
        <v>-73.933597700000007</v>
      </c>
    </row>
    <row r="11486" spans="1:10" x14ac:dyDescent="0.35">
      <c r="A11486" s="5" t="s">
        <v>10</v>
      </c>
      <c r="B11486" s="6">
        <v>236591</v>
      </c>
      <c r="C11486" s="6" t="s">
        <v>68</v>
      </c>
      <c r="D11486" s="6" t="s">
        <v>69</v>
      </c>
      <c r="E11486" s="6">
        <v>11001</v>
      </c>
      <c r="F11486" s="6" t="s">
        <v>18</v>
      </c>
      <c r="G11486" s="6" t="s">
        <v>21738</v>
      </c>
      <c r="H11486" s="6" t="s">
        <v>21739</v>
      </c>
      <c r="I11486" s="7">
        <v>4.5890569000000001</v>
      </c>
      <c r="J11486" s="8">
        <v>-74.154571399999995</v>
      </c>
    </row>
    <row r="11487" spans="1:10" x14ac:dyDescent="0.35">
      <c r="A11487" s="5" t="s">
        <v>10</v>
      </c>
      <c r="B11487" s="6">
        <v>234814</v>
      </c>
      <c r="C11487" s="6" t="s">
        <v>117</v>
      </c>
      <c r="D11487" s="6" t="s">
        <v>1334</v>
      </c>
      <c r="E11487" s="6">
        <v>76001</v>
      </c>
      <c r="F11487" s="6" t="s">
        <v>18</v>
      </c>
      <c r="G11487" s="6" t="s">
        <v>21740</v>
      </c>
      <c r="H11487" s="6" t="s">
        <v>21741</v>
      </c>
      <c r="I11487" s="7">
        <v>3.4388190999999999</v>
      </c>
      <c r="J11487" s="8">
        <v>-76.471047799999994</v>
      </c>
    </row>
    <row r="11488" spans="1:10" x14ac:dyDescent="0.35">
      <c r="A11488" s="5" t="s">
        <v>10</v>
      </c>
      <c r="B11488" s="6">
        <v>233708</v>
      </c>
      <c r="C11488" s="6" t="s">
        <v>302</v>
      </c>
      <c r="D11488" s="6" t="s">
        <v>7609</v>
      </c>
      <c r="E11488" s="6">
        <v>8436</v>
      </c>
      <c r="F11488" s="6" t="s">
        <v>18</v>
      </c>
      <c r="G11488" s="6" t="s">
        <v>21742</v>
      </c>
      <c r="H11488" s="6" t="s">
        <v>21743</v>
      </c>
      <c r="I11488" s="7">
        <v>10.447100000000001</v>
      </c>
      <c r="J11488" s="8">
        <v>-74.959720000000004</v>
      </c>
    </row>
    <row r="11489" spans="1:10" x14ac:dyDescent="0.35">
      <c r="A11489" s="5" t="s">
        <v>10</v>
      </c>
      <c r="B11489" s="6">
        <v>211620</v>
      </c>
      <c r="C11489" s="6" t="s">
        <v>16</v>
      </c>
      <c r="D11489" s="6" t="s">
        <v>2825</v>
      </c>
      <c r="E11489" s="6">
        <v>68276</v>
      </c>
      <c r="F11489" s="6" t="s">
        <v>18</v>
      </c>
      <c r="G11489" s="6" t="s">
        <v>21744</v>
      </c>
      <c r="H11489" s="6" t="s">
        <v>21745</v>
      </c>
      <c r="I11489" s="7">
        <v>7.0752742999999896</v>
      </c>
      <c r="J11489" s="8">
        <v>-73.111931499999997</v>
      </c>
    </row>
    <row r="11490" spans="1:10" x14ac:dyDescent="0.35">
      <c r="A11490" s="5" t="s">
        <v>10</v>
      </c>
      <c r="B11490" s="6">
        <v>153389</v>
      </c>
      <c r="C11490" s="6" t="s">
        <v>3788</v>
      </c>
      <c r="D11490" s="6" t="s">
        <v>3974</v>
      </c>
      <c r="E11490" s="6">
        <v>18001</v>
      </c>
      <c r="F11490" s="6" t="s">
        <v>18</v>
      </c>
      <c r="G11490" s="6" t="s">
        <v>8129</v>
      </c>
      <c r="H11490" s="6" t="s">
        <v>8130</v>
      </c>
      <c r="I11490" s="7">
        <v>1.6186545000000001</v>
      </c>
      <c r="J11490" s="8">
        <v>-75.605133600000002</v>
      </c>
    </row>
    <row r="11491" spans="1:10" x14ac:dyDescent="0.35">
      <c r="A11491" s="5" t="s">
        <v>10</v>
      </c>
      <c r="B11491" s="6">
        <v>234627</v>
      </c>
      <c r="C11491" s="6" t="s">
        <v>294</v>
      </c>
      <c r="D11491" s="6" t="s">
        <v>5054</v>
      </c>
      <c r="E11491" s="6">
        <v>41615</v>
      </c>
      <c r="F11491" s="6" t="s">
        <v>18</v>
      </c>
      <c r="G11491" s="6" t="s">
        <v>21746</v>
      </c>
      <c r="H11491" s="6" t="s">
        <v>21747</v>
      </c>
      <c r="I11491" s="7">
        <v>2.7797022</v>
      </c>
      <c r="J11491" s="8">
        <v>-75.259970800000005</v>
      </c>
    </row>
    <row r="11492" spans="1:10" x14ac:dyDescent="0.35">
      <c r="A11492" s="5" t="s">
        <v>10</v>
      </c>
      <c r="B11492" s="6">
        <v>204168</v>
      </c>
      <c r="C11492" s="6" t="s">
        <v>68</v>
      </c>
      <c r="D11492" s="6" t="s">
        <v>69</v>
      </c>
      <c r="E11492" s="6">
        <v>11001</v>
      </c>
      <c r="F11492" s="6" t="s">
        <v>13</v>
      </c>
      <c r="G11492" s="6" t="s">
        <v>21748</v>
      </c>
      <c r="H11492" s="6" t="s">
        <v>21749</v>
      </c>
      <c r="I11492" s="7">
        <v>4.5676195000000002</v>
      </c>
      <c r="J11492" s="8">
        <v>-74.114818299999996</v>
      </c>
    </row>
    <row r="11493" spans="1:10" x14ac:dyDescent="0.35">
      <c r="A11493" s="5" t="s">
        <v>10</v>
      </c>
      <c r="B11493" s="6">
        <v>220354</v>
      </c>
      <c r="C11493" s="6" t="s">
        <v>16</v>
      </c>
      <c r="D11493" s="6" t="s">
        <v>78</v>
      </c>
      <c r="E11493" s="6">
        <v>68001</v>
      </c>
      <c r="F11493" s="6" t="s">
        <v>18</v>
      </c>
      <c r="G11493" s="6" t="s">
        <v>21750</v>
      </c>
      <c r="H11493" s="6" t="s">
        <v>21751</v>
      </c>
      <c r="I11493" s="7">
        <v>7.1270053999999998</v>
      </c>
      <c r="J11493" s="8">
        <v>-73.1251867</v>
      </c>
    </row>
    <row r="11494" spans="1:10" x14ac:dyDescent="0.35">
      <c r="A11494" s="5" t="s">
        <v>10</v>
      </c>
      <c r="B11494" s="6">
        <v>245768</v>
      </c>
      <c r="C11494" s="6" t="s">
        <v>61</v>
      </c>
      <c r="D11494" s="6" t="s">
        <v>62</v>
      </c>
      <c r="E11494" s="6">
        <v>63001</v>
      </c>
      <c r="F11494" s="6" t="s">
        <v>18</v>
      </c>
      <c r="G11494" s="6" t="s">
        <v>21752</v>
      </c>
      <c r="H11494" s="6" t="s">
        <v>21753</v>
      </c>
      <c r="I11494" s="7">
        <v>4.5350166999999999</v>
      </c>
      <c r="J11494" s="8">
        <v>-75.675678899999994</v>
      </c>
    </row>
    <row r="11495" spans="1:10" x14ac:dyDescent="0.35">
      <c r="A11495" s="5" t="s">
        <v>10</v>
      </c>
      <c r="B11495" s="6">
        <v>226639</v>
      </c>
      <c r="C11495" s="6" t="s">
        <v>278</v>
      </c>
      <c r="D11495" s="6" t="s">
        <v>1331</v>
      </c>
      <c r="E11495" s="6">
        <v>50006</v>
      </c>
      <c r="F11495" s="6" t="s">
        <v>18</v>
      </c>
      <c r="G11495" s="6" t="s">
        <v>21754</v>
      </c>
      <c r="H11495" s="6" t="s">
        <v>21755</v>
      </c>
      <c r="I11495" s="7">
        <v>3.9905929000000002</v>
      </c>
      <c r="J11495" s="8">
        <v>-73.759530799999993</v>
      </c>
    </row>
    <row r="11496" spans="1:10" x14ac:dyDescent="0.35">
      <c r="A11496" s="5" t="s">
        <v>10</v>
      </c>
      <c r="B11496" s="6">
        <v>199431</v>
      </c>
      <c r="C11496" s="6" t="s">
        <v>190</v>
      </c>
      <c r="D11496" s="6" t="s">
        <v>191</v>
      </c>
      <c r="E11496" s="6">
        <v>5001</v>
      </c>
      <c r="F11496" s="6" t="s">
        <v>2161</v>
      </c>
      <c r="G11496" s="6" t="s">
        <v>21756</v>
      </c>
      <c r="H11496" s="6" t="s">
        <v>21757</v>
      </c>
      <c r="I11496" s="7">
        <v>6.2269848000000003</v>
      </c>
      <c r="J11496" s="8">
        <v>-75.577066299999998</v>
      </c>
    </row>
    <row r="11497" spans="1:10" x14ac:dyDescent="0.35">
      <c r="A11497" s="5" t="s">
        <v>10</v>
      </c>
      <c r="B11497" s="6">
        <v>218385</v>
      </c>
      <c r="C11497" s="6" t="s">
        <v>294</v>
      </c>
      <c r="D11497" s="6" t="s">
        <v>703</v>
      </c>
      <c r="E11497" s="6">
        <v>41001</v>
      </c>
      <c r="F11497" s="6" t="s">
        <v>18</v>
      </c>
      <c r="G11497" s="6" t="s">
        <v>21758</v>
      </c>
      <c r="H11497" s="6" t="s">
        <v>21759</v>
      </c>
      <c r="I11497" s="7">
        <v>2.9800532999999998</v>
      </c>
      <c r="J11497" s="8">
        <v>-75.282702599999993</v>
      </c>
    </row>
    <row r="11498" spans="1:10" x14ac:dyDescent="0.35">
      <c r="A11498" s="5" t="s">
        <v>10</v>
      </c>
      <c r="B11498" s="6">
        <v>186443</v>
      </c>
      <c r="C11498" s="6" t="s">
        <v>68</v>
      </c>
      <c r="D11498" s="6" t="s">
        <v>69</v>
      </c>
      <c r="E11498" s="6">
        <v>11001</v>
      </c>
      <c r="F11498" s="6" t="s">
        <v>18</v>
      </c>
      <c r="G11498" s="6" t="s">
        <v>21760</v>
      </c>
      <c r="H11498" s="6" t="s">
        <v>21761</v>
      </c>
      <c r="I11498" s="7">
        <v>4.6223409000000002</v>
      </c>
      <c r="J11498" s="8">
        <v>-74.133754199999998</v>
      </c>
    </row>
    <row r="11499" spans="1:10" x14ac:dyDescent="0.35">
      <c r="A11499" s="5" t="s">
        <v>10</v>
      </c>
      <c r="B11499" s="6">
        <v>241494</v>
      </c>
      <c r="C11499" s="6" t="s">
        <v>308</v>
      </c>
      <c r="D11499" s="6" t="s">
        <v>16094</v>
      </c>
      <c r="E11499" s="6">
        <v>23090</v>
      </c>
      <c r="F11499" s="6" t="s">
        <v>18</v>
      </c>
      <c r="G11499" s="6" t="s">
        <v>21762</v>
      </c>
      <c r="H11499" s="6" t="s">
        <v>21763</v>
      </c>
      <c r="I11499" s="7">
        <v>8.7863959000000005</v>
      </c>
      <c r="J11499" s="8">
        <v>-76.240818700000005</v>
      </c>
    </row>
    <row r="11500" spans="1:10" x14ac:dyDescent="0.35">
      <c r="A11500" s="5" t="s">
        <v>10</v>
      </c>
      <c r="B11500" s="6">
        <v>246435</v>
      </c>
      <c r="C11500" s="6" t="s">
        <v>38</v>
      </c>
      <c r="D11500" s="6" t="s">
        <v>39</v>
      </c>
      <c r="E11500" s="6">
        <v>19001</v>
      </c>
      <c r="F11500" s="6" t="s">
        <v>18</v>
      </c>
      <c r="G11500" s="6" t="s">
        <v>21764</v>
      </c>
      <c r="H11500" s="6" t="s">
        <v>21765</v>
      </c>
      <c r="I11500" s="7">
        <v>2.4473693999999999</v>
      </c>
      <c r="J11500" s="8">
        <v>-76.588072699999998</v>
      </c>
    </row>
    <row r="11501" spans="1:10" x14ac:dyDescent="0.35">
      <c r="A11501" s="5" t="s">
        <v>10</v>
      </c>
      <c r="B11501" s="6">
        <v>220114</v>
      </c>
      <c r="C11501" s="6" t="s">
        <v>16</v>
      </c>
      <c r="D11501" s="6" t="s">
        <v>2825</v>
      </c>
      <c r="E11501" s="6">
        <v>68276</v>
      </c>
      <c r="F11501" s="6" t="s">
        <v>18</v>
      </c>
      <c r="G11501" s="6" t="s">
        <v>21766</v>
      </c>
      <c r="H11501" s="6" t="s">
        <v>21767</v>
      </c>
      <c r="I11501" s="7">
        <v>7.0692539999999999</v>
      </c>
      <c r="J11501" s="8">
        <v>-73.081017500000002</v>
      </c>
    </row>
    <row r="11502" spans="1:10" x14ac:dyDescent="0.35">
      <c r="A11502" s="5" t="s">
        <v>10</v>
      </c>
      <c r="B11502" s="6">
        <v>207788</v>
      </c>
      <c r="C11502" s="6" t="s">
        <v>16</v>
      </c>
      <c r="D11502" s="6" t="s">
        <v>78</v>
      </c>
      <c r="E11502" s="6">
        <v>68001</v>
      </c>
      <c r="F11502" s="6" t="s">
        <v>18</v>
      </c>
      <c r="G11502" s="6" t="s">
        <v>21768</v>
      </c>
      <c r="H11502" s="6" t="s">
        <v>21769</v>
      </c>
      <c r="I11502" s="7">
        <v>7.0796501999999997</v>
      </c>
      <c r="J11502" s="8">
        <v>-73.122490099999993</v>
      </c>
    </row>
    <row r="11503" spans="1:10" x14ac:dyDescent="0.35">
      <c r="A11503" s="5" t="s">
        <v>10</v>
      </c>
      <c r="B11503" s="6">
        <v>207885</v>
      </c>
      <c r="C11503" s="6" t="s">
        <v>294</v>
      </c>
      <c r="D11503" s="6" t="s">
        <v>703</v>
      </c>
      <c r="E11503" s="6">
        <v>41001</v>
      </c>
      <c r="F11503" s="6" t="s">
        <v>18</v>
      </c>
      <c r="G11503" s="6" t="s">
        <v>21770</v>
      </c>
      <c r="H11503" s="6" t="s">
        <v>21771</v>
      </c>
      <c r="I11503" s="7">
        <v>2.9478604000000002</v>
      </c>
      <c r="J11503" s="8">
        <v>-75.298005199999906</v>
      </c>
    </row>
    <row r="11504" spans="1:10" x14ac:dyDescent="0.35">
      <c r="A11504" s="5" t="s">
        <v>10</v>
      </c>
      <c r="B11504" s="6">
        <v>203372</v>
      </c>
      <c r="C11504" s="6" t="s">
        <v>294</v>
      </c>
      <c r="D11504" s="6" t="s">
        <v>703</v>
      </c>
      <c r="E11504" s="6">
        <v>41001</v>
      </c>
      <c r="F11504" s="6" t="s">
        <v>18</v>
      </c>
      <c r="G11504" s="6" t="s">
        <v>21772</v>
      </c>
      <c r="H11504" s="6" t="s">
        <v>21773</v>
      </c>
      <c r="I11504" s="7">
        <v>2.9380772999999998</v>
      </c>
      <c r="J11504" s="8">
        <v>-75.275413</v>
      </c>
    </row>
    <row r="11505" spans="1:10" x14ac:dyDescent="0.35">
      <c r="A11505" s="5" t="s">
        <v>10</v>
      </c>
      <c r="B11505" s="6">
        <v>236180</v>
      </c>
      <c r="C11505" s="6" t="s">
        <v>16</v>
      </c>
      <c r="D11505" s="6" t="s">
        <v>21774</v>
      </c>
      <c r="E11505" s="6">
        <v>68162</v>
      </c>
      <c r="F11505" s="6" t="s">
        <v>18</v>
      </c>
      <c r="G11505" s="6" t="s">
        <v>21775</v>
      </c>
      <c r="H11505" s="6" t="s">
        <v>21776</v>
      </c>
      <c r="I11505" s="7">
        <v>6.7682916999999998</v>
      </c>
      <c r="J11505" s="8">
        <v>-72.694874999999996</v>
      </c>
    </row>
    <row r="11506" spans="1:10" x14ac:dyDescent="0.35">
      <c r="A11506" s="5" t="s">
        <v>10</v>
      </c>
      <c r="B11506" s="6">
        <v>243446</v>
      </c>
      <c r="C11506" s="6" t="s">
        <v>308</v>
      </c>
      <c r="D11506" s="6" t="s">
        <v>9087</v>
      </c>
      <c r="E11506" s="6">
        <v>23419</v>
      </c>
      <c r="F11506" s="6" t="s">
        <v>18</v>
      </c>
      <c r="G11506" s="6" t="s">
        <v>21777</v>
      </c>
      <c r="H11506" s="6" t="s">
        <v>21778</v>
      </c>
      <c r="I11506" s="7">
        <v>8.8950800000000001</v>
      </c>
      <c r="J11506" s="8">
        <v>-76.354590000000002</v>
      </c>
    </row>
    <row r="11507" spans="1:10" x14ac:dyDescent="0.35">
      <c r="A11507" s="5" t="s">
        <v>10</v>
      </c>
      <c r="B11507" s="6">
        <v>236489</v>
      </c>
      <c r="C11507" s="6" t="s">
        <v>16</v>
      </c>
      <c r="D11507" s="6" t="s">
        <v>1266</v>
      </c>
      <c r="E11507" s="6">
        <v>68081</v>
      </c>
      <c r="F11507" s="6" t="s">
        <v>18</v>
      </c>
      <c r="G11507" s="6" t="s">
        <v>21779</v>
      </c>
      <c r="H11507" s="6" t="s">
        <v>21780</v>
      </c>
      <c r="I11507" s="7">
        <v>7.0521210999999999</v>
      </c>
      <c r="J11507" s="8">
        <v>-73.825229899999997</v>
      </c>
    </row>
    <row r="11508" spans="1:10" x14ac:dyDescent="0.35">
      <c r="A11508" s="5" t="s">
        <v>10</v>
      </c>
      <c r="B11508" s="6">
        <v>208658</v>
      </c>
      <c r="C11508" s="6" t="s">
        <v>68</v>
      </c>
      <c r="D11508" s="6" t="s">
        <v>69</v>
      </c>
      <c r="E11508" s="6">
        <v>11001</v>
      </c>
      <c r="F11508" s="6" t="s">
        <v>18</v>
      </c>
      <c r="G11508" s="6" t="s">
        <v>6636</v>
      </c>
      <c r="H11508" s="6" t="s">
        <v>21781</v>
      </c>
      <c r="I11508" s="7">
        <v>4.7083966999999998</v>
      </c>
      <c r="J11508" s="8">
        <v>-74.103475699999905</v>
      </c>
    </row>
    <row r="11509" spans="1:10" x14ac:dyDescent="0.35">
      <c r="A11509" s="5" t="s">
        <v>10</v>
      </c>
      <c r="B11509" s="6">
        <v>211169</v>
      </c>
      <c r="C11509" s="6" t="s">
        <v>4364</v>
      </c>
      <c r="D11509" s="6" t="s">
        <v>7995</v>
      </c>
      <c r="E11509" s="6">
        <v>70508</v>
      </c>
      <c r="F11509" s="6" t="s">
        <v>18</v>
      </c>
      <c r="G11509" s="6" t="s">
        <v>21782</v>
      </c>
      <c r="H11509" s="6" t="s">
        <v>21783</v>
      </c>
      <c r="I11509" s="7">
        <v>9.5273713000000004</v>
      </c>
      <c r="J11509" s="8">
        <v>-75.227026499999994</v>
      </c>
    </row>
    <row r="11510" spans="1:10" x14ac:dyDescent="0.35">
      <c r="A11510" s="5" t="s">
        <v>10</v>
      </c>
      <c r="B11510" s="6">
        <v>201488</v>
      </c>
      <c r="C11510" s="6" t="s">
        <v>38</v>
      </c>
      <c r="D11510" s="6" t="s">
        <v>39</v>
      </c>
      <c r="E11510" s="6">
        <v>19001</v>
      </c>
      <c r="F11510" s="6" t="s">
        <v>18</v>
      </c>
      <c r="G11510" s="6" t="s">
        <v>21784</v>
      </c>
      <c r="H11510" s="6" t="s">
        <v>21785</v>
      </c>
      <c r="I11510" s="7">
        <v>2.4355720000000001</v>
      </c>
      <c r="J11510" s="8">
        <v>-76.618638000000004</v>
      </c>
    </row>
    <row r="11511" spans="1:10" x14ac:dyDescent="0.35">
      <c r="A11511" s="5" t="s">
        <v>10</v>
      </c>
      <c r="B11511" s="6">
        <v>229165</v>
      </c>
      <c r="C11511" s="6" t="s">
        <v>3788</v>
      </c>
      <c r="D11511" s="6" t="s">
        <v>6771</v>
      </c>
      <c r="E11511" s="6">
        <v>18753</v>
      </c>
      <c r="F11511" s="6" t="s">
        <v>18</v>
      </c>
      <c r="G11511" s="6" t="s">
        <v>21786</v>
      </c>
      <c r="H11511" s="6" t="s">
        <v>21787</v>
      </c>
      <c r="I11511" s="7">
        <v>2.1136446000000002</v>
      </c>
      <c r="J11511" s="8">
        <v>-74.773205599999997</v>
      </c>
    </row>
    <row r="11512" spans="1:10" x14ac:dyDescent="0.35">
      <c r="A11512" s="5" t="s">
        <v>10</v>
      </c>
      <c r="B11512" s="6">
        <v>231201</v>
      </c>
      <c r="C11512" s="6" t="s">
        <v>55</v>
      </c>
      <c r="D11512" s="6" t="s">
        <v>56</v>
      </c>
      <c r="E11512" s="6">
        <v>73001</v>
      </c>
      <c r="F11512" s="6" t="s">
        <v>18</v>
      </c>
      <c r="G11512" s="6" t="s">
        <v>21788</v>
      </c>
      <c r="H11512" s="6" t="s">
        <v>21789</v>
      </c>
      <c r="I11512" s="7">
        <v>4.4456813999999998</v>
      </c>
      <c r="J11512" s="8">
        <v>-75.240522100000007</v>
      </c>
    </row>
    <row r="11513" spans="1:10" x14ac:dyDescent="0.35">
      <c r="A11513" s="5" t="s">
        <v>10</v>
      </c>
      <c r="B11513" s="6">
        <v>202946</v>
      </c>
      <c r="C11513" s="6" t="s">
        <v>4364</v>
      </c>
      <c r="D11513" s="6" t="s">
        <v>8079</v>
      </c>
      <c r="E11513" s="6">
        <v>70215</v>
      </c>
      <c r="F11513" s="6" t="s">
        <v>18</v>
      </c>
      <c r="G11513" s="6" t="s">
        <v>21790</v>
      </c>
      <c r="H11513" s="6" t="s">
        <v>21791</v>
      </c>
      <c r="I11513" s="7">
        <v>9.3234199999999898</v>
      </c>
      <c r="J11513" s="8">
        <v>-75.294909199999907</v>
      </c>
    </row>
    <row r="11514" spans="1:10" x14ac:dyDescent="0.35">
      <c r="A11514" s="5" t="s">
        <v>10</v>
      </c>
      <c r="B11514" s="6">
        <v>198303</v>
      </c>
      <c r="C11514" s="6" t="s">
        <v>38</v>
      </c>
      <c r="D11514" s="6" t="s">
        <v>39</v>
      </c>
      <c r="E11514" s="6">
        <v>19001</v>
      </c>
      <c r="F11514" s="6" t="s">
        <v>18</v>
      </c>
      <c r="G11514" s="6" t="s">
        <v>21792</v>
      </c>
      <c r="H11514" s="6" t="s">
        <v>21793</v>
      </c>
      <c r="I11514" s="7">
        <v>2.4477462000000001</v>
      </c>
      <c r="J11514" s="8">
        <v>-76.594956800000006</v>
      </c>
    </row>
    <row r="11515" spans="1:10" x14ac:dyDescent="0.35">
      <c r="A11515" s="5" t="s">
        <v>10</v>
      </c>
      <c r="B11515" s="6">
        <v>231109</v>
      </c>
      <c r="C11515" s="6" t="s">
        <v>68</v>
      </c>
      <c r="D11515" s="6" t="s">
        <v>69</v>
      </c>
      <c r="E11515" s="6">
        <v>11001</v>
      </c>
      <c r="F11515" s="6" t="s">
        <v>13</v>
      </c>
      <c r="G11515" s="6" t="s">
        <v>21794</v>
      </c>
      <c r="H11515" s="6" t="s">
        <v>21795</v>
      </c>
      <c r="I11515" s="7">
        <v>4.6087020000000001</v>
      </c>
      <c r="J11515" s="8">
        <v>-74.146721799999995</v>
      </c>
    </row>
    <row r="11516" spans="1:10" x14ac:dyDescent="0.35">
      <c r="A11516" s="5" t="s">
        <v>10</v>
      </c>
      <c r="B11516" s="6">
        <v>214298</v>
      </c>
      <c r="C11516" s="6" t="s">
        <v>366</v>
      </c>
      <c r="D11516" s="6" t="s">
        <v>8296</v>
      </c>
      <c r="E11516" s="6">
        <v>44001</v>
      </c>
      <c r="F11516" s="6" t="s">
        <v>18</v>
      </c>
      <c r="G11516" s="6" t="s">
        <v>21796</v>
      </c>
      <c r="H11516" s="6" t="s">
        <v>21797</v>
      </c>
      <c r="I11516" s="7">
        <v>11.5380257</v>
      </c>
      <c r="J11516" s="8">
        <v>-72.916802799999999</v>
      </c>
    </row>
    <row r="11517" spans="1:10" x14ac:dyDescent="0.35">
      <c r="A11517" s="5" t="s">
        <v>10</v>
      </c>
      <c r="B11517" s="6">
        <v>218141</v>
      </c>
      <c r="C11517" s="6" t="s">
        <v>38</v>
      </c>
      <c r="D11517" s="6" t="s">
        <v>39</v>
      </c>
      <c r="E11517" s="6">
        <v>19001</v>
      </c>
      <c r="F11517" s="6" t="s">
        <v>18</v>
      </c>
      <c r="G11517" s="6" t="s">
        <v>21798</v>
      </c>
      <c r="H11517" s="6" t="s">
        <v>21799</v>
      </c>
      <c r="I11517" s="7">
        <v>2.4479389</v>
      </c>
      <c r="J11517" s="8">
        <v>-76.603676699999994</v>
      </c>
    </row>
    <row r="11518" spans="1:10" x14ac:dyDescent="0.35">
      <c r="A11518" s="5" t="s">
        <v>10</v>
      </c>
      <c r="B11518" s="6">
        <v>234970</v>
      </c>
      <c r="C11518" s="6" t="s">
        <v>551</v>
      </c>
      <c r="D11518" s="6" t="s">
        <v>552</v>
      </c>
      <c r="E11518" s="6">
        <v>20250</v>
      </c>
      <c r="F11518" s="6" t="s">
        <v>18</v>
      </c>
      <c r="G11518" s="6" t="s">
        <v>21800</v>
      </c>
      <c r="H11518" s="6" t="s">
        <v>21801</v>
      </c>
      <c r="I11518" s="7">
        <v>9.6614360000000001</v>
      </c>
      <c r="J11518" s="8">
        <v>-73.746430000000004</v>
      </c>
    </row>
    <row r="11519" spans="1:10" x14ac:dyDescent="0.35">
      <c r="A11519" s="5" t="s">
        <v>10</v>
      </c>
      <c r="B11519" s="6">
        <v>88124</v>
      </c>
      <c r="C11519" s="6" t="s">
        <v>294</v>
      </c>
      <c r="D11519" s="6" t="s">
        <v>447</v>
      </c>
      <c r="E11519" s="6">
        <v>41551</v>
      </c>
      <c r="F11519" s="6" t="s">
        <v>18</v>
      </c>
      <c r="G11519" s="6" t="s">
        <v>21802</v>
      </c>
      <c r="H11519" s="6" t="s">
        <v>21803</v>
      </c>
      <c r="I11519" s="7">
        <v>1.8563308999999999</v>
      </c>
      <c r="J11519" s="8">
        <v>-76.046161099999907</v>
      </c>
    </row>
    <row r="11520" spans="1:10" x14ac:dyDescent="0.35">
      <c r="A11520" s="5" t="s">
        <v>10</v>
      </c>
      <c r="B11520" s="6">
        <v>245421</v>
      </c>
      <c r="C11520" s="6" t="s">
        <v>308</v>
      </c>
      <c r="D11520" s="6" t="s">
        <v>8599</v>
      </c>
      <c r="E11520" s="6">
        <v>23815</v>
      </c>
      <c r="F11520" s="6" t="s">
        <v>18</v>
      </c>
      <c r="G11520" s="6" t="s">
        <v>21804</v>
      </c>
      <c r="H11520" s="6" t="s">
        <v>21805</v>
      </c>
      <c r="I11520" s="7">
        <v>9.1877803</v>
      </c>
      <c r="J11520" s="8">
        <v>-75.554484700000003</v>
      </c>
    </row>
    <row r="11521" spans="1:10" x14ac:dyDescent="0.35">
      <c r="A11521" s="5" t="s">
        <v>10</v>
      </c>
      <c r="B11521" s="6">
        <v>235519</v>
      </c>
      <c r="C11521" s="6" t="s">
        <v>366</v>
      </c>
      <c r="D11521" s="6" t="s">
        <v>8296</v>
      </c>
      <c r="E11521" s="6">
        <v>44001</v>
      </c>
      <c r="F11521" s="6" t="s">
        <v>18</v>
      </c>
      <c r="G11521" s="6" t="s">
        <v>21806</v>
      </c>
      <c r="H11521" s="6" t="s">
        <v>21807</v>
      </c>
      <c r="I11521" s="7">
        <v>11.5384151</v>
      </c>
      <c r="J11521" s="8">
        <v>-72.916783800000005</v>
      </c>
    </row>
    <row r="11522" spans="1:10" x14ac:dyDescent="0.35">
      <c r="A11522" s="5" t="s">
        <v>10</v>
      </c>
      <c r="B11522" s="6">
        <v>231464</v>
      </c>
      <c r="C11522" s="6" t="s">
        <v>308</v>
      </c>
      <c r="D11522" s="6" t="s">
        <v>8102</v>
      </c>
      <c r="E11522" s="6">
        <v>23417</v>
      </c>
      <c r="F11522" s="6" t="s">
        <v>18</v>
      </c>
      <c r="G11522" s="6" t="s">
        <v>21808</v>
      </c>
      <c r="H11522" s="6" t="s">
        <v>21809</v>
      </c>
      <c r="I11522" s="7">
        <v>9.2314802</v>
      </c>
      <c r="J11522" s="8">
        <v>-75.817183499999999</v>
      </c>
    </row>
    <row r="11523" spans="1:10" x14ac:dyDescent="0.35">
      <c r="A11523" s="5" t="s">
        <v>10</v>
      </c>
      <c r="B11523" s="6">
        <v>239383</v>
      </c>
      <c r="C11523" s="6" t="s">
        <v>61</v>
      </c>
      <c r="D11523" s="6" t="s">
        <v>2676</v>
      </c>
      <c r="E11523" s="6">
        <v>63594</v>
      </c>
      <c r="F11523" s="6" t="s">
        <v>18</v>
      </c>
      <c r="G11523" s="6" t="s">
        <v>21810</v>
      </c>
      <c r="H11523" s="6" t="s">
        <v>21811</v>
      </c>
      <c r="I11523" s="7">
        <v>4.6232870000000004</v>
      </c>
      <c r="J11523" s="8">
        <v>-75.761847799999998</v>
      </c>
    </row>
    <row r="11524" spans="1:10" x14ac:dyDescent="0.35">
      <c r="A11524" s="5" t="s">
        <v>10</v>
      </c>
      <c r="B11524" s="6">
        <v>239658</v>
      </c>
      <c r="C11524" s="6" t="s">
        <v>94</v>
      </c>
      <c r="D11524" s="6" t="s">
        <v>98</v>
      </c>
      <c r="E11524" s="6">
        <v>66001</v>
      </c>
      <c r="F11524" s="6" t="s">
        <v>18</v>
      </c>
      <c r="G11524" s="6" t="s">
        <v>21812</v>
      </c>
      <c r="H11524" s="6" t="s">
        <v>8623</v>
      </c>
      <c r="I11524" s="7">
        <v>4.8086798000000002</v>
      </c>
      <c r="J11524" s="8">
        <v>-75.690879300000006</v>
      </c>
    </row>
    <row r="11525" spans="1:10" x14ac:dyDescent="0.35">
      <c r="A11525" s="5" t="s">
        <v>10</v>
      </c>
      <c r="B11525" s="6">
        <v>224590</v>
      </c>
      <c r="C11525" s="6" t="s">
        <v>68</v>
      </c>
      <c r="D11525" s="6" t="s">
        <v>69</v>
      </c>
      <c r="E11525" s="6">
        <v>11001</v>
      </c>
      <c r="F11525" s="6" t="s">
        <v>18</v>
      </c>
      <c r="G11525" s="6" t="s">
        <v>21813</v>
      </c>
      <c r="H11525" s="6" t="s">
        <v>21814</v>
      </c>
      <c r="I11525" s="7">
        <v>4.5621767999999996</v>
      </c>
      <c r="J11525" s="8">
        <v>-74.088539499999996</v>
      </c>
    </row>
    <row r="11526" spans="1:10" x14ac:dyDescent="0.35">
      <c r="A11526" s="5" t="s">
        <v>10</v>
      </c>
      <c r="B11526" s="6">
        <v>168879</v>
      </c>
      <c r="C11526" s="6" t="s">
        <v>7527</v>
      </c>
      <c r="D11526" s="6" t="s">
        <v>21815</v>
      </c>
      <c r="E11526" s="6">
        <v>27491</v>
      </c>
      <c r="F11526" s="6" t="s">
        <v>18</v>
      </c>
      <c r="G11526" s="6" t="s">
        <v>21816</v>
      </c>
      <c r="H11526" s="6" t="s">
        <v>21817</v>
      </c>
      <c r="I11526" s="7">
        <v>4.9561669999999998</v>
      </c>
      <c r="J11526" s="8">
        <v>-76.607348999999999</v>
      </c>
    </row>
    <row r="11527" spans="1:10" x14ac:dyDescent="0.35">
      <c r="A11527" s="5" t="s">
        <v>10</v>
      </c>
      <c r="B11527" s="6">
        <v>236653</v>
      </c>
      <c r="C11527" s="6" t="s">
        <v>16</v>
      </c>
      <c r="D11527" s="6" t="s">
        <v>636</v>
      </c>
      <c r="E11527" s="6">
        <v>68271</v>
      </c>
      <c r="F11527" s="6" t="s">
        <v>18</v>
      </c>
      <c r="G11527" s="6" t="s">
        <v>21818</v>
      </c>
      <c r="H11527" s="6" t="s">
        <v>21819</v>
      </c>
      <c r="I11527" s="7">
        <v>5.8046810999999998</v>
      </c>
      <c r="J11527" s="8">
        <v>-73.970115699999994</v>
      </c>
    </row>
    <row r="11528" spans="1:10" x14ac:dyDescent="0.35">
      <c r="A11528" s="5" t="s">
        <v>10</v>
      </c>
      <c r="B11528" s="6">
        <v>241655</v>
      </c>
      <c r="C11528" s="6" t="s">
        <v>94</v>
      </c>
      <c r="D11528" s="6" t="s">
        <v>98</v>
      </c>
      <c r="E11528" s="6">
        <v>66001</v>
      </c>
      <c r="F11528" s="6" t="s">
        <v>18</v>
      </c>
      <c r="G11528" s="6" t="s">
        <v>21820</v>
      </c>
      <c r="H11528" s="6" t="s">
        <v>21821</v>
      </c>
      <c r="I11528" s="7">
        <v>4.8065642999999998</v>
      </c>
      <c r="J11528" s="8">
        <v>-75.726703299999997</v>
      </c>
    </row>
    <row r="11529" spans="1:10" x14ac:dyDescent="0.35">
      <c r="A11529" s="5" t="s">
        <v>10</v>
      </c>
      <c r="B11529" s="6">
        <v>198111</v>
      </c>
      <c r="C11529" s="6" t="s">
        <v>3788</v>
      </c>
      <c r="D11529" s="6" t="s">
        <v>3974</v>
      </c>
      <c r="E11529" s="6">
        <v>18001</v>
      </c>
      <c r="F11529" s="6" t="s">
        <v>18</v>
      </c>
      <c r="G11529" s="6" t="s">
        <v>11073</v>
      </c>
      <c r="H11529" s="6" t="s">
        <v>11074</v>
      </c>
      <c r="I11529" s="7">
        <v>1.6140456999999999</v>
      </c>
      <c r="J11529" s="8">
        <v>-75.612645599999993</v>
      </c>
    </row>
    <row r="11530" spans="1:10" x14ac:dyDescent="0.35">
      <c r="A11530" s="5" t="s">
        <v>10</v>
      </c>
      <c r="B11530" s="6">
        <v>237922</v>
      </c>
      <c r="C11530" s="6" t="s">
        <v>68</v>
      </c>
      <c r="D11530" s="6" t="s">
        <v>69</v>
      </c>
      <c r="E11530" s="6">
        <v>11001</v>
      </c>
      <c r="F11530" s="6" t="s">
        <v>13</v>
      </c>
      <c r="G11530" s="6" t="s">
        <v>21822</v>
      </c>
      <c r="H11530" s="6" t="s">
        <v>21823</v>
      </c>
      <c r="I11530" s="7">
        <v>4.6146763999999996</v>
      </c>
      <c r="J11530" s="8">
        <v>-74.102749099999997</v>
      </c>
    </row>
    <row r="11531" spans="1:10" x14ac:dyDescent="0.35">
      <c r="A11531" s="5" t="s">
        <v>10</v>
      </c>
      <c r="B11531" s="6">
        <v>102628</v>
      </c>
      <c r="C11531" s="6" t="s">
        <v>11</v>
      </c>
      <c r="D11531" s="6" t="s">
        <v>6067</v>
      </c>
      <c r="E11531" s="6">
        <v>25288</v>
      </c>
      <c r="F11531" s="6" t="s">
        <v>18</v>
      </c>
      <c r="G11531" s="6" t="s">
        <v>21591</v>
      </c>
      <c r="H11531" s="6" t="s">
        <v>21592</v>
      </c>
      <c r="I11531" s="7">
        <v>4.8084771999999996</v>
      </c>
      <c r="J11531" s="8">
        <v>-74.3549431</v>
      </c>
    </row>
    <row r="11532" spans="1:10" x14ac:dyDescent="0.35">
      <c r="A11532" s="5" t="s">
        <v>10</v>
      </c>
      <c r="B11532" s="6">
        <v>168879</v>
      </c>
      <c r="C11532" s="6" t="s">
        <v>7527</v>
      </c>
      <c r="D11532" s="6" t="s">
        <v>21815</v>
      </c>
      <c r="E11532" s="6">
        <v>27491</v>
      </c>
      <c r="F11532" s="6" t="s">
        <v>18</v>
      </c>
      <c r="G11532" s="6" t="s">
        <v>21816</v>
      </c>
      <c r="H11532" s="6" t="s">
        <v>21817</v>
      </c>
      <c r="I11532" s="7">
        <v>4.9561669999999998</v>
      </c>
      <c r="J11532" s="8">
        <v>-76.607348999999999</v>
      </c>
    </row>
    <row r="11533" spans="1:10" x14ac:dyDescent="0.35">
      <c r="A11533" s="5" t="s">
        <v>10</v>
      </c>
      <c r="B11533" s="6">
        <v>220345</v>
      </c>
      <c r="C11533" s="6" t="s">
        <v>16</v>
      </c>
      <c r="D11533" s="6" t="s">
        <v>2825</v>
      </c>
      <c r="E11533" s="6">
        <v>68276</v>
      </c>
      <c r="F11533" s="6" t="s">
        <v>18</v>
      </c>
      <c r="G11533" s="6" t="s">
        <v>21824</v>
      </c>
      <c r="H11533" s="6" t="s">
        <v>21825</v>
      </c>
      <c r="I11533" s="7">
        <v>7.0785584999999998</v>
      </c>
      <c r="J11533" s="8">
        <v>-73.101165699999996</v>
      </c>
    </row>
    <row r="11534" spans="1:10" x14ac:dyDescent="0.35">
      <c r="A11534" s="5" t="s">
        <v>10</v>
      </c>
      <c r="B11534" s="6">
        <v>207445</v>
      </c>
      <c r="C11534" s="6" t="s">
        <v>3788</v>
      </c>
      <c r="D11534" s="6" t="s">
        <v>3974</v>
      </c>
      <c r="E11534" s="6">
        <v>18001</v>
      </c>
      <c r="F11534" s="6" t="s">
        <v>18</v>
      </c>
      <c r="G11534" s="6" t="s">
        <v>21826</v>
      </c>
      <c r="H11534" s="6" t="s">
        <v>21827</v>
      </c>
      <c r="I11534" s="7">
        <v>1.630878</v>
      </c>
      <c r="J11534" s="8">
        <v>-75.604108799999906</v>
      </c>
    </row>
    <row r="11535" spans="1:10" x14ac:dyDescent="0.35">
      <c r="A11535" s="5" t="s">
        <v>10</v>
      </c>
      <c r="B11535" s="6">
        <v>144571</v>
      </c>
      <c r="C11535" s="6" t="s">
        <v>16</v>
      </c>
      <c r="D11535" s="6" t="s">
        <v>2825</v>
      </c>
      <c r="E11535" s="6">
        <v>68276</v>
      </c>
      <c r="F11535" s="6" t="s">
        <v>18</v>
      </c>
      <c r="G11535" s="6" t="s">
        <v>21828</v>
      </c>
      <c r="H11535" s="6" t="s">
        <v>21829</v>
      </c>
      <c r="I11535" s="7">
        <v>7.078894</v>
      </c>
      <c r="J11535" s="8">
        <v>-73.095693499999996</v>
      </c>
    </row>
    <row r="11536" spans="1:10" x14ac:dyDescent="0.35">
      <c r="A11536" s="5" t="s">
        <v>10</v>
      </c>
      <c r="B11536" s="6">
        <v>145713</v>
      </c>
      <c r="C11536" s="6" t="s">
        <v>294</v>
      </c>
      <c r="D11536" s="6" t="s">
        <v>4244</v>
      </c>
      <c r="E11536" s="6">
        <v>41298</v>
      </c>
      <c r="F11536" s="6" t="s">
        <v>18</v>
      </c>
      <c r="G11536" s="6" t="s">
        <v>8098</v>
      </c>
      <c r="H11536" s="6" t="s">
        <v>8099</v>
      </c>
      <c r="I11536" s="7">
        <v>2.1952272000000002</v>
      </c>
      <c r="J11536" s="8">
        <v>-75.639522399999905</v>
      </c>
    </row>
    <row r="11537" spans="1:10" x14ac:dyDescent="0.35">
      <c r="A11537" s="5" t="s">
        <v>10</v>
      </c>
      <c r="B11537" s="6">
        <v>231411</v>
      </c>
      <c r="C11537" s="6" t="s">
        <v>16</v>
      </c>
      <c r="D11537" s="6" t="s">
        <v>78</v>
      </c>
      <c r="E11537" s="6">
        <v>68001</v>
      </c>
      <c r="F11537" s="6" t="s">
        <v>18</v>
      </c>
      <c r="G11537" s="6" t="s">
        <v>21830</v>
      </c>
      <c r="H11537" s="6" t="s">
        <v>21831</v>
      </c>
      <c r="I11537" s="7">
        <v>7.1356415000000002</v>
      </c>
      <c r="J11537" s="8">
        <v>-73.123251499999995</v>
      </c>
    </row>
    <row r="11538" spans="1:10" x14ac:dyDescent="0.35">
      <c r="A11538" s="5" t="s">
        <v>10</v>
      </c>
      <c r="B11538" s="6">
        <v>219110</v>
      </c>
      <c r="C11538" s="6" t="s">
        <v>16</v>
      </c>
      <c r="D11538" s="6" t="s">
        <v>7765</v>
      </c>
      <c r="E11538" s="6">
        <v>68235</v>
      </c>
      <c r="F11538" s="6" t="s">
        <v>18</v>
      </c>
      <c r="G11538" s="6" t="s">
        <v>21832</v>
      </c>
      <c r="H11538" s="6" t="s">
        <v>21833</v>
      </c>
      <c r="I11538" s="7">
        <v>6.6982412</v>
      </c>
      <c r="J11538" s="8">
        <v>-73.511173400000004</v>
      </c>
    </row>
    <row r="11539" spans="1:10" x14ac:dyDescent="0.35">
      <c r="A11539" s="5" t="s">
        <v>10</v>
      </c>
      <c r="B11539" s="6">
        <v>220662</v>
      </c>
      <c r="C11539" s="6" t="s">
        <v>109</v>
      </c>
      <c r="D11539" s="6" t="s">
        <v>21834</v>
      </c>
      <c r="E11539" s="6">
        <v>13433</v>
      </c>
      <c r="F11539" s="6" t="s">
        <v>18</v>
      </c>
      <c r="G11539" s="6" t="s">
        <v>21835</v>
      </c>
      <c r="H11539" s="6" t="s">
        <v>21836</v>
      </c>
      <c r="I11539" s="7">
        <v>10.2369948</v>
      </c>
      <c r="J11539" s="8">
        <v>-75.188475099999906</v>
      </c>
    </row>
    <row r="11540" spans="1:10" x14ac:dyDescent="0.35">
      <c r="A11540" s="5" t="s">
        <v>10</v>
      </c>
      <c r="B11540" s="6">
        <v>231896</v>
      </c>
      <c r="C11540" s="6" t="s">
        <v>28</v>
      </c>
      <c r="D11540" s="6" t="s">
        <v>49</v>
      </c>
      <c r="E11540" s="6">
        <v>54498</v>
      </c>
      <c r="F11540" s="6" t="s">
        <v>18</v>
      </c>
      <c r="G11540" s="6" t="s">
        <v>21837</v>
      </c>
      <c r="H11540" s="6" t="s">
        <v>21838</v>
      </c>
      <c r="I11540" s="7">
        <v>8.23597</v>
      </c>
      <c r="J11540" s="8">
        <v>-73.356362000000004</v>
      </c>
    </row>
    <row r="11541" spans="1:10" x14ac:dyDescent="0.35">
      <c r="A11541" s="5" t="s">
        <v>10</v>
      </c>
      <c r="B11541" s="6">
        <v>236763</v>
      </c>
      <c r="C11541" s="6" t="s">
        <v>68</v>
      </c>
      <c r="D11541" s="6" t="s">
        <v>69</v>
      </c>
      <c r="E11541" s="6">
        <v>11001</v>
      </c>
      <c r="F11541" s="6" t="s">
        <v>18</v>
      </c>
      <c r="G11541" s="6" t="s">
        <v>21839</v>
      </c>
      <c r="H11541" s="6" t="s">
        <v>21840</v>
      </c>
      <c r="I11541" s="7">
        <v>4.6445857999999998</v>
      </c>
      <c r="J11541" s="8">
        <v>-74.1727408</v>
      </c>
    </row>
    <row r="11542" spans="1:10" x14ac:dyDescent="0.35">
      <c r="A11542" s="5" t="s">
        <v>10</v>
      </c>
      <c r="B11542" s="6">
        <v>143868</v>
      </c>
      <c r="C11542" s="6" t="s">
        <v>16</v>
      </c>
      <c r="D11542" s="6" t="s">
        <v>2825</v>
      </c>
      <c r="E11542" s="6">
        <v>68276</v>
      </c>
      <c r="F11542" s="6" t="s">
        <v>18</v>
      </c>
      <c r="G11542" s="6" t="s">
        <v>21841</v>
      </c>
      <c r="H11542" s="6" t="s">
        <v>21842</v>
      </c>
      <c r="I11542" s="7">
        <v>7.0774029000000001</v>
      </c>
      <c r="J11542" s="8">
        <v>-73.089979200000002</v>
      </c>
    </row>
    <row r="11543" spans="1:10" x14ac:dyDescent="0.35">
      <c r="A11543" s="5" t="s">
        <v>10</v>
      </c>
      <c r="B11543" s="6">
        <v>239083</v>
      </c>
      <c r="C11543" s="6" t="s">
        <v>366</v>
      </c>
      <c r="D11543" s="6" t="s">
        <v>370</v>
      </c>
      <c r="E11543" s="6">
        <v>44874</v>
      </c>
      <c r="F11543" s="6" t="s">
        <v>18</v>
      </c>
      <c r="G11543" s="6" t="s">
        <v>21843</v>
      </c>
      <c r="H11543" s="6" t="s">
        <v>21844</v>
      </c>
      <c r="I11543" s="7">
        <v>10.602389799999999</v>
      </c>
      <c r="J11543" s="8">
        <v>-72.986973300000002</v>
      </c>
    </row>
    <row r="11544" spans="1:10" x14ac:dyDescent="0.35">
      <c r="A11544" s="5" t="s">
        <v>10</v>
      </c>
      <c r="B11544" s="6">
        <v>235395</v>
      </c>
      <c r="C11544" s="6" t="s">
        <v>302</v>
      </c>
      <c r="D11544" s="6" t="s">
        <v>359</v>
      </c>
      <c r="E11544" s="6">
        <v>8001</v>
      </c>
      <c r="F11544" s="6" t="s">
        <v>18</v>
      </c>
      <c r="G11544" s="6" t="s">
        <v>21845</v>
      </c>
      <c r="H11544" s="6" t="s">
        <v>21846</v>
      </c>
      <c r="I11544" s="7">
        <v>10.9402562</v>
      </c>
      <c r="J11544" s="8">
        <v>-74.777940599999994</v>
      </c>
    </row>
    <row r="11545" spans="1:10" x14ac:dyDescent="0.35">
      <c r="A11545" s="5" t="s">
        <v>10</v>
      </c>
      <c r="B11545" s="6">
        <v>245901</v>
      </c>
      <c r="C11545" s="6" t="s">
        <v>16</v>
      </c>
      <c r="D11545" s="6" t="s">
        <v>768</v>
      </c>
      <c r="E11545" s="6">
        <v>68397</v>
      </c>
      <c r="F11545" s="6" t="s">
        <v>18</v>
      </c>
      <c r="G11545" s="6" t="s">
        <v>21847</v>
      </c>
      <c r="H11545" s="6" t="s">
        <v>21848</v>
      </c>
      <c r="I11545" s="7">
        <v>6.1789356</v>
      </c>
      <c r="J11545" s="8">
        <v>-73.590031699999997</v>
      </c>
    </row>
    <row r="11546" spans="1:10" x14ac:dyDescent="0.35">
      <c r="A11546" s="5" t="s">
        <v>10</v>
      </c>
      <c r="B11546" s="6">
        <v>226703</v>
      </c>
      <c r="C11546" s="6" t="s">
        <v>61</v>
      </c>
      <c r="D11546" s="6" t="s">
        <v>62</v>
      </c>
      <c r="E11546" s="6">
        <v>63001</v>
      </c>
      <c r="F11546" s="6" t="s">
        <v>18</v>
      </c>
      <c r="G11546" s="6" t="s">
        <v>21849</v>
      </c>
      <c r="H11546" s="6" t="s">
        <v>21850</v>
      </c>
      <c r="I11546" s="7">
        <v>4.5148330999999997</v>
      </c>
      <c r="J11546" s="8">
        <v>-75.692156799999907</v>
      </c>
    </row>
    <row r="11547" spans="1:10" x14ac:dyDescent="0.35">
      <c r="A11547" s="5" t="s">
        <v>10</v>
      </c>
      <c r="B11547" s="6">
        <v>120228</v>
      </c>
      <c r="C11547" s="6" t="s">
        <v>28</v>
      </c>
      <c r="D11547" s="6" t="s">
        <v>29</v>
      </c>
      <c r="E11547" s="6">
        <v>54001</v>
      </c>
      <c r="F11547" s="6" t="s">
        <v>18</v>
      </c>
      <c r="G11547" s="6" t="s">
        <v>21851</v>
      </c>
      <c r="H11547" s="6" t="s">
        <v>21852</v>
      </c>
      <c r="I11547" s="7">
        <v>7.8826472000000001</v>
      </c>
      <c r="J11547" s="8">
        <v>-72.502070699999905</v>
      </c>
    </row>
    <row r="11548" spans="1:10" x14ac:dyDescent="0.35">
      <c r="A11548" s="5" t="s">
        <v>10</v>
      </c>
      <c r="B11548" s="6">
        <v>182627</v>
      </c>
      <c r="C11548" s="6" t="s">
        <v>11</v>
      </c>
      <c r="D11548" s="6" t="s">
        <v>337</v>
      </c>
      <c r="E11548" s="6">
        <v>25290</v>
      </c>
      <c r="F11548" s="6" t="s">
        <v>18</v>
      </c>
      <c r="G11548" s="6" t="s">
        <v>21458</v>
      </c>
      <c r="H11548" s="6" t="s">
        <v>21459</v>
      </c>
      <c r="I11548" s="7">
        <v>4.3270263</v>
      </c>
      <c r="J11548" s="8">
        <v>-74.400303399999999</v>
      </c>
    </row>
    <row r="11549" spans="1:10" x14ac:dyDescent="0.35">
      <c r="A11549" s="5" t="s">
        <v>10</v>
      </c>
      <c r="B11549" s="6">
        <v>238131</v>
      </c>
      <c r="C11549" s="6" t="s">
        <v>302</v>
      </c>
      <c r="D11549" s="6" t="s">
        <v>359</v>
      </c>
      <c r="E11549" s="6">
        <v>8001</v>
      </c>
      <c r="F11549" s="6" t="s">
        <v>18</v>
      </c>
      <c r="G11549" s="6" t="s">
        <v>21853</v>
      </c>
      <c r="H11549" s="6" t="s">
        <v>21854</v>
      </c>
      <c r="I11549" s="7">
        <v>10.9463907</v>
      </c>
      <c r="J11549" s="8">
        <v>-74.7992816</v>
      </c>
    </row>
    <row r="11550" spans="1:10" x14ac:dyDescent="0.35">
      <c r="A11550" s="5" t="s">
        <v>10</v>
      </c>
      <c r="B11550" s="6">
        <v>241517</v>
      </c>
      <c r="C11550" s="6" t="s">
        <v>308</v>
      </c>
      <c r="D11550" s="6" t="s">
        <v>21855</v>
      </c>
      <c r="E11550" s="6">
        <v>23682</v>
      </c>
      <c r="F11550" s="6" t="s">
        <v>18</v>
      </c>
      <c r="G11550" s="6" t="s">
        <v>21856</v>
      </c>
      <c r="H11550" s="6" t="s">
        <v>21857</v>
      </c>
      <c r="I11550" s="7">
        <v>7.7873178999999997</v>
      </c>
      <c r="J11550" s="8">
        <v>-75.535906100000005</v>
      </c>
    </row>
    <row r="11551" spans="1:10" x14ac:dyDescent="0.35">
      <c r="A11551" s="5" t="s">
        <v>10</v>
      </c>
      <c r="B11551" s="6">
        <v>222274</v>
      </c>
      <c r="C11551" s="6" t="s">
        <v>38</v>
      </c>
      <c r="D11551" s="6" t="s">
        <v>39</v>
      </c>
      <c r="E11551" s="6">
        <v>19001</v>
      </c>
      <c r="F11551" s="6" t="s">
        <v>18</v>
      </c>
      <c r="G11551" s="6" t="s">
        <v>21858</v>
      </c>
      <c r="H11551" s="6" t="s">
        <v>21859</v>
      </c>
      <c r="I11551" s="7">
        <v>3.4312374000000001</v>
      </c>
      <c r="J11551" s="8">
        <v>-76.522110099999907</v>
      </c>
    </row>
    <row r="11552" spans="1:10" x14ac:dyDescent="0.35">
      <c r="A11552" s="5" t="s">
        <v>10</v>
      </c>
      <c r="B11552" s="6">
        <v>235818</v>
      </c>
      <c r="C11552" s="6" t="s">
        <v>16</v>
      </c>
      <c r="D11552" s="6" t="s">
        <v>15468</v>
      </c>
      <c r="E11552" s="6">
        <v>68207</v>
      </c>
      <c r="F11552" s="6" t="s">
        <v>18</v>
      </c>
      <c r="G11552" s="6" t="s">
        <v>21860</v>
      </c>
      <c r="H11552" s="6" t="s">
        <v>21861</v>
      </c>
      <c r="I11552" s="7">
        <v>8.3630960000000005</v>
      </c>
      <c r="J11552" s="8">
        <v>-72.4074332</v>
      </c>
    </row>
    <row r="11553" spans="1:10" x14ac:dyDescent="0.35">
      <c r="A11553" s="5" t="s">
        <v>10</v>
      </c>
      <c r="B11553" s="6">
        <v>246190</v>
      </c>
      <c r="C11553" s="6" t="s">
        <v>42</v>
      </c>
      <c r="D11553" s="6" t="s">
        <v>275</v>
      </c>
      <c r="E11553" s="6">
        <v>17614</v>
      </c>
      <c r="F11553" s="6" t="s">
        <v>18</v>
      </c>
      <c r="G11553" s="6" t="s">
        <v>21862</v>
      </c>
      <c r="H11553" s="6" t="s">
        <v>21863</v>
      </c>
      <c r="I11553" s="7">
        <v>5.4207077999999997</v>
      </c>
      <c r="J11553" s="8">
        <v>-75.705441100000002</v>
      </c>
    </row>
    <row r="11554" spans="1:10" x14ac:dyDescent="0.35">
      <c r="A11554" s="5" t="s">
        <v>10</v>
      </c>
      <c r="B11554" s="6">
        <v>227621</v>
      </c>
      <c r="C11554" s="6" t="s">
        <v>117</v>
      </c>
      <c r="D11554" s="6" t="s">
        <v>1334</v>
      </c>
      <c r="E11554" s="6">
        <v>76001</v>
      </c>
      <c r="F11554" s="6" t="s">
        <v>13</v>
      </c>
      <c r="G11554" s="6" t="s">
        <v>21864</v>
      </c>
      <c r="H11554" s="6" t="s">
        <v>21865</v>
      </c>
      <c r="I11554" s="7">
        <v>3.4428185</v>
      </c>
      <c r="J11554" s="8">
        <v>-76.522661900000003</v>
      </c>
    </row>
    <row r="11555" spans="1:10" x14ac:dyDescent="0.35">
      <c r="A11555" s="5" t="s">
        <v>10</v>
      </c>
      <c r="B11555" s="6">
        <v>186439</v>
      </c>
      <c r="C11555" s="6" t="s">
        <v>68</v>
      </c>
      <c r="D11555" s="6" t="s">
        <v>69</v>
      </c>
      <c r="E11555" s="6">
        <v>11001</v>
      </c>
      <c r="F11555" s="6" t="s">
        <v>18</v>
      </c>
      <c r="G11555" s="6" t="s">
        <v>21866</v>
      </c>
      <c r="H11555" s="6" t="s">
        <v>21867</v>
      </c>
      <c r="I11555" s="7">
        <v>4.6281026000000001</v>
      </c>
      <c r="J11555" s="8">
        <v>-74.2009367</v>
      </c>
    </row>
    <row r="11556" spans="1:10" x14ac:dyDescent="0.35">
      <c r="A11556" s="5" t="s">
        <v>10</v>
      </c>
      <c r="B11556" s="6">
        <v>243938</v>
      </c>
      <c r="C11556" s="6" t="s">
        <v>366</v>
      </c>
      <c r="D11556" s="6" t="s">
        <v>367</v>
      </c>
      <c r="E11556" s="6">
        <v>44430</v>
      </c>
      <c r="F11556" s="6" t="s">
        <v>18</v>
      </c>
      <c r="G11556" s="6" t="s">
        <v>21868</v>
      </c>
      <c r="H11556" s="6" t="s">
        <v>21869</v>
      </c>
      <c r="I11556" s="7">
        <v>11.3760771</v>
      </c>
      <c r="J11556" s="8">
        <v>-72.228482200000002</v>
      </c>
    </row>
    <row r="11557" spans="1:10" x14ac:dyDescent="0.35">
      <c r="A11557" s="5" t="s">
        <v>10</v>
      </c>
      <c r="B11557" s="6">
        <v>168394</v>
      </c>
      <c r="C11557" s="6" t="s">
        <v>302</v>
      </c>
      <c r="D11557" s="6" t="s">
        <v>359</v>
      </c>
      <c r="E11557" s="6">
        <v>8001</v>
      </c>
      <c r="F11557" s="6" t="s">
        <v>18</v>
      </c>
      <c r="G11557" s="6" t="s">
        <v>21870</v>
      </c>
      <c r="H11557" s="6" t="s">
        <v>21871</v>
      </c>
      <c r="I11557" s="7">
        <v>11.0041072</v>
      </c>
      <c r="J11557" s="8">
        <v>-74.806981299999904</v>
      </c>
    </row>
    <row r="11558" spans="1:10" x14ac:dyDescent="0.35">
      <c r="A11558" s="5" t="s">
        <v>10</v>
      </c>
      <c r="B11558" s="6">
        <v>237921</v>
      </c>
      <c r="C11558" s="6" t="s">
        <v>38</v>
      </c>
      <c r="D11558" s="6" t="s">
        <v>7839</v>
      </c>
      <c r="E11558" s="6">
        <v>19573</v>
      </c>
      <c r="F11558" s="6" t="s">
        <v>18</v>
      </c>
      <c r="G11558" s="6" t="s">
        <v>21872</v>
      </c>
      <c r="H11558" s="6" t="s">
        <v>21873</v>
      </c>
      <c r="I11558" s="7">
        <v>3.2298361999999998</v>
      </c>
      <c r="J11558" s="8">
        <v>-76.419090100000005</v>
      </c>
    </row>
    <row r="11559" spans="1:10" x14ac:dyDescent="0.35">
      <c r="A11559" s="5" t="s">
        <v>10</v>
      </c>
      <c r="B11559" s="6">
        <v>242997</v>
      </c>
      <c r="C11559" s="6" t="s">
        <v>16</v>
      </c>
      <c r="D11559" s="6" t="s">
        <v>768</v>
      </c>
      <c r="E11559" s="6">
        <v>68397</v>
      </c>
      <c r="F11559" s="6" t="s">
        <v>18</v>
      </c>
      <c r="G11559" s="6" t="s">
        <v>21874</v>
      </c>
      <c r="H11559" s="6" t="s">
        <v>21875</v>
      </c>
      <c r="I11559" s="7">
        <v>6.1789356</v>
      </c>
      <c r="J11559" s="8">
        <v>-73.590031699999997</v>
      </c>
    </row>
    <row r="11560" spans="1:10" x14ac:dyDescent="0.35">
      <c r="A11560" s="5" t="s">
        <v>10</v>
      </c>
      <c r="B11560" s="6">
        <v>239785</v>
      </c>
      <c r="C11560" s="6" t="s">
        <v>94</v>
      </c>
      <c r="D11560" s="6" t="s">
        <v>2015</v>
      </c>
      <c r="E11560" s="6">
        <v>66383</v>
      </c>
      <c r="F11560" s="6" t="s">
        <v>18</v>
      </c>
      <c r="G11560" s="6" t="s">
        <v>21876</v>
      </c>
      <c r="H11560" s="6" t="s">
        <v>21877</v>
      </c>
      <c r="I11560" s="7">
        <v>5.0061080000000002</v>
      </c>
      <c r="J11560" s="8">
        <v>-76.004215900000005</v>
      </c>
    </row>
    <row r="11561" spans="1:10" x14ac:dyDescent="0.35">
      <c r="A11561" s="5" t="s">
        <v>10</v>
      </c>
      <c r="B11561" s="6">
        <v>234944</v>
      </c>
      <c r="C11561" s="6" t="s">
        <v>16</v>
      </c>
      <c r="D11561" s="6" t="s">
        <v>6972</v>
      </c>
      <c r="E11561" s="6">
        <v>68573</v>
      </c>
      <c r="F11561" s="6" t="s">
        <v>18</v>
      </c>
      <c r="G11561" s="6" t="s">
        <v>21878</v>
      </c>
      <c r="H11561" s="6" t="s">
        <v>21879</v>
      </c>
      <c r="I11561" s="7">
        <v>6.6507969999999998</v>
      </c>
      <c r="J11561" s="8">
        <v>-74.055933899999999</v>
      </c>
    </row>
    <row r="11562" spans="1:10" x14ac:dyDescent="0.35">
      <c r="A11562" s="5" t="s">
        <v>10</v>
      </c>
      <c r="B11562" s="6">
        <v>239185</v>
      </c>
      <c r="C11562" s="6" t="s">
        <v>68</v>
      </c>
      <c r="D11562" s="6" t="s">
        <v>69</v>
      </c>
      <c r="E11562" s="6">
        <v>11001</v>
      </c>
      <c r="F11562" s="6" t="s">
        <v>18</v>
      </c>
      <c r="G11562" s="6" t="s">
        <v>21880</v>
      </c>
      <c r="H11562" s="6" t="s">
        <v>21881</v>
      </c>
      <c r="I11562" s="7">
        <v>4.7426189000000001</v>
      </c>
      <c r="J11562" s="8">
        <v>-74.112650700000003</v>
      </c>
    </row>
    <row r="11563" spans="1:10" x14ac:dyDescent="0.35">
      <c r="A11563" s="5" t="s">
        <v>10</v>
      </c>
      <c r="B11563" s="6">
        <v>232427</v>
      </c>
      <c r="C11563" s="6" t="s">
        <v>55</v>
      </c>
      <c r="D11563" s="6" t="s">
        <v>56</v>
      </c>
      <c r="E11563" s="6">
        <v>73001</v>
      </c>
      <c r="F11563" s="6" t="s">
        <v>18</v>
      </c>
      <c r="G11563" s="6" t="s">
        <v>21882</v>
      </c>
      <c r="H11563" s="6" t="s">
        <v>21883</v>
      </c>
      <c r="I11563" s="7">
        <v>4.5756334000000001</v>
      </c>
      <c r="J11563" s="8">
        <v>-74.082922300000007</v>
      </c>
    </row>
    <row r="11564" spans="1:10" x14ac:dyDescent="0.35">
      <c r="A11564" s="5" t="s">
        <v>10</v>
      </c>
      <c r="B11564" s="6">
        <v>241751</v>
      </c>
      <c r="C11564" s="6" t="s">
        <v>42</v>
      </c>
      <c r="D11564" s="6" t="s">
        <v>602</v>
      </c>
      <c r="E11564" s="6">
        <v>17777</v>
      </c>
      <c r="F11564" s="6" t="s">
        <v>18</v>
      </c>
      <c r="G11564" s="6" t="s">
        <v>21884</v>
      </c>
      <c r="H11564" s="6" t="s">
        <v>21885</v>
      </c>
      <c r="I11564" s="7">
        <v>5.4574841999999997</v>
      </c>
      <c r="J11564" s="8">
        <v>-75.649484299999997</v>
      </c>
    </row>
    <row r="11565" spans="1:10" x14ac:dyDescent="0.35">
      <c r="A11565" s="5" t="s">
        <v>10</v>
      </c>
      <c r="B11565" s="6">
        <v>216979</v>
      </c>
      <c r="C11565" s="6" t="s">
        <v>42</v>
      </c>
      <c r="D11565" s="6" t="s">
        <v>1973</v>
      </c>
      <c r="E11565" s="6">
        <v>17662</v>
      </c>
      <c r="F11565" s="6" t="s">
        <v>18</v>
      </c>
      <c r="G11565" s="6" t="s">
        <v>21886</v>
      </c>
      <c r="H11565" s="6" t="s">
        <v>21887</v>
      </c>
      <c r="I11565" s="7">
        <v>5.4132863999999996</v>
      </c>
      <c r="J11565" s="8">
        <v>-74.991903399999998</v>
      </c>
    </row>
    <row r="11566" spans="1:10" x14ac:dyDescent="0.35">
      <c r="A11566" s="5" t="s">
        <v>10</v>
      </c>
      <c r="B11566" s="6">
        <v>145825</v>
      </c>
      <c r="C11566" s="6" t="s">
        <v>294</v>
      </c>
      <c r="D11566" s="6" t="s">
        <v>4789</v>
      </c>
      <c r="E11566" s="6">
        <v>41548</v>
      </c>
      <c r="F11566" s="6" t="s">
        <v>18</v>
      </c>
      <c r="G11566" s="6" t="s">
        <v>6099</v>
      </c>
      <c r="H11566" s="6" t="s">
        <v>21888</v>
      </c>
      <c r="I11566" s="7">
        <v>10.4229301</v>
      </c>
      <c r="J11566" s="8">
        <v>-75.550232399999999</v>
      </c>
    </row>
    <row r="11567" spans="1:10" x14ac:dyDescent="0.35">
      <c r="A11567" s="5" t="s">
        <v>10</v>
      </c>
      <c r="B11567" s="6">
        <v>170990</v>
      </c>
      <c r="C11567" s="6" t="s">
        <v>11</v>
      </c>
      <c r="D11567" s="6" t="s">
        <v>12</v>
      </c>
      <c r="E11567" s="6">
        <v>25899</v>
      </c>
      <c r="F11567" s="6" t="s">
        <v>18</v>
      </c>
      <c r="G11567" s="6" t="s">
        <v>8980</v>
      </c>
      <c r="H11567" s="6" t="s">
        <v>8981</v>
      </c>
      <c r="I11567" s="7">
        <v>5.0187225999999896</v>
      </c>
      <c r="J11567" s="8">
        <v>-74.001815999999906</v>
      </c>
    </row>
    <row r="11568" spans="1:10" x14ac:dyDescent="0.35">
      <c r="A11568" s="5" t="s">
        <v>10</v>
      </c>
      <c r="B11568" s="6">
        <v>246811</v>
      </c>
      <c r="C11568" s="6" t="s">
        <v>302</v>
      </c>
      <c r="D11568" s="6" t="s">
        <v>359</v>
      </c>
      <c r="E11568" s="6">
        <v>8001</v>
      </c>
      <c r="F11568" s="6" t="s">
        <v>18</v>
      </c>
      <c r="G11568" s="6" t="s">
        <v>21889</v>
      </c>
      <c r="H11568" s="6" t="s">
        <v>21890</v>
      </c>
      <c r="I11568" s="7">
        <v>10.9684048</v>
      </c>
      <c r="J11568" s="8">
        <v>-74.803983200000005</v>
      </c>
    </row>
    <row r="11569" spans="1:10" x14ac:dyDescent="0.35">
      <c r="A11569" s="5" t="s">
        <v>10</v>
      </c>
      <c r="B11569" s="6">
        <v>232201</v>
      </c>
      <c r="C11569" s="6" t="s">
        <v>16</v>
      </c>
      <c r="D11569" s="6" t="s">
        <v>2825</v>
      </c>
      <c r="E11569" s="6">
        <v>68276</v>
      </c>
      <c r="F11569" s="6" t="s">
        <v>18</v>
      </c>
      <c r="G11569" s="6" t="s">
        <v>21891</v>
      </c>
      <c r="H11569" s="6" t="s">
        <v>21892</v>
      </c>
      <c r="I11569" s="7">
        <v>7.0788500000000001</v>
      </c>
      <c r="J11569" s="8">
        <v>-73.104554100000001</v>
      </c>
    </row>
    <row r="11570" spans="1:10" x14ac:dyDescent="0.35">
      <c r="A11570" s="5" t="s">
        <v>10</v>
      </c>
      <c r="B11570" s="6">
        <v>231869</v>
      </c>
      <c r="C11570" s="6" t="s">
        <v>294</v>
      </c>
      <c r="D11570" s="6" t="s">
        <v>703</v>
      </c>
      <c r="E11570" s="6">
        <v>41001</v>
      </c>
      <c r="F11570" s="6" t="s">
        <v>18</v>
      </c>
      <c r="G11570" s="6" t="s">
        <v>21893</v>
      </c>
      <c r="H11570" s="6" t="s">
        <v>21894</v>
      </c>
      <c r="I11570" s="7">
        <v>2.9290221999999999</v>
      </c>
      <c r="J11570" s="8">
        <v>-75.287008599999993</v>
      </c>
    </row>
    <row r="11571" spans="1:10" x14ac:dyDescent="0.35">
      <c r="A11571" s="5" t="s">
        <v>10</v>
      </c>
      <c r="B11571" s="6">
        <v>208350</v>
      </c>
      <c r="C11571" s="6" t="s">
        <v>16</v>
      </c>
      <c r="D11571" s="6" t="s">
        <v>2694</v>
      </c>
      <c r="E11571" s="6">
        <v>68895</v>
      </c>
      <c r="F11571" s="6" t="s">
        <v>18</v>
      </c>
      <c r="G11571" s="6" t="s">
        <v>21895</v>
      </c>
      <c r="H11571" s="6" t="s">
        <v>21896</v>
      </c>
      <c r="I11571" s="7">
        <v>6.8156252999999998</v>
      </c>
      <c r="J11571" s="8">
        <v>-73.269282399999994</v>
      </c>
    </row>
    <row r="11572" spans="1:10" x14ac:dyDescent="0.35">
      <c r="A11572" s="5" t="s">
        <v>10</v>
      </c>
      <c r="B11572" s="6">
        <v>235779</v>
      </c>
      <c r="C11572" s="6" t="s">
        <v>4364</v>
      </c>
      <c r="D11572" s="6" t="s">
        <v>13688</v>
      </c>
      <c r="E11572" s="6">
        <v>70820</v>
      </c>
      <c r="F11572" s="6" t="s">
        <v>18</v>
      </c>
      <c r="G11572" s="6" t="s">
        <v>21897</v>
      </c>
      <c r="H11572" s="6" t="s">
        <v>21898</v>
      </c>
      <c r="I11572" s="7">
        <v>9.5274769999999993</v>
      </c>
      <c r="J11572" s="8">
        <v>-75.581221499999998</v>
      </c>
    </row>
    <row r="11573" spans="1:10" x14ac:dyDescent="0.35">
      <c r="A11573" s="5" t="s">
        <v>10</v>
      </c>
      <c r="B11573" s="6">
        <v>119778</v>
      </c>
      <c r="C11573" s="6" t="s">
        <v>11</v>
      </c>
      <c r="D11573" s="6" t="s">
        <v>507</v>
      </c>
      <c r="E11573" s="6">
        <v>25845</v>
      </c>
      <c r="F11573" s="6" t="s">
        <v>18</v>
      </c>
      <c r="G11573" s="6" t="s">
        <v>10500</v>
      </c>
      <c r="H11573" s="6" t="s">
        <v>10501</v>
      </c>
      <c r="I11573" s="7">
        <v>4.4025850000000002</v>
      </c>
      <c r="J11573" s="8">
        <v>-74.025384000000003</v>
      </c>
    </row>
    <row r="11574" spans="1:10" x14ac:dyDescent="0.35">
      <c r="A11574" s="5" t="s">
        <v>10</v>
      </c>
      <c r="B11574" s="6">
        <v>233792</v>
      </c>
      <c r="C11574" s="6" t="s">
        <v>4364</v>
      </c>
      <c r="D11574" s="6" t="s">
        <v>13688</v>
      </c>
      <c r="E11574" s="6">
        <v>70820</v>
      </c>
      <c r="F11574" s="6" t="s">
        <v>18</v>
      </c>
      <c r="G11574" s="6" t="s">
        <v>21899</v>
      </c>
      <c r="H11574" s="6" t="s">
        <v>21900</v>
      </c>
      <c r="I11574" s="7">
        <v>9.5274769999999993</v>
      </c>
      <c r="J11574" s="8">
        <v>-75.581221499999998</v>
      </c>
    </row>
    <row r="11575" spans="1:10" x14ac:dyDescent="0.35">
      <c r="A11575" s="5" t="s">
        <v>10</v>
      </c>
      <c r="B11575" s="6">
        <v>234109</v>
      </c>
      <c r="C11575" s="6" t="s">
        <v>68</v>
      </c>
      <c r="D11575" s="6" t="s">
        <v>69</v>
      </c>
      <c r="E11575" s="6">
        <v>11001</v>
      </c>
      <c r="F11575" s="6" t="s">
        <v>18</v>
      </c>
      <c r="G11575" s="6" t="s">
        <v>21901</v>
      </c>
      <c r="H11575" s="6" t="s">
        <v>21902</v>
      </c>
      <c r="I11575" s="7">
        <v>4.6728139000000004</v>
      </c>
      <c r="J11575" s="8">
        <v>-74.152469999999994</v>
      </c>
    </row>
    <row r="11576" spans="1:10" x14ac:dyDescent="0.35">
      <c r="A11576" s="5" t="s">
        <v>10</v>
      </c>
      <c r="B11576" s="6">
        <v>246422</v>
      </c>
      <c r="C11576" s="6" t="s">
        <v>302</v>
      </c>
      <c r="D11576" s="6" t="s">
        <v>359</v>
      </c>
      <c r="E11576" s="6">
        <v>8001</v>
      </c>
      <c r="F11576" s="6" t="s">
        <v>18</v>
      </c>
      <c r="G11576" s="6" t="s">
        <v>21903</v>
      </c>
      <c r="H11576" s="6" t="s">
        <v>21904</v>
      </c>
      <c r="I11576" s="7">
        <v>10.9502659</v>
      </c>
      <c r="J11576" s="8">
        <v>-74.855558500000001</v>
      </c>
    </row>
    <row r="11577" spans="1:10" x14ac:dyDescent="0.35">
      <c r="A11577" s="5" t="s">
        <v>10</v>
      </c>
      <c r="B11577" s="6">
        <v>231607</v>
      </c>
      <c r="C11577" s="6" t="s">
        <v>302</v>
      </c>
      <c r="D11577" s="6" t="s">
        <v>359</v>
      </c>
      <c r="E11577" s="6">
        <v>8001</v>
      </c>
      <c r="F11577" s="6" t="s">
        <v>18</v>
      </c>
      <c r="G11577" s="6" t="s">
        <v>21905</v>
      </c>
      <c r="H11577" s="6" t="s">
        <v>21906</v>
      </c>
      <c r="I11577" s="7">
        <v>10.932896899999999</v>
      </c>
      <c r="J11577" s="8">
        <v>-74.803760499999996</v>
      </c>
    </row>
    <row r="11578" spans="1:10" x14ac:dyDescent="0.35">
      <c r="A11578" s="5" t="s">
        <v>10</v>
      </c>
      <c r="B11578" s="6">
        <v>241343</v>
      </c>
      <c r="C11578" s="6" t="s">
        <v>366</v>
      </c>
      <c r="D11578" s="6" t="s">
        <v>8296</v>
      </c>
      <c r="E11578" s="6">
        <v>44001</v>
      </c>
      <c r="F11578" s="6" t="s">
        <v>18</v>
      </c>
      <c r="G11578" s="6" t="s">
        <v>21907</v>
      </c>
      <c r="H11578" s="6" t="s">
        <v>21908</v>
      </c>
      <c r="I11578" s="7">
        <v>11.545298900000001</v>
      </c>
      <c r="J11578" s="8">
        <v>-72.911520400000001</v>
      </c>
    </row>
    <row r="11579" spans="1:10" x14ac:dyDescent="0.35">
      <c r="A11579" s="5" t="s">
        <v>10</v>
      </c>
      <c r="B11579" s="6">
        <v>235159</v>
      </c>
      <c r="C11579" s="6" t="s">
        <v>68</v>
      </c>
      <c r="D11579" s="6" t="s">
        <v>69</v>
      </c>
      <c r="E11579" s="6">
        <v>11001</v>
      </c>
      <c r="F11579" s="6" t="s">
        <v>18</v>
      </c>
      <c r="G11579" s="6" t="s">
        <v>21909</v>
      </c>
      <c r="H11579" s="6" t="s">
        <v>21910</v>
      </c>
      <c r="I11579" s="7">
        <v>4.6044821999999996</v>
      </c>
      <c r="J11579" s="8">
        <v>-74.070496000000006</v>
      </c>
    </row>
    <row r="11580" spans="1:10" x14ac:dyDescent="0.35">
      <c r="A11580" s="5" t="s">
        <v>10</v>
      </c>
      <c r="B11580" s="6">
        <v>243493</v>
      </c>
      <c r="C11580" s="6" t="s">
        <v>16</v>
      </c>
      <c r="D11580" s="6" t="s">
        <v>78</v>
      </c>
      <c r="E11580" s="6">
        <v>68001</v>
      </c>
      <c r="F11580" s="6" t="s">
        <v>18</v>
      </c>
      <c r="G11580" s="6" t="s">
        <v>21911</v>
      </c>
      <c r="H11580" s="6" t="s">
        <v>21912</v>
      </c>
      <c r="I11580" s="7">
        <v>7.1213119000000003</v>
      </c>
      <c r="J11580" s="8">
        <v>-73.121815400000003</v>
      </c>
    </row>
    <row r="11581" spans="1:10" x14ac:dyDescent="0.35">
      <c r="A11581" s="5" t="s">
        <v>10</v>
      </c>
      <c r="B11581" s="6">
        <v>241713</v>
      </c>
      <c r="C11581" s="6" t="s">
        <v>94</v>
      </c>
      <c r="D11581" s="6" t="s">
        <v>98</v>
      </c>
      <c r="E11581" s="6">
        <v>66001</v>
      </c>
      <c r="F11581" s="6" t="s">
        <v>18</v>
      </c>
      <c r="G11581" s="6" t="s">
        <v>21913</v>
      </c>
      <c r="H11581" s="6" t="s">
        <v>21914</v>
      </c>
      <c r="I11581" s="7">
        <v>4.8043966999999999</v>
      </c>
      <c r="J11581" s="8">
        <v>-75.690262899999993</v>
      </c>
    </row>
    <row r="11582" spans="1:10" x14ac:dyDescent="0.35">
      <c r="A11582" s="5" t="s">
        <v>10</v>
      </c>
      <c r="B11582" s="6">
        <v>232423</v>
      </c>
      <c r="C11582" s="6" t="s">
        <v>117</v>
      </c>
      <c r="D11582" s="6" t="s">
        <v>3402</v>
      </c>
      <c r="E11582" s="6">
        <v>76364</v>
      </c>
      <c r="F11582" s="6" t="s">
        <v>13</v>
      </c>
      <c r="G11582" s="6" t="s">
        <v>8914</v>
      </c>
      <c r="H11582" s="6" t="s">
        <v>8915</v>
      </c>
      <c r="I11582" s="7">
        <v>3.2622616</v>
      </c>
      <c r="J11582" s="8">
        <v>-76.538384800000003</v>
      </c>
    </row>
    <row r="11583" spans="1:10" x14ac:dyDescent="0.35">
      <c r="A11583" s="5" t="s">
        <v>10</v>
      </c>
      <c r="B11583" s="6">
        <v>239887</v>
      </c>
      <c r="C11583" s="6" t="s">
        <v>16</v>
      </c>
      <c r="D11583" s="6" t="s">
        <v>2202</v>
      </c>
      <c r="E11583" s="6">
        <v>68615</v>
      </c>
      <c r="F11583" s="6" t="s">
        <v>18</v>
      </c>
      <c r="G11583" s="6" t="s">
        <v>21915</v>
      </c>
      <c r="H11583" s="6" t="s">
        <v>21916</v>
      </c>
      <c r="I11583" s="7">
        <v>7.1336082000000003</v>
      </c>
      <c r="J11583" s="8">
        <v>-73.1362168</v>
      </c>
    </row>
    <row r="11584" spans="1:10" x14ac:dyDescent="0.35">
      <c r="A11584" s="5" t="s">
        <v>10</v>
      </c>
      <c r="B11584" s="6">
        <v>192794</v>
      </c>
      <c r="C11584" s="6" t="s">
        <v>68</v>
      </c>
      <c r="D11584" s="6" t="s">
        <v>69</v>
      </c>
      <c r="E11584" s="6">
        <v>11001</v>
      </c>
      <c r="F11584" s="6" t="s">
        <v>18</v>
      </c>
      <c r="G11584" s="6" t="s">
        <v>8930</v>
      </c>
      <c r="H11584" s="6" t="s">
        <v>21917</v>
      </c>
      <c r="I11584" s="7">
        <v>4.6989453000000001</v>
      </c>
      <c r="J11584" s="8">
        <v>-74.089365599999994</v>
      </c>
    </row>
    <row r="11585" spans="1:10" x14ac:dyDescent="0.35">
      <c r="A11585" s="5" t="s">
        <v>10</v>
      </c>
      <c r="B11585" s="6">
        <v>229630</v>
      </c>
      <c r="C11585" s="6" t="s">
        <v>366</v>
      </c>
      <c r="D11585" s="6" t="s">
        <v>367</v>
      </c>
      <c r="E11585" s="6">
        <v>44430</v>
      </c>
      <c r="F11585" s="6" t="s">
        <v>18</v>
      </c>
      <c r="G11585" s="6" t="s">
        <v>21918</v>
      </c>
      <c r="H11585" s="6" t="s">
        <v>21919</v>
      </c>
      <c r="I11585" s="7">
        <v>11.3787235</v>
      </c>
      <c r="J11585" s="8">
        <v>-72.250178700000006</v>
      </c>
    </row>
    <row r="11586" spans="1:10" x14ac:dyDescent="0.35">
      <c r="A11586" s="5" t="s">
        <v>10</v>
      </c>
      <c r="B11586" s="6">
        <v>229933</v>
      </c>
      <c r="C11586" s="6" t="s">
        <v>38</v>
      </c>
      <c r="D11586" s="6" t="s">
        <v>9498</v>
      </c>
      <c r="E11586" s="6">
        <v>19548</v>
      </c>
      <c r="F11586" s="6" t="s">
        <v>18</v>
      </c>
      <c r="G11586" s="6" t="s">
        <v>21920</v>
      </c>
      <c r="H11586" s="6" t="s">
        <v>21921</v>
      </c>
      <c r="I11586" s="7">
        <v>2.682782</v>
      </c>
      <c r="J11586" s="8">
        <v>-76.571940999999995</v>
      </c>
    </row>
    <row r="11587" spans="1:10" x14ac:dyDescent="0.35">
      <c r="A11587" s="5" t="s">
        <v>10</v>
      </c>
      <c r="B11587" s="6">
        <v>126229</v>
      </c>
      <c r="C11587" s="6" t="s">
        <v>294</v>
      </c>
      <c r="D11587" s="6" t="s">
        <v>5342</v>
      </c>
      <c r="E11587" s="6">
        <v>41801</v>
      </c>
      <c r="F11587" s="6" t="s">
        <v>18</v>
      </c>
      <c r="G11587" s="6" t="s">
        <v>21922</v>
      </c>
      <c r="H11587" s="6" t="s">
        <v>21923</v>
      </c>
      <c r="I11587" s="7">
        <v>1.8506472</v>
      </c>
      <c r="J11587" s="8">
        <v>-76.046067800000003</v>
      </c>
    </row>
    <row r="11588" spans="1:10" x14ac:dyDescent="0.35">
      <c r="A11588" s="5" t="s">
        <v>10</v>
      </c>
      <c r="B11588" s="6">
        <v>95848</v>
      </c>
      <c r="C11588" s="6" t="s">
        <v>68</v>
      </c>
      <c r="D11588" s="6" t="s">
        <v>69</v>
      </c>
      <c r="E11588" s="6">
        <v>11001</v>
      </c>
      <c r="F11588" s="6" t="s">
        <v>18</v>
      </c>
      <c r="G11588" s="6" t="s">
        <v>21924</v>
      </c>
      <c r="H11588" s="6" t="s">
        <v>21925</v>
      </c>
      <c r="I11588" s="7">
        <v>4.7526957999999997</v>
      </c>
      <c r="J11588" s="8">
        <v>-74.088055900000001</v>
      </c>
    </row>
    <row r="11589" spans="1:10" x14ac:dyDescent="0.35">
      <c r="A11589" s="5" t="s">
        <v>10</v>
      </c>
      <c r="B11589" s="6">
        <v>223587</v>
      </c>
      <c r="C11589" s="6" t="s">
        <v>4364</v>
      </c>
      <c r="D11589" s="6" t="s">
        <v>7836</v>
      </c>
      <c r="E11589" s="6">
        <v>70717</v>
      </c>
      <c r="F11589" s="6" t="s">
        <v>18</v>
      </c>
      <c r="G11589" s="6" t="s">
        <v>21926</v>
      </c>
      <c r="H11589" s="6" t="s">
        <v>21927</v>
      </c>
      <c r="I11589" s="7">
        <v>9.3997618000000003</v>
      </c>
      <c r="J11589" s="8">
        <v>-75.064383000000007</v>
      </c>
    </row>
    <row r="11590" spans="1:10" x14ac:dyDescent="0.35">
      <c r="A11590" s="5" t="s">
        <v>10</v>
      </c>
      <c r="B11590" s="6">
        <v>245719</v>
      </c>
      <c r="C11590" s="6" t="s">
        <v>302</v>
      </c>
      <c r="D11590" s="6" t="s">
        <v>359</v>
      </c>
      <c r="E11590" s="6">
        <v>8001</v>
      </c>
      <c r="F11590" s="6" t="s">
        <v>18</v>
      </c>
      <c r="G11590" s="6" t="s">
        <v>21928</v>
      </c>
      <c r="H11590" s="6" t="s">
        <v>21929</v>
      </c>
      <c r="I11590" s="7">
        <v>10.981667699999999</v>
      </c>
      <c r="J11590" s="8">
        <v>-74.809053399999996</v>
      </c>
    </row>
    <row r="11591" spans="1:10" x14ac:dyDescent="0.35">
      <c r="A11591" s="5" t="s">
        <v>10</v>
      </c>
      <c r="B11591" s="6">
        <v>234631</v>
      </c>
      <c r="C11591" s="6" t="s">
        <v>61</v>
      </c>
      <c r="D11591" s="6" t="s">
        <v>62</v>
      </c>
      <c r="E11591" s="6">
        <v>63001</v>
      </c>
      <c r="F11591" s="6" t="s">
        <v>18</v>
      </c>
      <c r="G11591" s="6" t="s">
        <v>21930</v>
      </c>
      <c r="H11591" s="6" t="s">
        <v>21931</v>
      </c>
      <c r="I11591" s="7">
        <v>4.5227522999999996</v>
      </c>
      <c r="J11591" s="8">
        <v>-75.691907200000003</v>
      </c>
    </row>
    <row r="11592" spans="1:10" x14ac:dyDescent="0.35">
      <c r="A11592" s="5" t="s">
        <v>10</v>
      </c>
      <c r="B11592" s="6">
        <v>207257</v>
      </c>
      <c r="C11592" s="6" t="s">
        <v>3788</v>
      </c>
      <c r="D11592" s="6" t="s">
        <v>3974</v>
      </c>
      <c r="E11592" s="6">
        <v>18001</v>
      </c>
      <c r="F11592" s="6" t="s">
        <v>18</v>
      </c>
      <c r="G11592" s="6" t="s">
        <v>21932</v>
      </c>
      <c r="H11592" s="6" t="s">
        <v>21933</v>
      </c>
      <c r="I11592" s="7">
        <v>1.6184793</v>
      </c>
      <c r="J11592" s="8">
        <v>-75.603262900000004</v>
      </c>
    </row>
    <row r="11593" spans="1:10" x14ac:dyDescent="0.35">
      <c r="A11593" s="5" t="s">
        <v>10</v>
      </c>
      <c r="B11593" s="6">
        <v>205580</v>
      </c>
      <c r="C11593" s="6" t="s">
        <v>28</v>
      </c>
      <c r="D11593" s="6" t="s">
        <v>29</v>
      </c>
      <c r="E11593" s="6">
        <v>54001</v>
      </c>
      <c r="F11593" s="6" t="s">
        <v>13</v>
      </c>
      <c r="G11593" s="6" t="s">
        <v>21934</v>
      </c>
      <c r="H11593" s="6" t="s">
        <v>21935</v>
      </c>
      <c r="I11593" s="7">
        <v>7.8705062999999997</v>
      </c>
      <c r="J11593" s="8">
        <v>-72.522015400000001</v>
      </c>
    </row>
    <row r="11594" spans="1:10" x14ac:dyDescent="0.35">
      <c r="A11594" s="5" t="s">
        <v>10</v>
      </c>
      <c r="B11594" s="6">
        <v>235764</v>
      </c>
      <c r="C11594" s="6" t="s">
        <v>16</v>
      </c>
      <c r="D11594" s="6" t="s">
        <v>2825</v>
      </c>
      <c r="E11594" s="6">
        <v>68276</v>
      </c>
      <c r="F11594" s="6" t="s">
        <v>18</v>
      </c>
      <c r="G11594" s="6" t="s">
        <v>5603</v>
      </c>
      <c r="H11594" s="6" t="s">
        <v>21936</v>
      </c>
      <c r="I11594" s="7">
        <v>7.0623047000000003</v>
      </c>
      <c r="J11594" s="8">
        <v>-73.083288499999995</v>
      </c>
    </row>
    <row r="11595" spans="1:10" x14ac:dyDescent="0.35">
      <c r="A11595" s="5" t="s">
        <v>10</v>
      </c>
      <c r="B11595" s="6">
        <v>94518</v>
      </c>
      <c r="C11595" s="6" t="s">
        <v>11</v>
      </c>
      <c r="D11595" s="6" t="s">
        <v>8287</v>
      </c>
      <c r="E11595" s="6">
        <v>25491</v>
      </c>
      <c r="F11595" s="6" t="s">
        <v>18</v>
      </c>
      <c r="G11595" s="6" t="s">
        <v>8288</v>
      </c>
      <c r="H11595" s="6" t="s">
        <v>8289</v>
      </c>
      <c r="I11595" s="7">
        <v>5.0694349999999897</v>
      </c>
      <c r="J11595" s="8">
        <v>-74.380304999999893</v>
      </c>
    </row>
    <row r="11596" spans="1:10" x14ac:dyDescent="0.35">
      <c r="A11596" s="5" t="s">
        <v>10</v>
      </c>
      <c r="B11596" s="6">
        <v>207486</v>
      </c>
      <c r="C11596" s="6" t="s">
        <v>302</v>
      </c>
      <c r="D11596" s="6" t="s">
        <v>4041</v>
      </c>
      <c r="E11596" s="6">
        <v>8758</v>
      </c>
      <c r="F11596" s="6" t="s">
        <v>18</v>
      </c>
      <c r="G11596" s="6" t="s">
        <v>21937</v>
      </c>
      <c r="H11596" s="6" t="s">
        <v>21938</v>
      </c>
      <c r="I11596" s="7">
        <v>10.943365399999999</v>
      </c>
      <c r="J11596" s="8">
        <v>-74.764027799999994</v>
      </c>
    </row>
    <row r="11597" spans="1:10" x14ac:dyDescent="0.35">
      <c r="A11597" s="5" t="s">
        <v>10</v>
      </c>
      <c r="B11597" s="6">
        <v>241480</v>
      </c>
      <c r="C11597" s="6" t="s">
        <v>2821</v>
      </c>
      <c r="D11597" s="6" t="s">
        <v>2822</v>
      </c>
      <c r="E11597" s="6">
        <v>47001</v>
      </c>
      <c r="F11597" s="6" t="s">
        <v>18</v>
      </c>
      <c r="G11597" s="6" t="s">
        <v>21939</v>
      </c>
      <c r="H11597" s="6" t="s">
        <v>21940</v>
      </c>
      <c r="I11597" s="7">
        <v>11.2137543</v>
      </c>
      <c r="J11597" s="8">
        <v>-74.182223500000006</v>
      </c>
    </row>
    <row r="11598" spans="1:10" x14ac:dyDescent="0.35">
      <c r="A11598" s="5" t="s">
        <v>10</v>
      </c>
      <c r="B11598" s="6">
        <v>243006</v>
      </c>
      <c r="C11598" s="6" t="s">
        <v>16</v>
      </c>
      <c r="D11598" s="6" t="s">
        <v>21774</v>
      </c>
      <c r="E11598" s="6">
        <v>68162</v>
      </c>
      <c r="F11598" s="6" t="s">
        <v>18</v>
      </c>
      <c r="G11598" s="6" t="s">
        <v>21941</v>
      </c>
      <c r="H11598" s="6" t="s">
        <v>21942</v>
      </c>
      <c r="I11598" s="7">
        <v>3.6851788999999999</v>
      </c>
      <c r="J11598" s="8">
        <v>-76.306445600000004</v>
      </c>
    </row>
    <row r="11599" spans="1:10" x14ac:dyDescent="0.35">
      <c r="A11599" s="5" t="s">
        <v>10</v>
      </c>
      <c r="B11599" s="6">
        <v>230324</v>
      </c>
      <c r="C11599" s="6" t="s">
        <v>302</v>
      </c>
      <c r="D11599" s="6" t="s">
        <v>8024</v>
      </c>
      <c r="E11599" s="6">
        <v>8078</v>
      </c>
      <c r="F11599" s="6" t="s">
        <v>18</v>
      </c>
      <c r="G11599" s="6" t="s">
        <v>21943</v>
      </c>
      <c r="H11599" s="6" t="s">
        <v>21944</v>
      </c>
      <c r="I11599" s="7">
        <v>10.795013300000001</v>
      </c>
      <c r="J11599" s="8">
        <v>-74.914824300000006</v>
      </c>
    </row>
    <row r="11600" spans="1:10" x14ac:dyDescent="0.35">
      <c r="A11600" s="5" t="s">
        <v>10</v>
      </c>
      <c r="B11600" s="6">
        <v>201503</v>
      </c>
      <c r="C11600" s="6" t="s">
        <v>2821</v>
      </c>
      <c r="D11600" s="6" t="s">
        <v>2822</v>
      </c>
      <c r="E11600" s="6">
        <v>47001</v>
      </c>
      <c r="F11600" s="6" t="s">
        <v>18</v>
      </c>
      <c r="G11600" s="6" t="s">
        <v>10587</v>
      </c>
      <c r="H11600" s="6" t="s">
        <v>10588</v>
      </c>
      <c r="I11600" s="7">
        <v>11.233669000000001</v>
      </c>
      <c r="J11600" s="8">
        <v>-74.1249179</v>
      </c>
    </row>
    <row r="11601" spans="1:10" x14ac:dyDescent="0.35">
      <c r="A11601" s="5" t="s">
        <v>10</v>
      </c>
      <c r="B11601" s="6">
        <v>88124</v>
      </c>
      <c r="C11601" s="6" t="s">
        <v>294</v>
      </c>
      <c r="D11601" s="6" t="s">
        <v>447</v>
      </c>
      <c r="E11601" s="6">
        <v>41551</v>
      </c>
      <c r="F11601" s="6" t="s">
        <v>18</v>
      </c>
      <c r="G11601" s="6" t="s">
        <v>21802</v>
      </c>
      <c r="H11601" s="6" t="s">
        <v>21803</v>
      </c>
      <c r="I11601" s="7">
        <v>1.8563308999999999</v>
      </c>
      <c r="J11601" s="8">
        <v>-76.046161099999907</v>
      </c>
    </row>
    <row r="11602" spans="1:10" x14ac:dyDescent="0.35">
      <c r="A11602" s="5" t="s">
        <v>10</v>
      </c>
      <c r="B11602" s="6">
        <v>191447</v>
      </c>
      <c r="C11602" s="6" t="s">
        <v>11</v>
      </c>
      <c r="D11602" s="6" t="s">
        <v>337</v>
      </c>
      <c r="E11602" s="6">
        <v>25290</v>
      </c>
      <c r="F11602" s="6" t="s">
        <v>18</v>
      </c>
      <c r="G11602" s="6" t="s">
        <v>11106</v>
      </c>
      <c r="H11602" s="6" t="s">
        <v>11107</v>
      </c>
      <c r="I11602" s="7">
        <v>4.3451519999999997</v>
      </c>
      <c r="J11602" s="8">
        <v>-74.361823000000001</v>
      </c>
    </row>
    <row r="11603" spans="1:10" x14ac:dyDescent="0.35">
      <c r="A11603" s="5" t="s">
        <v>10</v>
      </c>
      <c r="B11603" s="6">
        <v>205816</v>
      </c>
      <c r="C11603" s="6" t="s">
        <v>16</v>
      </c>
      <c r="D11603" s="6" t="s">
        <v>78</v>
      </c>
      <c r="E11603" s="6">
        <v>68001</v>
      </c>
      <c r="F11603" s="6" t="s">
        <v>18</v>
      </c>
      <c r="G11603" s="6" t="s">
        <v>21579</v>
      </c>
      <c r="H11603" s="6" t="s">
        <v>21580</v>
      </c>
      <c r="I11603" s="7">
        <v>7.1125515999999998</v>
      </c>
      <c r="J11603" s="8">
        <v>-73.129071999999994</v>
      </c>
    </row>
    <row r="11604" spans="1:10" x14ac:dyDescent="0.35">
      <c r="A11604" s="5" t="s">
        <v>10</v>
      </c>
      <c r="B11604" s="6">
        <v>235521</v>
      </c>
      <c r="C11604" s="6" t="s">
        <v>68</v>
      </c>
      <c r="D11604" s="6" t="s">
        <v>69</v>
      </c>
      <c r="E11604" s="6">
        <v>11001</v>
      </c>
      <c r="F11604" s="6" t="s">
        <v>13</v>
      </c>
      <c r="G11604" s="6" t="s">
        <v>21945</v>
      </c>
      <c r="H11604" s="6" t="s">
        <v>11305</v>
      </c>
      <c r="I11604" s="7">
        <v>4.5677598000000001</v>
      </c>
      <c r="J11604" s="8">
        <v>-74.130795800000001</v>
      </c>
    </row>
    <row r="11605" spans="1:10" x14ac:dyDescent="0.35">
      <c r="A11605" s="5" t="s">
        <v>10</v>
      </c>
      <c r="B11605" s="6">
        <v>208883</v>
      </c>
      <c r="C11605" s="6" t="s">
        <v>308</v>
      </c>
      <c r="D11605" s="6" t="s">
        <v>309</v>
      </c>
      <c r="E11605" s="6">
        <v>23001</v>
      </c>
      <c r="F11605" s="6" t="s">
        <v>13</v>
      </c>
      <c r="G11605" s="6" t="s">
        <v>21946</v>
      </c>
      <c r="H11605" s="6" t="s">
        <v>21947</v>
      </c>
      <c r="I11605" s="7">
        <v>8.8043806999999994</v>
      </c>
      <c r="J11605" s="8">
        <v>-75.856989299999995</v>
      </c>
    </row>
    <row r="11606" spans="1:10" x14ac:dyDescent="0.35">
      <c r="A11606" s="5" t="s">
        <v>10</v>
      </c>
      <c r="B11606" s="6">
        <v>188673</v>
      </c>
      <c r="C11606" s="6" t="s">
        <v>68</v>
      </c>
      <c r="D11606" s="6" t="s">
        <v>69</v>
      </c>
      <c r="E11606" s="6">
        <v>11001</v>
      </c>
      <c r="F11606" s="6" t="s">
        <v>18</v>
      </c>
      <c r="G11606" s="6" t="s">
        <v>8570</v>
      </c>
      <c r="H11606" s="6" t="s">
        <v>8571</v>
      </c>
      <c r="I11606" s="7">
        <v>4.6328997000000003</v>
      </c>
      <c r="J11606" s="8">
        <v>-74.203664699999905</v>
      </c>
    </row>
    <row r="11607" spans="1:10" x14ac:dyDescent="0.35">
      <c r="A11607" s="5" t="s">
        <v>10</v>
      </c>
      <c r="B11607" s="6">
        <v>243007</v>
      </c>
      <c r="C11607" s="6" t="s">
        <v>4738</v>
      </c>
      <c r="D11607" s="6" t="s">
        <v>4739</v>
      </c>
      <c r="E11607" s="6">
        <v>88001</v>
      </c>
      <c r="F11607" s="6" t="s">
        <v>18</v>
      </c>
      <c r="G11607" s="6" t="s">
        <v>21948</v>
      </c>
      <c r="H11607" s="6" t="s">
        <v>21949</v>
      </c>
      <c r="I11607" s="7">
        <v>6.8116734000000001</v>
      </c>
      <c r="J11607" s="8">
        <v>-72.850009600000007</v>
      </c>
    </row>
    <row r="11608" spans="1:10" x14ac:dyDescent="0.35">
      <c r="A11608" s="5" t="s">
        <v>10</v>
      </c>
      <c r="B11608" s="6">
        <v>221211</v>
      </c>
      <c r="C11608" s="6" t="s">
        <v>3788</v>
      </c>
      <c r="D11608" s="6" t="s">
        <v>3974</v>
      </c>
      <c r="E11608" s="6">
        <v>18001</v>
      </c>
      <c r="F11608" s="6" t="s">
        <v>18</v>
      </c>
      <c r="G11608" s="6" t="s">
        <v>21950</v>
      </c>
      <c r="H11608" s="6" t="s">
        <v>21951</v>
      </c>
      <c r="I11608" s="7">
        <v>1.6187225999999999</v>
      </c>
      <c r="J11608" s="8">
        <v>-75.613944500000002</v>
      </c>
    </row>
    <row r="11609" spans="1:10" x14ac:dyDescent="0.35">
      <c r="A11609" s="5" t="s">
        <v>10</v>
      </c>
      <c r="B11609" s="6">
        <v>231907</v>
      </c>
      <c r="C11609" s="6" t="s">
        <v>3788</v>
      </c>
      <c r="D11609" s="6" t="s">
        <v>11658</v>
      </c>
      <c r="E11609" s="6">
        <v>18410</v>
      </c>
      <c r="F11609" s="6" t="s">
        <v>18</v>
      </c>
      <c r="G11609" s="6" t="s">
        <v>21952</v>
      </c>
      <c r="H11609" s="6" t="s">
        <v>21953</v>
      </c>
      <c r="I11609" s="7">
        <v>4.5708679999999999</v>
      </c>
      <c r="J11609" s="8">
        <v>-74.297332999999995</v>
      </c>
    </row>
    <row r="11610" spans="1:10" x14ac:dyDescent="0.35">
      <c r="A11610" s="5" t="s">
        <v>10</v>
      </c>
      <c r="B11610" s="6">
        <v>229136</v>
      </c>
      <c r="C11610" s="6" t="s">
        <v>68</v>
      </c>
      <c r="D11610" s="6" t="s">
        <v>69</v>
      </c>
      <c r="E11610" s="6">
        <v>11001</v>
      </c>
      <c r="F11610" s="6" t="s">
        <v>18</v>
      </c>
      <c r="G11610" s="6" t="s">
        <v>21954</v>
      </c>
      <c r="H11610" s="6" t="s">
        <v>21955</v>
      </c>
      <c r="I11610" s="7">
        <v>4.5935554999999999</v>
      </c>
      <c r="J11610" s="8">
        <v>-74.075805099999997</v>
      </c>
    </row>
    <row r="11611" spans="1:10" x14ac:dyDescent="0.35">
      <c r="A11611" s="5" t="s">
        <v>10</v>
      </c>
      <c r="B11611" s="6">
        <v>230251</v>
      </c>
      <c r="C11611" s="6" t="s">
        <v>308</v>
      </c>
      <c r="D11611" s="6" t="s">
        <v>309</v>
      </c>
      <c r="E11611" s="6">
        <v>23001</v>
      </c>
      <c r="F11611" s="6" t="s">
        <v>18</v>
      </c>
      <c r="G11611" s="6" t="s">
        <v>21956</v>
      </c>
      <c r="H11611" s="6" t="s">
        <v>21957</v>
      </c>
      <c r="I11611" s="7">
        <v>8.7505960999999992</v>
      </c>
      <c r="J11611" s="8">
        <v>-75.863764799999998</v>
      </c>
    </row>
    <row r="11612" spans="1:10" x14ac:dyDescent="0.35">
      <c r="A11612" s="5" t="s">
        <v>10</v>
      </c>
      <c r="B11612" s="6">
        <v>233689</v>
      </c>
      <c r="C11612" s="6" t="s">
        <v>4364</v>
      </c>
      <c r="D11612" s="6" t="s">
        <v>13688</v>
      </c>
      <c r="E11612" s="6">
        <v>70820</v>
      </c>
      <c r="F11612" s="6" t="s">
        <v>18</v>
      </c>
      <c r="G11612" s="6" t="s">
        <v>21958</v>
      </c>
      <c r="H11612" s="6" t="s">
        <v>21959</v>
      </c>
      <c r="I11612" s="7">
        <v>9.5226799999999994</v>
      </c>
      <c r="J11612" s="8">
        <v>-75.583160000000007</v>
      </c>
    </row>
    <row r="11613" spans="1:10" x14ac:dyDescent="0.35">
      <c r="A11613" s="5" t="s">
        <v>10</v>
      </c>
      <c r="B11613" s="6">
        <v>205099</v>
      </c>
      <c r="C11613" s="6" t="s">
        <v>366</v>
      </c>
      <c r="D11613" s="6" t="s">
        <v>763</v>
      </c>
      <c r="E11613" s="6">
        <v>44279</v>
      </c>
      <c r="F11613" s="6" t="s">
        <v>18</v>
      </c>
      <c r="G11613" s="6" t="s">
        <v>21960</v>
      </c>
      <c r="H11613" s="6" t="s">
        <v>21961</v>
      </c>
      <c r="I11613" s="7">
        <v>10.886123</v>
      </c>
      <c r="J11613" s="8">
        <v>-72.851514999999907</v>
      </c>
    </row>
    <row r="11614" spans="1:10" x14ac:dyDescent="0.35">
      <c r="A11614" s="5" t="s">
        <v>10</v>
      </c>
      <c r="B11614" s="6">
        <v>238306</v>
      </c>
      <c r="C11614" s="6" t="s">
        <v>302</v>
      </c>
      <c r="D11614" s="6" t="s">
        <v>359</v>
      </c>
      <c r="E11614" s="6">
        <v>8001</v>
      </c>
      <c r="F11614" s="6" t="s">
        <v>18</v>
      </c>
      <c r="G11614" s="6" t="s">
        <v>21962</v>
      </c>
      <c r="H11614" s="6" t="s">
        <v>8124</v>
      </c>
      <c r="I11614" s="7">
        <v>10.9427077</v>
      </c>
      <c r="J11614" s="8">
        <v>-74.790765800000003</v>
      </c>
    </row>
    <row r="11615" spans="1:10" x14ac:dyDescent="0.35">
      <c r="A11615" s="5" t="s">
        <v>10</v>
      </c>
      <c r="B11615" s="6">
        <v>232976</v>
      </c>
      <c r="C11615" s="6" t="s">
        <v>16</v>
      </c>
      <c r="D11615" s="6" t="s">
        <v>1348</v>
      </c>
      <c r="E11615" s="6">
        <v>68167</v>
      </c>
      <c r="F11615" s="6" t="s">
        <v>18</v>
      </c>
      <c r="G11615" s="6" t="s">
        <v>21963</v>
      </c>
      <c r="H11615" s="6" t="s">
        <v>21964</v>
      </c>
      <c r="I11615" s="7">
        <v>6.2859226000000001</v>
      </c>
      <c r="J11615" s="8">
        <v>-73.147033100000002</v>
      </c>
    </row>
    <row r="11616" spans="1:10" x14ac:dyDescent="0.35">
      <c r="A11616" s="5" t="s">
        <v>10</v>
      </c>
      <c r="B11616" s="6">
        <v>207852</v>
      </c>
      <c r="C11616" s="6" t="s">
        <v>294</v>
      </c>
      <c r="D11616" s="6" t="s">
        <v>703</v>
      </c>
      <c r="E11616" s="6">
        <v>41001</v>
      </c>
      <c r="F11616" s="6" t="s">
        <v>18</v>
      </c>
      <c r="G11616" s="6" t="s">
        <v>7216</v>
      </c>
      <c r="H11616" s="6" t="s">
        <v>21965</v>
      </c>
      <c r="I11616" s="7">
        <v>2.9198349000000001</v>
      </c>
      <c r="J11616" s="8">
        <v>-75.276300199999994</v>
      </c>
    </row>
    <row r="11617" spans="1:10" x14ac:dyDescent="0.35">
      <c r="A11617" s="5" t="s">
        <v>10</v>
      </c>
      <c r="B11617" s="6">
        <v>88391</v>
      </c>
      <c r="C11617" s="6" t="s">
        <v>11</v>
      </c>
      <c r="D11617" s="6" t="s">
        <v>5701</v>
      </c>
      <c r="E11617" s="6">
        <v>25398</v>
      </c>
      <c r="F11617" s="6" t="s">
        <v>18</v>
      </c>
      <c r="G11617" s="6" t="s">
        <v>21966</v>
      </c>
      <c r="H11617" s="6" t="s">
        <v>21967</v>
      </c>
      <c r="I11617" s="7">
        <v>5.1988908999999897</v>
      </c>
      <c r="J11617" s="8">
        <v>-74.393996200000004</v>
      </c>
    </row>
    <row r="11618" spans="1:10" x14ac:dyDescent="0.35">
      <c r="A11618" s="5" t="s">
        <v>10</v>
      </c>
      <c r="B11618" s="6">
        <v>174316</v>
      </c>
      <c r="C11618" s="6" t="s">
        <v>3788</v>
      </c>
      <c r="D11618" s="6" t="s">
        <v>3974</v>
      </c>
      <c r="E11618" s="6">
        <v>18001</v>
      </c>
      <c r="F11618" s="6" t="s">
        <v>18</v>
      </c>
      <c r="G11618" s="6" t="s">
        <v>21968</v>
      </c>
      <c r="H11618" s="6" t="s">
        <v>21969</v>
      </c>
      <c r="I11618" s="7">
        <v>1.6159239999999999</v>
      </c>
      <c r="J11618" s="8">
        <v>-75.614275999999904</v>
      </c>
    </row>
    <row r="11619" spans="1:10" x14ac:dyDescent="0.35">
      <c r="A11619" s="5" t="s">
        <v>10</v>
      </c>
      <c r="B11619" s="6">
        <v>204171</v>
      </c>
      <c r="C11619" s="6" t="s">
        <v>68</v>
      </c>
      <c r="D11619" s="6" t="s">
        <v>69</v>
      </c>
      <c r="E11619" s="6">
        <v>11001</v>
      </c>
      <c r="F11619" s="6" t="s">
        <v>13</v>
      </c>
      <c r="G11619" s="6" t="s">
        <v>21970</v>
      </c>
      <c r="H11619" s="6" t="s">
        <v>21971</v>
      </c>
      <c r="I11619" s="7">
        <v>4.7109886000000003</v>
      </c>
      <c r="J11619" s="8">
        <v>-74.072091999999998</v>
      </c>
    </row>
    <row r="11620" spans="1:10" x14ac:dyDescent="0.35">
      <c r="A11620" s="5" t="s">
        <v>10</v>
      </c>
      <c r="B11620" s="6">
        <v>246433</v>
      </c>
      <c r="C11620" s="6" t="s">
        <v>16</v>
      </c>
      <c r="D11620" s="6" t="s">
        <v>78</v>
      </c>
      <c r="E11620" s="6">
        <v>68001</v>
      </c>
      <c r="F11620" s="6" t="s">
        <v>18</v>
      </c>
      <c r="G11620" s="6" t="s">
        <v>21972</v>
      </c>
      <c r="H11620" s="6" t="s">
        <v>21973</v>
      </c>
      <c r="I11620" s="7">
        <v>7.1220078999999998</v>
      </c>
      <c r="J11620" s="8">
        <v>-73.117502099999996</v>
      </c>
    </row>
    <row r="11621" spans="1:10" x14ac:dyDescent="0.35">
      <c r="A11621" s="5" t="s">
        <v>10</v>
      </c>
      <c r="B11621" s="6">
        <v>215401</v>
      </c>
      <c r="C11621" s="6" t="s">
        <v>68</v>
      </c>
      <c r="D11621" s="6" t="s">
        <v>69</v>
      </c>
      <c r="E11621" s="6">
        <v>11001</v>
      </c>
      <c r="F11621" s="6" t="s">
        <v>18</v>
      </c>
      <c r="G11621" s="6" t="s">
        <v>21974</v>
      </c>
      <c r="H11621" s="6" t="s">
        <v>21975</v>
      </c>
      <c r="I11621" s="7">
        <v>4.5697492000000004</v>
      </c>
      <c r="J11621" s="8">
        <v>-74.152463799999893</v>
      </c>
    </row>
    <row r="11622" spans="1:10" x14ac:dyDescent="0.35">
      <c r="A11622" s="5" t="s">
        <v>10</v>
      </c>
      <c r="B11622" s="6">
        <v>229700</v>
      </c>
      <c r="C11622" s="6" t="s">
        <v>302</v>
      </c>
      <c r="D11622" s="6" t="s">
        <v>359</v>
      </c>
      <c r="E11622" s="6">
        <v>8001</v>
      </c>
      <c r="F11622" s="6" t="s">
        <v>18</v>
      </c>
      <c r="G11622" s="6" t="s">
        <v>21976</v>
      </c>
      <c r="H11622" s="6" t="s">
        <v>21977</v>
      </c>
      <c r="I11622" s="7">
        <v>10.938692899999999</v>
      </c>
      <c r="J11622" s="8">
        <v>-74.794457999999906</v>
      </c>
    </row>
    <row r="11623" spans="1:10" x14ac:dyDescent="0.35">
      <c r="A11623" s="5" t="s">
        <v>10</v>
      </c>
      <c r="B11623" s="6">
        <v>236155</v>
      </c>
      <c r="C11623" s="6" t="s">
        <v>117</v>
      </c>
      <c r="D11623" s="6" t="s">
        <v>3402</v>
      </c>
      <c r="E11623" s="6">
        <v>76364</v>
      </c>
      <c r="F11623" s="6" t="s">
        <v>18</v>
      </c>
      <c r="G11623" s="6" t="s">
        <v>21978</v>
      </c>
      <c r="H11623" s="6" t="s">
        <v>21979</v>
      </c>
      <c r="I11623" s="7">
        <v>3.2302</v>
      </c>
      <c r="J11623" s="8">
        <v>-76.5127825</v>
      </c>
    </row>
    <row r="11624" spans="1:10" x14ac:dyDescent="0.35">
      <c r="A11624" s="5" t="s">
        <v>10</v>
      </c>
      <c r="B11624" s="6">
        <v>117710</v>
      </c>
      <c r="C11624" s="6" t="s">
        <v>294</v>
      </c>
      <c r="D11624" s="6" t="s">
        <v>703</v>
      </c>
      <c r="E11624" s="6">
        <v>41001</v>
      </c>
      <c r="F11624" s="6" t="s">
        <v>18</v>
      </c>
      <c r="G11624" s="6" t="s">
        <v>6607</v>
      </c>
      <c r="H11624" s="6" t="s">
        <v>21980</v>
      </c>
      <c r="I11624" s="7">
        <v>2.9344836999999999</v>
      </c>
      <c r="J11624" s="8">
        <v>-75.280900099999997</v>
      </c>
    </row>
    <row r="11625" spans="1:10" x14ac:dyDescent="0.35">
      <c r="A11625" s="5" t="s">
        <v>10</v>
      </c>
      <c r="B11625" s="6">
        <v>233967</v>
      </c>
      <c r="C11625" s="6" t="s">
        <v>308</v>
      </c>
      <c r="D11625" s="6" t="s">
        <v>309</v>
      </c>
      <c r="E11625" s="6">
        <v>23001</v>
      </c>
      <c r="F11625" s="6" t="s">
        <v>18</v>
      </c>
      <c r="G11625" s="6" t="s">
        <v>21981</v>
      </c>
      <c r="H11625" s="6" t="s">
        <v>21982</v>
      </c>
      <c r="I11625" s="7">
        <v>8.7509829999999997</v>
      </c>
      <c r="J11625" s="8">
        <v>-75.878534799999997</v>
      </c>
    </row>
    <row r="11626" spans="1:10" x14ac:dyDescent="0.35">
      <c r="A11626" s="5" t="s">
        <v>10</v>
      </c>
      <c r="B11626" s="6">
        <v>236185</v>
      </c>
      <c r="C11626" s="6" t="s">
        <v>38</v>
      </c>
      <c r="D11626" s="6" t="s">
        <v>7839</v>
      </c>
      <c r="E11626" s="6">
        <v>19573</v>
      </c>
      <c r="F11626" s="6" t="s">
        <v>18</v>
      </c>
      <c r="G11626" s="6" t="s">
        <v>21983</v>
      </c>
      <c r="H11626" s="6" t="s">
        <v>21984</v>
      </c>
      <c r="I11626" s="7">
        <v>3.2205900000000001</v>
      </c>
      <c r="J11626" s="8">
        <v>-76.415464999999998</v>
      </c>
    </row>
    <row r="11627" spans="1:10" x14ac:dyDescent="0.35">
      <c r="A11627" s="5" t="s">
        <v>10</v>
      </c>
      <c r="B11627" s="6">
        <v>237562</v>
      </c>
      <c r="C11627" s="6" t="s">
        <v>38</v>
      </c>
      <c r="D11627" s="6" t="s">
        <v>3034</v>
      </c>
      <c r="E11627" s="6">
        <v>19100</v>
      </c>
      <c r="F11627" s="6" t="s">
        <v>18</v>
      </c>
      <c r="G11627" s="6" t="s">
        <v>21985</v>
      </c>
      <c r="H11627" s="6" t="s">
        <v>10629</v>
      </c>
      <c r="I11627" s="7">
        <v>1.8351907000000001</v>
      </c>
      <c r="J11627" s="8">
        <v>-76.966543999999999</v>
      </c>
    </row>
    <row r="11628" spans="1:10" x14ac:dyDescent="0.35">
      <c r="A11628" s="5" t="s">
        <v>10</v>
      </c>
      <c r="B11628" s="6">
        <v>202005</v>
      </c>
      <c r="C11628" s="6" t="s">
        <v>16</v>
      </c>
      <c r="D11628" s="6" t="s">
        <v>78</v>
      </c>
      <c r="E11628" s="6">
        <v>68001</v>
      </c>
      <c r="F11628" s="6" t="s">
        <v>18</v>
      </c>
      <c r="G11628" s="6" t="s">
        <v>21986</v>
      </c>
      <c r="H11628" s="6" t="s">
        <v>21987</v>
      </c>
      <c r="I11628" s="7">
        <v>7.1275937999999996</v>
      </c>
      <c r="J11628" s="8">
        <v>-73.110580499999998</v>
      </c>
    </row>
    <row r="11629" spans="1:10" x14ac:dyDescent="0.35">
      <c r="A11629" s="5" t="s">
        <v>10</v>
      </c>
      <c r="B11629" s="6">
        <v>156573</v>
      </c>
      <c r="C11629" s="6" t="s">
        <v>11</v>
      </c>
      <c r="D11629" s="6" t="s">
        <v>159</v>
      </c>
      <c r="E11629" s="6">
        <v>25175</v>
      </c>
      <c r="F11629" s="6" t="s">
        <v>18</v>
      </c>
      <c r="G11629" s="6" t="s">
        <v>20739</v>
      </c>
      <c r="H11629" s="6" t="s">
        <v>21988</v>
      </c>
      <c r="I11629" s="7">
        <v>4.8577560000000002</v>
      </c>
      <c r="J11629" s="8">
        <v>-74.063108999999997</v>
      </c>
    </row>
    <row r="11630" spans="1:10" x14ac:dyDescent="0.35">
      <c r="A11630" s="5" t="s">
        <v>10</v>
      </c>
      <c r="B11630" s="6">
        <v>198457</v>
      </c>
      <c r="C11630" s="6" t="s">
        <v>3788</v>
      </c>
      <c r="D11630" s="6" t="s">
        <v>3974</v>
      </c>
      <c r="E11630" s="6">
        <v>18001</v>
      </c>
      <c r="F11630" s="6" t="s">
        <v>18</v>
      </c>
      <c r="G11630" s="6" t="s">
        <v>21989</v>
      </c>
      <c r="H11630" s="6" t="s">
        <v>21990</v>
      </c>
      <c r="I11630" s="7">
        <v>1.6083068</v>
      </c>
      <c r="J11630" s="8">
        <v>-75.600268200000002</v>
      </c>
    </row>
    <row r="11631" spans="1:10" x14ac:dyDescent="0.35">
      <c r="A11631" s="5" t="s">
        <v>10</v>
      </c>
      <c r="B11631" s="6">
        <v>158455</v>
      </c>
      <c r="C11631" s="6" t="s">
        <v>3788</v>
      </c>
      <c r="D11631" s="6" t="s">
        <v>19071</v>
      </c>
      <c r="E11631" s="6">
        <v>18460</v>
      </c>
      <c r="F11631" s="6" t="s">
        <v>18</v>
      </c>
      <c r="G11631" s="6" t="s">
        <v>21991</v>
      </c>
      <c r="H11631" s="6" t="s">
        <v>21992</v>
      </c>
      <c r="I11631" s="7">
        <v>1.3354600000000001</v>
      </c>
      <c r="J11631" s="8">
        <v>-75.510809999999907</v>
      </c>
    </row>
    <row r="11632" spans="1:10" x14ac:dyDescent="0.35">
      <c r="A11632" s="5" t="s">
        <v>10</v>
      </c>
      <c r="B11632" s="6">
        <v>234322</v>
      </c>
      <c r="C11632" s="6" t="s">
        <v>68</v>
      </c>
      <c r="D11632" s="6" t="s">
        <v>69</v>
      </c>
      <c r="E11632" s="6">
        <v>11001</v>
      </c>
      <c r="F11632" s="6" t="s">
        <v>18</v>
      </c>
      <c r="G11632" s="6" t="s">
        <v>21993</v>
      </c>
      <c r="H11632" s="6" t="s">
        <v>21994</v>
      </c>
      <c r="I11632" s="7">
        <v>4.6148935</v>
      </c>
      <c r="J11632" s="8">
        <v>-74.159880700000002</v>
      </c>
    </row>
    <row r="11633" spans="1:10" x14ac:dyDescent="0.35">
      <c r="A11633" s="5" t="s">
        <v>10</v>
      </c>
      <c r="B11633" s="6">
        <v>239758</v>
      </c>
      <c r="C11633" s="6" t="s">
        <v>302</v>
      </c>
      <c r="D11633" s="6" t="s">
        <v>4041</v>
      </c>
      <c r="E11633" s="6">
        <v>8758</v>
      </c>
      <c r="F11633" s="6" t="s">
        <v>18</v>
      </c>
      <c r="G11633" s="6" t="s">
        <v>21995</v>
      </c>
      <c r="H11633" s="6" t="s">
        <v>21996</v>
      </c>
      <c r="I11633" s="7">
        <v>10.9153716</v>
      </c>
      <c r="J11633" s="8">
        <v>-74.821063800000005</v>
      </c>
    </row>
    <row r="11634" spans="1:10" x14ac:dyDescent="0.35">
      <c r="A11634" s="5" t="s">
        <v>10</v>
      </c>
      <c r="B11634" s="6">
        <v>246848</v>
      </c>
      <c r="C11634" s="6" t="s">
        <v>366</v>
      </c>
      <c r="D11634" s="6" t="s">
        <v>370</v>
      </c>
      <c r="E11634" s="6">
        <v>44874</v>
      </c>
      <c r="F11634" s="6" t="s">
        <v>18</v>
      </c>
      <c r="G11634" s="6" t="s">
        <v>21997</v>
      </c>
      <c r="H11634" s="6" t="s">
        <v>21998</v>
      </c>
      <c r="I11634" s="7">
        <v>10.610193499999999</v>
      </c>
      <c r="J11634" s="8">
        <v>-72.983811900000006</v>
      </c>
    </row>
    <row r="11635" spans="1:10" x14ac:dyDescent="0.35">
      <c r="A11635" s="5" t="s">
        <v>10</v>
      </c>
      <c r="B11635" s="6">
        <v>245543</v>
      </c>
      <c r="C11635" s="6" t="s">
        <v>38</v>
      </c>
      <c r="D11635" s="6" t="s">
        <v>7839</v>
      </c>
      <c r="E11635" s="6">
        <v>19573</v>
      </c>
      <c r="F11635" s="6" t="s">
        <v>18</v>
      </c>
      <c r="G11635" s="6" t="s">
        <v>21999</v>
      </c>
      <c r="H11635" s="6" t="s">
        <v>22000</v>
      </c>
      <c r="I11635" s="7">
        <v>3.2289683</v>
      </c>
      <c r="J11635" s="8">
        <v>-76.419878800000006</v>
      </c>
    </row>
    <row r="11636" spans="1:10" x14ac:dyDescent="0.35">
      <c r="A11636" s="5" t="s">
        <v>10</v>
      </c>
      <c r="B11636" s="6">
        <v>236879</v>
      </c>
      <c r="C11636" s="6" t="s">
        <v>3788</v>
      </c>
      <c r="D11636" s="6" t="s">
        <v>3974</v>
      </c>
      <c r="E11636" s="6">
        <v>18001</v>
      </c>
      <c r="F11636" s="6" t="s">
        <v>18</v>
      </c>
      <c r="G11636" s="6" t="s">
        <v>22001</v>
      </c>
      <c r="H11636" s="6" t="s">
        <v>22002</v>
      </c>
      <c r="I11636" s="7">
        <v>1.6180741999999999</v>
      </c>
      <c r="J11636" s="8">
        <v>-75.605882300000005</v>
      </c>
    </row>
    <row r="11637" spans="1:10" x14ac:dyDescent="0.35">
      <c r="A11637" s="5" t="s">
        <v>10</v>
      </c>
      <c r="B11637" s="6">
        <v>95654</v>
      </c>
      <c r="C11637" s="6" t="s">
        <v>11</v>
      </c>
      <c r="D11637" s="6" t="s">
        <v>454</v>
      </c>
      <c r="E11637" s="6">
        <v>25594</v>
      </c>
      <c r="F11637" s="6" t="s">
        <v>18</v>
      </c>
      <c r="G11637" s="6" t="s">
        <v>22003</v>
      </c>
      <c r="H11637" s="6" t="s">
        <v>22004</v>
      </c>
      <c r="I11637" s="7">
        <v>4.3299799999999999</v>
      </c>
      <c r="J11637" s="8">
        <v>-73.863182999999907</v>
      </c>
    </row>
    <row r="11638" spans="1:10" x14ac:dyDescent="0.35">
      <c r="A11638" s="5" t="s">
        <v>10</v>
      </c>
      <c r="B11638" s="6">
        <v>241454</v>
      </c>
      <c r="C11638" s="6" t="s">
        <v>308</v>
      </c>
      <c r="D11638" s="6" t="s">
        <v>13199</v>
      </c>
      <c r="E11638" s="6">
        <v>23672</v>
      </c>
      <c r="F11638" s="6" t="s">
        <v>18</v>
      </c>
      <c r="G11638" s="6" t="s">
        <v>22005</v>
      </c>
      <c r="H11638" s="6" t="s">
        <v>22006</v>
      </c>
      <c r="I11638" s="7">
        <v>9.3746419999999997</v>
      </c>
      <c r="J11638" s="8">
        <v>-75.758516999999998</v>
      </c>
    </row>
    <row r="11639" spans="1:10" x14ac:dyDescent="0.35">
      <c r="A11639" s="5" t="s">
        <v>10</v>
      </c>
      <c r="B11639" s="6">
        <v>239878</v>
      </c>
      <c r="C11639" s="6" t="s">
        <v>61</v>
      </c>
      <c r="D11639" s="6" t="s">
        <v>62</v>
      </c>
      <c r="E11639" s="6">
        <v>63001</v>
      </c>
      <c r="F11639" s="6" t="s">
        <v>18</v>
      </c>
      <c r="G11639" s="6" t="s">
        <v>22007</v>
      </c>
      <c r="H11639" s="6" t="s">
        <v>22008</v>
      </c>
      <c r="I11639" s="7">
        <v>4.4417045000000002</v>
      </c>
      <c r="J11639" s="8">
        <v>-75.429248000000001</v>
      </c>
    </row>
    <row r="11640" spans="1:10" x14ac:dyDescent="0.35">
      <c r="A11640" s="5" t="s">
        <v>10</v>
      </c>
      <c r="B11640" s="6">
        <v>240249</v>
      </c>
      <c r="C11640" s="6" t="s">
        <v>94</v>
      </c>
      <c r="D11640" s="6" t="s">
        <v>95</v>
      </c>
      <c r="E11640" s="6">
        <v>66170</v>
      </c>
      <c r="F11640" s="6" t="s">
        <v>18</v>
      </c>
      <c r="G11640" s="6" t="s">
        <v>22009</v>
      </c>
      <c r="H11640" s="6" t="s">
        <v>22010</v>
      </c>
      <c r="I11640" s="7">
        <v>4.8335939999999997</v>
      </c>
      <c r="J11640" s="8">
        <v>-75.672953199999995</v>
      </c>
    </row>
    <row r="11641" spans="1:10" x14ac:dyDescent="0.35">
      <c r="A11641" s="5" t="s">
        <v>10</v>
      </c>
      <c r="B11641" s="6">
        <v>188490</v>
      </c>
      <c r="C11641" s="6" t="s">
        <v>68</v>
      </c>
      <c r="D11641" s="6" t="s">
        <v>69</v>
      </c>
      <c r="E11641" s="6">
        <v>11001</v>
      </c>
      <c r="F11641" s="6" t="s">
        <v>18</v>
      </c>
      <c r="G11641" s="6" t="s">
        <v>8814</v>
      </c>
      <c r="H11641" s="6" t="s">
        <v>8815</v>
      </c>
      <c r="I11641" s="7">
        <v>4.6085278999999897</v>
      </c>
      <c r="J11641" s="8">
        <v>-74.209815800000001</v>
      </c>
    </row>
    <row r="11642" spans="1:10" x14ac:dyDescent="0.35">
      <c r="A11642" s="5" t="s">
        <v>10</v>
      </c>
      <c r="B11642" s="6">
        <v>182146</v>
      </c>
      <c r="C11642" s="6" t="s">
        <v>16</v>
      </c>
      <c r="D11642" s="6" t="s">
        <v>510</v>
      </c>
      <c r="E11642" s="6">
        <v>68547</v>
      </c>
      <c r="F11642" s="6" t="s">
        <v>18</v>
      </c>
      <c r="G11642" s="6" t="s">
        <v>22011</v>
      </c>
      <c r="H11642" s="6" t="s">
        <v>22012</v>
      </c>
      <c r="I11642" s="7">
        <v>6.9952695999999897</v>
      </c>
      <c r="J11642" s="8">
        <v>-73.081561299999905</v>
      </c>
    </row>
    <row r="11643" spans="1:10" x14ac:dyDescent="0.35">
      <c r="A11643" s="5" t="s">
        <v>10</v>
      </c>
      <c r="B11643" s="6">
        <v>238580</v>
      </c>
      <c r="C11643" s="6" t="s">
        <v>68</v>
      </c>
      <c r="D11643" s="6" t="s">
        <v>69</v>
      </c>
      <c r="E11643" s="6">
        <v>11001</v>
      </c>
      <c r="F11643" s="6" t="s">
        <v>18</v>
      </c>
      <c r="G11643" s="6" t="s">
        <v>22013</v>
      </c>
      <c r="H11643" s="6" t="s">
        <v>22014</v>
      </c>
      <c r="I11643" s="7">
        <v>4.7097707</v>
      </c>
      <c r="J11643" s="8">
        <v>-74.119109800000004</v>
      </c>
    </row>
    <row r="11644" spans="1:10" x14ac:dyDescent="0.35">
      <c r="A11644" s="5" t="s">
        <v>10</v>
      </c>
      <c r="B11644" s="6">
        <v>218136</v>
      </c>
      <c r="C11644" s="6" t="s">
        <v>302</v>
      </c>
      <c r="D11644" s="6" t="s">
        <v>4041</v>
      </c>
      <c r="E11644" s="6">
        <v>8758</v>
      </c>
      <c r="F11644" s="6" t="s">
        <v>18</v>
      </c>
      <c r="G11644" s="6" t="s">
        <v>22015</v>
      </c>
      <c r="H11644" s="6" t="s">
        <v>22016</v>
      </c>
      <c r="I11644" s="7">
        <v>10.917125499999999</v>
      </c>
      <c r="J11644" s="8">
        <v>-74.817519599999997</v>
      </c>
    </row>
    <row r="11645" spans="1:10" x14ac:dyDescent="0.35">
      <c r="A11645" s="5" t="s">
        <v>10</v>
      </c>
      <c r="B11645" s="6">
        <v>226684</v>
      </c>
      <c r="C11645" s="6" t="s">
        <v>16</v>
      </c>
      <c r="D11645" s="6" t="s">
        <v>2825</v>
      </c>
      <c r="E11645" s="6">
        <v>68276</v>
      </c>
      <c r="F11645" s="6" t="s">
        <v>18</v>
      </c>
      <c r="G11645" s="6" t="s">
        <v>22017</v>
      </c>
      <c r="H11645" s="6" t="s">
        <v>22018</v>
      </c>
      <c r="I11645" s="7">
        <v>7.0751646999999904</v>
      </c>
      <c r="J11645" s="8">
        <v>-73.091480500000003</v>
      </c>
    </row>
    <row r="11646" spans="1:10" x14ac:dyDescent="0.35">
      <c r="A11646" s="5" t="s">
        <v>10</v>
      </c>
      <c r="B11646" s="6">
        <v>239603</v>
      </c>
      <c r="C11646" s="6" t="s">
        <v>294</v>
      </c>
      <c r="D11646" s="6" t="s">
        <v>447</v>
      </c>
      <c r="E11646" s="6">
        <v>41551</v>
      </c>
      <c r="F11646" s="6" t="s">
        <v>18</v>
      </c>
      <c r="G11646" s="6" t="s">
        <v>22019</v>
      </c>
      <c r="H11646" s="6" t="s">
        <v>22020</v>
      </c>
      <c r="I11646" s="7">
        <v>1.8506381000000001</v>
      </c>
      <c r="J11646" s="8">
        <v>-76.036978199999993</v>
      </c>
    </row>
    <row r="11647" spans="1:10" x14ac:dyDescent="0.35">
      <c r="A11647" s="5" t="s">
        <v>10</v>
      </c>
      <c r="B11647" s="6">
        <v>205718</v>
      </c>
      <c r="C11647" s="6" t="s">
        <v>302</v>
      </c>
      <c r="D11647" s="6" t="s">
        <v>4041</v>
      </c>
      <c r="E11647" s="6">
        <v>8758</v>
      </c>
      <c r="F11647" s="6" t="s">
        <v>18</v>
      </c>
      <c r="G11647" s="6" t="s">
        <v>9951</v>
      </c>
      <c r="H11647" s="6" t="s">
        <v>9952</v>
      </c>
      <c r="I11647" s="7">
        <v>10.8778902</v>
      </c>
      <c r="J11647" s="8">
        <v>-74.801493199999996</v>
      </c>
    </row>
    <row r="11648" spans="1:10" x14ac:dyDescent="0.35">
      <c r="A11648" s="5" t="s">
        <v>10</v>
      </c>
      <c r="B11648" s="6">
        <v>231966</v>
      </c>
      <c r="C11648" s="6" t="s">
        <v>16</v>
      </c>
      <c r="D11648" s="6" t="s">
        <v>78</v>
      </c>
      <c r="E11648" s="6">
        <v>68001</v>
      </c>
      <c r="F11648" s="6" t="s">
        <v>18</v>
      </c>
      <c r="G11648" s="6" t="s">
        <v>22021</v>
      </c>
      <c r="H11648" s="6" t="s">
        <v>22022</v>
      </c>
      <c r="I11648" s="7">
        <v>7.1128686999999999</v>
      </c>
      <c r="J11648" s="8">
        <v>-73.130406399999998</v>
      </c>
    </row>
    <row r="11649" spans="1:10" x14ac:dyDescent="0.35">
      <c r="A11649" s="5" t="s">
        <v>10</v>
      </c>
      <c r="B11649" s="6">
        <v>216489</v>
      </c>
      <c r="C11649" s="6" t="s">
        <v>294</v>
      </c>
      <c r="D11649" s="6" t="s">
        <v>543</v>
      </c>
      <c r="E11649" s="6">
        <v>41396</v>
      </c>
      <c r="F11649" s="6" t="s">
        <v>13</v>
      </c>
      <c r="G11649" s="6" t="s">
        <v>22023</v>
      </c>
      <c r="H11649" s="6" t="s">
        <v>22024</v>
      </c>
      <c r="I11649" s="7">
        <v>2.3928441999999999</v>
      </c>
      <c r="J11649" s="8">
        <v>-75.882058599999993</v>
      </c>
    </row>
    <row r="11650" spans="1:10" x14ac:dyDescent="0.35">
      <c r="A11650" s="5" t="s">
        <v>10</v>
      </c>
      <c r="B11650" s="6">
        <v>145034</v>
      </c>
      <c r="C11650" s="6" t="s">
        <v>68</v>
      </c>
      <c r="D11650" s="6" t="s">
        <v>69</v>
      </c>
      <c r="E11650" s="6">
        <v>11001</v>
      </c>
      <c r="F11650" s="6" t="s">
        <v>18</v>
      </c>
      <c r="G11650" s="6" t="s">
        <v>11504</v>
      </c>
      <c r="H11650" s="6" t="s">
        <v>11505</v>
      </c>
      <c r="I11650" s="7">
        <v>4.6659647</v>
      </c>
      <c r="J11650" s="8">
        <v>-74.136520500000003</v>
      </c>
    </row>
    <row r="11651" spans="1:10" x14ac:dyDescent="0.35">
      <c r="A11651" s="5" t="s">
        <v>10</v>
      </c>
      <c r="B11651" s="6">
        <v>144061</v>
      </c>
      <c r="C11651" s="6" t="s">
        <v>11</v>
      </c>
      <c r="D11651" s="6" t="s">
        <v>106</v>
      </c>
      <c r="E11651" s="6">
        <v>25843</v>
      </c>
      <c r="F11651" s="6" t="s">
        <v>18</v>
      </c>
      <c r="G11651" s="6" t="s">
        <v>22025</v>
      </c>
      <c r="H11651" s="6" t="s">
        <v>22026</v>
      </c>
      <c r="I11651" s="7">
        <v>4.9746739</v>
      </c>
      <c r="J11651" s="8">
        <v>-74.289071100000001</v>
      </c>
    </row>
    <row r="11652" spans="1:10" x14ac:dyDescent="0.35">
      <c r="A11652" s="5" t="s">
        <v>10</v>
      </c>
      <c r="B11652" s="6">
        <v>231154</v>
      </c>
      <c r="C11652" s="6" t="s">
        <v>68</v>
      </c>
      <c r="D11652" s="6" t="s">
        <v>69</v>
      </c>
      <c r="E11652" s="6">
        <v>11001</v>
      </c>
      <c r="F11652" s="6" t="s">
        <v>18</v>
      </c>
      <c r="G11652" s="6" t="s">
        <v>22027</v>
      </c>
      <c r="H11652" s="6" t="s">
        <v>22028</v>
      </c>
      <c r="I11652" s="7">
        <v>4.5498810000000001</v>
      </c>
      <c r="J11652" s="8">
        <v>-74.114621999999997</v>
      </c>
    </row>
    <row r="11653" spans="1:10" x14ac:dyDescent="0.35">
      <c r="A11653" s="5" t="s">
        <v>10</v>
      </c>
      <c r="B11653" s="6">
        <v>236008</v>
      </c>
      <c r="C11653" s="6" t="s">
        <v>16</v>
      </c>
      <c r="D11653" s="6" t="s">
        <v>9217</v>
      </c>
      <c r="E11653" s="6">
        <v>68655</v>
      </c>
      <c r="F11653" s="6" t="s">
        <v>18</v>
      </c>
      <c r="G11653" s="6" t="s">
        <v>22029</v>
      </c>
      <c r="H11653" s="6" t="s">
        <v>22030</v>
      </c>
      <c r="I11653" s="7">
        <v>7.3959137999999998</v>
      </c>
      <c r="J11653" s="8">
        <v>-73.493830199999906</v>
      </c>
    </row>
    <row r="11654" spans="1:10" x14ac:dyDescent="0.35">
      <c r="A11654" s="5" t="s">
        <v>10</v>
      </c>
      <c r="B11654" s="6">
        <v>232007</v>
      </c>
      <c r="C11654" s="6" t="s">
        <v>16</v>
      </c>
      <c r="D11654" s="6" t="s">
        <v>1401</v>
      </c>
      <c r="E11654" s="6">
        <v>68307</v>
      </c>
      <c r="F11654" s="6" t="s">
        <v>18</v>
      </c>
      <c r="G11654" s="6" t="s">
        <v>22031</v>
      </c>
      <c r="H11654" s="6" t="s">
        <v>22032</v>
      </c>
      <c r="I11654" s="7">
        <v>7.055326</v>
      </c>
      <c r="J11654" s="8">
        <v>-73.168227999999999</v>
      </c>
    </row>
    <row r="11655" spans="1:10" x14ac:dyDescent="0.35">
      <c r="A11655" s="5" t="s">
        <v>10</v>
      </c>
      <c r="B11655" s="6">
        <v>188488</v>
      </c>
      <c r="C11655" s="6" t="s">
        <v>68</v>
      </c>
      <c r="D11655" s="6" t="s">
        <v>69</v>
      </c>
      <c r="E11655" s="6">
        <v>11001</v>
      </c>
      <c r="F11655" s="6" t="s">
        <v>18</v>
      </c>
      <c r="G11655" s="6" t="s">
        <v>8527</v>
      </c>
      <c r="H11655" s="6" t="s">
        <v>8528</v>
      </c>
      <c r="I11655" s="7">
        <v>4.6263426999999897</v>
      </c>
      <c r="J11655" s="8">
        <v>-74.185047099999906</v>
      </c>
    </row>
    <row r="11656" spans="1:10" x14ac:dyDescent="0.35">
      <c r="A11656" s="5" t="s">
        <v>10</v>
      </c>
      <c r="B11656" s="6">
        <v>180289</v>
      </c>
      <c r="C11656" s="6" t="s">
        <v>302</v>
      </c>
      <c r="D11656" s="6" t="s">
        <v>7609</v>
      </c>
      <c r="E11656" s="6">
        <v>8436</v>
      </c>
      <c r="F11656" s="6" t="s">
        <v>18</v>
      </c>
      <c r="G11656" s="6" t="s">
        <v>7657</v>
      </c>
      <c r="H11656" s="6" t="s">
        <v>7658</v>
      </c>
      <c r="I11656" s="7">
        <v>10.448194600000001</v>
      </c>
      <c r="J11656" s="8">
        <v>-74.959732899999906</v>
      </c>
    </row>
    <row r="11657" spans="1:10" x14ac:dyDescent="0.35">
      <c r="A11657" s="5" t="s">
        <v>10</v>
      </c>
      <c r="B11657" s="6">
        <v>230840</v>
      </c>
      <c r="C11657" s="6" t="s">
        <v>302</v>
      </c>
      <c r="D11657" s="6" t="s">
        <v>4041</v>
      </c>
      <c r="E11657" s="6">
        <v>8758</v>
      </c>
      <c r="F11657" s="6" t="s">
        <v>18</v>
      </c>
      <c r="G11657" s="6" t="s">
        <v>22033</v>
      </c>
      <c r="H11657" s="6" t="s">
        <v>22034</v>
      </c>
      <c r="I11657" s="7">
        <v>10.9089198</v>
      </c>
      <c r="J11657" s="8">
        <v>-74.795041600000005</v>
      </c>
    </row>
    <row r="11658" spans="1:10" x14ac:dyDescent="0.35">
      <c r="A11658" s="5" t="s">
        <v>10</v>
      </c>
      <c r="B11658" s="6">
        <v>244701</v>
      </c>
      <c r="C11658" s="6" t="s">
        <v>16</v>
      </c>
      <c r="D11658" s="6" t="s">
        <v>78</v>
      </c>
      <c r="E11658" s="6">
        <v>68001</v>
      </c>
      <c r="F11658" s="6" t="s">
        <v>18</v>
      </c>
      <c r="G11658" s="6" t="s">
        <v>22035</v>
      </c>
      <c r="H11658" s="6" t="s">
        <v>8471</v>
      </c>
      <c r="I11658" s="7">
        <v>7.1250663000000003</v>
      </c>
      <c r="J11658" s="8">
        <v>-73.125452100000004</v>
      </c>
    </row>
    <row r="11659" spans="1:10" x14ac:dyDescent="0.35">
      <c r="A11659" s="5" t="s">
        <v>10</v>
      </c>
      <c r="B11659" s="6">
        <v>240285</v>
      </c>
      <c r="C11659" s="6" t="s">
        <v>16</v>
      </c>
      <c r="D11659" s="6" t="s">
        <v>1266</v>
      </c>
      <c r="E11659" s="6">
        <v>68081</v>
      </c>
      <c r="F11659" s="6" t="s">
        <v>18</v>
      </c>
      <c r="G11659" s="6" t="s">
        <v>113</v>
      </c>
      <c r="H11659" s="6" t="s">
        <v>22036</v>
      </c>
      <c r="I11659" s="7">
        <v>7.0600404000000001</v>
      </c>
      <c r="J11659" s="8">
        <v>-73.856680999999995</v>
      </c>
    </row>
    <row r="11660" spans="1:10" x14ac:dyDescent="0.35">
      <c r="A11660" s="5" t="s">
        <v>10</v>
      </c>
      <c r="B11660" s="6">
        <v>239066</v>
      </c>
      <c r="C11660" s="6" t="s">
        <v>16</v>
      </c>
      <c r="D11660" s="6" t="s">
        <v>78</v>
      </c>
      <c r="E11660" s="6">
        <v>68001</v>
      </c>
      <c r="F11660" s="6" t="s">
        <v>18</v>
      </c>
      <c r="G11660" s="6" t="s">
        <v>22037</v>
      </c>
      <c r="H11660" s="6" t="s">
        <v>22038</v>
      </c>
      <c r="I11660" s="7">
        <v>7.1311391999999998</v>
      </c>
      <c r="J11660" s="8">
        <v>-73.126912200000007</v>
      </c>
    </row>
    <row r="11661" spans="1:10" x14ac:dyDescent="0.35">
      <c r="A11661" s="5" t="s">
        <v>10</v>
      </c>
      <c r="B11661" s="6">
        <v>246627</v>
      </c>
      <c r="C11661" s="6" t="s">
        <v>61</v>
      </c>
      <c r="D11661" s="6" t="s">
        <v>62</v>
      </c>
      <c r="E11661" s="6">
        <v>63001</v>
      </c>
      <c r="F11661" s="6" t="s">
        <v>18</v>
      </c>
      <c r="G11661" s="6" t="s">
        <v>22039</v>
      </c>
      <c r="H11661" s="6" t="s">
        <v>22040</v>
      </c>
      <c r="I11661" s="7">
        <v>4.5371889000000003</v>
      </c>
      <c r="J11661" s="8">
        <v>-75.674404499999994</v>
      </c>
    </row>
    <row r="11662" spans="1:10" x14ac:dyDescent="0.35">
      <c r="A11662" s="5" t="s">
        <v>10</v>
      </c>
      <c r="B11662" s="6">
        <v>155059</v>
      </c>
      <c r="C11662" s="6" t="s">
        <v>3788</v>
      </c>
      <c r="D11662" s="6" t="s">
        <v>3974</v>
      </c>
      <c r="E11662" s="6">
        <v>18001</v>
      </c>
      <c r="F11662" s="6" t="s">
        <v>18</v>
      </c>
      <c r="G11662" s="6" t="s">
        <v>22041</v>
      </c>
      <c r="H11662" s="6" t="s">
        <v>22042</v>
      </c>
      <c r="I11662" s="7">
        <v>1.6153858000000001</v>
      </c>
      <c r="J11662" s="8">
        <v>-75.604236399999905</v>
      </c>
    </row>
    <row r="11663" spans="1:10" x14ac:dyDescent="0.35">
      <c r="A11663" s="5" t="s">
        <v>10</v>
      </c>
      <c r="B11663" s="6">
        <v>239802</v>
      </c>
      <c r="C11663" s="6" t="s">
        <v>68</v>
      </c>
      <c r="D11663" s="6" t="s">
        <v>69</v>
      </c>
      <c r="E11663" s="6">
        <v>11001</v>
      </c>
      <c r="F11663" s="6" t="s">
        <v>18</v>
      </c>
      <c r="G11663" s="6" t="s">
        <v>22043</v>
      </c>
      <c r="H11663" s="6" t="s">
        <v>22044</v>
      </c>
      <c r="I11663" s="7">
        <v>4.5715214</v>
      </c>
      <c r="J11663" s="8">
        <v>-74.079869400000007</v>
      </c>
    </row>
    <row r="11664" spans="1:10" x14ac:dyDescent="0.35">
      <c r="A11664" s="5" t="s">
        <v>10</v>
      </c>
      <c r="B11664" s="6">
        <v>245976</v>
      </c>
      <c r="C11664" s="6" t="s">
        <v>302</v>
      </c>
      <c r="D11664" s="6" t="s">
        <v>359</v>
      </c>
      <c r="E11664" s="6">
        <v>8001</v>
      </c>
      <c r="F11664" s="6" t="s">
        <v>18</v>
      </c>
      <c r="G11664" s="6" t="s">
        <v>22045</v>
      </c>
      <c r="H11664" s="6" t="s">
        <v>22046</v>
      </c>
      <c r="I11664" s="7">
        <v>10.9582137</v>
      </c>
      <c r="J11664" s="8">
        <v>-74.828007499999998</v>
      </c>
    </row>
    <row r="11665" spans="1:10" x14ac:dyDescent="0.35">
      <c r="A11665" s="5" t="s">
        <v>10</v>
      </c>
      <c r="B11665" s="6">
        <v>238013</v>
      </c>
      <c r="C11665" s="6" t="s">
        <v>16</v>
      </c>
      <c r="D11665" s="6" t="s">
        <v>78</v>
      </c>
      <c r="E11665" s="6">
        <v>68001</v>
      </c>
      <c r="F11665" s="6" t="s">
        <v>18</v>
      </c>
      <c r="G11665" s="6" t="s">
        <v>22047</v>
      </c>
      <c r="H11665" s="6" t="s">
        <v>8479</v>
      </c>
      <c r="I11665" s="7">
        <v>7.1031649000000003</v>
      </c>
      <c r="J11665" s="8">
        <v>-73.124201900000003</v>
      </c>
    </row>
    <row r="11666" spans="1:10" x14ac:dyDescent="0.35">
      <c r="A11666" s="5" t="s">
        <v>10</v>
      </c>
      <c r="B11666" s="6">
        <v>242915</v>
      </c>
      <c r="C11666" s="6" t="s">
        <v>16</v>
      </c>
      <c r="D11666" s="6" t="s">
        <v>1266</v>
      </c>
      <c r="E11666" s="6">
        <v>68081</v>
      </c>
      <c r="F11666" s="6" t="s">
        <v>18</v>
      </c>
      <c r="G11666" s="6" t="s">
        <v>22048</v>
      </c>
      <c r="H11666" s="6" t="s">
        <v>22049</v>
      </c>
      <c r="I11666" s="7">
        <v>7.0575600999999999</v>
      </c>
      <c r="J11666" s="8">
        <v>-73.865138599999995</v>
      </c>
    </row>
    <row r="11667" spans="1:10" x14ac:dyDescent="0.35">
      <c r="A11667" s="5" t="s">
        <v>10</v>
      </c>
      <c r="B11667" s="6">
        <v>240032</v>
      </c>
      <c r="C11667" s="6" t="s">
        <v>94</v>
      </c>
      <c r="D11667" s="6" t="s">
        <v>98</v>
      </c>
      <c r="E11667" s="6">
        <v>66001</v>
      </c>
      <c r="F11667" s="6" t="s">
        <v>18</v>
      </c>
      <c r="G11667" s="6" t="s">
        <v>22050</v>
      </c>
      <c r="H11667" s="6" t="s">
        <v>22051</v>
      </c>
      <c r="I11667" s="7">
        <v>4.7940942</v>
      </c>
      <c r="J11667" s="8">
        <v>-75.728949999999998</v>
      </c>
    </row>
    <row r="11668" spans="1:10" x14ac:dyDescent="0.35">
      <c r="A11668" s="5" t="s">
        <v>10</v>
      </c>
      <c r="B11668" s="6">
        <v>235075</v>
      </c>
      <c r="C11668" s="6" t="s">
        <v>68</v>
      </c>
      <c r="D11668" s="6" t="s">
        <v>69</v>
      </c>
      <c r="E11668" s="6">
        <v>11001</v>
      </c>
      <c r="F11668" s="6" t="s">
        <v>18</v>
      </c>
      <c r="G11668" s="6" t="s">
        <v>22052</v>
      </c>
      <c r="H11668" s="6" t="s">
        <v>22053</v>
      </c>
      <c r="I11668" s="7">
        <v>4.6817583999999997</v>
      </c>
      <c r="J11668" s="8">
        <v>-74.138835200000003</v>
      </c>
    </row>
    <row r="11669" spans="1:10" x14ac:dyDescent="0.35">
      <c r="A11669" s="5" t="s">
        <v>10</v>
      </c>
      <c r="B11669" s="6">
        <v>107047</v>
      </c>
      <c r="C11669" s="6" t="s">
        <v>294</v>
      </c>
      <c r="D11669" s="6" t="s">
        <v>703</v>
      </c>
      <c r="E11669" s="6">
        <v>41001</v>
      </c>
      <c r="F11669" s="6" t="s">
        <v>18</v>
      </c>
      <c r="G11669" s="6" t="s">
        <v>10699</v>
      </c>
      <c r="H11669" s="6" t="s">
        <v>10700</v>
      </c>
      <c r="I11669" s="7">
        <v>3.2175349999999998</v>
      </c>
      <c r="J11669" s="8">
        <v>-75.249040800000003</v>
      </c>
    </row>
    <row r="11670" spans="1:10" x14ac:dyDescent="0.35">
      <c r="A11670" s="5" t="s">
        <v>10</v>
      </c>
      <c r="B11670" s="6">
        <v>126294</v>
      </c>
      <c r="C11670" s="6" t="s">
        <v>3819</v>
      </c>
      <c r="D11670" s="6" t="s">
        <v>5557</v>
      </c>
      <c r="E11670" s="6">
        <v>86568</v>
      </c>
      <c r="F11670" s="6" t="s">
        <v>18</v>
      </c>
      <c r="G11670" s="6" t="s">
        <v>8213</v>
      </c>
      <c r="H11670" s="6" t="s">
        <v>8214</v>
      </c>
      <c r="I11670" s="7">
        <v>0.49467060000000002</v>
      </c>
      <c r="J11670" s="8">
        <v>-76.4996431</v>
      </c>
    </row>
    <row r="11671" spans="1:10" x14ac:dyDescent="0.35">
      <c r="A11671" s="5" t="s">
        <v>10</v>
      </c>
      <c r="B11671" s="6">
        <v>216559</v>
      </c>
      <c r="C11671" s="6" t="s">
        <v>68</v>
      </c>
      <c r="D11671" s="6" t="s">
        <v>69</v>
      </c>
      <c r="E11671" s="6">
        <v>11001</v>
      </c>
      <c r="F11671" s="6" t="s">
        <v>18</v>
      </c>
      <c r="G11671" s="6" t="s">
        <v>22054</v>
      </c>
      <c r="H11671" s="6" t="s">
        <v>22055</v>
      </c>
      <c r="I11671" s="7">
        <v>4.6055241000000002</v>
      </c>
      <c r="J11671" s="8">
        <v>-74.068185</v>
      </c>
    </row>
    <row r="11672" spans="1:10" x14ac:dyDescent="0.35">
      <c r="A11672" s="5" t="s">
        <v>10</v>
      </c>
      <c r="B11672" s="6">
        <v>230948</v>
      </c>
      <c r="C11672" s="6" t="s">
        <v>366</v>
      </c>
      <c r="D11672" s="6" t="s">
        <v>367</v>
      </c>
      <c r="E11672" s="6">
        <v>44430</v>
      </c>
      <c r="F11672" s="6" t="s">
        <v>18</v>
      </c>
      <c r="G11672" s="6" t="s">
        <v>22056</v>
      </c>
      <c r="H11672" s="6" t="s">
        <v>22057</v>
      </c>
      <c r="I11672" s="7">
        <v>11.369013300000001</v>
      </c>
      <c r="J11672" s="8">
        <v>-72.245658700000007</v>
      </c>
    </row>
    <row r="11673" spans="1:10" x14ac:dyDescent="0.35">
      <c r="A11673" s="5" t="s">
        <v>10</v>
      </c>
      <c r="B11673" s="6">
        <v>204882</v>
      </c>
      <c r="C11673" s="6" t="s">
        <v>3819</v>
      </c>
      <c r="D11673" s="6" t="s">
        <v>5557</v>
      </c>
      <c r="E11673" s="6">
        <v>86568</v>
      </c>
      <c r="F11673" s="6" t="s">
        <v>18</v>
      </c>
      <c r="G11673" s="6" t="s">
        <v>8277</v>
      </c>
      <c r="H11673" s="6" t="s">
        <v>22058</v>
      </c>
      <c r="I11673" s="7">
        <v>0.50667580000000001</v>
      </c>
      <c r="J11673" s="8">
        <v>-76.490374000000003</v>
      </c>
    </row>
    <row r="11674" spans="1:10" x14ac:dyDescent="0.35">
      <c r="A11674" s="5" t="s">
        <v>10</v>
      </c>
      <c r="B11674" s="6">
        <v>234019</v>
      </c>
      <c r="C11674" s="6" t="s">
        <v>302</v>
      </c>
      <c r="D11674" s="6" t="s">
        <v>303</v>
      </c>
      <c r="E11674" s="6">
        <v>8638</v>
      </c>
      <c r="F11674" s="6" t="s">
        <v>18</v>
      </c>
      <c r="G11674" s="6" t="s">
        <v>22059</v>
      </c>
      <c r="H11674" s="6" t="s">
        <v>22060</v>
      </c>
      <c r="I11674" s="7">
        <v>10.6253636</v>
      </c>
      <c r="J11674" s="8">
        <v>-74.916983700000003</v>
      </c>
    </row>
    <row r="11675" spans="1:10" x14ac:dyDescent="0.35">
      <c r="A11675" s="5" t="s">
        <v>10</v>
      </c>
      <c r="B11675" s="6">
        <v>241366</v>
      </c>
      <c r="C11675" s="6" t="s">
        <v>308</v>
      </c>
      <c r="D11675" s="6" t="s">
        <v>8845</v>
      </c>
      <c r="E11675" s="6">
        <v>23660</v>
      </c>
      <c r="F11675" s="6" t="s">
        <v>18</v>
      </c>
      <c r="G11675" s="6" t="s">
        <v>22061</v>
      </c>
      <c r="H11675" s="6" t="s">
        <v>22062</v>
      </c>
      <c r="I11675" s="7">
        <v>8.9562147999999997</v>
      </c>
      <c r="J11675" s="8">
        <v>-75.449747299999999</v>
      </c>
    </row>
    <row r="11676" spans="1:10" x14ac:dyDescent="0.35">
      <c r="A11676" s="5" t="s">
        <v>10</v>
      </c>
      <c r="B11676" s="6">
        <v>210593</v>
      </c>
      <c r="C11676" s="6" t="s">
        <v>16</v>
      </c>
      <c r="D11676" s="6" t="s">
        <v>2825</v>
      </c>
      <c r="E11676" s="6">
        <v>68276</v>
      </c>
      <c r="F11676" s="6" t="s">
        <v>18</v>
      </c>
      <c r="G11676" s="6" t="s">
        <v>22063</v>
      </c>
      <c r="H11676" s="6" t="s">
        <v>22064</v>
      </c>
      <c r="I11676" s="7">
        <v>7.1057531999999997</v>
      </c>
      <c r="J11676" s="8">
        <v>-73.116971699999993</v>
      </c>
    </row>
    <row r="11677" spans="1:10" x14ac:dyDescent="0.35">
      <c r="A11677" s="5" t="s">
        <v>10</v>
      </c>
      <c r="B11677" s="6">
        <v>68279</v>
      </c>
      <c r="C11677" s="6" t="s">
        <v>294</v>
      </c>
      <c r="D11677" s="6" t="s">
        <v>703</v>
      </c>
      <c r="E11677" s="6">
        <v>41001</v>
      </c>
      <c r="F11677" s="6" t="s">
        <v>18</v>
      </c>
      <c r="G11677" s="6" t="s">
        <v>10278</v>
      </c>
      <c r="H11677" s="6" t="s">
        <v>8093</v>
      </c>
      <c r="I11677" s="7">
        <v>2.9694110999999999</v>
      </c>
      <c r="J11677" s="8">
        <v>-75.287294299999999</v>
      </c>
    </row>
    <row r="11678" spans="1:10" x14ac:dyDescent="0.35">
      <c r="A11678" s="5" t="s">
        <v>10</v>
      </c>
      <c r="B11678" s="6">
        <v>187524</v>
      </c>
      <c r="C11678" s="6" t="s">
        <v>68</v>
      </c>
      <c r="D11678" s="6" t="s">
        <v>69</v>
      </c>
      <c r="E11678" s="6">
        <v>11001</v>
      </c>
      <c r="F11678" s="6" t="s">
        <v>18</v>
      </c>
      <c r="G11678" s="6" t="s">
        <v>9333</v>
      </c>
      <c r="H11678" s="6" t="s">
        <v>9334</v>
      </c>
      <c r="I11678" s="7">
        <v>4.5762365999999997</v>
      </c>
      <c r="J11678" s="8">
        <v>-74.174177700000001</v>
      </c>
    </row>
    <row r="11679" spans="1:10" x14ac:dyDescent="0.35">
      <c r="A11679" s="5" t="s">
        <v>10</v>
      </c>
      <c r="B11679" s="6">
        <v>220797</v>
      </c>
      <c r="C11679" s="6" t="s">
        <v>68</v>
      </c>
      <c r="D11679" s="6" t="s">
        <v>69</v>
      </c>
      <c r="E11679" s="6">
        <v>11001</v>
      </c>
      <c r="F11679" s="6" t="s">
        <v>13</v>
      </c>
      <c r="G11679" s="6" t="s">
        <v>10424</v>
      </c>
      <c r="H11679" s="6" t="s">
        <v>10425</v>
      </c>
      <c r="I11679" s="7">
        <v>4.5836787000000001</v>
      </c>
      <c r="J11679" s="8">
        <v>-74.138249799999997</v>
      </c>
    </row>
    <row r="11680" spans="1:10" x14ac:dyDescent="0.35">
      <c r="A11680" s="5" t="s">
        <v>10</v>
      </c>
      <c r="B11680" s="6">
        <v>234329</v>
      </c>
      <c r="C11680" s="6" t="s">
        <v>302</v>
      </c>
      <c r="D11680" s="6" t="s">
        <v>7833</v>
      </c>
      <c r="E11680" s="6">
        <v>8685</v>
      </c>
      <c r="F11680" s="6" t="s">
        <v>18</v>
      </c>
      <c r="G11680" s="6" t="s">
        <v>22065</v>
      </c>
      <c r="H11680" s="6" t="s">
        <v>22066</v>
      </c>
      <c r="I11680" s="7">
        <v>10.9515133</v>
      </c>
      <c r="J11680" s="8">
        <v>-74.769034500000004</v>
      </c>
    </row>
    <row r="11681" spans="1:10" x14ac:dyDescent="0.35">
      <c r="A11681" s="5" t="s">
        <v>10</v>
      </c>
      <c r="B11681" s="6">
        <v>207166</v>
      </c>
      <c r="C11681" s="6" t="s">
        <v>28</v>
      </c>
      <c r="D11681" s="6" t="s">
        <v>29</v>
      </c>
      <c r="E11681" s="6">
        <v>54001</v>
      </c>
      <c r="F11681" s="6" t="s">
        <v>18</v>
      </c>
      <c r="G11681" s="6" t="s">
        <v>22067</v>
      </c>
      <c r="H11681" s="6" t="s">
        <v>22068</v>
      </c>
      <c r="I11681" s="7">
        <v>7.8920733999999904</v>
      </c>
      <c r="J11681" s="8">
        <v>-72.488045799999995</v>
      </c>
    </row>
    <row r="11682" spans="1:10" x14ac:dyDescent="0.35">
      <c r="A11682" s="5" t="s">
        <v>10</v>
      </c>
      <c r="B11682" s="6">
        <v>145605</v>
      </c>
      <c r="C11682" s="6" t="s">
        <v>294</v>
      </c>
      <c r="D11682" s="6" t="s">
        <v>4244</v>
      </c>
      <c r="E11682" s="6">
        <v>41298</v>
      </c>
      <c r="F11682" s="6" t="s">
        <v>18</v>
      </c>
      <c r="G11682" s="6" t="s">
        <v>22069</v>
      </c>
      <c r="H11682" s="6" t="s">
        <v>22070</v>
      </c>
      <c r="I11682" s="7">
        <v>2.1937706000000001</v>
      </c>
      <c r="J11682" s="8">
        <v>-75.621556499999997</v>
      </c>
    </row>
    <row r="11683" spans="1:10" x14ac:dyDescent="0.35">
      <c r="A11683" s="5" t="s">
        <v>10</v>
      </c>
      <c r="B11683" s="6">
        <v>231827</v>
      </c>
      <c r="C11683" s="6" t="s">
        <v>16</v>
      </c>
      <c r="D11683" s="6" t="s">
        <v>78</v>
      </c>
      <c r="E11683" s="6">
        <v>68001</v>
      </c>
      <c r="F11683" s="6" t="s">
        <v>18</v>
      </c>
      <c r="G11683" s="6" t="s">
        <v>22071</v>
      </c>
      <c r="H11683" s="6" t="s">
        <v>22072</v>
      </c>
      <c r="I11683" s="7">
        <v>7.1345669999999997</v>
      </c>
      <c r="J11683" s="8">
        <v>-73.123514999999998</v>
      </c>
    </row>
    <row r="11684" spans="1:10" x14ac:dyDescent="0.35">
      <c r="A11684" s="5" t="s">
        <v>10</v>
      </c>
      <c r="B11684" s="6">
        <v>245795</v>
      </c>
      <c r="C11684" s="6" t="s">
        <v>2821</v>
      </c>
      <c r="D11684" s="6" t="s">
        <v>2822</v>
      </c>
      <c r="E11684" s="6">
        <v>47001</v>
      </c>
      <c r="F11684" s="6" t="s">
        <v>18</v>
      </c>
      <c r="G11684" s="6" t="s">
        <v>22073</v>
      </c>
      <c r="H11684" s="6" t="s">
        <v>22074</v>
      </c>
      <c r="I11684" s="7">
        <v>11.2414448</v>
      </c>
      <c r="J11684" s="8">
        <v>-74.204011699999995</v>
      </c>
    </row>
    <row r="11685" spans="1:10" x14ac:dyDescent="0.35">
      <c r="A11685" s="5" t="s">
        <v>10</v>
      </c>
      <c r="B11685" s="6">
        <v>204334</v>
      </c>
      <c r="C11685" s="6" t="s">
        <v>366</v>
      </c>
      <c r="D11685" s="6" t="s">
        <v>7478</v>
      </c>
      <c r="E11685" s="6">
        <v>44098</v>
      </c>
      <c r="F11685" s="6" t="s">
        <v>18</v>
      </c>
      <c r="G11685" s="6" t="s">
        <v>22075</v>
      </c>
      <c r="H11685" s="6" t="s">
        <v>22076</v>
      </c>
      <c r="I11685" s="7">
        <v>10.8966727</v>
      </c>
      <c r="J11685" s="8">
        <v>-72.887878700000002</v>
      </c>
    </row>
    <row r="11686" spans="1:10" x14ac:dyDescent="0.35">
      <c r="A11686" s="5" t="s">
        <v>10</v>
      </c>
      <c r="B11686" s="6">
        <v>229788</v>
      </c>
      <c r="C11686" s="6" t="s">
        <v>16</v>
      </c>
      <c r="D11686" s="6" t="s">
        <v>78</v>
      </c>
      <c r="E11686" s="6">
        <v>68001</v>
      </c>
      <c r="F11686" s="6" t="s">
        <v>18</v>
      </c>
      <c r="G11686" s="6" t="s">
        <v>22077</v>
      </c>
      <c r="H11686" s="6" t="s">
        <v>22078</v>
      </c>
      <c r="I11686" s="7">
        <v>6.6982412</v>
      </c>
      <c r="J11686" s="8">
        <v>-73.511173400000004</v>
      </c>
    </row>
    <row r="11687" spans="1:10" x14ac:dyDescent="0.35">
      <c r="A11687" s="5" t="s">
        <v>10</v>
      </c>
      <c r="B11687" s="6">
        <v>230771</v>
      </c>
      <c r="C11687" s="6" t="s">
        <v>55</v>
      </c>
      <c r="D11687" s="6" t="s">
        <v>56</v>
      </c>
      <c r="E11687" s="6">
        <v>73001</v>
      </c>
      <c r="F11687" s="6" t="s">
        <v>18</v>
      </c>
      <c r="G11687" s="6" t="s">
        <v>22079</v>
      </c>
      <c r="H11687" s="6" t="s">
        <v>22080</v>
      </c>
      <c r="I11687" s="7">
        <v>4.4446760000000003</v>
      </c>
      <c r="J11687" s="8">
        <v>-75.242438000000007</v>
      </c>
    </row>
    <row r="11688" spans="1:10" x14ac:dyDescent="0.35">
      <c r="A11688" s="5" t="s">
        <v>10</v>
      </c>
      <c r="B11688" s="6">
        <v>232998</v>
      </c>
      <c r="C11688" s="6" t="s">
        <v>16</v>
      </c>
      <c r="D11688" s="6" t="s">
        <v>9217</v>
      </c>
      <c r="E11688" s="6">
        <v>68655</v>
      </c>
      <c r="F11688" s="6" t="s">
        <v>18</v>
      </c>
      <c r="G11688" s="6" t="s">
        <v>22081</v>
      </c>
      <c r="H11688" s="6" t="s">
        <v>22082</v>
      </c>
      <c r="I11688" s="7">
        <v>7.39194</v>
      </c>
      <c r="J11688" s="8">
        <v>-73.499849999999995</v>
      </c>
    </row>
    <row r="11689" spans="1:10" x14ac:dyDescent="0.35">
      <c r="A11689" s="5" t="s">
        <v>10</v>
      </c>
      <c r="B11689" s="6">
        <v>238434</v>
      </c>
      <c r="C11689" s="6" t="s">
        <v>16</v>
      </c>
      <c r="D11689" s="6" t="s">
        <v>22083</v>
      </c>
      <c r="E11689" s="6">
        <v>68682</v>
      </c>
      <c r="F11689" s="6" t="s">
        <v>18</v>
      </c>
      <c r="G11689" s="6" t="s">
        <v>22084</v>
      </c>
      <c r="H11689" s="6" t="s">
        <v>22085</v>
      </c>
      <c r="I11689" s="7">
        <v>6.4274274</v>
      </c>
      <c r="J11689" s="8">
        <v>-72.867925099999994</v>
      </c>
    </row>
    <row r="11690" spans="1:10" x14ac:dyDescent="0.35">
      <c r="A11690" s="5" t="s">
        <v>10</v>
      </c>
      <c r="B11690" s="6">
        <v>207138</v>
      </c>
      <c r="C11690" s="6" t="s">
        <v>294</v>
      </c>
      <c r="D11690" s="6" t="s">
        <v>703</v>
      </c>
      <c r="E11690" s="6">
        <v>41001</v>
      </c>
      <c r="F11690" s="6" t="s">
        <v>18</v>
      </c>
      <c r="G11690" s="6" t="s">
        <v>22086</v>
      </c>
      <c r="H11690" s="6" t="s">
        <v>22087</v>
      </c>
      <c r="I11690" s="7">
        <v>2.9407611999999999</v>
      </c>
      <c r="J11690" s="8">
        <v>-75.249502199999995</v>
      </c>
    </row>
    <row r="11691" spans="1:10" x14ac:dyDescent="0.35">
      <c r="A11691" s="5" t="s">
        <v>10</v>
      </c>
      <c r="B11691" s="6">
        <v>246432</v>
      </c>
      <c r="C11691" s="6" t="s">
        <v>308</v>
      </c>
      <c r="D11691" s="6" t="s">
        <v>309</v>
      </c>
      <c r="E11691" s="6">
        <v>23001</v>
      </c>
      <c r="F11691" s="6" t="s">
        <v>18</v>
      </c>
      <c r="G11691" s="6" t="s">
        <v>22088</v>
      </c>
      <c r="H11691" s="6" t="s">
        <v>22089</v>
      </c>
      <c r="I11691" s="7">
        <v>8.7513973000000007</v>
      </c>
      <c r="J11691" s="8">
        <v>-75.888879200000005</v>
      </c>
    </row>
    <row r="11692" spans="1:10" x14ac:dyDescent="0.35">
      <c r="A11692" s="5" t="s">
        <v>10</v>
      </c>
      <c r="B11692" s="6">
        <v>245414</v>
      </c>
      <c r="C11692" s="6" t="s">
        <v>2821</v>
      </c>
      <c r="D11692" s="6" t="s">
        <v>2822</v>
      </c>
      <c r="E11692" s="6">
        <v>47001</v>
      </c>
      <c r="F11692" s="6" t="s">
        <v>18</v>
      </c>
      <c r="G11692" s="6" t="s">
        <v>22090</v>
      </c>
      <c r="H11692" s="6" t="s">
        <v>22091</v>
      </c>
      <c r="I11692" s="7">
        <v>11.241054800000001</v>
      </c>
      <c r="J11692" s="8">
        <v>-74.204221899999993</v>
      </c>
    </row>
    <row r="11693" spans="1:10" x14ac:dyDescent="0.35">
      <c r="A11693" s="5" t="s">
        <v>10</v>
      </c>
      <c r="B11693" s="6">
        <v>232667</v>
      </c>
      <c r="C11693" s="6" t="s">
        <v>302</v>
      </c>
      <c r="D11693" s="6" t="s">
        <v>359</v>
      </c>
      <c r="E11693" s="6">
        <v>8001</v>
      </c>
      <c r="F11693" s="6" t="s">
        <v>18</v>
      </c>
      <c r="G11693" s="6" t="s">
        <v>22092</v>
      </c>
      <c r="H11693" s="6" t="s">
        <v>22093</v>
      </c>
      <c r="I11693" s="7">
        <v>10.9297513</v>
      </c>
      <c r="J11693" s="8">
        <v>-74.7956942</v>
      </c>
    </row>
    <row r="11694" spans="1:10" x14ac:dyDescent="0.35">
      <c r="A11694" s="5" t="s">
        <v>10</v>
      </c>
      <c r="B11694" s="6">
        <v>241531</v>
      </c>
      <c r="C11694" s="6" t="s">
        <v>308</v>
      </c>
      <c r="D11694" s="6" t="s">
        <v>19471</v>
      </c>
      <c r="E11694" s="6">
        <v>23580</v>
      </c>
      <c r="F11694" s="6" t="s">
        <v>18</v>
      </c>
      <c r="G11694" s="6" t="s">
        <v>22094</v>
      </c>
      <c r="H11694" s="6" t="s">
        <v>22095</v>
      </c>
      <c r="I11694" s="7">
        <v>7.8894361999999996</v>
      </c>
      <c r="J11694" s="8">
        <v>-75.665241600000002</v>
      </c>
    </row>
    <row r="11695" spans="1:10" x14ac:dyDescent="0.35">
      <c r="A11695" s="5" t="s">
        <v>10</v>
      </c>
      <c r="B11695" s="6">
        <v>239122</v>
      </c>
      <c r="C11695" s="6" t="s">
        <v>278</v>
      </c>
      <c r="D11695" s="6" t="s">
        <v>279</v>
      </c>
      <c r="E11695" s="6">
        <v>50001</v>
      </c>
      <c r="F11695" s="6" t="s">
        <v>18</v>
      </c>
      <c r="G11695" s="6" t="s">
        <v>22096</v>
      </c>
      <c r="H11695" s="6" t="s">
        <v>22097</v>
      </c>
      <c r="I11695" s="7">
        <v>4.1360286999999998</v>
      </c>
      <c r="J11695" s="8">
        <v>-73.601078299999998</v>
      </c>
    </row>
    <row r="11696" spans="1:10" x14ac:dyDescent="0.35">
      <c r="A11696" s="5" t="s">
        <v>10</v>
      </c>
      <c r="B11696" s="6">
        <v>117047</v>
      </c>
      <c r="C11696" s="6" t="s">
        <v>294</v>
      </c>
      <c r="D11696" s="6" t="s">
        <v>703</v>
      </c>
      <c r="E11696" s="6">
        <v>41001</v>
      </c>
      <c r="F11696" s="6" t="s">
        <v>18</v>
      </c>
      <c r="G11696" s="6" t="s">
        <v>22098</v>
      </c>
      <c r="H11696" s="6" t="s">
        <v>22099</v>
      </c>
      <c r="I11696" s="7">
        <v>2.9194070999999999</v>
      </c>
      <c r="J11696" s="8">
        <v>-75.281109200000003</v>
      </c>
    </row>
    <row r="11697" spans="1:10" x14ac:dyDescent="0.35">
      <c r="A11697" s="5" t="s">
        <v>10</v>
      </c>
      <c r="B11697" s="6">
        <v>141736</v>
      </c>
      <c r="C11697" s="6" t="s">
        <v>68</v>
      </c>
      <c r="D11697" s="6" t="s">
        <v>69</v>
      </c>
      <c r="E11697" s="6">
        <v>11001</v>
      </c>
      <c r="F11697" s="6" t="s">
        <v>18</v>
      </c>
      <c r="G11697" s="6" t="s">
        <v>20535</v>
      </c>
      <c r="H11697" s="6" t="s">
        <v>22100</v>
      </c>
      <c r="I11697" s="7">
        <v>4.6685210000000001</v>
      </c>
      <c r="J11697" s="8">
        <v>-74.132036399999905</v>
      </c>
    </row>
    <row r="11698" spans="1:10" x14ac:dyDescent="0.35">
      <c r="A11698" s="5" t="s">
        <v>10</v>
      </c>
      <c r="B11698" s="6">
        <v>236922</v>
      </c>
      <c r="C11698" s="6" t="s">
        <v>55</v>
      </c>
      <c r="D11698" s="6" t="s">
        <v>56</v>
      </c>
      <c r="E11698" s="6">
        <v>73001</v>
      </c>
      <c r="F11698" s="6" t="s">
        <v>18</v>
      </c>
      <c r="G11698" s="6" t="s">
        <v>22101</v>
      </c>
      <c r="H11698" s="6" t="s">
        <v>22102</v>
      </c>
      <c r="I11698" s="7">
        <v>4.4501543999999997</v>
      </c>
      <c r="J11698" s="8">
        <v>-75.236951599999998</v>
      </c>
    </row>
    <row r="11699" spans="1:10" x14ac:dyDescent="0.35">
      <c r="A11699" s="5" t="s">
        <v>10</v>
      </c>
      <c r="B11699" s="6">
        <v>229229</v>
      </c>
      <c r="C11699" s="6" t="s">
        <v>68</v>
      </c>
      <c r="D11699" s="6" t="s">
        <v>69</v>
      </c>
      <c r="E11699" s="6">
        <v>11001</v>
      </c>
      <c r="F11699" s="6" t="s">
        <v>18</v>
      </c>
      <c r="G11699" s="6" t="s">
        <v>22103</v>
      </c>
      <c r="H11699" s="6" t="s">
        <v>22104</v>
      </c>
      <c r="I11699" s="7">
        <v>4.5731092000000002</v>
      </c>
      <c r="J11699" s="8">
        <v>-74.102006000000003</v>
      </c>
    </row>
    <row r="11700" spans="1:10" x14ac:dyDescent="0.35">
      <c r="A11700" s="5" t="s">
        <v>10</v>
      </c>
      <c r="B11700" s="6">
        <v>192301</v>
      </c>
      <c r="C11700" s="6" t="s">
        <v>302</v>
      </c>
      <c r="D11700" s="6" t="s">
        <v>359</v>
      </c>
      <c r="E11700" s="6">
        <v>8001</v>
      </c>
      <c r="F11700" s="6" t="s">
        <v>18</v>
      </c>
      <c r="G11700" s="6" t="s">
        <v>22105</v>
      </c>
      <c r="H11700" s="6" t="s">
        <v>22106</v>
      </c>
      <c r="I11700" s="7">
        <v>10.9567956</v>
      </c>
      <c r="J11700" s="8">
        <v>-74.806593999999905</v>
      </c>
    </row>
    <row r="11701" spans="1:10" x14ac:dyDescent="0.35">
      <c r="A11701" s="5" t="s">
        <v>10</v>
      </c>
      <c r="B11701" s="6">
        <v>239550</v>
      </c>
      <c r="C11701" s="6" t="s">
        <v>16</v>
      </c>
      <c r="D11701" s="6" t="s">
        <v>7769</v>
      </c>
      <c r="E11701" s="6">
        <v>68689</v>
      </c>
      <c r="F11701" s="6" t="s">
        <v>18</v>
      </c>
      <c r="G11701" s="6" t="s">
        <v>22107</v>
      </c>
      <c r="H11701" s="6" t="s">
        <v>22108</v>
      </c>
      <c r="I11701" s="7">
        <v>6.880471</v>
      </c>
      <c r="J11701" s="8">
        <v>-73.410560000000004</v>
      </c>
    </row>
    <row r="11702" spans="1:10" x14ac:dyDescent="0.35">
      <c r="A11702" s="5" t="s">
        <v>10</v>
      </c>
      <c r="B11702" s="6">
        <v>244659</v>
      </c>
      <c r="C11702" s="6" t="s">
        <v>16</v>
      </c>
      <c r="D11702" s="6" t="s">
        <v>1266</v>
      </c>
      <c r="E11702" s="6">
        <v>68081</v>
      </c>
      <c r="F11702" s="6" t="s">
        <v>18</v>
      </c>
      <c r="G11702" s="6" t="s">
        <v>22109</v>
      </c>
      <c r="H11702" s="6" t="s">
        <v>22110</v>
      </c>
      <c r="I11702" s="7">
        <v>4.6609806000000003</v>
      </c>
      <c r="J11702" s="8">
        <v>-74.047531000000006</v>
      </c>
    </row>
    <row r="11703" spans="1:10" x14ac:dyDescent="0.35">
      <c r="A11703" s="5" t="s">
        <v>10</v>
      </c>
      <c r="B11703" s="6">
        <v>179391</v>
      </c>
      <c r="C11703" s="6" t="s">
        <v>68</v>
      </c>
      <c r="D11703" s="6" t="s">
        <v>69</v>
      </c>
      <c r="E11703" s="6">
        <v>11001</v>
      </c>
      <c r="F11703" s="6" t="s">
        <v>18</v>
      </c>
      <c r="G11703" s="6" t="s">
        <v>22111</v>
      </c>
      <c r="H11703" s="6" t="s">
        <v>22112</v>
      </c>
      <c r="I11703" s="7">
        <v>4.6325766000000002</v>
      </c>
      <c r="J11703" s="8">
        <v>-74.067005199999997</v>
      </c>
    </row>
    <row r="11704" spans="1:10" x14ac:dyDescent="0.35">
      <c r="A11704" s="5" t="s">
        <v>10</v>
      </c>
      <c r="B11704" s="6">
        <v>178674</v>
      </c>
      <c r="C11704" s="6" t="s">
        <v>16</v>
      </c>
      <c r="D11704" s="6" t="s">
        <v>78</v>
      </c>
      <c r="E11704" s="6">
        <v>68001</v>
      </c>
      <c r="F11704" s="6" t="s">
        <v>18</v>
      </c>
      <c r="G11704" s="6" t="s">
        <v>22113</v>
      </c>
      <c r="H11704" s="6" t="s">
        <v>22114</v>
      </c>
      <c r="I11704" s="7">
        <v>7.1215326999999897</v>
      </c>
      <c r="J11704" s="8">
        <v>-73.1270892</v>
      </c>
    </row>
    <row r="11705" spans="1:10" x14ac:dyDescent="0.35">
      <c r="A11705" s="5" t="s">
        <v>10</v>
      </c>
      <c r="B11705" s="6">
        <v>219089</v>
      </c>
      <c r="C11705" s="6" t="s">
        <v>16</v>
      </c>
      <c r="D11705" s="6" t="s">
        <v>2825</v>
      </c>
      <c r="E11705" s="6">
        <v>68276</v>
      </c>
      <c r="F11705" s="6" t="s">
        <v>18</v>
      </c>
      <c r="G11705" s="6" t="s">
        <v>22115</v>
      </c>
      <c r="H11705" s="6" t="s">
        <v>22116</v>
      </c>
      <c r="I11705" s="7">
        <v>7.1389146999999999</v>
      </c>
      <c r="J11705" s="8">
        <v>-73.133623700000001</v>
      </c>
    </row>
    <row r="11706" spans="1:10" x14ac:dyDescent="0.35">
      <c r="A11706" s="5" t="s">
        <v>10</v>
      </c>
      <c r="B11706" s="6">
        <v>178006</v>
      </c>
      <c r="C11706" s="6" t="s">
        <v>2821</v>
      </c>
      <c r="D11706" s="6" t="s">
        <v>8204</v>
      </c>
      <c r="E11706" s="6">
        <v>47053</v>
      </c>
      <c r="F11706" s="6" t="s">
        <v>18</v>
      </c>
      <c r="G11706" s="6" t="s">
        <v>10585</v>
      </c>
      <c r="H11706" s="6" t="s">
        <v>10586</v>
      </c>
      <c r="I11706" s="7">
        <v>10.588001999999999</v>
      </c>
      <c r="J11706" s="8">
        <v>-74.181567099999995</v>
      </c>
    </row>
    <row r="11707" spans="1:10" x14ac:dyDescent="0.35">
      <c r="A11707" s="5" t="s">
        <v>10</v>
      </c>
      <c r="B11707" s="6">
        <v>206853</v>
      </c>
      <c r="C11707" s="6" t="s">
        <v>16</v>
      </c>
      <c r="D11707" s="6" t="s">
        <v>2825</v>
      </c>
      <c r="E11707" s="6">
        <v>68276</v>
      </c>
      <c r="F11707" s="6" t="s">
        <v>18</v>
      </c>
      <c r="G11707" s="6" t="s">
        <v>22117</v>
      </c>
      <c r="H11707" s="6" t="s">
        <v>22118</v>
      </c>
      <c r="I11707" s="7">
        <v>7.0657692000000001</v>
      </c>
      <c r="J11707" s="8">
        <v>-73.077217899999994</v>
      </c>
    </row>
    <row r="11708" spans="1:10" x14ac:dyDescent="0.35">
      <c r="A11708" s="5" t="s">
        <v>10</v>
      </c>
      <c r="B11708" s="6">
        <v>192890</v>
      </c>
      <c r="C11708" s="6" t="s">
        <v>4364</v>
      </c>
      <c r="D11708" s="6" t="s">
        <v>8441</v>
      </c>
      <c r="E11708" s="6">
        <v>70708</v>
      </c>
      <c r="F11708" s="6" t="s">
        <v>18</v>
      </c>
      <c r="G11708" s="6" t="s">
        <v>9296</v>
      </c>
      <c r="H11708" s="6" t="s">
        <v>9297</v>
      </c>
      <c r="I11708" s="7">
        <v>8.6534526999999901</v>
      </c>
      <c r="J11708" s="8">
        <v>-75.122181900000001</v>
      </c>
    </row>
    <row r="11709" spans="1:10" x14ac:dyDescent="0.35">
      <c r="A11709" s="5" t="s">
        <v>10</v>
      </c>
      <c r="B11709" s="6">
        <v>239764</v>
      </c>
      <c r="C11709" s="6" t="s">
        <v>294</v>
      </c>
      <c r="D11709" s="6" t="s">
        <v>4244</v>
      </c>
      <c r="E11709" s="6">
        <v>41298</v>
      </c>
      <c r="F11709" s="6" t="s">
        <v>18</v>
      </c>
      <c r="G11709" s="6" t="s">
        <v>22119</v>
      </c>
      <c r="H11709" s="6" t="s">
        <v>22120</v>
      </c>
      <c r="I11709" s="7">
        <v>2.2006266999999999</v>
      </c>
      <c r="J11709" s="8">
        <v>-75.627327899999997</v>
      </c>
    </row>
    <row r="11710" spans="1:10" x14ac:dyDescent="0.35">
      <c r="A11710" s="5" t="s">
        <v>10</v>
      </c>
      <c r="B11710" s="6">
        <v>232309</v>
      </c>
      <c r="C11710" s="6" t="s">
        <v>68</v>
      </c>
      <c r="D11710" s="6" t="s">
        <v>69</v>
      </c>
      <c r="E11710" s="6">
        <v>11001</v>
      </c>
      <c r="F11710" s="6" t="s">
        <v>18</v>
      </c>
      <c r="G11710" s="6" t="s">
        <v>22121</v>
      </c>
      <c r="H11710" s="6" t="s">
        <v>22122</v>
      </c>
      <c r="I11710" s="7">
        <v>4.6353249999999999</v>
      </c>
      <c r="J11710" s="8">
        <v>-74.182693</v>
      </c>
    </row>
    <row r="11711" spans="1:10" x14ac:dyDescent="0.35">
      <c r="A11711" s="5" t="s">
        <v>10</v>
      </c>
      <c r="B11711" s="6">
        <v>246215</v>
      </c>
      <c r="C11711" s="6" t="s">
        <v>38</v>
      </c>
      <c r="D11711" s="6" t="s">
        <v>39</v>
      </c>
      <c r="E11711" s="6">
        <v>19001</v>
      </c>
      <c r="F11711" s="6" t="s">
        <v>18</v>
      </c>
      <c r="G11711" s="6" t="s">
        <v>22123</v>
      </c>
      <c r="H11711" s="6" t="s">
        <v>22124</v>
      </c>
      <c r="I11711" s="7">
        <v>2.4748616000000001</v>
      </c>
      <c r="J11711" s="8">
        <v>-76.554886400000001</v>
      </c>
    </row>
    <row r="11712" spans="1:10" x14ac:dyDescent="0.35">
      <c r="A11712" s="5" t="s">
        <v>10</v>
      </c>
      <c r="B11712" s="6">
        <v>230816</v>
      </c>
      <c r="C11712" s="6" t="s">
        <v>16</v>
      </c>
      <c r="D11712" s="6" t="s">
        <v>78</v>
      </c>
      <c r="E11712" s="6">
        <v>68001</v>
      </c>
      <c r="F11712" s="6" t="s">
        <v>18</v>
      </c>
      <c r="G11712" s="6" t="s">
        <v>22125</v>
      </c>
      <c r="H11712" s="6" t="s">
        <v>22126</v>
      </c>
      <c r="I11712" s="7">
        <v>7.1256123999999996</v>
      </c>
      <c r="J11712" s="8">
        <v>-73.122668200000007</v>
      </c>
    </row>
    <row r="11713" spans="1:10" x14ac:dyDescent="0.35">
      <c r="A11713" s="5" t="s">
        <v>10</v>
      </c>
      <c r="B11713" s="6">
        <v>177328</v>
      </c>
      <c r="C11713" s="6" t="s">
        <v>16</v>
      </c>
      <c r="D11713" s="6" t="s">
        <v>2825</v>
      </c>
      <c r="E11713" s="6">
        <v>68276</v>
      </c>
      <c r="F11713" s="6" t="s">
        <v>18</v>
      </c>
      <c r="G11713" s="6" t="s">
        <v>9911</v>
      </c>
      <c r="H11713" s="6" t="s">
        <v>9912</v>
      </c>
      <c r="I11713" s="7">
        <v>7.0728825000000004</v>
      </c>
      <c r="J11713" s="8">
        <v>-73.103537599999996</v>
      </c>
    </row>
    <row r="11714" spans="1:10" x14ac:dyDescent="0.35">
      <c r="A11714" s="5" t="s">
        <v>10</v>
      </c>
      <c r="B11714" s="6">
        <v>221215</v>
      </c>
      <c r="C11714" s="6" t="s">
        <v>3788</v>
      </c>
      <c r="D11714" s="6" t="s">
        <v>3974</v>
      </c>
      <c r="E11714" s="6">
        <v>18001</v>
      </c>
      <c r="F11714" s="6" t="s">
        <v>18</v>
      </c>
      <c r="G11714" s="6" t="s">
        <v>22127</v>
      </c>
      <c r="H11714" s="6" t="s">
        <v>22128</v>
      </c>
      <c r="I11714" s="7">
        <v>1.5947874</v>
      </c>
      <c r="J11714" s="8">
        <v>-75.644256099999893</v>
      </c>
    </row>
    <row r="11715" spans="1:10" x14ac:dyDescent="0.35">
      <c r="A11715" s="5" t="s">
        <v>10</v>
      </c>
      <c r="B11715" s="6">
        <v>235013</v>
      </c>
      <c r="C11715" s="6" t="s">
        <v>2130</v>
      </c>
      <c r="D11715" s="6" t="s">
        <v>2131</v>
      </c>
      <c r="E11715" s="6">
        <v>85001</v>
      </c>
      <c r="F11715" s="6" t="s">
        <v>18</v>
      </c>
      <c r="G11715" s="6" t="s">
        <v>22129</v>
      </c>
      <c r="H11715" s="6" t="s">
        <v>22130</v>
      </c>
      <c r="I11715" s="7">
        <v>5.348903</v>
      </c>
      <c r="J11715" s="8">
        <v>-72.400523000000007</v>
      </c>
    </row>
    <row r="11716" spans="1:10" x14ac:dyDescent="0.35">
      <c r="A11716" s="5" t="s">
        <v>10</v>
      </c>
      <c r="B11716" s="6">
        <v>238618</v>
      </c>
      <c r="C11716" s="6" t="s">
        <v>55</v>
      </c>
      <c r="D11716" s="6" t="s">
        <v>56</v>
      </c>
      <c r="E11716" s="6">
        <v>73001</v>
      </c>
      <c r="F11716" s="6" t="s">
        <v>18</v>
      </c>
      <c r="G11716" s="6" t="s">
        <v>22131</v>
      </c>
      <c r="H11716" s="6" t="s">
        <v>22132</v>
      </c>
      <c r="I11716" s="7">
        <v>4.4375143000000001</v>
      </c>
      <c r="J11716" s="8">
        <v>-75.227462299999999</v>
      </c>
    </row>
    <row r="11717" spans="1:10" x14ac:dyDescent="0.35">
      <c r="A11717" s="5" t="s">
        <v>10</v>
      </c>
      <c r="B11717" s="6">
        <v>137884</v>
      </c>
      <c r="C11717" s="6" t="s">
        <v>16</v>
      </c>
      <c r="D11717" s="6" t="s">
        <v>78</v>
      </c>
      <c r="E11717" s="6">
        <v>68001</v>
      </c>
      <c r="F11717" s="6" t="s">
        <v>18</v>
      </c>
      <c r="G11717" s="6" t="s">
        <v>10303</v>
      </c>
      <c r="H11717" s="6" t="s">
        <v>10304</v>
      </c>
      <c r="I11717" s="7">
        <v>7.0939997999999997</v>
      </c>
      <c r="J11717" s="8">
        <v>-73.098014699999993</v>
      </c>
    </row>
    <row r="11718" spans="1:10" x14ac:dyDescent="0.35">
      <c r="A11718" s="5" t="s">
        <v>10</v>
      </c>
      <c r="B11718" s="6">
        <v>188526</v>
      </c>
      <c r="C11718" s="6" t="s">
        <v>68</v>
      </c>
      <c r="D11718" s="6" t="s">
        <v>69</v>
      </c>
      <c r="E11718" s="6">
        <v>11001</v>
      </c>
      <c r="F11718" s="6" t="s">
        <v>18</v>
      </c>
      <c r="G11718" s="6" t="s">
        <v>7623</v>
      </c>
      <c r="H11718" s="6" t="s">
        <v>7624</v>
      </c>
      <c r="I11718" s="7">
        <v>4.6469889999999996</v>
      </c>
      <c r="J11718" s="8">
        <v>-74.167763100000002</v>
      </c>
    </row>
    <row r="11719" spans="1:10" x14ac:dyDescent="0.35">
      <c r="A11719" s="5" t="s">
        <v>10</v>
      </c>
      <c r="B11719" s="6">
        <v>219248</v>
      </c>
      <c r="C11719" s="6" t="s">
        <v>308</v>
      </c>
      <c r="D11719" s="6" t="s">
        <v>309</v>
      </c>
      <c r="E11719" s="6">
        <v>23001</v>
      </c>
      <c r="F11719" s="6" t="s">
        <v>18</v>
      </c>
      <c r="G11719" s="6" t="s">
        <v>22133</v>
      </c>
      <c r="H11719" s="6" t="s">
        <v>22134</v>
      </c>
      <c r="I11719" s="7">
        <v>8.7617308000000005</v>
      </c>
      <c r="J11719" s="8">
        <v>-75.877449400000003</v>
      </c>
    </row>
    <row r="11720" spans="1:10" x14ac:dyDescent="0.35">
      <c r="A11720" s="5" t="s">
        <v>10</v>
      </c>
      <c r="B11720" s="6">
        <v>214740</v>
      </c>
      <c r="C11720" s="6" t="s">
        <v>16</v>
      </c>
      <c r="D11720" s="6" t="s">
        <v>2825</v>
      </c>
      <c r="E11720" s="6">
        <v>68276</v>
      </c>
      <c r="F11720" s="6" t="s">
        <v>18</v>
      </c>
      <c r="G11720" s="6" t="s">
        <v>22135</v>
      </c>
      <c r="H11720" s="6" t="s">
        <v>22136</v>
      </c>
      <c r="I11720" s="7">
        <v>7.0737258000000001</v>
      </c>
      <c r="J11720" s="8">
        <v>-73.088741900000002</v>
      </c>
    </row>
    <row r="11721" spans="1:10" x14ac:dyDescent="0.35">
      <c r="A11721" s="5" t="s">
        <v>10</v>
      </c>
      <c r="B11721" s="6">
        <v>236853</v>
      </c>
      <c r="C11721" s="6" t="s">
        <v>94</v>
      </c>
      <c r="D11721" s="6" t="s">
        <v>98</v>
      </c>
      <c r="E11721" s="6">
        <v>66001</v>
      </c>
      <c r="F11721" s="6" t="s">
        <v>18</v>
      </c>
      <c r="G11721" s="6" t="s">
        <v>22137</v>
      </c>
      <c r="H11721" s="6" t="s">
        <v>22138</v>
      </c>
      <c r="I11721" s="7">
        <v>4.8153575000000002</v>
      </c>
      <c r="J11721" s="8">
        <v>-75.694842300000005</v>
      </c>
    </row>
    <row r="11722" spans="1:10" x14ac:dyDescent="0.35">
      <c r="A11722" s="5" t="s">
        <v>10</v>
      </c>
      <c r="B11722" s="6">
        <v>246763</v>
      </c>
      <c r="C11722" s="6" t="s">
        <v>61</v>
      </c>
      <c r="D11722" s="6" t="s">
        <v>62</v>
      </c>
      <c r="E11722" s="6">
        <v>63001</v>
      </c>
      <c r="F11722" s="6" t="s">
        <v>18</v>
      </c>
      <c r="G11722" s="6" t="s">
        <v>22139</v>
      </c>
      <c r="H11722" s="6" t="s">
        <v>22140</v>
      </c>
      <c r="I11722" s="7">
        <v>4.5170085000000002</v>
      </c>
      <c r="J11722" s="8">
        <v>-75.708355499999996</v>
      </c>
    </row>
    <row r="11723" spans="1:10" x14ac:dyDescent="0.35">
      <c r="A11723" s="5" t="s">
        <v>10</v>
      </c>
      <c r="B11723" s="6">
        <v>234029</v>
      </c>
      <c r="C11723" s="6" t="s">
        <v>11</v>
      </c>
      <c r="D11723" s="6" t="s">
        <v>407</v>
      </c>
      <c r="E11723" s="6">
        <v>25126</v>
      </c>
      <c r="F11723" s="6" t="s">
        <v>18</v>
      </c>
      <c r="G11723" s="6" t="s">
        <v>22141</v>
      </c>
      <c r="H11723" s="6" t="s">
        <v>22142</v>
      </c>
      <c r="I11723" s="7">
        <v>4.9141681000000004</v>
      </c>
      <c r="J11723" s="8">
        <v>-74.020281600000004</v>
      </c>
    </row>
    <row r="11724" spans="1:10" x14ac:dyDescent="0.35">
      <c r="A11724" s="5" t="s">
        <v>10</v>
      </c>
      <c r="B11724" s="6">
        <v>239188</v>
      </c>
      <c r="C11724" s="6" t="s">
        <v>11</v>
      </c>
      <c r="D11724" s="6" t="s">
        <v>1294</v>
      </c>
      <c r="E11724" s="6">
        <v>25873</v>
      </c>
      <c r="F11724" s="6" t="s">
        <v>18</v>
      </c>
      <c r="G11724" s="6" t="s">
        <v>22143</v>
      </c>
      <c r="H11724" s="6" t="s">
        <v>22144</v>
      </c>
      <c r="I11724" s="7">
        <v>5.2152089999999998</v>
      </c>
      <c r="J11724" s="8">
        <v>-73.594624899999999</v>
      </c>
    </row>
    <row r="11725" spans="1:10" x14ac:dyDescent="0.35">
      <c r="A11725" s="5" t="s">
        <v>10</v>
      </c>
      <c r="B11725" s="6">
        <v>241404</v>
      </c>
      <c r="C11725" s="6" t="s">
        <v>302</v>
      </c>
      <c r="D11725" s="6" t="s">
        <v>22145</v>
      </c>
      <c r="E11725" s="6">
        <v>8675</v>
      </c>
      <c r="F11725" s="6" t="s">
        <v>18</v>
      </c>
      <c r="G11725" s="6" t="s">
        <v>22146</v>
      </c>
      <c r="H11725" s="6" t="s">
        <v>22147</v>
      </c>
      <c r="I11725" s="7">
        <v>10.3255689</v>
      </c>
      <c r="J11725" s="8">
        <v>-74.961053699999994</v>
      </c>
    </row>
    <row r="11726" spans="1:10" x14ac:dyDescent="0.35">
      <c r="A11726" s="5" t="s">
        <v>10</v>
      </c>
      <c r="B11726" s="6">
        <v>236921</v>
      </c>
      <c r="C11726" s="6" t="s">
        <v>117</v>
      </c>
      <c r="D11726" s="6" t="s">
        <v>4931</v>
      </c>
      <c r="E11726" s="6">
        <v>76892</v>
      </c>
      <c r="F11726" s="6" t="s">
        <v>18</v>
      </c>
      <c r="G11726" s="6" t="s">
        <v>22148</v>
      </c>
      <c r="H11726" s="6" t="s">
        <v>22149</v>
      </c>
      <c r="I11726" s="7">
        <v>3.5769103000000002</v>
      </c>
      <c r="J11726" s="8">
        <v>-76.4984544</v>
      </c>
    </row>
    <row r="11727" spans="1:10" x14ac:dyDescent="0.35">
      <c r="A11727" s="5" t="s">
        <v>10</v>
      </c>
      <c r="B11727" s="6">
        <v>234151</v>
      </c>
      <c r="C11727" s="6" t="s">
        <v>11</v>
      </c>
      <c r="D11727" s="6" t="s">
        <v>337</v>
      </c>
      <c r="E11727" s="6">
        <v>25290</v>
      </c>
      <c r="F11727" s="6" t="s">
        <v>18</v>
      </c>
      <c r="G11727" s="6" t="s">
        <v>22150</v>
      </c>
      <c r="H11727" s="6" t="s">
        <v>22151</v>
      </c>
      <c r="I11727" s="7">
        <v>4.3433850999999999</v>
      </c>
      <c r="J11727" s="8">
        <v>-74.362464399999993</v>
      </c>
    </row>
    <row r="11728" spans="1:10" x14ac:dyDescent="0.35">
      <c r="A11728" s="5" t="s">
        <v>10</v>
      </c>
      <c r="B11728" s="6">
        <v>145195</v>
      </c>
      <c r="C11728" s="6" t="s">
        <v>16</v>
      </c>
      <c r="D11728" s="6" t="s">
        <v>78</v>
      </c>
      <c r="E11728" s="6">
        <v>68001</v>
      </c>
      <c r="F11728" s="6" t="s">
        <v>18</v>
      </c>
      <c r="G11728" s="6" t="s">
        <v>22152</v>
      </c>
      <c r="H11728" s="6" t="s">
        <v>22153</v>
      </c>
      <c r="I11728" s="7">
        <v>7.0840369000000001</v>
      </c>
      <c r="J11728" s="8">
        <v>-73.114351999999997</v>
      </c>
    </row>
    <row r="11729" spans="1:10" x14ac:dyDescent="0.35">
      <c r="A11729" s="5" t="s">
        <v>10</v>
      </c>
      <c r="B11729" s="6">
        <v>227269</v>
      </c>
      <c r="C11729" s="6" t="s">
        <v>308</v>
      </c>
      <c r="D11729" s="6" t="s">
        <v>309</v>
      </c>
      <c r="E11729" s="6">
        <v>23001</v>
      </c>
      <c r="F11729" s="6" t="s">
        <v>18</v>
      </c>
      <c r="G11729" s="6" t="s">
        <v>22154</v>
      </c>
      <c r="H11729" s="6" t="s">
        <v>22155</v>
      </c>
      <c r="I11729" s="7">
        <v>8.7523742000000002</v>
      </c>
      <c r="J11729" s="8">
        <v>-75.882943299999994</v>
      </c>
    </row>
    <row r="11730" spans="1:10" x14ac:dyDescent="0.35">
      <c r="A11730" s="5" t="s">
        <v>10</v>
      </c>
      <c r="B11730" s="6">
        <v>245139</v>
      </c>
      <c r="C11730" s="6" t="s">
        <v>2821</v>
      </c>
      <c r="D11730" s="6" t="s">
        <v>1524</v>
      </c>
      <c r="E11730" s="6">
        <v>47318</v>
      </c>
      <c r="F11730" s="6" t="s">
        <v>18</v>
      </c>
      <c r="G11730" s="6" t="s">
        <v>22156</v>
      </c>
      <c r="H11730" s="6" t="s">
        <v>22157</v>
      </c>
      <c r="I11730" s="7">
        <v>9.1399828000000003</v>
      </c>
      <c r="J11730" s="8">
        <v>-74.223519100000004</v>
      </c>
    </row>
    <row r="11731" spans="1:10" x14ac:dyDescent="0.35">
      <c r="A11731" s="5" t="s">
        <v>10</v>
      </c>
      <c r="B11731" s="6">
        <v>225932</v>
      </c>
      <c r="C11731" s="6" t="s">
        <v>11</v>
      </c>
      <c r="D11731" s="6" t="s">
        <v>5259</v>
      </c>
      <c r="E11731" s="6">
        <v>25320</v>
      </c>
      <c r="F11731" s="6" t="s">
        <v>18</v>
      </c>
      <c r="G11731" s="6" t="s">
        <v>22158</v>
      </c>
      <c r="H11731" s="6" t="s">
        <v>22159</v>
      </c>
      <c r="I11731" s="7">
        <v>4.8018426999999999</v>
      </c>
      <c r="J11731" s="8">
        <v>-74.108287300000001</v>
      </c>
    </row>
    <row r="11732" spans="1:10" x14ac:dyDescent="0.35">
      <c r="A11732" s="5" t="s">
        <v>10</v>
      </c>
      <c r="B11732" s="6">
        <v>234839</v>
      </c>
      <c r="C11732" s="6" t="s">
        <v>68</v>
      </c>
      <c r="D11732" s="6" t="s">
        <v>69</v>
      </c>
      <c r="E11732" s="6">
        <v>11001</v>
      </c>
      <c r="F11732" s="6" t="s">
        <v>18</v>
      </c>
      <c r="G11732" s="6" t="s">
        <v>22160</v>
      </c>
      <c r="H11732" s="6" t="s">
        <v>22161</v>
      </c>
      <c r="I11732" s="7">
        <v>4.7629187999999996</v>
      </c>
      <c r="J11732" s="8">
        <v>-74.042948800000005</v>
      </c>
    </row>
    <row r="11733" spans="1:10" x14ac:dyDescent="0.35">
      <c r="A11733" s="5" t="s">
        <v>10</v>
      </c>
      <c r="B11733" s="6">
        <v>233595</v>
      </c>
      <c r="C11733" s="6" t="s">
        <v>117</v>
      </c>
      <c r="D11733" s="6" t="s">
        <v>1334</v>
      </c>
      <c r="E11733" s="6">
        <v>76001</v>
      </c>
      <c r="F11733" s="6" t="s">
        <v>18</v>
      </c>
      <c r="G11733" s="6" t="s">
        <v>22162</v>
      </c>
      <c r="H11733" s="6" t="s">
        <v>22163</v>
      </c>
      <c r="I11733" s="7">
        <v>3.3788999999999998</v>
      </c>
      <c r="J11733" s="8">
        <v>-76.516779999999997</v>
      </c>
    </row>
    <row r="11734" spans="1:10" x14ac:dyDescent="0.35">
      <c r="A11734" s="5" t="s">
        <v>10</v>
      </c>
      <c r="B11734" s="6">
        <v>148488</v>
      </c>
      <c r="C11734" s="6" t="s">
        <v>68</v>
      </c>
      <c r="D11734" s="6" t="s">
        <v>69</v>
      </c>
      <c r="E11734" s="6">
        <v>11001</v>
      </c>
      <c r="F11734" s="6" t="s">
        <v>18</v>
      </c>
      <c r="G11734" s="6" t="s">
        <v>22164</v>
      </c>
      <c r="H11734" s="6" t="s">
        <v>22165</v>
      </c>
      <c r="I11734" s="7">
        <v>4.6583201000000001</v>
      </c>
      <c r="J11734" s="8">
        <v>-74.064598899999993</v>
      </c>
    </row>
    <row r="11735" spans="1:10" x14ac:dyDescent="0.35">
      <c r="A11735" s="5" t="s">
        <v>10</v>
      </c>
      <c r="B11735" s="6">
        <v>246042</v>
      </c>
      <c r="C11735" s="6" t="s">
        <v>302</v>
      </c>
      <c r="D11735" s="6" t="s">
        <v>4041</v>
      </c>
      <c r="E11735" s="6">
        <v>8758</v>
      </c>
      <c r="F11735" s="6" t="s">
        <v>18</v>
      </c>
      <c r="G11735" s="6" t="s">
        <v>22166</v>
      </c>
      <c r="H11735" s="6" t="s">
        <v>22167</v>
      </c>
      <c r="I11735" s="7">
        <v>10.908897100000001</v>
      </c>
      <c r="J11735" s="8">
        <v>-74.796229199999999</v>
      </c>
    </row>
    <row r="11736" spans="1:10" x14ac:dyDescent="0.35">
      <c r="A11736" s="5" t="s">
        <v>10</v>
      </c>
      <c r="B11736" s="6">
        <v>246652</v>
      </c>
      <c r="C11736" s="6" t="s">
        <v>308</v>
      </c>
      <c r="D11736" s="6" t="s">
        <v>309</v>
      </c>
      <c r="E11736" s="6">
        <v>23001</v>
      </c>
      <c r="F11736" s="6" t="s">
        <v>18</v>
      </c>
      <c r="G11736" s="6" t="s">
        <v>22168</v>
      </c>
      <c r="H11736" s="6" t="s">
        <v>22169</v>
      </c>
      <c r="I11736" s="7">
        <v>8.7560061999999999</v>
      </c>
      <c r="J11736" s="8">
        <v>-75.887986799999993</v>
      </c>
    </row>
    <row r="11737" spans="1:10" x14ac:dyDescent="0.35">
      <c r="A11737" s="5" t="s">
        <v>10</v>
      </c>
      <c r="B11737" s="6">
        <v>226550</v>
      </c>
      <c r="C11737" s="6" t="s">
        <v>302</v>
      </c>
      <c r="D11737" s="6" t="s">
        <v>359</v>
      </c>
      <c r="E11737" s="6">
        <v>8001</v>
      </c>
      <c r="F11737" s="6" t="s">
        <v>18</v>
      </c>
      <c r="G11737" s="6" t="s">
        <v>22170</v>
      </c>
      <c r="H11737" s="6" t="s">
        <v>22171</v>
      </c>
      <c r="I11737" s="7">
        <v>10.941905999999999</v>
      </c>
      <c r="J11737" s="8">
        <v>-74.795136200000002</v>
      </c>
    </row>
    <row r="11738" spans="1:10" x14ac:dyDescent="0.35">
      <c r="A11738" s="5" t="s">
        <v>10</v>
      </c>
      <c r="B11738" s="6">
        <v>246708</v>
      </c>
      <c r="C11738" s="6" t="s">
        <v>94</v>
      </c>
      <c r="D11738" s="6" t="s">
        <v>98</v>
      </c>
      <c r="E11738" s="6">
        <v>66001</v>
      </c>
      <c r="F11738" s="6" t="s">
        <v>18</v>
      </c>
      <c r="G11738" s="6" t="s">
        <v>22172</v>
      </c>
      <c r="H11738" s="6" t="s">
        <v>22173</v>
      </c>
      <c r="I11738" s="7">
        <v>4.8134886999999997</v>
      </c>
      <c r="J11738" s="8">
        <v>-75.697995199999994</v>
      </c>
    </row>
    <row r="11739" spans="1:10" x14ac:dyDescent="0.35">
      <c r="A11739" s="5" t="s">
        <v>10</v>
      </c>
      <c r="B11739" s="6">
        <v>183495</v>
      </c>
      <c r="C11739" s="6" t="s">
        <v>68</v>
      </c>
      <c r="D11739" s="6" t="s">
        <v>69</v>
      </c>
      <c r="E11739" s="6">
        <v>11001</v>
      </c>
      <c r="F11739" s="6" t="s">
        <v>18</v>
      </c>
      <c r="G11739" s="6" t="s">
        <v>22174</v>
      </c>
      <c r="H11739" s="6" t="s">
        <v>22175</v>
      </c>
      <c r="I11739" s="7">
        <v>4.5720229999999997</v>
      </c>
      <c r="J11739" s="8">
        <v>-74.0954464</v>
      </c>
    </row>
    <row r="11740" spans="1:10" x14ac:dyDescent="0.35">
      <c r="A11740" s="5" t="s">
        <v>10</v>
      </c>
      <c r="B11740" s="6">
        <v>235349</v>
      </c>
      <c r="C11740" s="6" t="s">
        <v>38</v>
      </c>
      <c r="D11740" s="6" t="s">
        <v>39</v>
      </c>
      <c r="E11740" s="6">
        <v>19001</v>
      </c>
      <c r="F11740" s="6" t="s">
        <v>18</v>
      </c>
      <c r="G11740" s="6" t="s">
        <v>22176</v>
      </c>
      <c r="H11740" s="6" t="s">
        <v>22177</v>
      </c>
      <c r="I11740" s="7">
        <v>2.4469126999999999</v>
      </c>
      <c r="J11740" s="8">
        <v>-76.624695299999999</v>
      </c>
    </row>
    <row r="11741" spans="1:10" x14ac:dyDescent="0.35">
      <c r="A11741" s="5" t="s">
        <v>10</v>
      </c>
      <c r="B11741" s="6">
        <v>245055</v>
      </c>
      <c r="C11741" s="6" t="s">
        <v>16</v>
      </c>
      <c r="D11741" s="6" t="s">
        <v>1257</v>
      </c>
      <c r="E11741" s="6">
        <v>68770</v>
      </c>
      <c r="F11741" s="6" t="s">
        <v>18</v>
      </c>
      <c r="G11741" s="6" t="s">
        <v>22178</v>
      </c>
      <c r="H11741" s="6" t="s">
        <v>22179</v>
      </c>
      <c r="I11741" s="7">
        <v>6.2617621999999997</v>
      </c>
      <c r="J11741" s="8">
        <v>-73.300995499999999</v>
      </c>
    </row>
    <row r="11742" spans="1:10" x14ac:dyDescent="0.35">
      <c r="A11742" s="5" t="s">
        <v>10</v>
      </c>
      <c r="B11742" s="6">
        <v>118891</v>
      </c>
      <c r="C11742" s="6" t="s">
        <v>16</v>
      </c>
      <c r="D11742" s="6" t="s">
        <v>78</v>
      </c>
      <c r="E11742" s="6">
        <v>68001</v>
      </c>
      <c r="F11742" s="6" t="s">
        <v>18</v>
      </c>
      <c r="G11742" s="6" t="s">
        <v>22180</v>
      </c>
      <c r="H11742" s="6" t="s">
        <v>22181</v>
      </c>
      <c r="I11742" s="7">
        <v>7.1554489999999999</v>
      </c>
      <c r="J11742" s="8">
        <v>-73.136339599999999</v>
      </c>
    </row>
    <row r="11743" spans="1:10" x14ac:dyDescent="0.35">
      <c r="A11743" s="5" t="s">
        <v>10</v>
      </c>
      <c r="B11743" s="6">
        <v>69619</v>
      </c>
      <c r="C11743" s="6" t="s">
        <v>11</v>
      </c>
      <c r="D11743" s="6" t="s">
        <v>3724</v>
      </c>
      <c r="E11743" s="6">
        <v>25513</v>
      </c>
      <c r="F11743" s="6" t="s">
        <v>18</v>
      </c>
      <c r="G11743" s="6" t="s">
        <v>8031</v>
      </c>
      <c r="H11743" s="6" t="s">
        <v>8032</v>
      </c>
      <c r="I11743" s="7">
        <v>5.1323061999999897</v>
      </c>
      <c r="J11743" s="8">
        <v>-74.157700699999907</v>
      </c>
    </row>
    <row r="11744" spans="1:10" x14ac:dyDescent="0.35">
      <c r="A11744" s="5" t="s">
        <v>10</v>
      </c>
      <c r="B11744" s="6">
        <v>236464</v>
      </c>
      <c r="C11744" s="6" t="s">
        <v>308</v>
      </c>
      <c r="D11744" s="6" t="s">
        <v>11278</v>
      </c>
      <c r="E11744" s="6">
        <v>23586</v>
      </c>
      <c r="F11744" s="6" t="s">
        <v>18</v>
      </c>
      <c r="G11744" s="6" t="s">
        <v>22182</v>
      </c>
      <c r="H11744" s="6" t="s">
        <v>22183</v>
      </c>
      <c r="I11744" s="7">
        <v>11.0267508</v>
      </c>
      <c r="J11744" s="8">
        <v>-74.801858199999998</v>
      </c>
    </row>
    <row r="11745" spans="1:10" x14ac:dyDescent="0.35">
      <c r="A11745" s="5" t="s">
        <v>10</v>
      </c>
      <c r="B11745" s="6">
        <v>227182</v>
      </c>
      <c r="C11745" s="6" t="s">
        <v>16</v>
      </c>
      <c r="D11745" s="6" t="s">
        <v>78</v>
      </c>
      <c r="E11745" s="6">
        <v>68001</v>
      </c>
      <c r="F11745" s="6" t="s">
        <v>18</v>
      </c>
      <c r="G11745" s="6" t="s">
        <v>22184</v>
      </c>
      <c r="H11745" s="6" t="s">
        <v>22185</v>
      </c>
      <c r="I11745" s="7">
        <v>7.1015069000000004</v>
      </c>
      <c r="J11745" s="8">
        <v>-73.131042199999996</v>
      </c>
    </row>
    <row r="11746" spans="1:10" x14ac:dyDescent="0.35">
      <c r="A11746" s="5" t="s">
        <v>10</v>
      </c>
      <c r="B11746" s="6">
        <v>174064</v>
      </c>
      <c r="C11746" s="6" t="s">
        <v>3788</v>
      </c>
      <c r="D11746" s="6" t="s">
        <v>3789</v>
      </c>
      <c r="E11746" s="6">
        <v>18592</v>
      </c>
      <c r="F11746" s="6" t="s">
        <v>18</v>
      </c>
      <c r="G11746" s="6" t="s">
        <v>10650</v>
      </c>
      <c r="H11746" s="6" t="s">
        <v>10651</v>
      </c>
      <c r="I11746" s="7">
        <v>1.909918</v>
      </c>
      <c r="J11746" s="8">
        <v>-75.157235</v>
      </c>
    </row>
    <row r="11747" spans="1:10" x14ac:dyDescent="0.35">
      <c r="A11747" s="5" t="s">
        <v>10</v>
      </c>
      <c r="B11747" s="6">
        <v>190298</v>
      </c>
      <c r="C11747" s="6" t="s">
        <v>68</v>
      </c>
      <c r="D11747" s="6" t="s">
        <v>69</v>
      </c>
      <c r="E11747" s="6">
        <v>11001</v>
      </c>
      <c r="F11747" s="6" t="s">
        <v>18</v>
      </c>
      <c r="G11747" s="6" t="s">
        <v>1940</v>
      </c>
      <c r="H11747" s="6" t="s">
        <v>11222</v>
      </c>
      <c r="I11747" s="7">
        <v>4.5682117999999896</v>
      </c>
      <c r="J11747" s="8">
        <v>-74.163045600000004</v>
      </c>
    </row>
    <row r="11748" spans="1:10" x14ac:dyDescent="0.35">
      <c r="A11748" s="5" t="s">
        <v>10</v>
      </c>
      <c r="B11748" s="6">
        <v>199549</v>
      </c>
      <c r="C11748" s="6" t="s">
        <v>11</v>
      </c>
      <c r="D11748" s="6" t="s">
        <v>3054</v>
      </c>
      <c r="E11748" s="6">
        <v>25269</v>
      </c>
      <c r="F11748" s="6" t="s">
        <v>18</v>
      </c>
      <c r="G11748" s="6" t="s">
        <v>22186</v>
      </c>
      <c r="H11748" s="6" t="s">
        <v>22187</v>
      </c>
      <c r="I11748" s="7">
        <v>4.7909474999999997</v>
      </c>
      <c r="J11748" s="8">
        <v>-74.338244899999907</v>
      </c>
    </row>
    <row r="11749" spans="1:10" x14ac:dyDescent="0.35">
      <c r="A11749" s="5" t="s">
        <v>10</v>
      </c>
      <c r="B11749" s="6">
        <v>190817</v>
      </c>
      <c r="C11749" s="6" t="s">
        <v>68</v>
      </c>
      <c r="D11749" s="6" t="s">
        <v>69</v>
      </c>
      <c r="E11749" s="6">
        <v>11001</v>
      </c>
      <c r="F11749" s="6" t="s">
        <v>18</v>
      </c>
      <c r="G11749" s="6" t="s">
        <v>22188</v>
      </c>
      <c r="H11749" s="6" t="s">
        <v>22189</v>
      </c>
      <c r="I11749" s="7">
        <v>4.5086401999999897</v>
      </c>
      <c r="J11749" s="8">
        <v>-74.109222199999905</v>
      </c>
    </row>
    <row r="11750" spans="1:10" x14ac:dyDescent="0.35">
      <c r="A11750" s="5" t="s">
        <v>10</v>
      </c>
      <c r="B11750" s="6">
        <v>241654</v>
      </c>
      <c r="C11750" s="6" t="s">
        <v>94</v>
      </c>
      <c r="D11750" s="6" t="s">
        <v>98</v>
      </c>
      <c r="E11750" s="6">
        <v>66001</v>
      </c>
      <c r="F11750" s="6" t="s">
        <v>18</v>
      </c>
      <c r="G11750" s="6" t="s">
        <v>22190</v>
      </c>
      <c r="H11750" s="6" t="s">
        <v>22191</v>
      </c>
      <c r="I11750" s="7">
        <v>4.8086311999999998</v>
      </c>
      <c r="J11750" s="8">
        <v>-75.688691300000002</v>
      </c>
    </row>
    <row r="11751" spans="1:10" x14ac:dyDescent="0.35">
      <c r="A11751" s="5" t="s">
        <v>10</v>
      </c>
      <c r="B11751" s="6">
        <v>232436</v>
      </c>
      <c r="C11751" s="6" t="s">
        <v>3819</v>
      </c>
      <c r="D11751" s="6" t="s">
        <v>4615</v>
      </c>
      <c r="E11751" s="6">
        <v>86001</v>
      </c>
      <c r="F11751" s="6" t="s">
        <v>18</v>
      </c>
      <c r="G11751" s="6" t="s">
        <v>22192</v>
      </c>
      <c r="H11751" s="6" t="s">
        <v>22193</v>
      </c>
      <c r="I11751" s="7">
        <v>1.1469720000000001</v>
      </c>
      <c r="J11751" s="8">
        <v>-76.648088999999999</v>
      </c>
    </row>
    <row r="11752" spans="1:10" x14ac:dyDescent="0.35">
      <c r="A11752" s="5" t="s">
        <v>10</v>
      </c>
      <c r="B11752" s="6">
        <v>235535</v>
      </c>
      <c r="C11752" s="6" t="s">
        <v>3788</v>
      </c>
      <c r="D11752" s="6" t="s">
        <v>20939</v>
      </c>
      <c r="E11752" s="6">
        <v>18785</v>
      </c>
      <c r="F11752" s="6" t="s">
        <v>18</v>
      </c>
      <c r="G11752" s="6" t="s">
        <v>22194</v>
      </c>
      <c r="H11752" s="6" t="s">
        <v>22195</v>
      </c>
      <c r="I11752" s="7">
        <v>2.9288706000000002</v>
      </c>
      <c r="J11752" s="8">
        <v>-75.290772399999994</v>
      </c>
    </row>
    <row r="11753" spans="1:10" x14ac:dyDescent="0.35">
      <c r="A11753" s="5" t="s">
        <v>10</v>
      </c>
      <c r="B11753" s="6">
        <v>166846</v>
      </c>
      <c r="C11753" s="6" t="s">
        <v>294</v>
      </c>
      <c r="D11753" s="6" t="s">
        <v>703</v>
      </c>
      <c r="E11753" s="6">
        <v>41001</v>
      </c>
      <c r="F11753" s="6" t="s">
        <v>18</v>
      </c>
      <c r="G11753" s="6" t="s">
        <v>8537</v>
      </c>
      <c r="H11753" s="6" t="s">
        <v>8538</v>
      </c>
      <c r="I11753" s="7">
        <v>2.9155701000000001</v>
      </c>
      <c r="J11753" s="8">
        <v>-75.280262899999997</v>
      </c>
    </row>
    <row r="11754" spans="1:10" x14ac:dyDescent="0.35">
      <c r="A11754" s="5" t="s">
        <v>10</v>
      </c>
      <c r="B11754" s="6">
        <v>246527</v>
      </c>
      <c r="C11754" s="6" t="s">
        <v>16</v>
      </c>
      <c r="D11754" s="6" t="s">
        <v>78</v>
      </c>
      <c r="E11754" s="6">
        <v>68001</v>
      </c>
      <c r="F11754" s="6" t="s">
        <v>18</v>
      </c>
      <c r="G11754" s="6" t="s">
        <v>22196</v>
      </c>
      <c r="H11754" s="6" t="s">
        <v>22197</v>
      </c>
      <c r="I11754" s="7">
        <v>7.1181033999999999</v>
      </c>
      <c r="J11754" s="8">
        <v>-73.127542099999999</v>
      </c>
    </row>
    <row r="11755" spans="1:10" x14ac:dyDescent="0.35">
      <c r="A11755" s="5" t="s">
        <v>10</v>
      </c>
      <c r="B11755" s="6">
        <v>148488</v>
      </c>
      <c r="C11755" s="6" t="s">
        <v>68</v>
      </c>
      <c r="D11755" s="6" t="s">
        <v>69</v>
      </c>
      <c r="E11755" s="6">
        <v>11001</v>
      </c>
      <c r="F11755" s="6" t="s">
        <v>18</v>
      </c>
      <c r="G11755" s="6" t="s">
        <v>22164</v>
      </c>
      <c r="H11755" s="6" t="s">
        <v>22165</v>
      </c>
      <c r="I11755" s="7">
        <v>4.6583201000000001</v>
      </c>
      <c r="J11755" s="8">
        <v>-74.064598899999993</v>
      </c>
    </row>
    <row r="11756" spans="1:10" x14ac:dyDescent="0.35">
      <c r="A11756" s="5" t="s">
        <v>10</v>
      </c>
      <c r="B11756" s="6">
        <v>153436</v>
      </c>
      <c r="C11756" s="6" t="s">
        <v>3788</v>
      </c>
      <c r="D11756" s="6" t="s">
        <v>3974</v>
      </c>
      <c r="E11756" s="6">
        <v>18001</v>
      </c>
      <c r="F11756" s="6" t="s">
        <v>18</v>
      </c>
      <c r="G11756" s="6" t="s">
        <v>22198</v>
      </c>
      <c r="H11756" s="6" t="s">
        <v>22199</v>
      </c>
      <c r="I11756" s="7">
        <v>1.6153858000000001</v>
      </c>
      <c r="J11756" s="8">
        <v>-75.604236399999905</v>
      </c>
    </row>
    <row r="11757" spans="1:10" x14ac:dyDescent="0.35">
      <c r="A11757" s="5" t="s">
        <v>10</v>
      </c>
      <c r="B11757" s="6">
        <v>240116</v>
      </c>
      <c r="C11757" s="6" t="s">
        <v>16</v>
      </c>
      <c r="D11757" s="6" t="s">
        <v>1266</v>
      </c>
      <c r="E11757" s="6">
        <v>68081</v>
      </c>
      <c r="F11757" s="6" t="s">
        <v>18</v>
      </c>
      <c r="G11757" s="6" t="s">
        <v>22200</v>
      </c>
      <c r="H11757" s="6" t="s">
        <v>22201</v>
      </c>
      <c r="I11757" s="7">
        <v>7.0637983999999996</v>
      </c>
      <c r="J11757" s="8">
        <v>-73.855128500000006</v>
      </c>
    </row>
    <row r="11758" spans="1:10" x14ac:dyDescent="0.35">
      <c r="A11758" s="5" t="s">
        <v>10</v>
      </c>
      <c r="B11758" s="6">
        <v>232387</v>
      </c>
      <c r="C11758" s="6" t="s">
        <v>190</v>
      </c>
      <c r="D11758" s="6" t="s">
        <v>4063</v>
      </c>
      <c r="E11758" s="6">
        <v>5088</v>
      </c>
      <c r="F11758" s="6" t="s">
        <v>18</v>
      </c>
      <c r="G11758" s="6" t="s">
        <v>22202</v>
      </c>
      <c r="H11758" s="6" t="s">
        <v>22203</v>
      </c>
      <c r="I11758" s="7">
        <v>6.3447088999999997</v>
      </c>
      <c r="J11758" s="8">
        <v>-75.550698600000004</v>
      </c>
    </row>
    <row r="11759" spans="1:10" x14ac:dyDescent="0.35">
      <c r="A11759" s="5" t="s">
        <v>10</v>
      </c>
      <c r="B11759" s="6">
        <v>236579</v>
      </c>
      <c r="C11759" s="6" t="s">
        <v>11</v>
      </c>
      <c r="D11759" s="6" t="s">
        <v>5259</v>
      </c>
      <c r="E11759" s="6">
        <v>25320</v>
      </c>
      <c r="F11759" s="6" t="s">
        <v>18</v>
      </c>
      <c r="G11759" s="6" t="s">
        <v>22204</v>
      </c>
      <c r="H11759" s="6" t="s">
        <v>22205</v>
      </c>
      <c r="I11759" s="7">
        <v>5.0685330000000004</v>
      </c>
      <c r="J11759" s="8">
        <v>-74.599720399999995</v>
      </c>
    </row>
    <row r="11760" spans="1:10" x14ac:dyDescent="0.35">
      <c r="A11760" s="5" t="s">
        <v>10</v>
      </c>
      <c r="B11760" s="6">
        <v>187784</v>
      </c>
      <c r="C11760" s="6" t="s">
        <v>16</v>
      </c>
      <c r="D11760" s="6" t="s">
        <v>78</v>
      </c>
      <c r="E11760" s="6">
        <v>68001</v>
      </c>
      <c r="F11760" s="6" t="s">
        <v>18</v>
      </c>
      <c r="G11760" s="6" t="s">
        <v>8277</v>
      </c>
      <c r="H11760" s="6" t="s">
        <v>22206</v>
      </c>
      <c r="I11760" s="7">
        <v>7.0843208999999998</v>
      </c>
      <c r="J11760" s="8">
        <v>-73.1215732</v>
      </c>
    </row>
    <row r="11761" spans="1:10" x14ac:dyDescent="0.35">
      <c r="A11761" s="5" t="s">
        <v>10</v>
      </c>
      <c r="B11761" s="6">
        <v>137773</v>
      </c>
      <c r="C11761" s="6" t="s">
        <v>16</v>
      </c>
      <c r="D11761" s="6" t="s">
        <v>8605</v>
      </c>
      <c r="E11761" s="6">
        <v>68444</v>
      </c>
      <c r="F11761" s="6" t="s">
        <v>18</v>
      </c>
      <c r="G11761" s="6" t="s">
        <v>22207</v>
      </c>
      <c r="H11761" s="6" t="s">
        <v>22208</v>
      </c>
      <c r="I11761" s="7">
        <v>10.4229301</v>
      </c>
      <c r="J11761" s="8">
        <v>-75.550232399999999</v>
      </c>
    </row>
    <row r="11762" spans="1:10" x14ac:dyDescent="0.35">
      <c r="A11762" s="5" t="s">
        <v>10</v>
      </c>
      <c r="B11762" s="6">
        <v>167630</v>
      </c>
      <c r="C11762" s="6" t="s">
        <v>68</v>
      </c>
      <c r="D11762" s="6" t="s">
        <v>69</v>
      </c>
      <c r="E11762" s="6">
        <v>11001</v>
      </c>
      <c r="F11762" s="6" t="s">
        <v>18</v>
      </c>
      <c r="G11762" s="6" t="s">
        <v>22209</v>
      </c>
      <c r="H11762" s="6" t="s">
        <v>22210</v>
      </c>
      <c r="I11762" s="7">
        <v>4.7009971999999998</v>
      </c>
      <c r="J11762" s="8">
        <v>-74.091461799999905</v>
      </c>
    </row>
    <row r="11763" spans="1:10" x14ac:dyDescent="0.35">
      <c r="A11763" s="5" t="s">
        <v>10</v>
      </c>
      <c r="B11763" s="6">
        <v>204300</v>
      </c>
      <c r="C11763" s="6" t="s">
        <v>68</v>
      </c>
      <c r="D11763" s="6" t="s">
        <v>69</v>
      </c>
      <c r="E11763" s="6">
        <v>11001</v>
      </c>
      <c r="F11763" s="6" t="s">
        <v>18</v>
      </c>
      <c r="G11763" s="6" t="s">
        <v>11190</v>
      </c>
      <c r="H11763" s="6" t="s">
        <v>11191</v>
      </c>
      <c r="I11763" s="7">
        <v>4.5833446000000002</v>
      </c>
      <c r="J11763" s="8">
        <v>-74.089834199999999</v>
      </c>
    </row>
    <row r="11764" spans="1:10" x14ac:dyDescent="0.35">
      <c r="A11764" s="5" t="s">
        <v>10</v>
      </c>
      <c r="B11764" s="6">
        <v>236735</v>
      </c>
      <c r="C11764" s="6" t="s">
        <v>16</v>
      </c>
      <c r="D11764" s="6" t="s">
        <v>17</v>
      </c>
      <c r="E11764" s="6">
        <v>68679</v>
      </c>
      <c r="F11764" s="6" t="s">
        <v>18</v>
      </c>
      <c r="G11764" s="6" t="s">
        <v>22211</v>
      </c>
      <c r="H11764" s="6" t="s">
        <v>22212</v>
      </c>
      <c r="I11764" s="7">
        <v>6.554824</v>
      </c>
      <c r="J11764" s="8">
        <v>-73.134119999999996</v>
      </c>
    </row>
    <row r="11765" spans="1:10" x14ac:dyDescent="0.35">
      <c r="A11765" s="5" t="s">
        <v>10</v>
      </c>
      <c r="B11765" s="6">
        <v>205674</v>
      </c>
      <c r="C11765" s="6" t="s">
        <v>278</v>
      </c>
      <c r="D11765" s="6" t="s">
        <v>1331</v>
      </c>
      <c r="E11765" s="6">
        <v>50006</v>
      </c>
      <c r="F11765" s="6" t="s">
        <v>18</v>
      </c>
      <c r="G11765" s="6" t="s">
        <v>22213</v>
      </c>
      <c r="H11765" s="6" t="s">
        <v>22214</v>
      </c>
      <c r="I11765" s="7">
        <v>3.982971</v>
      </c>
      <c r="J11765" s="8">
        <v>-73.779443999999998</v>
      </c>
    </row>
    <row r="11766" spans="1:10" x14ac:dyDescent="0.35">
      <c r="A11766" s="5" t="s">
        <v>10</v>
      </c>
      <c r="B11766" s="6">
        <v>243250</v>
      </c>
      <c r="C11766" s="6" t="s">
        <v>7527</v>
      </c>
      <c r="D11766" s="6" t="s">
        <v>8759</v>
      </c>
      <c r="E11766" s="6">
        <v>27001</v>
      </c>
      <c r="F11766" s="6" t="s">
        <v>18</v>
      </c>
      <c r="G11766" s="6" t="s">
        <v>22215</v>
      </c>
      <c r="H11766" s="6" t="s">
        <v>22216</v>
      </c>
      <c r="I11766" s="7">
        <v>5.6893159000000004</v>
      </c>
      <c r="J11766" s="8">
        <v>-76.660560399999994</v>
      </c>
    </row>
    <row r="11767" spans="1:10" x14ac:dyDescent="0.35">
      <c r="A11767" s="5" t="s">
        <v>10</v>
      </c>
      <c r="B11767" s="6">
        <v>212648</v>
      </c>
      <c r="C11767" s="6" t="s">
        <v>16</v>
      </c>
      <c r="D11767" s="6" t="s">
        <v>7769</v>
      </c>
      <c r="E11767" s="6">
        <v>68689</v>
      </c>
      <c r="F11767" s="6" t="s">
        <v>18</v>
      </c>
      <c r="G11767" s="6" t="s">
        <v>22217</v>
      </c>
      <c r="H11767" s="6" t="s">
        <v>22218</v>
      </c>
      <c r="I11767" s="7">
        <v>6.8800105999999897</v>
      </c>
      <c r="J11767" s="8">
        <v>-73.412086599999995</v>
      </c>
    </row>
    <row r="11768" spans="1:10" x14ac:dyDescent="0.35">
      <c r="A11768" s="5" t="s">
        <v>10</v>
      </c>
      <c r="B11768" s="6">
        <v>94524</v>
      </c>
      <c r="C11768" s="6" t="s">
        <v>11</v>
      </c>
      <c r="D11768" s="6" t="s">
        <v>10618</v>
      </c>
      <c r="E11768" s="6">
        <v>25095</v>
      </c>
      <c r="F11768" s="6" t="s">
        <v>18</v>
      </c>
      <c r="G11768" s="6" t="s">
        <v>10619</v>
      </c>
      <c r="H11768" s="6" t="s">
        <v>10620</v>
      </c>
      <c r="I11768" s="7">
        <v>4.8088842999999999</v>
      </c>
      <c r="J11768" s="8">
        <v>-74.352442099999905</v>
      </c>
    </row>
    <row r="11769" spans="1:10" x14ac:dyDescent="0.35">
      <c r="A11769" s="5" t="s">
        <v>10</v>
      </c>
      <c r="B11769" s="6">
        <v>239740</v>
      </c>
      <c r="C11769" s="6" t="s">
        <v>2821</v>
      </c>
      <c r="D11769" s="6" t="s">
        <v>8204</v>
      </c>
      <c r="E11769" s="6">
        <v>47053</v>
      </c>
      <c r="F11769" s="6" t="s">
        <v>18</v>
      </c>
      <c r="G11769" s="6" t="s">
        <v>22219</v>
      </c>
      <c r="H11769" s="6" t="s">
        <v>22220</v>
      </c>
      <c r="I11769" s="7">
        <v>10.5927492</v>
      </c>
      <c r="J11769" s="8">
        <v>-74.193778699999996</v>
      </c>
    </row>
    <row r="11770" spans="1:10" x14ac:dyDescent="0.35">
      <c r="A11770" s="5" t="s">
        <v>10</v>
      </c>
      <c r="B11770" s="6">
        <v>210178</v>
      </c>
      <c r="C11770" s="6" t="s">
        <v>7527</v>
      </c>
      <c r="D11770" s="6" t="s">
        <v>22221</v>
      </c>
      <c r="E11770" s="6">
        <v>27160</v>
      </c>
      <c r="F11770" s="6" t="s">
        <v>18</v>
      </c>
      <c r="G11770" s="6" t="s">
        <v>22222</v>
      </c>
      <c r="H11770" s="6" t="s">
        <v>22223</v>
      </c>
      <c r="I11770" s="7">
        <v>5.3716431999999896</v>
      </c>
      <c r="J11770" s="8">
        <v>-76.608570499999999</v>
      </c>
    </row>
    <row r="11771" spans="1:10" x14ac:dyDescent="0.35">
      <c r="A11771" s="5" t="s">
        <v>10</v>
      </c>
      <c r="B11771" s="6">
        <v>205761</v>
      </c>
      <c r="C11771" s="6" t="s">
        <v>16</v>
      </c>
      <c r="D11771" s="6" t="s">
        <v>75</v>
      </c>
      <c r="E11771" s="6">
        <v>68432</v>
      </c>
      <c r="F11771" s="6" t="s">
        <v>18</v>
      </c>
      <c r="G11771" s="6" t="s">
        <v>22224</v>
      </c>
      <c r="H11771" s="6" t="s">
        <v>22225</v>
      </c>
      <c r="I11771" s="7">
        <v>7.1200134999999998</v>
      </c>
      <c r="J11771" s="8">
        <v>-73.127584400000003</v>
      </c>
    </row>
    <row r="11772" spans="1:10" x14ac:dyDescent="0.35">
      <c r="A11772" s="5" t="s">
        <v>10</v>
      </c>
      <c r="B11772" s="6">
        <v>158689</v>
      </c>
      <c r="C11772" s="6" t="s">
        <v>68</v>
      </c>
      <c r="D11772" s="6" t="s">
        <v>69</v>
      </c>
      <c r="E11772" s="6">
        <v>11001</v>
      </c>
      <c r="F11772" s="6" t="s">
        <v>70</v>
      </c>
      <c r="G11772" s="6" t="s">
        <v>22226</v>
      </c>
      <c r="H11772" s="6" t="s">
        <v>22227</v>
      </c>
      <c r="I11772" s="7">
        <v>4.684901</v>
      </c>
      <c r="J11772" s="8">
        <v>-74.060781599999999</v>
      </c>
    </row>
    <row r="11773" spans="1:10" x14ac:dyDescent="0.35">
      <c r="A11773" s="5" t="s">
        <v>10</v>
      </c>
      <c r="B11773" s="6">
        <v>246715</v>
      </c>
      <c r="C11773" s="6" t="s">
        <v>16</v>
      </c>
      <c r="D11773" s="6" t="s">
        <v>9017</v>
      </c>
      <c r="E11773" s="6">
        <v>68324</v>
      </c>
      <c r="F11773" s="6" t="s">
        <v>18</v>
      </c>
      <c r="G11773" s="6" t="s">
        <v>22228</v>
      </c>
      <c r="H11773" s="6" t="s">
        <v>22229</v>
      </c>
      <c r="I11773" s="7">
        <v>5.9540907000000001</v>
      </c>
      <c r="J11773" s="8">
        <v>-73.699879600000003</v>
      </c>
    </row>
    <row r="11774" spans="1:10" x14ac:dyDescent="0.35">
      <c r="A11774" s="5" t="s">
        <v>10</v>
      </c>
      <c r="B11774" s="6">
        <v>171874</v>
      </c>
      <c r="C11774" s="6" t="s">
        <v>3788</v>
      </c>
      <c r="D11774" s="6" t="s">
        <v>7125</v>
      </c>
      <c r="E11774" s="6">
        <v>18247</v>
      </c>
      <c r="F11774" s="6" t="s">
        <v>18</v>
      </c>
      <c r="G11774" s="6" t="s">
        <v>21450</v>
      </c>
      <c r="H11774" s="6" t="s">
        <v>21451</v>
      </c>
      <c r="I11774" s="7">
        <v>1.680042</v>
      </c>
      <c r="J11774" s="8">
        <v>-75.2833349</v>
      </c>
    </row>
    <row r="11775" spans="1:10" x14ac:dyDescent="0.35">
      <c r="A11775" s="5" t="s">
        <v>10</v>
      </c>
      <c r="B11775" s="6">
        <v>224633</v>
      </c>
      <c r="C11775" s="6" t="s">
        <v>302</v>
      </c>
      <c r="D11775" s="6" t="s">
        <v>359</v>
      </c>
      <c r="E11775" s="6">
        <v>8001</v>
      </c>
      <c r="F11775" s="6" t="s">
        <v>18</v>
      </c>
      <c r="G11775" s="6" t="s">
        <v>22230</v>
      </c>
      <c r="H11775" s="6" t="s">
        <v>22231</v>
      </c>
      <c r="I11775" s="7">
        <v>10.983723899999999</v>
      </c>
      <c r="J11775" s="8">
        <v>-74.788792999999998</v>
      </c>
    </row>
    <row r="11776" spans="1:10" x14ac:dyDescent="0.35">
      <c r="A11776" s="5" t="s">
        <v>10</v>
      </c>
      <c r="B11776" s="6">
        <v>246525</v>
      </c>
      <c r="C11776" s="6" t="s">
        <v>38</v>
      </c>
      <c r="D11776" s="6" t="s">
        <v>6300</v>
      </c>
      <c r="E11776" s="6">
        <v>19698</v>
      </c>
      <c r="F11776" s="6" t="s">
        <v>18</v>
      </c>
      <c r="G11776" s="6" t="s">
        <v>22232</v>
      </c>
      <c r="H11776" s="6" t="s">
        <v>22233</v>
      </c>
      <c r="I11776" s="7">
        <v>11.204454200000001</v>
      </c>
      <c r="J11776" s="8">
        <v>-74.227511800000002</v>
      </c>
    </row>
    <row r="11777" spans="1:10" x14ac:dyDescent="0.35">
      <c r="A11777" s="5" t="s">
        <v>10</v>
      </c>
      <c r="B11777" s="6">
        <v>242941</v>
      </c>
      <c r="C11777" s="6" t="s">
        <v>16</v>
      </c>
      <c r="D11777" s="6" t="s">
        <v>2825</v>
      </c>
      <c r="E11777" s="6">
        <v>68276</v>
      </c>
      <c r="F11777" s="6" t="s">
        <v>18</v>
      </c>
      <c r="G11777" s="6" t="s">
        <v>22234</v>
      </c>
      <c r="H11777" s="6" t="s">
        <v>22235</v>
      </c>
      <c r="I11777" s="7">
        <v>7.0808049000000004</v>
      </c>
      <c r="J11777" s="8">
        <v>-73.100259399999999</v>
      </c>
    </row>
    <row r="11778" spans="1:10" x14ac:dyDescent="0.35">
      <c r="A11778" s="5" t="s">
        <v>10</v>
      </c>
      <c r="B11778" s="6">
        <v>236691</v>
      </c>
      <c r="C11778" s="6" t="s">
        <v>551</v>
      </c>
      <c r="D11778" s="6" t="s">
        <v>3868</v>
      </c>
      <c r="E11778" s="6">
        <v>20001</v>
      </c>
      <c r="F11778" s="6" t="s">
        <v>18</v>
      </c>
      <c r="G11778" s="6" t="s">
        <v>22236</v>
      </c>
      <c r="H11778" s="6" t="s">
        <v>22237</v>
      </c>
      <c r="I11778" s="7">
        <v>10.454530699999999</v>
      </c>
      <c r="J11778" s="8">
        <v>-73.247578500000003</v>
      </c>
    </row>
    <row r="11779" spans="1:10" x14ac:dyDescent="0.35">
      <c r="A11779" s="5" t="s">
        <v>10</v>
      </c>
      <c r="B11779" s="6">
        <v>230395</v>
      </c>
      <c r="C11779" s="6" t="s">
        <v>68</v>
      </c>
      <c r="D11779" s="6" t="s">
        <v>69</v>
      </c>
      <c r="E11779" s="6">
        <v>11001</v>
      </c>
      <c r="F11779" s="6" t="s">
        <v>18</v>
      </c>
      <c r="G11779" s="6" t="s">
        <v>22238</v>
      </c>
      <c r="H11779" s="6" t="s">
        <v>22239</v>
      </c>
      <c r="I11779" s="7">
        <v>4.5643057000000002</v>
      </c>
      <c r="J11779" s="8">
        <v>-74.145806899999997</v>
      </c>
    </row>
    <row r="11780" spans="1:10" x14ac:dyDescent="0.35">
      <c r="A11780" s="5" t="s">
        <v>10</v>
      </c>
      <c r="B11780" s="6">
        <v>246421</v>
      </c>
      <c r="C11780" s="6" t="s">
        <v>302</v>
      </c>
      <c r="D11780" s="6" t="s">
        <v>359</v>
      </c>
      <c r="E11780" s="6">
        <v>8001</v>
      </c>
      <c r="F11780" s="6" t="s">
        <v>18</v>
      </c>
      <c r="G11780" s="6" t="s">
        <v>22240</v>
      </c>
      <c r="H11780" s="6" t="s">
        <v>22241</v>
      </c>
      <c r="I11780" s="7">
        <v>10.9313403</v>
      </c>
      <c r="J11780" s="8">
        <v>-74.800018600000001</v>
      </c>
    </row>
    <row r="11781" spans="1:10" x14ac:dyDescent="0.35">
      <c r="A11781" s="5" t="s">
        <v>10</v>
      </c>
      <c r="B11781" s="6">
        <v>214506</v>
      </c>
      <c r="C11781" s="6" t="s">
        <v>366</v>
      </c>
      <c r="D11781" s="6" t="s">
        <v>367</v>
      </c>
      <c r="E11781" s="6">
        <v>44430</v>
      </c>
      <c r="F11781" s="6" t="s">
        <v>18</v>
      </c>
      <c r="G11781" s="6" t="s">
        <v>22242</v>
      </c>
      <c r="H11781" s="6" t="s">
        <v>22243</v>
      </c>
      <c r="I11781" s="7">
        <v>11.380054299999999</v>
      </c>
      <c r="J11781" s="8">
        <v>-72.242246499999993</v>
      </c>
    </row>
    <row r="11782" spans="1:10" x14ac:dyDescent="0.35">
      <c r="A11782" s="5" t="s">
        <v>10</v>
      </c>
      <c r="B11782" s="6">
        <v>242868</v>
      </c>
      <c r="C11782" s="6" t="s">
        <v>190</v>
      </c>
      <c r="D11782" s="6" t="s">
        <v>705</v>
      </c>
      <c r="E11782" s="6">
        <v>5079</v>
      </c>
      <c r="F11782" s="6" t="s">
        <v>18</v>
      </c>
      <c r="G11782" s="6" t="s">
        <v>22244</v>
      </c>
      <c r="H11782" s="6" t="s">
        <v>22245</v>
      </c>
      <c r="I11782" s="7">
        <v>5.9316098000000004</v>
      </c>
      <c r="J11782" s="8">
        <v>-73.616727499999996</v>
      </c>
    </row>
    <row r="11783" spans="1:10" x14ac:dyDescent="0.35">
      <c r="A11783" s="5" t="s">
        <v>10</v>
      </c>
      <c r="B11783" s="6">
        <v>236281</v>
      </c>
      <c r="C11783" s="6" t="s">
        <v>16</v>
      </c>
      <c r="D11783" s="6" t="s">
        <v>254</v>
      </c>
      <c r="E11783" s="6">
        <v>68079</v>
      </c>
      <c r="F11783" s="6" t="s">
        <v>18</v>
      </c>
      <c r="G11783" s="6" t="s">
        <v>22246</v>
      </c>
      <c r="H11783" s="6" t="s">
        <v>22247</v>
      </c>
      <c r="I11783" s="7">
        <v>6.6354071000000001</v>
      </c>
      <c r="J11783" s="8">
        <v>-73.223996</v>
      </c>
    </row>
    <row r="11784" spans="1:10" x14ac:dyDescent="0.35">
      <c r="A11784" s="5" t="s">
        <v>10</v>
      </c>
      <c r="B11784" s="6">
        <v>232915</v>
      </c>
      <c r="C11784" s="6" t="s">
        <v>68</v>
      </c>
      <c r="D11784" s="6" t="s">
        <v>69</v>
      </c>
      <c r="E11784" s="6">
        <v>11001</v>
      </c>
      <c r="F11784" s="6" t="s">
        <v>18</v>
      </c>
      <c r="G11784" s="6" t="s">
        <v>22248</v>
      </c>
      <c r="H11784" s="6" t="s">
        <v>22249</v>
      </c>
      <c r="I11784" s="7">
        <v>4.6254999999999997</v>
      </c>
      <c r="J11784" s="8">
        <v>-74.133700000000005</v>
      </c>
    </row>
    <row r="11785" spans="1:10" x14ac:dyDescent="0.35">
      <c r="A11785" s="5" t="s">
        <v>10</v>
      </c>
      <c r="B11785" s="6">
        <v>96915</v>
      </c>
      <c r="C11785" s="6" t="s">
        <v>11</v>
      </c>
      <c r="D11785" s="6" t="s">
        <v>156</v>
      </c>
      <c r="E11785" s="6">
        <v>25815</v>
      </c>
      <c r="F11785" s="6" t="s">
        <v>18</v>
      </c>
      <c r="G11785" s="6" t="s">
        <v>22250</v>
      </c>
      <c r="H11785" s="6" t="s">
        <v>22251</v>
      </c>
      <c r="I11785" s="7">
        <v>4.4603729999999997</v>
      </c>
      <c r="J11785" s="8">
        <v>-74.663463999999905</v>
      </c>
    </row>
    <row r="11786" spans="1:10" x14ac:dyDescent="0.35">
      <c r="A11786" s="5" t="s">
        <v>10</v>
      </c>
      <c r="B11786" s="6">
        <v>215464</v>
      </c>
      <c r="C11786" s="6" t="s">
        <v>302</v>
      </c>
      <c r="D11786" s="6" t="s">
        <v>359</v>
      </c>
      <c r="E11786" s="6">
        <v>8001</v>
      </c>
      <c r="F11786" s="6" t="s">
        <v>18</v>
      </c>
      <c r="G11786" s="6" t="s">
        <v>22252</v>
      </c>
      <c r="H11786" s="6" t="s">
        <v>22253</v>
      </c>
      <c r="I11786" s="7">
        <v>10.958789100000001</v>
      </c>
      <c r="J11786" s="8">
        <v>-74.861401299999997</v>
      </c>
    </row>
    <row r="11787" spans="1:10" x14ac:dyDescent="0.35">
      <c r="A11787" s="5" t="s">
        <v>10</v>
      </c>
      <c r="B11787" s="6">
        <v>238717</v>
      </c>
      <c r="C11787" s="6" t="s">
        <v>38</v>
      </c>
      <c r="D11787" s="6" t="s">
        <v>39</v>
      </c>
      <c r="E11787" s="6">
        <v>19001</v>
      </c>
      <c r="F11787" s="6" t="s">
        <v>18</v>
      </c>
      <c r="G11787" s="6" t="s">
        <v>22254</v>
      </c>
      <c r="H11787" s="6" t="s">
        <v>22255</v>
      </c>
      <c r="I11787" s="7">
        <v>2.4806965999999999</v>
      </c>
      <c r="J11787" s="8">
        <v>-76.576719699999998</v>
      </c>
    </row>
    <row r="11788" spans="1:10" x14ac:dyDescent="0.35">
      <c r="A11788" s="5" t="s">
        <v>10</v>
      </c>
      <c r="B11788" s="6">
        <v>106804</v>
      </c>
      <c r="C11788" s="6" t="s">
        <v>294</v>
      </c>
      <c r="D11788" s="6" t="s">
        <v>703</v>
      </c>
      <c r="E11788" s="6">
        <v>41001</v>
      </c>
      <c r="F11788" s="6" t="s">
        <v>18</v>
      </c>
      <c r="G11788" s="6" t="s">
        <v>11476</v>
      </c>
      <c r="H11788" s="6" t="s">
        <v>11477</v>
      </c>
      <c r="I11788" s="7">
        <v>2.9078525000000002</v>
      </c>
      <c r="J11788" s="8">
        <v>-75.273589599999994</v>
      </c>
    </row>
    <row r="11789" spans="1:10" x14ac:dyDescent="0.35">
      <c r="A11789" s="5" t="s">
        <v>10</v>
      </c>
      <c r="B11789" s="6">
        <v>178933</v>
      </c>
      <c r="C11789" s="6" t="s">
        <v>294</v>
      </c>
      <c r="D11789" s="6" t="s">
        <v>703</v>
      </c>
      <c r="E11789" s="6">
        <v>41001</v>
      </c>
      <c r="F11789" s="6" t="s">
        <v>18</v>
      </c>
      <c r="G11789" s="6" t="s">
        <v>7547</v>
      </c>
      <c r="H11789" s="6" t="s">
        <v>7548</v>
      </c>
      <c r="I11789" s="7">
        <v>2.9566940000000002</v>
      </c>
      <c r="J11789" s="8">
        <v>-75.282336200000003</v>
      </c>
    </row>
    <row r="11790" spans="1:10" x14ac:dyDescent="0.35">
      <c r="A11790" s="5" t="s">
        <v>10</v>
      </c>
      <c r="B11790" s="6">
        <v>105969</v>
      </c>
      <c r="C11790" s="6" t="s">
        <v>68</v>
      </c>
      <c r="D11790" s="6" t="s">
        <v>69</v>
      </c>
      <c r="E11790" s="6">
        <v>11001</v>
      </c>
      <c r="F11790" s="6" t="s">
        <v>18</v>
      </c>
      <c r="G11790" s="6" t="s">
        <v>11557</v>
      </c>
      <c r="H11790" s="6" t="s">
        <v>11558</v>
      </c>
      <c r="I11790" s="7">
        <v>4.6935748999999998</v>
      </c>
      <c r="J11790" s="8">
        <v>-74.152294999999995</v>
      </c>
    </row>
    <row r="11791" spans="1:10" x14ac:dyDescent="0.35">
      <c r="A11791" s="5" t="s">
        <v>10</v>
      </c>
      <c r="B11791" s="6">
        <v>238908</v>
      </c>
      <c r="C11791" s="6" t="s">
        <v>68</v>
      </c>
      <c r="D11791" s="6" t="s">
        <v>69</v>
      </c>
      <c r="E11791" s="6">
        <v>11001</v>
      </c>
      <c r="F11791" s="6" t="s">
        <v>18</v>
      </c>
      <c r="G11791" s="6" t="s">
        <v>22256</v>
      </c>
      <c r="H11791" s="6" t="s">
        <v>22257</v>
      </c>
      <c r="I11791" s="7">
        <v>4.7149918</v>
      </c>
      <c r="J11791" s="8">
        <v>-74.117576499999998</v>
      </c>
    </row>
    <row r="11792" spans="1:10" x14ac:dyDescent="0.35">
      <c r="A11792" s="5" t="s">
        <v>10</v>
      </c>
      <c r="B11792" s="6">
        <v>244900</v>
      </c>
      <c r="C11792" s="6" t="s">
        <v>366</v>
      </c>
      <c r="D11792" s="6" t="s">
        <v>8296</v>
      </c>
      <c r="E11792" s="6">
        <v>44001</v>
      </c>
      <c r="F11792" s="6" t="s">
        <v>18</v>
      </c>
      <c r="G11792" s="6" t="s">
        <v>22258</v>
      </c>
      <c r="H11792" s="6" t="s">
        <v>22259</v>
      </c>
      <c r="I11792" s="7">
        <v>11.538396000000001</v>
      </c>
      <c r="J11792" s="8">
        <v>-72.916785099999998</v>
      </c>
    </row>
    <row r="11793" spans="1:10" x14ac:dyDescent="0.35">
      <c r="A11793" s="5" t="s">
        <v>10</v>
      </c>
      <c r="B11793" s="6">
        <v>215912</v>
      </c>
      <c r="C11793" s="6" t="s">
        <v>16</v>
      </c>
      <c r="D11793" s="6" t="s">
        <v>78</v>
      </c>
      <c r="E11793" s="6">
        <v>68001</v>
      </c>
      <c r="F11793" s="6" t="s">
        <v>18</v>
      </c>
      <c r="G11793" s="6" t="s">
        <v>22260</v>
      </c>
      <c r="H11793" s="6" t="s">
        <v>22261</v>
      </c>
      <c r="I11793" s="7">
        <v>7.0868482000000004</v>
      </c>
      <c r="J11793" s="8">
        <v>-73.124786</v>
      </c>
    </row>
    <row r="11794" spans="1:10" x14ac:dyDescent="0.35">
      <c r="A11794" s="5" t="s">
        <v>10</v>
      </c>
      <c r="B11794" s="6">
        <v>225172</v>
      </c>
      <c r="C11794" s="6" t="s">
        <v>68</v>
      </c>
      <c r="D11794" s="6" t="s">
        <v>69</v>
      </c>
      <c r="E11794" s="6">
        <v>11001</v>
      </c>
      <c r="F11794" s="6" t="s">
        <v>18</v>
      </c>
      <c r="G11794" s="6" t="s">
        <v>22262</v>
      </c>
      <c r="H11794" s="6" t="s">
        <v>22263</v>
      </c>
      <c r="I11794" s="7">
        <v>4.7162832999999997</v>
      </c>
      <c r="J11794" s="8">
        <v>-74.088023399999997</v>
      </c>
    </row>
    <row r="11795" spans="1:10" x14ac:dyDescent="0.35">
      <c r="A11795" s="5" t="s">
        <v>10</v>
      </c>
      <c r="B11795" s="6">
        <v>186411</v>
      </c>
      <c r="C11795" s="6" t="s">
        <v>11</v>
      </c>
      <c r="D11795" s="6" t="s">
        <v>3054</v>
      </c>
      <c r="E11795" s="6">
        <v>25269</v>
      </c>
      <c r="F11795" s="6" t="s">
        <v>18</v>
      </c>
      <c r="G11795" s="6" t="s">
        <v>22264</v>
      </c>
      <c r="H11795" s="6" t="s">
        <v>22265</v>
      </c>
      <c r="I11795" s="7">
        <v>4.8227590999999999</v>
      </c>
      <c r="J11795" s="8">
        <v>-74.349531299999995</v>
      </c>
    </row>
    <row r="11796" spans="1:10" x14ac:dyDescent="0.35">
      <c r="A11796" s="5" t="s">
        <v>10</v>
      </c>
      <c r="B11796" s="6">
        <v>239352</v>
      </c>
      <c r="C11796" s="6" t="s">
        <v>302</v>
      </c>
      <c r="D11796" s="6" t="s">
        <v>4041</v>
      </c>
      <c r="E11796" s="6">
        <v>8758</v>
      </c>
      <c r="F11796" s="6" t="s">
        <v>18</v>
      </c>
      <c r="G11796" s="6" t="s">
        <v>22266</v>
      </c>
      <c r="H11796" s="6" t="s">
        <v>22267</v>
      </c>
      <c r="I11796" s="7">
        <v>10.9315012</v>
      </c>
      <c r="J11796" s="8">
        <v>-74.766673400000002</v>
      </c>
    </row>
    <row r="11797" spans="1:10" x14ac:dyDescent="0.35">
      <c r="A11797" s="5" t="s">
        <v>10</v>
      </c>
      <c r="B11797" s="6">
        <v>242899</v>
      </c>
      <c r="C11797" s="6" t="s">
        <v>16</v>
      </c>
      <c r="D11797" s="6" t="s">
        <v>78</v>
      </c>
      <c r="E11797" s="6">
        <v>68001</v>
      </c>
      <c r="F11797" s="6" t="s">
        <v>18</v>
      </c>
      <c r="G11797" s="6" t="s">
        <v>22268</v>
      </c>
      <c r="H11797" s="6" t="s">
        <v>22269</v>
      </c>
      <c r="I11797" s="7">
        <v>7.1209283000000001</v>
      </c>
      <c r="J11797" s="8">
        <v>-73.122854500000003</v>
      </c>
    </row>
    <row r="11798" spans="1:10" x14ac:dyDescent="0.35">
      <c r="A11798" s="5" t="s">
        <v>10</v>
      </c>
      <c r="B11798" s="6">
        <v>234018</v>
      </c>
      <c r="C11798" s="6" t="s">
        <v>16</v>
      </c>
      <c r="D11798" s="6" t="s">
        <v>9217</v>
      </c>
      <c r="E11798" s="6">
        <v>68655</v>
      </c>
      <c r="F11798" s="6" t="s">
        <v>18</v>
      </c>
      <c r="G11798" s="6" t="s">
        <v>20416</v>
      </c>
      <c r="H11798" s="6" t="s">
        <v>22270</v>
      </c>
      <c r="I11798" s="7">
        <v>7.3941632000000004</v>
      </c>
      <c r="J11798" s="8">
        <v>-73.501415499999993</v>
      </c>
    </row>
    <row r="11799" spans="1:10" x14ac:dyDescent="0.35">
      <c r="A11799" s="5" t="s">
        <v>10</v>
      </c>
      <c r="B11799" s="6">
        <v>233194</v>
      </c>
      <c r="C11799" s="6" t="s">
        <v>61</v>
      </c>
      <c r="D11799" s="6" t="s">
        <v>62</v>
      </c>
      <c r="E11799" s="6">
        <v>63001</v>
      </c>
      <c r="F11799" s="6" t="s">
        <v>18</v>
      </c>
      <c r="G11799" s="6" t="s">
        <v>22271</v>
      </c>
      <c r="H11799" s="6" t="s">
        <v>22272</v>
      </c>
      <c r="I11799" s="7">
        <v>4.5318899999999998</v>
      </c>
      <c r="J11799" s="8">
        <v>-75.674800000000005</v>
      </c>
    </row>
    <row r="11800" spans="1:10" x14ac:dyDescent="0.35">
      <c r="A11800" s="5" t="s">
        <v>10</v>
      </c>
      <c r="B11800" s="6">
        <v>210520</v>
      </c>
      <c r="C11800" s="6" t="s">
        <v>2821</v>
      </c>
      <c r="D11800" s="6" t="s">
        <v>9371</v>
      </c>
      <c r="E11800" s="6">
        <v>47551</v>
      </c>
      <c r="F11800" s="6" t="s">
        <v>18</v>
      </c>
      <c r="G11800" s="6" t="s">
        <v>22273</v>
      </c>
      <c r="H11800" s="6" t="s">
        <v>22274</v>
      </c>
      <c r="I11800" s="7">
        <v>11.2467405</v>
      </c>
      <c r="J11800" s="8">
        <v>-74.200006700000003</v>
      </c>
    </row>
    <row r="11801" spans="1:10" x14ac:dyDescent="0.35">
      <c r="A11801" s="5" t="s">
        <v>10</v>
      </c>
      <c r="B11801" s="6">
        <v>202503</v>
      </c>
      <c r="C11801" s="6" t="s">
        <v>38</v>
      </c>
      <c r="D11801" s="6" t="s">
        <v>9498</v>
      </c>
      <c r="E11801" s="6">
        <v>19548</v>
      </c>
      <c r="F11801" s="6" t="s">
        <v>18</v>
      </c>
      <c r="G11801" s="6" t="s">
        <v>22275</v>
      </c>
      <c r="H11801" s="6" t="s">
        <v>22276</v>
      </c>
      <c r="I11801" s="7">
        <v>2.6387917000000001</v>
      </c>
      <c r="J11801" s="8">
        <v>-76.5271659</v>
      </c>
    </row>
    <row r="11802" spans="1:10" x14ac:dyDescent="0.35">
      <c r="A11802" s="5" t="s">
        <v>10</v>
      </c>
      <c r="B11802" s="6">
        <v>206249</v>
      </c>
      <c r="C11802" s="6" t="s">
        <v>3819</v>
      </c>
      <c r="D11802" s="6" t="s">
        <v>5557</v>
      </c>
      <c r="E11802" s="6">
        <v>86568</v>
      </c>
      <c r="F11802" s="6" t="s">
        <v>18</v>
      </c>
      <c r="G11802" s="6" t="s">
        <v>22277</v>
      </c>
      <c r="H11802" s="6" t="s">
        <v>22278</v>
      </c>
      <c r="I11802" s="7">
        <v>0.49857859999999998</v>
      </c>
      <c r="J11802" s="8">
        <v>-76.492139399999999</v>
      </c>
    </row>
    <row r="11803" spans="1:10" x14ac:dyDescent="0.35">
      <c r="A11803" s="5" t="s">
        <v>10</v>
      </c>
      <c r="B11803" s="6">
        <v>236399</v>
      </c>
      <c r="C11803" s="6" t="s">
        <v>38</v>
      </c>
      <c r="D11803" s="6" t="s">
        <v>2602</v>
      </c>
      <c r="E11803" s="6">
        <v>19212</v>
      </c>
      <c r="F11803" s="6" t="s">
        <v>18</v>
      </c>
      <c r="G11803" s="6" t="s">
        <v>22279</v>
      </c>
      <c r="H11803" s="6" t="s">
        <v>22280</v>
      </c>
      <c r="I11803" s="7">
        <v>3.1730695</v>
      </c>
      <c r="J11803" s="8">
        <v>-76.259890499999997</v>
      </c>
    </row>
    <row r="11804" spans="1:10" x14ac:dyDescent="0.35">
      <c r="A11804" s="5" t="s">
        <v>10</v>
      </c>
      <c r="B11804" s="6">
        <v>238435</v>
      </c>
      <c r="C11804" s="6" t="s">
        <v>466</v>
      </c>
      <c r="D11804" s="6" t="s">
        <v>1576</v>
      </c>
      <c r="E11804" s="6">
        <v>81065</v>
      </c>
      <c r="F11804" s="6" t="s">
        <v>18</v>
      </c>
      <c r="G11804" s="6" t="s">
        <v>22281</v>
      </c>
      <c r="H11804" s="6" t="s">
        <v>22282</v>
      </c>
      <c r="I11804" s="7">
        <v>6.6867299999999998</v>
      </c>
      <c r="J11804" s="8">
        <v>-71.342730000000003</v>
      </c>
    </row>
    <row r="11805" spans="1:10" x14ac:dyDescent="0.35">
      <c r="A11805" s="5" t="s">
        <v>10</v>
      </c>
      <c r="B11805" s="6">
        <v>206876</v>
      </c>
      <c r="C11805" s="6" t="s">
        <v>68</v>
      </c>
      <c r="D11805" s="6" t="s">
        <v>69</v>
      </c>
      <c r="E11805" s="6">
        <v>11001</v>
      </c>
      <c r="F11805" s="6" t="s">
        <v>18</v>
      </c>
      <c r="G11805" s="6" t="s">
        <v>9450</v>
      </c>
      <c r="H11805" s="6" t="s">
        <v>9451</v>
      </c>
      <c r="I11805" s="7">
        <v>4.5013291999999998</v>
      </c>
      <c r="J11805" s="8">
        <v>-74.114016999999905</v>
      </c>
    </row>
    <row r="11806" spans="1:10" x14ac:dyDescent="0.35">
      <c r="A11806" s="5" t="s">
        <v>10</v>
      </c>
      <c r="B11806" s="6">
        <v>206735</v>
      </c>
      <c r="C11806" s="6" t="s">
        <v>68</v>
      </c>
      <c r="D11806" s="6" t="s">
        <v>69</v>
      </c>
      <c r="E11806" s="6">
        <v>11001</v>
      </c>
      <c r="F11806" s="6" t="s">
        <v>18</v>
      </c>
      <c r="G11806" s="6" t="s">
        <v>22283</v>
      </c>
      <c r="H11806" s="6" t="s">
        <v>22284</v>
      </c>
      <c r="I11806" s="7">
        <v>4.5645395999999998</v>
      </c>
      <c r="J11806" s="8">
        <v>-74.080287400000003</v>
      </c>
    </row>
    <row r="11807" spans="1:10" x14ac:dyDescent="0.35">
      <c r="A11807" s="5" t="s">
        <v>10</v>
      </c>
      <c r="B11807" s="6">
        <v>232014</v>
      </c>
      <c r="C11807" s="6" t="s">
        <v>16</v>
      </c>
      <c r="D11807" s="6" t="s">
        <v>1942</v>
      </c>
      <c r="E11807" s="6">
        <v>68406</v>
      </c>
      <c r="F11807" s="6" t="s">
        <v>18</v>
      </c>
      <c r="G11807" s="6" t="s">
        <v>10553</v>
      </c>
      <c r="H11807" s="6" t="s">
        <v>10554</v>
      </c>
      <c r="I11807" s="7">
        <v>7.1899940000000004</v>
      </c>
      <c r="J11807" s="8">
        <v>-73.300122999999999</v>
      </c>
    </row>
    <row r="11808" spans="1:10" x14ac:dyDescent="0.35">
      <c r="A11808" s="5" t="s">
        <v>10</v>
      </c>
      <c r="B11808" s="6">
        <v>195938</v>
      </c>
      <c r="C11808" s="6" t="s">
        <v>11</v>
      </c>
      <c r="D11808" s="6" t="s">
        <v>513</v>
      </c>
      <c r="E11808" s="6">
        <v>25286</v>
      </c>
      <c r="F11808" s="6" t="s">
        <v>18</v>
      </c>
      <c r="G11808" s="6" t="s">
        <v>22285</v>
      </c>
      <c r="H11808" s="6" t="s">
        <v>22286</v>
      </c>
      <c r="I11808" s="7">
        <v>4.7163991999999997</v>
      </c>
      <c r="J11808" s="8">
        <v>-74.211684599999998</v>
      </c>
    </row>
    <row r="11809" spans="1:10" x14ac:dyDescent="0.35">
      <c r="A11809" s="5" t="s">
        <v>10</v>
      </c>
      <c r="B11809" s="6">
        <v>219006</v>
      </c>
      <c r="C11809" s="6" t="s">
        <v>68</v>
      </c>
      <c r="D11809" s="6" t="s">
        <v>69</v>
      </c>
      <c r="E11809" s="6">
        <v>11001</v>
      </c>
      <c r="F11809" s="6" t="s">
        <v>18</v>
      </c>
      <c r="G11809" s="6" t="s">
        <v>22287</v>
      </c>
      <c r="H11809" s="6" t="s">
        <v>22288</v>
      </c>
      <c r="I11809" s="7">
        <v>4.6425793999999998</v>
      </c>
      <c r="J11809" s="8">
        <v>-74.1627644</v>
      </c>
    </row>
    <row r="11810" spans="1:10" x14ac:dyDescent="0.35">
      <c r="A11810" s="5" t="s">
        <v>10</v>
      </c>
      <c r="B11810" s="6">
        <v>102376</v>
      </c>
      <c r="C11810" s="6" t="s">
        <v>16</v>
      </c>
      <c r="D11810" s="6" t="s">
        <v>78</v>
      </c>
      <c r="E11810" s="6">
        <v>68001</v>
      </c>
      <c r="F11810" s="6" t="s">
        <v>18</v>
      </c>
      <c r="G11810" s="6" t="s">
        <v>9128</v>
      </c>
      <c r="H11810" s="6" t="s">
        <v>9129</v>
      </c>
      <c r="I11810" s="7">
        <v>7.1351601000000002</v>
      </c>
      <c r="J11810" s="8">
        <v>-73.120428099999998</v>
      </c>
    </row>
    <row r="11811" spans="1:10" x14ac:dyDescent="0.35">
      <c r="A11811" s="5" t="s">
        <v>10</v>
      </c>
      <c r="B11811" s="6">
        <v>207119</v>
      </c>
      <c r="C11811" s="6" t="s">
        <v>308</v>
      </c>
      <c r="D11811" s="6" t="s">
        <v>8338</v>
      </c>
      <c r="E11811" s="6">
        <v>23555</v>
      </c>
      <c r="F11811" s="6" t="s">
        <v>18</v>
      </c>
      <c r="G11811" s="6" t="s">
        <v>22289</v>
      </c>
      <c r="H11811" s="6" t="s">
        <v>22290</v>
      </c>
      <c r="I11811" s="7">
        <v>8.4138441000000004</v>
      </c>
      <c r="J11811" s="8">
        <v>-75.587678099999906</v>
      </c>
    </row>
    <row r="11812" spans="1:10" x14ac:dyDescent="0.35">
      <c r="A11812" s="5" t="s">
        <v>10</v>
      </c>
      <c r="B11812" s="6">
        <v>239215</v>
      </c>
      <c r="C11812" s="6" t="s">
        <v>3788</v>
      </c>
      <c r="D11812" s="6" t="s">
        <v>3974</v>
      </c>
      <c r="E11812" s="6">
        <v>18001</v>
      </c>
      <c r="F11812" s="6" t="s">
        <v>18</v>
      </c>
      <c r="G11812" s="6" t="s">
        <v>22291</v>
      </c>
      <c r="H11812" s="6" t="s">
        <v>22292</v>
      </c>
      <c r="I11812" s="7">
        <v>1.9329753000000001</v>
      </c>
      <c r="J11812" s="8">
        <v>-76.216312400000007</v>
      </c>
    </row>
    <row r="11813" spans="1:10" x14ac:dyDescent="0.35">
      <c r="A11813" s="5" t="s">
        <v>10</v>
      </c>
      <c r="B11813" s="6">
        <v>234995</v>
      </c>
      <c r="C11813" s="6" t="s">
        <v>3788</v>
      </c>
      <c r="D11813" s="6" t="s">
        <v>6771</v>
      </c>
      <c r="E11813" s="6">
        <v>18753</v>
      </c>
      <c r="F11813" s="6" t="s">
        <v>18</v>
      </c>
      <c r="G11813" s="6" t="s">
        <v>22293</v>
      </c>
      <c r="H11813" s="6" t="s">
        <v>22294</v>
      </c>
      <c r="I11813" s="7">
        <v>2.1136446000000002</v>
      </c>
      <c r="J11813" s="8">
        <v>-74.773205599999997</v>
      </c>
    </row>
    <row r="11814" spans="1:10" x14ac:dyDescent="0.35">
      <c r="A11814" s="5" t="s">
        <v>10</v>
      </c>
      <c r="B11814" s="6">
        <v>222293</v>
      </c>
      <c r="C11814" s="6" t="s">
        <v>68</v>
      </c>
      <c r="D11814" s="6" t="s">
        <v>69</v>
      </c>
      <c r="E11814" s="6">
        <v>11001</v>
      </c>
      <c r="F11814" s="6" t="s">
        <v>13</v>
      </c>
      <c r="G11814" s="6" t="s">
        <v>22295</v>
      </c>
      <c r="H11814" s="6" t="s">
        <v>22296</v>
      </c>
      <c r="I11814" s="7">
        <v>4.6544300999999999</v>
      </c>
      <c r="J11814" s="8">
        <v>-74.1474908</v>
      </c>
    </row>
    <row r="11815" spans="1:10" x14ac:dyDescent="0.35">
      <c r="A11815" s="5" t="s">
        <v>10</v>
      </c>
      <c r="B11815" s="6">
        <v>155669</v>
      </c>
      <c r="C11815" s="6" t="s">
        <v>3819</v>
      </c>
      <c r="D11815" s="6" t="s">
        <v>5557</v>
      </c>
      <c r="E11815" s="6">
        <v>86568</v>
      </c>
      <c r="F11815" s="6" t="s">
        <v>18</v>
      </c>
      <c r="G11815" s="6" t="s">
        <v>22297</v>
      </c>
      <c r="H11815" s="6" t="s">
        <v>22298</v>
      </c>
      <c r="I11815" s="7">
        <v>0.51400990000000002</v>
      </c>
      <c r="J11815" s="8">
        <v>-76.5013139</v>
      </c>
    </row>
    <row r="11816" spans="1:10" x14ac:dyDescent="0.35">
      <c r="A11816" s="5" t="s">
        <v>10</v>
      </c>
      <c r="B11816" s="6">
        <v>246906</v>
      </c>
      <c r="C11816" s="6" t="s">
        <v>2821</v>
      </c>
      <c r="D11816" s="6" t="s">
        <v>1524</v>
      </c>
      <c r="E11816" s="6">
        <v>47318</v>
      </c>
      <c r="F11816" s="6" t="s">
        <v>18</v>
      </c>
      <c r="G11816" s="6" t="s">
        <v>22299</v>
      </c>
      <c r="H11816" s="6" t="s">
        <v>22300</v>
      </c>
      <c r="I11816" s="7">
        <v>9.1447219000000004</v>
      </c>
      <c r="J11816" s="8">
        <v>-74.2247536</v>
      </c>
    </row>
    <row r="11817" spans="1:10" x14ac:dyDescent="0.35">
      <c r="A11817" s="5" t="s">
        <v>10</v>
      </c>
      <c r="B11817" s="6">
        <v>229166</v>
      </c>
      <c r="C11817" s="6" t="s">
        <v>3819</v>
      </c>
      <c r="D11817" s="6" t="s">
        <v>5557</v>
      </c>
      <c r="E11817" s="6">
        <v>86568</v>
      </c>
      <c r="F11817" s="6" t="s">
        <v>18</v>
      </c>
      <c r="G11817" s="6" t="s">
        <v>22301</v>
      </c>
      <c r="H11817" s="6" t="s">
        <v>22302</v>
      </c>
      <c r="I11817" s="7">
        <v>0.49665629999999999</v>
      </c>
      <c r="J11817" s="8">
        <v>-76.503586999999996</v>
      </c>
    </row>
    <row r="11818" spans="1:10" x14ac:dyDescent="0.35">
      <c r="A11818" s="5" t="s">
        <v>10</v>
      </c>
      <c r="B11818" s="6">
        <v>233301</v>
      </c>
      <c r="C11818" s="6" t="s">
        <v>278</v>
      </c>
      <c r="D11818" s="6" t="s">
        <v>279</v>
      </c>
      <c r="E11818" s="6">
        <v>50001</v>
      </c>
      <c r="F11818" s="6" t="s">
        <v>18</v>
      </c>
      <c r="G11818" s="6" t="s">
        <v>22303</v>
      </c>
      <c r="H11818" s="6" t="s">
        <v>22304</v>
      </c>
      <c r="I11818" s="7">
        <v>4.1263199999999998</v>
      </c>
      <c r="J11818" s="8">
        <v>-73.615110000000001</v>
      </c>
    </row>
    <row r="11819" spans="1:10" x14ac:dyDescent="0.35">
      <c r="A11819" s="5" t="s">
        <v>10</v>
      </c>
      <c r="B11819" s="6">
        <v>237691</v>
      </c>
      <c r="C11819" s="6" t="s">
        <v>190</v>
      </c>
      <c r="D11819" s="6" t="s">
        <v>11926</v>
      </c>
      <c r="E11819" s="6">
        <v>5129</v>
      </c>
      <c r="F11819" s="6" t="s">
        <v>18</v>
      </c>
      <c r="G11819" s="6" t="s">
        <v>22305</v>
      </c>
      <c r="H11819" s="6" t="s">
        <v>22306</v>
      </c>
      <c r="I11819" s="7">
        <v>6.0848366</v>
      </c>
      <c r="J11819" s="8">
        <v>-75.634410900000006</v>
      </c>
    </row>
    <row r="11820" spans="1:10" x14ac:dyDescent="0.35">
      <c r="A11820" s="5" t="s">
        <v>10</v>
      </c>
      <c r="B11820" s="6">
        <v>99686</v>
      </c>
      <c r="C11820" s="6" t="s">
        <v>68</v>
      </c>
      <c r="D11820" s="6" t="s">
        <v>69</v>
      </c>
      <c r="E11820" s="6">
        <v>11001</v>
      </c>
      <c r="F11820" s="6" t="s">
        <v>18</v>
      </c>
      <c r="G11820" s="6" t="s">
        <v>22307</v>
      </c>
      <c r="H11820" s="6" t="s">
        <v>22308</v>
      </c>
      <c r="I11820" s="7">
        <v>4.6207431999999997</v>
      </c>
      <c r="J11820" s="8">
        <v>-74.065192799999906</v>
      </c>
    </row>
    <row r="11821" spans="1:10" x14ac:dyDescent="0.35">
      <c r="A11821" s="5" t="s">
        <v>10</v>
      </c>
      <c r="B11821" s="6">
        <v>234867</v>
      </c>
      <c r="C11821" s="6" t="s">
        <v>308</v>
      </c>
      <c r="D11821" s="6" t="s">
        <v>309</v>
      </c>
      <c r="E11821" s="6">
        <v>23001</v>
      </c>
      <c r="F11821" s="6" t="s">
        <v>18</v>
      </c>
      <c r="G11821" s="6" t="s">
        <v>22309</v>
      </c>
      <c r="H11821" s="6" t="s">
        <v>22310</v>
      </c>
      <c r="I11821" s="7">
        <v>8.7362628000000004</v>
      </c>
      <c r="J11821" s="8">
        <v>-75.883136300000004</v>
      </c>
    </row>
    <row r="11822" spans="1:10" x14ac:dyDescent="0.35">
      <c r="A11822" s="5" t="s">
        <v>10</v>
      </c>
      <c r="B11822" s="6">
        <v>226549</v>
      </c>
      <c r="C11822" s="6" t="s">
        <v>16</v>
      </c>
      <c r="D11822" s="6" t="s">
        <v>78</v>
      </c>
      <c r="E11822" s="6">
        <v>68001</v>
      </c>
      <c r="F11822" s="6" t="s">
        <v>18</v>
      </c>
      <c r="G11822" s="6" t="s">
        <v>22311</v>
      </c>
      <c r="H11822" s="6" t="s">
        <v>22312</v>
      </c>
      <c r="I11822" s="7">
        <v>7.1211213999999998</v>
      </c>
      <c r="J11822" s="8">
        <v>-73.110960599999999</v>
      </c>
    </row>
    <row r="11823" spans="1:10" x14ac:dyDescent="0.35">
      <c r="A11823" s="5" t="s">
        <v>10</v>
      </c>
      <c r="B11823" s="6">
        <v>232456</v>
      </c>
      <c r="C11823" s="6" t="s">
        <v>68</v>
      </c>
      <c r="D11823" s="6" t="s">
        <v>69</v>
      </c>
      <c r="E11823" s="6">
        <v>11001</v>
      </c>
      <c r="F11823" s="6" t="s">
        <v>18</v>
      </c>
      <c r="G11823" s="6" t="s">
        <v>22313</v>
      </c>
      <c r="H11823" s="6" t="s">
        <v>22314</v>
      </c>
      <c r="I11823" s="7">
        <v>4.5336501</v>
      </c>
      <c r="J11823" s="8">
        <v>-74.087955500000007</v>
      </c>
    </row>
    <row r="11824" spans="1:10" x14ac:dyDescent="0.35">
      <c r="A11824" s="5" t="s">
        <v>10</v>
      </c>
      <c r="B11824" s="6">
        <v>233544</v>
      </c>
      <c r="C11824" s="6" t="s">
        <v>294</v>
      </c>
      <c r="D11824" s="6" t="s">
        <v>703</v>
      </c>
      <c r="E11824" s="6">
        <v>41001</v>
      </c>
      <c r="F11824" s="6" t="s">
        <v>18</v>
      </c>
      <c r="G11824" s="6" t="s">
        <v>22315</v>
      </c>
      <c r="H11824" s="6" t="s">
        <v>22316</v>
      </c>
      <c r="I11824" s="7">
        <v>2.9451800000000001</v>
      </c>
      <c r="J11824" s="8">
        <v>-75.288759999999996</v>
      </c>
    </row>
    <row r="11825" spans="1:10" x14ac:dyDescent="0.35">
      <c r="A11825" s="5" t="s">
        <v>10</v>
      </c>
      <c r="B11825" s="6">
        <v>222774</v>
      </c>
      <c r="C11825" s="6" t="s">
        <v>278</v>
      </c>
      <c r="D11825" s="6" t="s">
        <v>4924</v>
      </c>
      <c r="E11825" s="6">
        <v>50689</v>
      </c>
      <c r="F11825" s="6" t="s">
        <v>18</v>
      </c>
      <c r="G11825" s="6" t="s">
        <v>22317</v>
      </c>
      <c r="H11825" s="6" t="s">
        <v>22318</v>
      </c>
      <c r="I11825" s="7">
        <v>3.6989486999999999</v>
      </c>
      <c r="J11825" s="8">
        <v>-73.700012000000001</v>
      </c>
    </row>
    <row r="11826" spans="1:10" x14ac:dyDescent="0.35">
      <c r="A11826" s="5" t="s">
        <v>10</v>
      </c>
      <c r="B11826" s="6">
        <v>188527</v>
      </c>
      <c r="C11826" s="6" t="s">
        <v>68</v>
      </c>
      <c r="D11826" s="6" t="s">
        <v>69</v>
      </c>
      <c r="E11826" s="6">
        <v>11001</v>
      </c>
      <c r="F11826" s="6" t="s">
        <v>18</v>
      </c>
      <c r="G11826" s="6" t="s">
        <v>8137</v>
      </c>
      <c r="H11826" s="6" t="s">
        <v>8138</v>
      </c>
      <c r="I11826" s="7">
        <v>4.5995644999999996</v>
      </c>
      <c r="J11826" s="8">
        <v>-74.161432699999907</v>
      </c>
    </row>
    <row r="11827" spans="1:10" x14ac:dyDescent="0.35">
      <c r="A11827" s="5" t="s">
        <v>10</v>
      </c>
      <c r="B11827" s="6">
        <v>168435</v>
      </c>
      <c r="C11827" s="6" t="s">
        <v>11</v>
      </c>
      <c r="D11827" s="6" t="s">
        <v>101</v>
      </c>
      <c r="E11827" s="6">
        <v>25473</v>
      </c>
      <c r="F11827" s="6" t="s">
        <v>18</v>
      </c>
      <c r="G11827" s="6" t="s">
        <v>22319</v>
      </c>
      <c r="H11827" s="6" t="s">
        <v>22320</v>
      </c>
      <c r="I11827" s="7">
        <v>4.7139688</v>
      </c>
      <c r="J11827" s="8">
        <v>-74.220949399999995</v>
      </c>
    </row>
    <row r="11828" spans="1:10" x14ac:dyDescent="0.35">
      <c r="A11828" s="5" t="s">
        <v>10</v>
      </c>
      <c r="B11828" s="6">
        <v>153389</v>
      </c>
      <c r="C11828" s="6" t="s">
        <v>3788</v>
      </c>
      <c r="D11828" s="6" t="s">
        <v>3974</v>
      </c>
      <c r="E11828" s="6">
        <v>18001</v>
      </c>
      <c r="F11828" s="6" t="s">
        <v>18</v>
      </c>
      <c r="G11828" s="6" t="s">
        <v>8129</v>
      </c>
      <c r="H11828" s="6" t="s">
        <v>8130</v>
      </c>
      <c r="I11828" s="7">
        <v>1.6186545000000001</v>
      </c>
      <c r="J11828" s="8">
        <v>-75.605133600000002</v>
      </c>
    </row>
    <row r="11829" spans="1:10" x14ac:dyDescent="0.35">
      <c r="A11829" s="5" t="s">
        <v>10</v>
      </c>
      <c r="B11829" s="6">
        <v>234117</v>
      </c>
      <c r="C11829" s="6" t="s">
        <v>55</v>
      </c>
      <c r="D11829" s="6" t="s">
        <v>56</v>
      </c>
      <c r="E11829" s="6">
        <v>73001</v>
      </c>
      <c r="F11829" s="6" t="s">
        <v>18</v>
      </c>
      <c r="G11829" s="6" t="s">
        <v>22321</v>
      </c>
      <c r="H11829" s="6" t="s">
        <v>22322</v>
      </c>
      <c r="I11829" s="7">
        <v>4.4534978000000001</v>
      </c>
      <c r="J11829" s="8">
        <v>-75.244034200000002</v>
      </c>
    </row>
    <row r="11830" spans="1:10" x14ac:dyDescent="0.35">
      <c r="A11830" s="5" t="s">
        <v>10</v>
      </c>
      <c r="B11830" s="6">
        <v>206160</v>
      </c>
      <c r="C11830" s="6" t="s">
        <v>16</v>
      </c>
      <c r="D11830" s="6" t="s">
        <v>2825</v>
      </c>
      <c r="E11830" s="6">
        <v>68276</v>
      </c>
      <c r="F11830" s="6" t="s">
        <v>18</v>
      </c>
      <c r="G11830" s="6" t="s">
        <v>22323</v>
      </c>
      <c r="H11830" s="6" t="s">
        <v>22324</v>
      </c>
      <c r="I11830" s="7">
        <v>7.0846774999999997</v>
      </c>
      <c r="J11830" s="8">
        <v>-73.0999458</v>
      </c>
    </row>
    <row r="11831" spans="1:10" x14ac:dyDescent="0.35">
      <c r="A11831" s="5" t="s">
        <v>10</v>
      </c>
      <c r="B11831" s="6">
        <v>189891</v>
      </c>
      <c r="C11831" s="6" t="s">
        <v>294</v>
      </c>
      <c r="D11831" s="6" t="s">
        <v>703</v>
      </c>
      <c r="E11831" s="6">
        <v>41001</v>
      </c>
      <c r="F11831" s="6" t="s">
        <v>18</v>
      </c>
      <c r="G11831" s="6" t="s">
        <v>10615</v>
      </c>
      <c r="H11831" s="6" t="s">
        <v>10616</v>
      </c>
      <c r="I11831" s="7">
        <v>2.9562208000000001</v>
      </c>
      <c r="J11831" s="8">
        <v>-75.284116799999893</v>
      </c>
    </row>
    <row r="11832" spans="1:10" x14ac:dyDescent="0.35">
      <c r="A11832" s="5" t="s">
        <v>10</v>
      </c>
      <c r="B11832" s="6">
        <v>139042</v>
      </c>
      <c r="C11832" s="6" t="s">
        <v>294</v>
      </c>
      <c r="D11832" s="6" t="s">
        <v>703</v>
      </c>
      <c r="E11832" s="6">
        <v>41001</v>
      </c>
      <c r="F11832" s="6" t="s">
        <v>18</v>
      </c>
      <c r="G11832" s="6" t="s">
        <v>7549</v>
      </c>
      <c r="H11832" s="6" t="s">
        <v>7550</v>
      </c>
      <c r="I11832" s="7">
        <v>2.9382036</v>
      </c>
      <c r="J11832" s="8">
        <v>-75.293167499999996</v>
      </c>
    </row>
    <row r="11833" spans="1:10" x14ac:dyDescent="0.35">
      <c r="A11833" s="5" t="s">
        <v>10</v>
      </c>
      <c r="B11833" s="6">
        <v>176214</v>
      </c>
      <c r="C11833" s="6" t="s">
        <v>68</v>
      </c>
      <c r="D11833" s="6" t="s">
        <v>69</v>
      </c>
      <c r="E11833" s="6">
        <v>11001</v>
      </c>
      <c r="F11833" s="6" t="s">
        <v>18</v>
      </c>
      <c r="G11833" s="6" t="s">
        <v>10042</v>
      </c>
      <c r="H11833" s="6" t="s">
        <v>10043</v>
      </c>
      <c r="I11833" s="7">
        <v>4.6712407999999996</v>
      </c>
      <c r="J11833" s="8">
        <v>-74.045459600000001</v>
      </c>
    </row>
    <row r="11834" spans="1:10" x14ac:dyDescent="0.35">
      <c r="A11834" s="5" t="s">
        <v>10</v>
      </c>
      <c r="B11834" s="6">
        <v>165786</v>
      </c>
      <c r="C11834" s="6" t="s">
        <v>11</v>
      </c>
      <c r="D11834" s="6" t="s">
        <v>5259</v>
      </c>
      <c r="E11834" s="6">
        <v>25320</v>
      </c>
      <c r="F11834" s="6" t="s">
        <v>18</v>
      </c>
      <c r="G11834" s="6" t="s">
        <v>21555</v>
      </c>
      <c r="H11834" s="6" t="s">
        <v>21556</v>
      </c>
      <c r="I11834" s="7">
        <v>5.0678087999999999</v>
      </c>
      <c r="J11834" s="8">
        <v>-74.5953205</v>
      </c>
    </row>
    <row r="11835" spans="1:10" x14ac:dyDescent="0.35">
      <c r="A11835" s="5" t="s">
        <v>10</v>
      </c>
      <c r="B11835" s="6">
        <v>241351</v>
      </c>
      <c r="C11835" s="6" t="s">
        <v>366</v>
      </c>
      <c r="D11835" s="6" t="s">
        <v>367</v>
      </c>
      <c r="E11835" s="6">
        <v>44430</v>
      </c>
      <c r="F11835" s="6" t="s">
        <v>18</v>
      </c>
      <c r="G11835" s="6" t="s">
        <v>22325</v>
      </c>
      <c r="H11835" s="6" t="s">
        <v>22326</v>
      </c>
      <c r="I11835" s="7">
        <v>11.3795299</v>
      </c>
      <c r="J11835" s="8">
        <v>-72.239478700000006</v>
      </c>
    </row>
    <row r="11836" spans="1:10" x14ac:dyDescent="0.35">
      <c r="A11836" s="5" t="s">
        <v>10</v>
      </c>
      <c r="B11836" s="6">
        <v>243470</v>
      </c>
      <c r="C11836" s="6" t="s">
        <v>38</v>
      </c>
      <c r="D11836" s="6" t="s">
        <v>39</v>
      </c>
      <c r="E11836" s="6">
        <v>19001</v>
      </c>
      <c r="F11836" s="6" t="s">
        <v>18</v>
      </c>
      <c r="G11836" s="6" t="s">
        <v>22327</v>
      </c>
      <c r="H11836" s="6" t="s">
        <v>22328</v>
      </c>
      <c r="I11836" s="7">
        <v>2.4414204000000002</v>
      </c>
      <c r="J11836" s="8">
        <v>-76.618745000000004</v>
      </c>
    </row>
    <row r="11837" spans="1:10" x14ac:dyDescent="0.35">
      <c r="A11837" s="5" t="s">
        <v>10</v>
      </c>
      <c r="B11837" s="6">
        <v>244034</v>
      </c>
      <c r="C11837" s="6" t="s">
        <v>16</v>
      </c>
      <c r="D11837" s="6" t="s">
        <v>78</v>
      </c>
      <c r="E11837" s="6">
        <v>68001</v>
      </c>
      <c r="F11837" s="6" t="s">
        <v>18</v>
      </c>
      <c r="G11837" s="6" t="s">
        <v>22329</v>
      </c>
      <c r="H11837" s="6" t="s">
        <v>22330</v>
      </c>
      <c r="I11837" s="7">
        <v>7.1380714000000003</v>
      </c>
      <c r="J11837" s="8">
        <v>-73.120990000000006</v>
      </c>
    </row>
    <row r="11838" spans="1:10" x14ac:dyDescent="0.35">
      <c r="A11838" s="5" t="s">
        <v>10</v>
      </c>
      <c r="B11838" s="6">
        <v>237330</v>
      </c>
      <c r="C11838" s="6" t="s">
        <v>16</v>
      </c>
      <c r="D11838" s="6" t="s">
        <v>1401</v>
      </c>
      <c r="E11838" s="6">
        <v>68307</v>
      </c>
      <c r="F11838" s="6" t="s">
        <v>18</v>
      </c>
      <c r="G11838" s="6" t="s">
        <v>22331</v>
      </c>
      <c r="H11838" s="6" t="s">
        <v>22332</v>
      </c>
      <c r="I11838" s="7">
        <v>7.0751511999999996</v>
      </c>
      <c r="J11838" s="8">
        <v>-73.1714506</v>
      </c>
    </row>
    <row r="11839" spans="1:10" x14ac:dyDescent="0.35">
      <c r="A11839" s="5" t="s">
        <v>10</v>
      </c>
      <c r="B11839" s="6">
        <v>200087</v>
      </c>
      <c r="C11839" s="6" t="s">
        <v>278</v>
      </c>
      <c r="D11839" s="6" t="s">
        <v>279</v>
      </c>
      <c r="E11839" s="6">
        <v>50001</v>
      </c>
      <c r="F11839" s="6" t="s">
        <v>18</v>
      </c>
      <c r="G11839" s="6" t="s">
        <v>22333</v>
      </c>
      <c r="H11839" s="6" t="s">
        <v>22334</v>
      </c>
      <c r="I11839" s="7">
        <v>4.1138690000000002</v>
      </c>
      <c r="J11839" s="8">
        <v>-73.586388599999907</v>
      </c>
    </row>
    <row r="11840" spans="1:10" x14ac:dyDescent="0.35">
      <c r="A11840" s="5" t="s">
        <v>10</v>
      </c>
      <c r="B11840" s="6">
        <v>233883</v>
      </c>
      <c r="C11840" s="6" t="s">
        <v>278</v>
      </c>
      <c r="D11840" s="6" t="s">
        <v>279</v>
      </c>
      <c r="E11840" s="6">
        <v>50001</v>
      </c>
      <c r="F11840" s="6" t="s">
        <v>18</v>
      </c>
      <c r="G11840" s="6" t="s">
        <v>22335</v>
      </c>
      <c r="H11840" s="6" t="s">
        <v>22336</v>
      </c>
      <c r="I11840" s="7">
        <v>4.1343142000000004</v>
      </c>
      <c r="J11840" s="8">
        <v>-73.589830500000005</v>
      </c>
    </row>
    <row r="11841" spans="1:10" x14ac:dyDescent="0.35">
      <c r="A11841" s="5" t="s">
        <v>10</v>
      </c>
      <c r="B11841" s="6">
        <v>233110</v>
      </c>
      <c r="C11841" s="6" t="s">
        <v>68</v>
      </c>
      <c r="D11841" s="6" t="s">
        <v>69</v>
      </c>
      <c r="E11841" s="6">
        <v>11001</v>
      </c>
      <c r="F11841" s="6" t="s">
        <v>18</v>
      </c>
      <c r="G11841" s="6" t="s">
        <v>22337</v>
      </c>
      <c r="H11841" s="6" t="s">
        <v>22338</v>
      </c>
      <c r="I11841" s="7">
        <v>4.6313599999999999</v>
      </c>
      <c r="J11841" s="8">
        <v>-74.10727</v>
      </c>
    </row>
    <row r="11842" spans="1:10" x14ac:dyDescent="0.35">
      <c r="A11842" s="5" t="s">
        <v>10</v>
      </c>
      <c r="B11842" s="6">
        <v>233113</v>
      </c>
      <c r="C11842" s="6" t="s">
        <v>4364</v>
      </c>
      <c r="D11842" s="6" t="s">
        <v>4365</v>
      </c>
      <c r="E11842" s="6">
        <v>70001</v>
      </c>
      <c r="F11842" s="6" t="s">
        <v>18</v>
      </c>
      <c r="G11842" s="6" t="s">
        <v>22339</v>
      </c>
      <c r="H11842" s="6" t="s">
        <v>22340</v>
      </c>
      <c r="I11842" s="7">
        <v>9.3091000000000008</v>
      </c>
      <c r="J11842" s="8">
        <v>-75.400639999999996</v>
      </c>
    </row>
    <row r="11843" spans="1:10" x14ac:dyDescent="0.35">
      <c r="A11843" s="5" t="s">
        <v>10</v>
      </c>
      <c r="B11843" s="6">
        <v>170892</v>
      </c>
      <c r="C11843" s="6" t="s">
        <v>68</v>
      </c>
      <c r="D11843" s="6" t="s">
        <v>69</v>
      </c>
      <c r="E11843" s="6">
        <v>11001</v>
      </c>
      <c r="F11843" s="6" t="s">
        <v>18</v>
      </c>
      <c r="G11843" s="6" t="s">
        <v>22341</v>
      </c>
      <c r="H11843" s="6" t="s">
        <v>22342</v>
      </c>
      <c r="I11843" s="7">
        <v>4.6386750000000001</v>
      </c>
      <c r="J11843" s="8">
        <v>-74.164694999999995</v>
      </c>
    </row>
    <row r="11844" spans="1:10" x14ac:dyDescent="0.35">
      <c r="A11844" s="5" t="s">
        <v>10</v>
      </c>
      <c r="B11844" s="6">
        <v>237523</v>
      </c>
      <c r="C11844" s="6" t="s">
        <v>16</v>
      </c>
      <c r="D11844" s="6" t="s">
        <v>2825</v>
      </c>
      <c r="E11844" s="6">
        <v>68276</v>
      </c>
      <c r="F11844" s="6" t="s">
        <v>18</v>
      </c>
      <c r="G11844" s="6" t="s">
        <v>22343</v>
      </c>
      <c r="H11844" s="6" t="s">
        <v>22344</v>
      </c>
      <c r="I11844" s="7">
        <v>7.0835929000000002</v>
      </c>
      <c r="J11844" s="8">
        <v>-73.102065400000001</v>
      </c>
    </row>
    <row r="11845" spans="1:10" x14ac:dyDescent="0.35">
      <c r="A11845" s="5" t="s">
        <v>10</v>
      </c>
      <c r="B11845" s="6">
        <v>221804</v>
      </c>
      <c r="C11845" s="6" t="s">
        <v>278</v>
      </c>
      <c r="D11845" s="6" t="s">
        <v>279</v>
      </c>
      <c r="E11845" s="6">
        <v>50001</v>
      </c>
      <c r="F11845" s="6" t="s">
        <v>18</v>
      </c>
      <c r="G11845" s="6" t="s">
        <v>22345</v>
      </c>
      <c r="H11845" s="6" t="s">
        <v>22346</v>
      </c>
      <c r="I11845" s="7">
        <v>4.1594860999999996</v>
      </c>
      <c r="J11845" s="8">
        <v>-73.655023299999996</v>
      </c>
    </row>
    <row r="11846" spans="1:10" x14ac:dyDescent="0.35">
      <c r="A11846" s="5" t="s">
        <v>10</v>
      </c>
      <c r="B11846" s="6">
        <v>144207</v>
      </c>
      <c r="C11846" s="6" t="s">
        <v>68</v>
      </c>
      <c r="D11846" s="6" t="s">
        <v>69</v>
      </c>
      <c r="E11846" s="6">
        <v>11001</v>
      </c>
      <c r="F11846" s="6" t="s">
        <v>18</v>
      </c>
      <c r="G11846" s="6" t="s">
        <v>8943</v>
      </c>
      <c r="H11846" s="6" t="s">
        <v>8944</v>
      </c>
      <c r="I11846" s="7">
        <v>4.6370795999999999</v>
      </c>
      <c r="J11846" s="8">
        <v>-74.20393</v>
      </c>
    </row>
    <row r="11847" spans="1:10" x14ac:dyDescent="0.35">
      <c r="A11847" s="5" t="s">
        <v>10</v>
      </c>
      <c r="B11847" s="6">
        <v>187224</v>
      </c>
      <c r="C11847" s="6" t="s">
        <v>551</v>
      </c>
      <c r="D11847" s="6" t="s">
        <v>4924</v>
      </c>
      <c r="E11847" s="6">
        <v>20770</v>
      </c>
      <c r="F11847" s="6" t="s">
        <v>18</v>
      </c>
      <c r="G11847" s="6" t="s">
        <v>22347</v>
      </c>
      <c r="H11847" s="6" t="s">
        <v>22348</v>
      </c>
      <c r="I11847" s="7">
        <v>7.9296179999999996</v>
      </c>
      <c r="J11847" s="8">
        <v>-73.512292799999997</v>
      </c>
    </row>
    <row r="11848" spans="1:10" x14ac:dyDescent="0.35">
      <c r="A11848" s="5" t="s">
        <v>10</v>
      </c>
      <c r="B11848" s="6">
        <v>177179</v>
      </c>
      <c r="C11848" s="6" t="s">
        <v>2821</v>
      </c>
      <c r="D11848" s="6" t="s">
        <v>3692</v>
      </c>
      <c r="E11848" s="6">
        <v>47288</v>
      </c>
      <c r="F11848" s="6" t="s">
        <v>18</v>
      </c>
      <c r="G11848" s="6" t="s">
        <v>11596</v>
      </c>
      <c r="H11848" s="6" t="s">
        <v>11597</v>
      </c>
      <c r="I11848" s="7">
        <v>10.517179</v>
      </c>
      <c r="J11848" s="8">
        <v>-74.181997899999999</v>
      </c>
    </row>
    <row r="11849" spans="1:10" x14ac:dyDescent="0.35">
      <c r="A11849" s="5" t="s">
        <v>10</v>
      </c>
      <c r="B11849" s="6">
        <v>145839</v>
      </c>
      <c r="C11849" s="6" t="s">
        <v>294</v>
      </c>
      <c r="D11849" s="6" t="s">
        <v>4789</v>
      </c>
      <c r="E11849" s="6">
        <v>41548</v>
      </c>
      <c r="F11849" s="6" t="s">
        <v>18</v>
      </c>
      <c r="G11849" s="6" t="s">
        <v>22349</v>
      </c>
      <c r="H11849" s="6" t="s">
        <v>22350</v>
      </c>
      <c r="I11849" s="7">
        <v>2.9158054999999998</v>
      </c>
      <c r="J11849" s="8">
        <v>-75.284236300000003</v>
      </c>
    </row>
    <row r="11850" spans="1:10" x14ac:dyDescent="0.35">
      <c r="A11850" s="5" t="s">
        <v>10</v>
      </c>
      <c r="B11850" s="6">
        <v>216465</v>
      </c>
      <c r="C11850" s="6" t="s">
        <v>294</v>
      </c>
      <c r="D11850" s="6" t="s">
        <v>4257</v>
      </c>
      <c r="E11850" s="6">
        <v>41524</v>
      </c>
      <c r="F11850" s="6" t="s">
        <v>13</v>
      </c>
      <c r="G11850" s="6" t="s">
        <v>22351</v>
      </c>
      <c r="H11850" s="6" t="s">
        <v>22352</v>
      </c>
      <c r="I11850" s="7">
        <v>2.8857550000000001</v>
      </c>
      <c r="J11850" s="8">
        <v>-75.438315900000006</v>
      </c>
    </row>
    <row r="11851" spans="1:10" x14ac:dyDescent="0.35">
      <c r="A11851" s="5" t="s">
        <v>10</v>
      </c>
      <c r="B11851" s="6">
        <v>96126</v>
      </c>
      <c r="C11851" s="6" t="s">
        <v>11</v>
      </c>
      <c r="D11851" s="6" t="s">
        <v>6321</v>
      </c>
      <c r="E11851" s="6">
        <v>25040</v>
      </c>
      <c r="F11851" s="6" t="s">
        <v>18</v>
      </c>
      <c r="G11851" s="6" t="s">
        <v>11025</v>
      </c>
      <c r="H11851" s="6" t="s">
        <v>11026</v>
      </c>
      <c r="I11851" s="7">
        <v>4.7616100000000001</v>
      </c>
      <c r="J11851" s="8">
        <v>-74.464581199999998</v>
      </c>
    </row>
    <row r="11852" spans="1:10" x14ac:dyDescent="0.35">
      <c r="A11852" s="5" t="s">
        <v>10</v>
      </c>
      <c r="B11852" s="6">
        <v>229062</v>
      </c>
      <c r="C11852" s="6" t="s">
        <v>16</v>
      </c>
      <c r="D11852" s="6" t="s">
        <v>510</v>
      </c>
      <c r="E11852" s="6">
        <v>68547</v>
      </c>
      <c r="F11852" s="6" t="s">
        <v>18</v>
      </c>
      <c r="G11852" s="6" t="s">
        <v>22353</v>
      </c>
      <c r="H11852" s="6" t="s">
        <v>22354</v>
      </c>
      <c r="I11852" s="7">
        <v>6.9915390000000004</v>
      </c>
      <c r="J11852" s="8">
        <v>-73.053998000000007</v>
      </c>
    </row>
    <row r="11853" spans="1:10" x14ac:dyDescent="0.35">
      <c r="A11853" s="5" t="s">
        <v>10</v>
      </c>
      <c r="B11853" s="6">
        <v>213953</v>
      </c>
      <c r="C11853" s="6" t="s">
        <v>16</v>
      </c>
      <c r="D11853" s="6" t="s">
        <v>510</v>
      </c>
      <c r="E11853" s="6">
        <v>68547</v>
      </c>
      <c r="F11853" s="6" t="s">
        <v>18</v>
      </c>
      <c r="G11853" s="6" t="s">
        <v>22355</v>
      </c>
      <c r="H11853" s="6" t="s">
        <v>22356</v>
      </c>
      <c r="I11853" s="7">
        <v>6.9965827999999997</v>
      </c>
      <c r="J11853" s="8">
        <v>-73.054256699999996</v>
      </c>
    </row>
    <row r="11854" spans="1:10" x14ac:dyDescent="0.35">
      <c r="A11854" s="5" t="s">
        <v>10</v>
      </c>
      <c r="B11854" s="6">
        <v>230633</v>
      </c>
      <c r="C11854" s="6" t="s">
        <v>61</v>
      </c>
      <c r="D11854" s="6" t="s">
        <v>62</v>
      </c>
      <c r="E11854" s="6">
        <v>63001</v>
      </c>
      <c r="F11854" s="6" t="s">
        <v>18</v>
      </c>
      <c r="G11854" s="6" t="s">
        <v>22357</v>
      </c>
      <c r="H11854" s="6" t="s">
        <v>22358</v>
      </c>
      <c r="I11854" s="7">
        <v>4.5166588000000001</v>
      </c>
      <c r="J11854" s="8">
        <v>-75.696445100000005</v>
      </c>
    </row>
    <row r="11855" spans="1:10" x14ac:dyDescent="0.35">
      <c r="A11855" s="5" t="s">
        <v>10</v>
      </c>
      <c r="B11855" s="6">
        <v>233905</v>
      </c>
      <c r="C11855" s="6" t="s">
        <v>61</v>
      </c>
      <c r="D11855" s="6" t="s">
        <v>62</v>
      </c>
      <c r="E11855" s="6">
        <v>63001</v>
      </c>
      <c r="F11855" s="6" t="s">
        <v>18</v>
      </c>
      <c r="G11855" s="6" t="s">
        <v>22359</v>
      </c>
      <c r="H11855" s="6" t="s">
        <v>22360</v>
      </c>
      <c r="I11855" s="7">
        <v>4.5293346999999997</v>
      </c>
      <c r="J11855" s="8">
        <v>-75.699155500000003</v>
      </c>
    </row>
    <row r="11856" spans="1:10" x14ac:dyDescent="0.35">
      <c r="A11856" s="5" t="s">
        <v>10</v>
      </c>
      <c r="B11856" s="6">
        <v>227743</v>
      </c>
      <c r="C11856" s="6" t="s">
        <v>3788</v>
      </c>
      <c r="D11856" s="6" t="s">
        <v>3974</v>
      </c>
      <c r="E11856" s="6">
        <v>18001</v>
      </c>
      <c r="F11856" s="6" t="s">
        <v>18</v>
      </c>
      <c r="G11856" s="6" t="s">
        <v>22361</v>
      </c>
      <c r="H11856" s="6" t="s">
        <v>22362</v>
      </c>
      <c r="I11856" s="7">
        <v>1.6121509000000001</v>
      </c>
      <c r="J11856" s="8">
        <v>-75.602174099999999</v>
      </c>
    </row>
    <row r="11857" spans="1:10" x14ac:dyDescent="0.35">
      <c r="A11857" s="5" t="s">
        <v>10</v>
      </c>
      <c r="B11857" s="6">
        <v>176301</v>
      </c>
      <c r="C11857" s="6" t="s">
        <v>11</v>
      </c>
      <c r="D11857" s="6" t="s">
        <v>221</v>
      </c>
      <c r="E11857" s="6">
        <v>25430</v>
      </c>
      <c r="F11857" s="6" t="s">
        <v>18</v>
      </c>
      <c r="G11857" s="6" t="s">
        <v>22363</v>
      </c>
      <c r="H11857" s="6" t="s">
        <v>22364</v>
      </c>
      <c r="I11857" s="7">
        <v>4.7336783999999996</v>
      </c>
      <c r="J11857" s="8">
        <v>-74.263957199999993</v>
      </c>
    </row>
    <row r="11858" spans="1:10" x14ac:dyDescent="0.35">
      <c r="A11858" s="5" t="s">
        <v>10</v>
      </c>
      <c r="B11858" s="6">
        <v>245950</v>
      </c>
      <c r="C11858" s="6" t="s">
        <v>16</v>
      </c>
      <c r="D11858" s="6" t="s">
        <v>1783</v>
      </c>
      <c r="E11858" s="6">
        <v>68745</v>
      </c>
      <c r="F11858" s="6" t="s">
        <v>18</v>
      </c>
      <c r="G11858" s="6" t="s">
        <v>22365</v>
      </c>
      <c r="H11858" s="6" t="s">
        <v>22366</v>
      </c>
      <c r="I11858" s="7">
        <v>6.4431586999999997</v>
      </c>
      <c r="J11858" s="8">
        <v>-73.336493300000001</v>
      </c>
    </row>
    <row r="11859" spans="1:10" x14ac:dyDescent="0.35">
      <c r="A11859" s="5" t="s">
        <v>10</v>
      </c>
      <c r="B11859" s="6">
        <v>246256</v>
      </c>
      <c r="C11859" s="6" t="s">
        <v>3788</v>
      </c>
      <c r="D11859" s="6" t="s">
        <v>3974</v>
      </c>
      <c r="E11859" s="6">
        <v>18001</v>
      </c>
      <c r="F11859" s="6" t="s">
        <v>18</v>
      </c>
      <c r="G11859" s="6" t="s">
        <v>22367</v>
      </c>
      <c r="H11859" s="6" t="s">
        <v>22368</v>
      </c>
      <c r="I11859" s="7">
        <v>1.635397</v>
      </c>
      <c r="J11859" s="8">
        <v>-75.608746699999998</v>
      </c>
    </row>
    <row r="11860" spans="1:10" x14ac:dyDescent="0.35">
      <c r="A11860" s="5" t="s">
        <v>10</v>
      </c>
      <c r="B11860" s="6">
        <v>232308</v>
      </c>
      <c r="C11860" s="6" t="s">
        <v>68</v>
      </c>
      <c r="D11860" s="6" t="s">
        <v>69</v>
      </c>
      <c r="E11860" s="6">
        <v>11001</v>
      </c>
      <c r="F11860" s="6" t="s">
        <v>18</v>
      </c>
      <c r="G11860" s="6" t="s">
        <v>22369</v>
      </c>
      <c r="H11860" s="6" t="s">
        <v>22370</v>
      </c>
      <c r="I11860" s="7">
        <v>4.63131</v>
      </c>
      <c r="J11860" s="8">
        <v>-74.171385000000001</v>
      </c>
    </row>
    <row r="11861" spans="1:10" x14ac:dyDescent="0.35">
      <c r="A11861" s="5" t="s">
        <v>10</v>
      </c>
      <c r="B11861" s="6">
        <v>223085</v>
      </c>
      <c r="C11861" s="6" t="s">
        <v>190</v>
      </c>
      <c r="D11861" s="6" t="s">
        <v>191</v>
      </c>
      <c r="E11861" s="6">
        <v>5001</v>
      </c>
      <c r="F11861" s="6" t="s">
        <v>70</v>
      </c>
      <c r="G11861" s="6" t="s">
        <v>22371</v>
      </c>
      <c r="H11861" s="6" t="s">
        <v>22372</v>
      </c>
      <c r="I11861" s="7">
        <v>6.2372728999999998</v>
      </c>
      <c r="J11861" s="8">
        <v>-75.556417199999999</v>
      </c>
    </row>
    <row r="11862" spans="1:10" x14ac:dyDescent="0.35">
      <c r="A11862" s="5" t="s">
        <v>10</v>
      </c>
      <c r="B11862" s="6">
        <v>214995</v>
      </c>
      <c r="C11862" s="6" t="s">
        <v>16</v>
      </c>
      <c r="D11862" s="6" t="s">
        <v>510</v>
      </c>
      <c r="E11862" s="6">
        <v>68547</v>
      </c>
      <c r="F11862" s="6" t="s">
        <v>18</v>
      </c>
      <c r="G11862" s="6" t="s">
        <v>22373</v>
      </c>
      <c r="H11862" s="6" t="s">
        <v>22374</v>
      </c>
      <c r="I11862" s="7">
        <v>6.9915390000000004</v>
      </c>
      <c r="J11862" s="8">
        <v>-73.053997999999893</v>
      </c>
    </row>
    <row r="11863" spans="1:10" x14ac:dyDescent="0.35">
      <c r="A11863" s="5" t="s">
        <v>10</v>
      </c>
      <c r="B11863" s="6">
        <v>228066</v>
      </c>
      <c r="C11863" s="6" t="s">
        <v>61</v>
      </c>
      <c r="D11863" s="6" t="s">
        <v>121</v>
      </c>
      <c r="E11863" s="6">
        <v>63130</v>
      </c>
      <c r="F11863" s="6" t="s">
        <v>18</v>
      </c>
      <c r="G11863" s="6" t="s">
        <v>22375</v>
      </c>
      <c r="H11863" s="6" t="s">
        <v>22376</v>
      </c>
      <c r="I11863" s="7">
        <v>4.5258037</v>
      </c>
      <c r="J11863" s="8">
        <v>-75.642805999999993</v>
      </c>
    </row>
    <row r="11864" spans="1:10" x14ac:dyDescent="0.35">
      <c r="A11864" s="5" t="s">
        <v>10</v>
      </c>
      <c r="B11864" s="6">
        <v>238636</v>
      </c>
      <c r="C11864" s="6" t="s">
        <v>3788</v>
      </c>
      <c r="D11864" s="6" t="s">
        <v>3974</v>
      </c>
      <c r="E11864" s="6">
        <v>18001</v>
      </c>
      <c r="F11864" s="6" t="s">
        <v>18</v>
      </c>
      <c r="G11864" s="6" t="s">
        <v>22377</v>
      </c>
      <c r="H11864" s="6" t="s">
        <v>22378</v>
      </c>
      <c r="I11864" s="7">
        <v>1.6213474000000001</v>
      </c>
      <c r="J11864" s="8">
        <v>-75.6081255</v>
      </c>
    </row>
    <row r="11865" spans="1:10" x14ac:dyDescent="0.35">
      <c r="A11865" s="5" t="s">
        <v>10</v>
      </c>
      <c r="B11865" s="6">
        <v>238502</v>
      </c>
      <c r="C11865" s="6" t="s">
        <v>68</v>
      </c>
      <c r="D11865" s="6" t="s">
        <v>69</v>
      </c>
      <c r="E11865" s="6">
        <v>11001</v>
      </c>
      <c r="F11865" s="6" t="s">
        <v>18</v>
      </c>
      <c r="G11865" s="6" t="s">
        <v>22379</v>
      </c>
      <c r="H11865" s="6" t="s">
        <v>22380</v>
      </c>
      <c r="I11865" s="7">
        <v>4.6092478000000003</v>
      </c>
      <c r="J11865" s="8">
        <v>-74.168756799999997</v>
      </c>
    </row>
    <row r="11866" spans="1:10" x14ac:dyDescent="0.35">
      <c r="A11866" s="5" t="s">
        <v>10</v>
      </c>
      <c r="B11866" s="6">
        <v>232798</v>
      </c>
      <c r="C11866" s="6" t="s">
        <v>2821</v>
      </c>
      <c r="D11866" s="6" t="s">
        <v>2822</v>
      </c>
      <c r="E11866" s="6">
        <v>47001</v>
      </c>
      <c r="F11866" s="6" t="s">
        <v>18</v>
      </c>
      <c r="G11866" s="6" t="s">
        <v>22381</v>
      </c>
      <c r="H11866" s="6" t="s">
        <v>9520</v>
      </c>
      <c r="I11866" s="7">
        <v>11.2485084</v>
      </c>
      <c r="J11866" s="8">
        <v>-74.1709721</v>
      </c>
    </row>
    <row r="11867" spans="1:10" x14ac:dyDescent="0.35">
      <c r="A11867" s="5" t="s">
        <v>10</v>
      </c>
      <c r="B11867" s="6">
        <v>231197</v>
      </c>
      <c r="C11867" s="6" t="s">
        <v>16</v>
      </c>
      <c r="D11867" s="6" t="s">
        <v>1266</v>
      </c>
      <c r="E11867" s="6">
        <v>68081</v>
      </c>
      <c r="F11867" s="6" t="s">
        <v>18</v>
      </c>
      <c r="G11867" s="6" t="s">
        <v>22382</v>
      </c>
      <c r="H11867" s="6" t="s">
        <v>22383</v>
      </c>
      <c r="I11867" s="7">
        <v>7.0621201999999998</v>
      </c>
      <c r="J11867" s="8">
        <v>-73.842070800000002</v>
      </c>
    </row>
    <row r="11868" spans="1:10" x14ac:dyDescent="0.35">
      <c r="A11868" s="5" t="s">
        <v>10</v>
      </c>
      <c r="B11868" s="6">
        <v>234021</v>
      </c>
      <c r="C11868" s="6" t="s">
        <v>11</v>
      </c>
      <c r="D11868" s="6" t="s">
        <v>5259</v>
      </c>
      <c r="E11868" s="6">
        <v>25320</v>
      </c>
      <c r="F11868" s="6" t="s">
        <v>18</v>
      </c>
      <c r="G11868" s="6" t="s">
        <v>22384</v>
      </c>
      <c r="H11868" s="6" t="s">
        <v>22385</v>
      </c>
      <c r="I11868" s="7">
        <v>5.0678087999999999</v>
      </c>
      <c r="J11868" s="8">
        <v>-74.5953205</v>
      </c>
    </row>
    <row r="11869" spans="1:10" x14ac:dyDescent="0.35">
      <c r="A11869" s="5" t="s">
        <v>10</v>
      </c>
      <c r="B11869" s="6">
        <v>234404</v>
      </c>
      <c r="C11869" s="6" t="s">
        <v>68</v>
      </c>
      <c r="D11869" s="6" t="s">
        <v>69</v>
      </c>
      <c r="E11869" s="6">
        <v>11001</v>
      </c>
      <c r="F11869" s="6" t="s">
        <v>18</v>
      </c>
      <c r="G11869" s="6" t="s">
        <v>22386</v>
      </c>
      <c r="H11869" s="6" t="s">
        <v>22387</v>
      </c>
      <c r="I11869" s="7">
        <v>4.7518288000000002</v>
      </c>
      <c r="J11869" s="8">
        <v>-74.092967700000003</v>
      </c>
    </row>
    <row r="11870" spans="1:10" x14ac:dyDescent="0.35">
      <c r="A11870" s="5" t="s">
        <v>10</v>
      </c>
      <c r="B11870" s="6">
        <v>233153</v>
      </c>
      <c r="C11870" s="6" t="s">
        <v>457</v>
      </c>
      <c r="D11870" s="6" t="s">
        <v>458</v>
      </c>
      <c r="E11870" s="6">
        <v>52560</v>
      </c>
      <c r="F11870" s="6" t="s">
        <v>18</v>
      </c>
      <c r="G11870" s="6" t="s">
        <v>22388</v>
      </c>
      <c r="H11870" s="6" t="s">
        <v>22389</v>
      </c>
      <c r="I11870" s="7">
        <v>0.80735999999999997</v>
      </c>
      <c r="J11870" s="8">
        <v>-77.572580000000002</v>
      </c>
    </row>
    <row r="11871" spans="1:10" x14ac:dyDescent="0.35">
      <c r="A11871" s="5" t="s">
        <v>10</v>
      </c>
      <c r="B11871" s="6">
        <v>213501</v>
      </c>
      <c r="C11871" s="6" t="s">
        <v>278</v>
      </c>
      <c r="D11871" s="6" t="s">
        <v>279</v>
      </c>
      <c r="E11871" s="6">
        <v>50001</v>
      </c>
      <c r="F11871" s="6" t="s">
        <v>18</v>
      </c>
      <c r="G11871" s="6" t="s">
        <v>7521</v>
      </c>
      <c r="H11871" s="6" t="s">
        <v>9276</v>
      </c>
      <c r="I11871" s="7">
        <v>4.1331916</v>
      </c>
      <c r="J11871" s="8">
        <v>-73.618859999999998</v>
      </c>
    </row>
    <row r="11872" spans="1:10" x14ac:dyDescent="0.35">
      <c r="A11872" s="5" t="s">
        <v>10</v>
      </c>
      <c r="B11872" s="6">
        <v>107016</v>
      </c>
      <c r="C11872" s="6" t="s">
        <v>16</v>
      </c>
      <c r="D11872" s="6" t="s">
        <v>78</v>
      </c>
      <c r="E11872" s="6">
        <v>68001</v>
      </c>
      <c r="F11872" s="6" t="s">
        <v>18</v>
      </c>
      <c r="G11872" s="6" t="s">
        <v>22390</v>
      </c>
      <c r="H11872" s="6" t="s">
        <v>22391</v>
      </c>
      <c r="I11872" s="7">
        <v>7.1142382</v>
      </c>
      <c r="J11872" s="8">
        <v>-73.143178300000002</v>
      </c>
    </row>
    <row r="11873" spans="1:10" x14ac:dyDescent="0.35">
      <c r="A11873" s="5" t="s">
        <v>10</v>
      </c>
      <c r="B11873" s="6">
        <v>239943</v>
      </c>
      <c r="C11873" s="6" t="s">
        <v>61</v>
      </c>
      <c r="D11873" s="6" t="s">
        <v>62</v>
      </c>
      <c r="E11873" s="6">
        <v>63001</v>
      </c>
      <c r="F11873" s="6" t="s">
        <v>18</v>
      </c>
      <c r="G11873" s="6" t="s">
        <v>22392</v>
      </c>
      <c r="H11873" s="6" t="s">
        <v>22393</v>
      </c>
      <c r="I11873" s="7">
        <v>4.5238050000000003</v>
      </c>
      <c r="J11873" s="8">
        <v>-75.686216000000002</v>
      </c>
    </row>
    <row r="11874" spans="1:10" x14ac:dyDescent="0.35">
      <c r="A11874" s="5" t="s">
        <v>10</v>
      </c>
      <c r="B11874" s="6">
        <v>216481</v>
      </c>
      <c r="C11874" s="6" t="s">
        <v>94</v>
      </c>
      <c r="D11874" s="6" t="s">
        <v>95</v>
      </c>
      <c r="E11874" s="6">
        <v>66170</v>
      </c>
      <c r="F11874" s="6" t="s">
        <v>13</v>
      </c>
      <c r="G11874" s="6" t="s">
        <v>22394</v>
      </c>
      <c r="H11874" s="6" t="s">
        <v>22395</v>
      </c>
      <c r="I11874" s="7">
        <v>4.8352785999999996</v>
      </c>
      <c r="J11874" s="8">
        <v>-75.673880299999993</v>
      </c>
    </row>
    <row r="11875" spans="1:10" x14ac:dyDescent="0.35">
      <c r="A11875" s="5" t="s">
        <v>10</v>
      </c>
      <c r="B11875" s="6">
        <v>232633</v>
      </c>
      <c r="C11875" s="6" t="s">
        <v>302</v>
      </c>
      <c r="D11875" s="6" t="s">
        <v>5913</v>
      </c>
      <c r="E11875" s="6">
        <v>8296</v>
      </c>
      <c r="F11875" s="6" t="s">
        <v>18</v>
      </c>
      <c r="G11875" s="6" t="s">
        <v>22396</v>
      </c>
      <c r="H11875" s="6" t="s">
        <v>22397</v>
      </c>
      <c r="I11875" s="7">
        <v>10.899638299999999</v>
      </c>
      <c r="J11875" s="8">
        <v>-74.886188200000007</v>
      </c>
    </row>
    <row r="11876" spans="1:10" x14ac:dyDescent="0.35">
      <c r="A11876" s="5" t="s">
        <v>10</v>
      </c>
      <c r="B11876" s="6">
        <v>197545</v>
      </c>
      <c r="C11876" s="6" t="s">
        <v>3819</v>
      </c>
      <c r="D11876" s="6" t="s">
        <v>5557</v>
      </c>
      <c r="E11876" s="6">
        <v>86568</v>
      </c>
      <c r="F11876" s="6" t="s">
        <v>18</v>
      </c>
      <c r="G11876" s="6" t="s">
        <v>22398</v>
      </c>
      <c r="H11876" s="6" t="s">
        <v>22399</v>
      </c>
      <c r="I11876" s="7">
        <v>0.4985097</v>
      </c>
      <c r="J11876" s="8">
        <v>-76.497742799999997</v>
      </c>
    </row>
    <row r="11877" spans="1:10" x14ac:dyDescent="0.35">
      <c r="A11877" s="5" t="s">
        <v>10</v>
      </c>
      <c r="B11877" s="6">
        <v>240278</v>
      </c>
      <c r="C11877" s="6" t="s">
        <v>302</v>
      </c>
      <c r="D11877" s="6" t="s">
        <v>359</v>
      </c>
      <c r="E11877" s="6">
        <v>8001</v>
      </c>
      <c r="F11877" s="6" t="s">
        <v>18</v>
      </c>
      <c r="G11877" s="6" t="s">
        <v>22400</v>
      </c>
      <c r="H11877" s="6" t="s">
        <v>22401</v>
      </c>
      <c r="I11877" s="7">
        <v>10.978114</v>
      </c>
      <c r="J11877" s="8">
        <v>-74.791656099999997</v>
      </c>
    </row>
    <row r="11878" spans="1:10" x14ac:dyDescent="0.35">
      <c r="A11878" s="5" t="s">
        <v>10</v>
      </c>
      <c r="B11878" s="6">
        <v>236274</v>
      </c>
      <c r="C11878" s="6" t="s">
        <v>4364</v>
      </c>
      <c r="D11878" s="6" t="s">
        <v>8441</v>
      </c>
      <c r="E11878" s="6">
        <v>70708</v>
      </c>
      <c r="F11878" s="6" t="s">
        <v>18</v>
      </c>
      <c r="G11878" s="6" t="s">
        <v>22402</v>
      </c>
      <c r="H11878" s="6" t="s">
        <v>22403</v>
      </c>
      <c r="I11878" s="7">
        <v>8.6614187000000005</v>
      </c>
      <c r="J11878" s="8">
        <v>-75.128383799999995</v>
      </c>
    </row>
    <row r="11879" spans="1:10" x14ac:dyDescent="0.35">
      <c r="A11879" s="5" t="s">
        <v>10</v>
      </c>
      <c r="B11879" s="6">
        <v>244343</v>
      </c>
      <c r="C11879" s="6" t="s">
        <v>16</v>
      </c>
      <c r="D11879" s="6" t="s">
        <v>78</v>
      </c>
      <c r="E11879" s="6">
        <v>68001</v>
      </c>
      <c r="F11879" s="6" t="s">
        <v>18</v>
      </c>
      <c r="G11879" s="6" t="s">
        <v>22404</v>
      </c>
      <c r="H11879" s="6" t="s">
        <v>22405</v>
      </c>
      <c r="I11879" s="7">
        <v>7.1006476999999997</v>
      </c>
      <c r="J11879" s="8">
        <v>-73.126584800000003</v>
      </c>
    </row>
    <row r="11880" spans="1:10" x14ac:dyDescent="0.35">
      <c r="A11880" s="5" t="s">
        <v>10</v>
      </c>
      <c r="B11880" s="6">
        <v>246108</v>
      </c>
      <c r="C11880" s="6" t="s">
        <v>94</v>
      </c>
      <c r="D11880" s="6" t="s">
        <v>95</v>
      </c>
      <c r="E11880" s="6">
        <v>66170</v>
      </c>
      <c r="F11880" s="6" t="s">
        <v>18</v>
      </c>
      <c r="G11880" s="6" t="s">
        <v>22406</v>
      </c>
      <c r="H11880" s="6" t="s">
        <v>22407</v>
      </c>
      <c r="I11880" s="7">
        <v>4.8252331999999996</v>
      </c>
      <c r="J11880" s="8">
        <v>-75.677091700000005</v>
      </c>
    </row>
    <row r="11881" spans="1:10" x14ac:dyDescent="0.35">
      <c r="A11881" s="5" t="s">
        <v>10</v>
      </c>
      <c r="B11881" s="6">
        <v>232815</v>
      </c>
      <c r="C11881" s="6" t="s">
        <v>28</v>
      </c>
      <c r="D11881" s="6" t="s">
        <v>2401</v>
      </c>
      <c r="E11881" s="6">
        <v>54800</v>
      </c>
      <c r="F11881" s="6" t="s">
        <v>18</v>
      </c>
      <c r="G11881" s="6" t="s">
        <v>22408</v>
      </c>
      <c r="H11881" s="6" t="s">
        <v>22409</v>
      </c>
      <c r="I11881" s="7">
        <v>8.4608899999999991</v>
      </c>
      <c r="J11881" s="8">
        <v>-73.311269999999993</v>
      </c>
    </row>
    <row r="11882" spans="1:10" x14ac:dyDescent="0.35">
      <c r="A11882" s="5" t="s">
        <v>10</v>
      </c>
      <c r="B11882" s="6">
        <v>241511</v>
      </c>
      <c r="C11882" s="6" t="s">
        <v>302</v>
      </c>
      <c r="D11882" s="6" t="s">
        <v>359</v>
      </c>
      <c r="E11882" s="6">
        <v>8001</v>
      </c>
      <c r="F11882" s="6" t="s">
        <v>18</v>
      </c>
      <c r="G11882" s="6" t="s">
        <v>22410</v>
      </c>
      <c r="H11882" s="6" t="s">
        <v>22411</v>
      </c>
      <c r="I11882" s="7">
        <v>10.9985556</v>
      </c>
      <c r="J11882" s="8">
        <v>-74.801569900000004</v>
      </c>
    </row>
    <row r="11883" spans="1:10" x14ac:dyDescent="0.35">
      <c r="A11883" s="5" t="s">
        <v>10</v>
      </c>
      <c r="B11883" s="6">
        <v>228598</v>
      </c>
      <c r="C11883" s="6" t="s">
        <v>308</v>
      </c>
      <c r="D11883" s="6" t="s">
        <v>309</v>
      </c>
      <c r="E11883" s="6">
        <v>23001</v>
      </c>
      <c r="F11883" s="6" t="s">
        <v>18</v>
      </c>
      <c r="G11883" s="6" t="s">
        <v>22412</v>
      </c>
      <c r="H11883" s="6" t="s">
        <v>22413</v>
      </c>
      <c r="I11883" s="7">
        <v>8.7528922999999992</v>
      </c>
      <c r="J11883" s="8">
        <v>-75.886419799999999</v>
      </c>
    </row>
    <row r="11884" spans="1:10" x14ac:dyDescent="0.35">
      <c r="A11884" s="5" t="s">
        <v>10</v>
      </c>
      <c r="B11884" s="6">
        <v>246926</v>
      </c>
      <c r="C11884" s="6" t="s">
        <v>16</v>
      </c>
      <c r="D11884" s="6" t="s">
        <v>521</v>
      </c>
      <c r="E11884" s="6">
        <v>68861</v>
      </c>
      <c r="F11884" s="6" t="s">
        <v>18</v>
      </c>
      <c r="G11884" s="6" t="s">
        <v>22414</v>
      </c>
      <c r="H11884" s="6" t="s">
        <v>22415</v>
      </c>
      <c r="I11884" s="7">
        <v>6.0152511000000004</v>
      </c>
      <c r="J11884" s="8">
        <v>-73.674597599999998</v>
      </c>
    </row>
    <row r="11885" spans="1:10" x14ac:dyDescent="0.35">
      <c r="A11885" s="5" t="s">
        <v>10</v>
      </c>
      <c r="B11885" s="6">
        <v>238550</v>
      </c>
      <c r="C11885" s="6" t="s">
        <v>68</v>
      </c>
      <c r="D11885" s="6" t="s">
        <v>69</v>
      </c>
      <c r="E11885" s="6">
        <v>11001</v>
      </c>
      <c r="F11885" s="6" t="s">
        <v>18</v>
      </c>
      <c r="G11885" s="6" t="s">
        <v>22416</v>
      </c>
      <c r="H11885" s="6" t="s">
        <v>22417</v>
      </c>
      <c r="I11885" s="7">
        <v>4.7281414000000002</v>
      </c>
      <c r="J11885" s="8">
        <v>-74.090340699999999</v>
      </c>
    </row>
    <row r="11886" spans="1:10" x14ac:dyDescent="0.35">
      <c r="A11886" s="5" t="s">
        <v>10</v>
      </c>
      <c r="B11886" s="6">
        <v>234094</v>
      </c>
      <c r="C11886" s="6" t="s">
        <v>68</v>
      </c>
      <c r="D11886" s="6" t="s">
        <v>69</v>
      </c>
      <c r="E11886" s="6">
        <v>11001</v>
      </c>
      <c r="F11886" s="6" t="s">
        <v>18</v>
      </c>
      <c r="G11886" s="6" t="s">
        <v>22418</v>
      </c>
      <c r="H11886" s="6" t="s">
        <v>22419</v>
      </c>
      <c r="I11886" s="7">
        <v>4.5419597999999999</v>
      </c>
      <c r="J11886" s="8">
        <v>-74.143463699999998</v>
      </c>
    </row>
    <row r="11887" spans="1:10" x14ac:dyDescent="0.35">
      <c r="A11887" s="5" t="s">
        <v>10</v>
      </c>
      <c r="B11887" s="6">
        <v>231801</v>
      </c>
      <c r="C11887" s="6" t="s">
        <v>16</v>
      </c>
      <c r="D11887" s="6" t="s">
        <v>78</v>
      </c>
      <c r="E11887" s="6">
        <v>68001</v>
      </c>
      <c r="F11887" s="6" t="s">
        <v>18</v>
      </c>
      <c r="G11887" s="6" t="s">
        <v>22420</v>
      </c>
      <c r="H11887" s="6" t="s">
        <v>22421</v>
      </c>
      <c r="I11887" s="7">
        <v>7.1012079999999997</v>
      </c>
      <c r="J11887" s="8">
        <v>-73.122121000000007</v>
      </c>
    </row>
    <row r="11888" spans="1:10" x14ac:dyDescent="0.35">
      <c r="A11888" s="5" t="s">
        <v>10</v>
      </c>
      <c r="B11888" s="6">
        <v>232875</v>
      </c>
      <c r="C11888" s="6" t="s">
        <v>16</v>
      </c>
      <c r="D11888" s="6" t="s">
        <v>1401</v>
      </c>
      <c r="E11888" s="6">
        <v>68307</v>
      </c>
      <c r="F11888" s="6" t="s">
        <v>18</v>
      </c>
      <c r="G11888" s="6" t="s">
        <v>22422</v>
      </c>
      <c r="H11888" s="6" t="s">
        <v>22423</v>
      </c>
      <c r="I11888" s="7">
        <v>7.0726591000000001</v>
      </c>
      <c r="J11888" s="8">
        <v>-73.163050699999999</v>
      </c>
    </row>
    <row r="11889" spans="1:10" x14ac:dyDescent="0.35">
      <c r="A11889" s="5" t="s">
        <v>10</v>
      </c>
      <c r="B11889" s="6">
        <v>221206</v>
      </c>
      <c r="C11889" s="6" t="s">
        <v>302</v>
      </c>
      <c r="D11889" s="6" t="s">
        <v>4041</v>
      </c>
      <c r="E11889" s="6">
        <v>8758</v>
      </c>
      <c r="F11889" s="6" t="s">
        <v>18</v>
      </c>
      <c r="G11889" s="6" t="s">
        <v>22424</v>
      </c>
      <c r="H11889" s="6" t="s">
        <v>22425</v>
      </c>
      <c r="I11889" s="7">
        <v>10.9296857</v>
      </c>
      <c r="J11889" s="8">
        <v>-74.764506900000001</v>
      </c>
    </row>
    <row r="11890" spans="1:10" x14ac:dyDescent="0.35">
      <c r="A11890" s="5" t="s">
        <v>10</v>
      </c>
      <c r="B11890" s="6">
        <v>233443</v>
      </c>
      <c r="C11890" s="6" t="s">
        <v>61</v>
      </c>
      <c r="D11890" s="6" t="s">
        <v>62</v>
      </c>
      <c r="E11890" s="6">
        <v>63001</v>
      </c>
      <c r="F11890" s="6" t="s">
        <v>18</v>
      </c>
      <c r="G11890" s="6" t="s">
        <v>22426</v>
      </c>
      <c r="H11890" s="6" t="s">
        <v>22427</v>
      </c>
      <c r="I11890" s="7">
        <v>4.5760399999999999</v>
      </c>
      <c r="J11890" s="8">
        <v>-75.644289999999998</v>
      </c>
    </row>
    <row r="11891" spans="1:10" x14ac:dyDescent="0.35">
      <c r="A11891" s="5" t="s">
        <v>10</v>
      </c>
      <c r="B11891" s="6">
        <v>150588</v>
      </c>
      <c r="C11891" s="6" t="s">
        <v>16</v>
      </c>
      <c r="D11891" s="6" t="s">
        <v>2825</v>
      </c>
      <c r="E11891" s="6">
        <v>68276</v>
      </c>
      <c r="F11891" s="6" t="s">
        <v>18</v>
      </c>
      <c r="G11891" s="6" t="s">
        <v>22428</v>
      </c>
      <c r="H11891" s="6" t="s">
        <v>22429</v>
      </c>
      <c r="I11891" s="7">
        <v>7.0939965999999997</v>
      </c>
      <c r="J11891" s="8">
        <v>-73.098113799999993</v>
      </c>
    </row>
    <row r="11892" spans="1:10" x14ac:dyDescent="0.35">
      <c r="A11892" s="5" t="s">
        <v>10</v>
      </c>
      <c r="B11892" s="6">
        <v>228442</v>
      </c>
      <c r="C11892" s="6" t="s">
        <v>302</v>
      </c>
      <c r="D11892" s="6" t="s">
        <v>4041</v>
      </c>
      <c r="E11892" s="6">
        <v>8758</v>
      </c>
      <c r="F11892" s="6" t="s">
        <v>18</v>
      </c>
      <c r="G11892" s="6" t="s">
        <v>22430</v>
      </c>
      <c r="H11892" s="6" t="s">
        <v>22431</v>
      </c>
      <c r="I11892" s="7">
        <v>10.9153482</v>
      </c>
      <c r="J11892" s="8">
        <v>-74.7867964</v>
      </c>
    </row>
    <row r="11893" spans="1:10" x14ac:dyDescent="0.35">
      <c r="A11893" s="5" t="s">
        <v>10</v>
      </c>
      <c r="B11893" s="6">
        <v>245644</v>
      </c>
      <c r="C11893" s="6" t="s">
        <v>2821</v>
      </c>
      <c r="D11893" s="6" t="s">
        <v>2822</v>
      </c>
      <c r="E11893" s="6">
        <v>47001</v>
      </c>
      <c r="F11893" s="6" t="s">
        <v>18</v>
      </c>
      <c r="G11893" s="6" t="s">
        <v>22432</v>
      </c>
      <c r="H11893" s="6" t="s">
        <v>22433</v>
      </c>
      <c r="I11893" s="7">
        <v>11.224969700000001</v>
      </c>
      <c r="J11893" s="8">
        <v>-74.155035400000003</v>
      </c>
    </row>
    <row r="11894" spans="1:10" x14ac:dyDescent="0.35">
      <c r="A11894" s="5" t="s">
        <v>10</v>
      </c>
      <c r="B11894" s="6">
        <v>228625</v>
      </c>
      <c r="C11894" s="6" t="s">
        <v>294</v>
      </c>
      <c r="D11894" s="6" t="s">
        <v>703</v>
      </c>
      <c r="E11894" s="6">
        <v>41001</v>
      </c>
      <c r="F11894" s="6" t="s">
        <v>18</v>
      </c>
      <c r="G11894" s="6" t="s">
        <v>22434</v>
      </c>
      <c r="H11894" s="6" t="s">
        <v>22435</v>
      </c>
      <c r="I11894" s="7">
        <v>2.9447519</v>
      </c>
      <c r="J11894" s="8">
        <v>-75.258729799999998</v>
      </c>
    </row>
    <row r="11895" spans="1:10" x14ac:dyDescent="0.35">
      <c r="A11895" s="5" t="s">
        <v>10</v>
      </c>
      <c r="B11895" s="6">
        <v>223608</v>
      </c>
      <c r="C11895" s="6" t="s">
        <v>68</v>
      </c>
      <c r="D11895" s="6" t="s">
        <v>69</v>
      </c>
      <c r="E11895" s="6">
        <v>11001</v>
      </c>
      <c r="F11895" s="6" t="s">
        <v>18</v>
      </c>
      <c r="G11895" s="6" t="s">
        <v>9197</v>
      </c>
      <c r="H11895" s="6" t="s">
        <v>9198</v>
      </c>
      <c r="I11895" s="7">
        <v>4.7572561999999996</v>
      </c>
      <c r="J11895" s="8">
        <v>-74.113707300000002</v>
      </c>
    </row>
    <row r="11896" spans="1:10" x14ac:dyDescent="0.35">
      <c r="A11896" s="5" t="s">
        <v>10</v>
      </c>
      <c r="B11896" s="6">
        <v>205442</v>
      </c>
      <c r="C11896" s="6" t="s">
        <v>308</v>
      </c>
      <c r="D11896" s="6" t="s">
        <v>8321</v>
      </c>
      <c r="E11896" s="6">
        <v>23162</v>
      </c>
      <c r="F11896" s="6" t="s">
        <v>18</v>
      </c>
      <c r="G11896" s="6" t="s">
        <v>11404</v>
      </c>
      <c r="H11896" s="6" t="s">
        <v>11405</v>
      </c>
      <c r="I11896" s="7">
        <v>8.8871807</v>
      </c>
      <c r="J11896" s="8">
        <v>-75.795009499999907</v>
      </c>
    </row>
    <row r="11897" spans="1:10" x14ac:dyDescent="0.35">
      <c r="A11897" s="5" t="s">
        <v>10</v>
      </c>
      <c r="B11897" s="6">
        <v>208413</v>
      </c>
      <c r="C11897" s="6" t="s">
        <v>7527</v>
      </c>
      <c r="D11897" s="6" t="s">
        <v>7528</v>
      </c>
      <c r="E11897" s="6">
        <v>27787</v>
      </c>
      <c r="F11897" s="6" t="s">
        <v>18</v>
      </c>
      <c r="G11897" s="6" t="s">
        <v>22436</v>
      </c>
      <c r="H11897" s="6" t="s">
        <v>22437</v>
      </c>
      <c r="I11897" s="7">
        <v>5.2636171999999997</v>
      </c>
      <c r="J11897" s="8">
        <v>-76.561784399999993</v>
      </c>
    </row>
    <row r="11898" spans="1:10" x14ac:dyDescent="0.35">
      <c r="A11898" s="5" t="s">
        <v>10</v>
      </c>
      <c r="B11898" s="6">
        <v>216453</v>
      </c>
      <c r="C11898" s="6" t="s">
        <v>294</v>
      </c>
      <c r="D11898" s="6" t="s">
        <v>703</v>
      </c>
      <c r="E11898" s="6">
        <v>41001</v>
      </c>
      <c r="F11898" s="6" t="s">
        <v>13</v>
      </c>
      <c r="G11898" s="6" t="s">
        <v>22438</v>
      </c>
      <c r="H11898" s="6" t="s">
        <v>22439</v>
      </c>
      <c r="I11898" s="7">
        <v>2.9097507999999999</v>
      </c>
      <c r="J11898" s="8">
        <v>-75.271686799999998</v>
      </c>
    </row>
    <row r="11899" spans="1:10" x14ac:dyDescent="0.35">
      <c r="A11899" s="5" t="s">
        <v>10</v>
      </c>
      <c r="B11899" s="6">
        <v>165786</v>
      </c>
      <c r="C11899" s="6" t="s">
        <v>11</v>
      </c>
      <c r="D11899" s="6" t="s">
        <v>5259</v>
      </c>
      <c r="E11899" s="6">
        <v>25320</v>
      </c>
      <c r="F11899" s="6" t="s">
        <v>18</v>
      </c>
      <c r="G11899" s="6" t="s">
        <v>21555</v>
      </c>
      <c r="H11899" s="6" t="s">
        <v>21556</v>
      </c>
      <c r="I11899" s="7">
        <v>5.0678087999999999</v>
      </c>
      <c r="J11899" s="8">
        <v>-74.5953205</v>
      </c>
    </row>
    <row r="11900" spans="1:10" x14ac:dyDescent="0.35">
      <c r="A11900" s="5" t="s">
        <v>10</v>
      </c>
      <c r="B11900" s="6">
        <v>237553</v>
      </c>
      <c r="C11900" s="6" t="s">
        <v>55</v>
      </c>
      <c r="D11900" s="6" t="s">
        <v>56</v>
      </c>
      <c r="E11900" s="6">
        <v>73001</v>
      </c>
      <c r="F11900" s="6" t="s">
        <v>18</v>
      </c>
      <c r="G11900" s="6" t="s">
        <v>22440</v>
      </c>
      <c r="H11900" s="6" t="s">
        <v>22441</v>
      </c>
      <c r="I11900" s="7">
        <v>4.4228417999999996</v>
      </c>
      <c r="J11900" s="8">
        <v>-75.191387000000006</v>
      </c>
    </row>
    <row r="11901" spans="1:10" x14ac:dyDescent="0.35">
      <c r="A11901" s="5" t="s">
        <v>10</v>
      </c>
      <c r="B11901" s="6">
        <v>137618</v>
      </c>
      <c r="C11901" s="6" t="s">
        <v>294</v>
      </c>
      <c r="D11901" s="6" t="s">
        <v>4257</v>
      </c>
      <c r="E11901" s="6">
        <v>41524</v>
      </c>
      <c r="F11901" s="6" t="s">
        <v>18</v>
      </c>
      <c r="G11901" s="6" t="s">
        <v>22442</v>
      </c>
      <c r="H11901" s="6" t="s">
        <v>22443</v>
      </c>
      <c r="I11901" s="7">
        <v>2.8862459999999999</v>
      </c>
      <c r="J11901" s="8">
        <v>-75.433419000000001</v>
      </c>
    </row>
    <row r="11902" spans="1:10" x14ac:dyDescent="0.35">
      <c r="A11902" s="5" t="s">
        <v>10</v>
      </c>
      <c r="B11902" s="6">
        <v>245269</v>
      </c>
      <c r="C11902" s="6" t="s">
        <v>42</v>
      </c>
      <c r="D11902" s="6" t="s">
        <v>18589</v>
      </c>
      <c r="E11902" s="6">
        <v>17867</v>
      </c>
      <c r="F11902" s="6" t="s">
        <v>18</v>
      </c>
      <c r="G11902" s="6" t="s">
        <v>22444</v>
      </c>
      <c r="H11902" s="6" t="s">
        <v>22445</v>
      </c>
      <c r="I11902" s="7">
        <v>5.3170821999999998</v>
      </c>
      <c r="J11902" s="8">
        <v>-74.911320200000006</v>
      </c>
    </row>
    <row r="11903" spans="1:10" x14ac:dyDescent="0.35">
      <c r="A11903" s="5" t="s">
        <v>10</v>
      </c>
      <c r="B11903" s="6">
        <v>233179</v>
      </c>
      <c r="C11903" s="6" t="s">
        <v>3788</v>
      </c>
      <c r="D11903" s="6" t="s">
        <v>3974</v>
      </c>
      <c r="E11903" s="6">
        <v>18001</v>
      </c>
      <c r="F11903" s="6" t="s">
        <v>18</v>
      </c>
      <c r="G11903" s="6" t="s">
        <v>8305</v>
      </c>
      <c r="H11903" s="6" t="s">
        <v>8306</v>
      </c>
      <c r="I11903" s="7">
        <v>1.6099600000000001</v>
      </c>
      <c r="J11903" s="8">
        <v>-75.612189999999998</v>
      </c>
    </row>
    <row r="11904" spans="1:10" x14ac:dyDescent="0.35">
      <c r="A11904" s="5" t="s">
        <v>10</v>
      </c>
      <c r="B11904" s="6">
        <v>214613</v>
      </c>
      <c r="C11904" s="6" t="s">
        <v>278</v>
      </c>
      <c r="D11904" s="6" t="s">
        <v>1331</v>
      </c>
      <c r="E11904" s="6">
        <v>50006</v>
      </c>
      <c r="F11904" s="6" t="s">
        <v>18</v>
      </c>
      <c r="G11904" s="6" t="s">
        <v>22446</v>
      </c>
      <c r="H11904" s="6" t="s">
        <v>22447</v>
      </c>
      <c r="I11904" s="7">
        <v>3.9895542000000002</v>
      </c>
      <c r="J11904" s="8">
        <v>-73.773291099999994</v>
      </c>
    </row>
    <row r="11905" spans="1:10" x14ac:dyDescent="0.35">
      <c r="A11905" s="5" t="s">
        <v>10</v>
      </c>
      <c r="B11905" s="6">
        <v>164804</v>
      </c>
      <c r="C11905" s="6" t="s">
        <v>28</v>
      </c>
      <c r="D11905" s="6" t="s">
        <v>649</v>
      </c>
      <c r="E11905" s="6">
        <v>54385</v>
      </c>
      <c r="F11905" s="6" t="s">
        <v>18</v>
      </c>
      <c r="G11905" s="6" t="s">
        <v>22448</v>
      </c>
      <c r="H11905" s="6" t="s">
        <v>22449</v>
      </c>
      <c r="I11905" s="7">
        <v>7.6395709999999903</v>
      </c>
      <c r="J11905" s="8">
        <v>-73.327531999999906</v>
      </c>
    </row>
    <row r="11906" spans="1:10" x14ac:dyDescent="0.35">
      <c r="A11906" s="5" t="s">
        <v>10</v>
      </c>
      <c r="B11906" s="6">
        <v>214383</v>
      </c>
      <c r="C11906" s="6" t="s">
        <v>4364</v>
      </c>
      <c r="D11906" s="6" t="s">
        <v>9953</v>
      </c>
      <c r="E11906" s="6">
        <v>70742</v>
      </c>
      <c r="F11906" s="6" t="s">
        <v>18</v>
      </c>
      <c r="G11906" s="6" t="s">
        <v>22450</v>
      </c>
      <c r="H11906" s="6" t="s">
        <v>22451</v>
      </c>
      <c r="I11906" s="7">
        <v>8.8833000000000002</v>
      </c>
      <c r="J11906" s="8">
        <v>-74.7</v>
      </c>
    </row>
    <row r="11907" spans="1:10" x14ac:dyDescent="0.35">
      <c r="A11907" s="5" t="s">
        <v>10</v>
      </c>
      <c r="B11907" s="6">
        <v>197464</v>
      </c>
      <c r="C11907" s="6" t="s">
        <v>308</v>
      </c>
      <c r="D11907" s="6" t="s">
        <v>309</v>
      </c>
      <c r="E11907" s="6">
        <v>23001</v>
      </c>
      <c r="F11907" s="6" t="s">
        <v>18</v>
      </c>
      <c r="G11907" s="6" t="s">
        <v>10012</v>
      </c>
      <c r="H11907" s="6" t="s">
        <v>10013</v>
      </c>
      <c r="I11907" s="7">
        <v>8.7547470999999994</v>
      </c>
      <c r="J11907" s="8">
        <v>-75.899515600000001</v>
      </c>
    </row>
    <row r="11908" spans="1:10" x14ac:dyDescent="0.35">
      <c r="A11908" s="5" t="s">
        <v>10</v>
      </c>
      <c r="B11908" s="6">
        <v>241344</v>
      </c>
      <c r="C11908" s="6" t="s">
        <v>366</v>
      </c>
      <c r="D11908" s="6" t="s">
        <v>8296</v>
      </c>
      <c r="E11908" s="6">
        <v>44001</v>
      </c>
      <c r="F11908" s="6" t="s">
        <v>18</v>
      </c>
      <c r="G11908" s="6" t="s">
        <v>21907</v>
      </c>
      <c r="H11908" s="6" t="s">
        <v>22452</v>
      </c>
      <c r="I11908" s="7">
        <v>11.545298900000001</v>
      </c>
      <c r="J11908" s="8">
        <v>-72.911520400000001</v>
      </c>
    </row>
    <row r="11909" spans="1:10" x14ac:dyDescent="0.35">
      <c r="A11909" s="5" t="s">
        <v>10</v>
      </c>
      <c r="B11909" s="6">
        <v>246332</v>
      </c>
      <c r="C11909" s="6" t="s">
        <v>4364</v>
      </c>
      <c r="D11909" s="6" t="s">
        <v>4365</v>
      </c>
      <c r="E11909" s="6">
        <v>70001</v>
      </c>
      <c r="F11909" s="6" t="s">
        <v>18</v>
      </c>
      <c r="G11909" s="6" t="s">
        <v>22453</v>
      </c>
      <c r="H11909" s="6" t="s">
        <v>22454</v>
      </c>
      <c r="I11909" s="7">
        <v>9.3018187999999995</v>
      </c>
      <c r="J11909" s="8">
        <v>-75.395312599999997</v>
      </c>
    </row>
    <row r="11910" spans="1:10" x14ac:dyDescent="0.35">
      <c r="A11910" s="5" t="s">
        <v>10</v>
      </c>
      <c r="B11910" s="6">
        <v>203795</v>
      </c>
      <c r="C11910" s="6" t="s">
        <v>302</v>
      </c>
      <c r="D11910" s="6" t="s">
        <v>359</v>
      </c>
      <c r="E11910" s="6">
        <v>8001</v>
      </c>
      <c r="F11910" s="6" t="s">
        <v>18</v>
      </c>
      <c r="G11910" s="6" t="s">
        <v>21693</v>
      </c>
      <c r="H11910" s="6" t="s">
        <v>21694</v>
      </c>
      <c r="I11910" s="7">
        <v>10.9583306</v>
      </c>
      <c r="J11910" s="8">
        <v>-74.770010900000003</v>
      </c>
    </row>
    <row r="11911" spans="1:10" x14ac:dyDescent="0.35">
      <c r="A11911" s="5" t="s">
        <v>10</v>
      </c>
      <c r="B11911" s="6">
        <v>229962</v>
      </c>
      <c r="C11911" s="6" t="s">
        <v>2821</v>
      </c>
      <c r="D11911" s="6" t="s">
        <v>2822</v>
      </c>
      <c r="E11911" s="6">
        <v>47001</v>
      </c>
      <c r="F11911" s="6" t="s">
        <v>18</v>
      </c>
      <c r="G11911" s="6" t="s">
        <v>22455</v>
      </c>
      <c r="H11911" s="6" t="s">
        <v>22456</v>
      </c>
      <c r="I11911" s="7">
        <v>11.244390599999999</v>
      </c>
      <c r="J11911" s="8">
        <v>-74.210516499999997</v>
      </c>
    </row>
    <row r="11912" spans="1:10" x14ac:dyDescent="0.35">
      <c r="A11912" s="5" t="s">
        <v>10</v>
      </c>
      <c r="B11912" s="6">
        <v>229809</v>
      </c>
      <c r="C11912" s="6" t="s">
        <v>16</v>
      </c>
      <c r="D11912" s="6" t="s">
        <v>4739</v>
      </c>
      <c r="E11912" s="6">
        <v>68669</v>
      </c>
      <c r="F11912" s="6" t="s">
        <v>18</v>
      </c>
      <c r="G11912" s="6" t="s">
        <v>22457</v>
      </c>
      <c r="H11912" s="6" t="s">
        <v>22458</v>
      </c>
      <c r="I11912" s="7">
        <v>6.8129964999999997</v>
      </c>
      <c r="J11912" s="8">
        <v>-72.849066300000004</v>
      </c>
    </row>
    <row r="11913" spans="1:10" x14ac:dyDescent="0.35">
      <c r="A11913" s="5" t="s">
        <v>10</v>
      </c>
      <c r="B11913" s="6">
        <v>192791</v>
      </c>
      <c r="C11913" s="6" t="s">
        <v>68</v>
      </c>
      <c r="D11913" s="6" t="s">
        <v>69</v>
      </c>
      <c r="E11913" s="6">
        <v>11001</v>
      </c>
      <c r="F11913" s="6" t="s">
        <v>13</v>
      </c>
      <c r="G11913" s="6" t="s">
        <v>22459</v>
      </c>
      <c r="H11913" s="6" t="s">
        <v>22460</v>
      </c>
      <c r="I11913" s="7">
        <v>4.6470725000000002</v>
      </c>
      <c r="J11913" s="8">
        <v>-74.167395799999994</v>
      </c>
    </row>
    <row r="11914" spans="1:10" x14ac:dyDescent="0.35">
      <c r="A11914" s="5" t="s">
        <v>10</v>
      </c>
      <c r="B11914" s="6">
        <v>232608</v>
      </c>
      <c r="C11914" s="6" t="s">
        <v>28</v>
      </c>
      <c r="D11914" s="6" t="s">
        <v>91</v>
      </c>
      <c r="E11914" s="6">
        <v>54874</v>
      </c>
      <c r="F11914" s="6" t="s">
        <v>18</v>
      </c>
      <c r="G11914" s="6" t="s">
        <v>22461</v>
      </c>
      <c r="H11914" s="6" t="s">
        <v>22462</v>
      </c>
      <c r="I11914" s="7">
        <v>7.8437878999999997</v>
      </c>
      <c r="J11914" s="8">
        <v>-72.469689700000004</v>
      </c>
    </row>
    <row r="11915" spans="1:10" x14ac:dyDescent="0.35">
      <c r="A11915" s="5" t="s">
        <v>10</v>
      </c>
      <c r="B11915" s="6">
        <v>231818</v>
      </c>
      <c r="C11915" s="6" t="s">
        <v>16</v>
      </c>
      <c r="D11915" s="6" t="s">
        <v>2825</v>
      </c>
      <c r="E11915" s="6">
        <v>68276</v>
      </c>
      <c r="F11915" s="6" t="s">
        <v>18</v>
      </c>
      <c r="G11915" s="6" t="s">
        <v>22463</v>
      </c>
      <c r="H11915" s="6" t="s">
        <v>22464</v>
      </c>
      <c r="I11915" s="7">
        <v>7.0784120000000001</v>
      </c>
      <c r="J11915" s="8">
        <v>-73.089707000000004</v>
      </c>
    </row>
    <row r="11916" spans="1:10" x14ac:dyDescent="0.35">
      <c r="A11916" s="5" t="s">
        <v>10</v>
      </c>
      <c r="B11916" s="6">
        <v>232757</v>
      </c>
      <c r="C11916" s="6" t="s">
        <v>16</v>
      </c>
      <c r="D11916" s="6" t="s">
        <v>1401</v>
      </c>
      <c r="E11916" s="6">
        <v>68307</v>
      </c>
      <c r="F11916" s="6" t="s">
        <v>18</v>
      </c>
      <c r="G11916" s="6" t="s">
        <v>22465</v>
      </c>
      <c r="H11916" s="6" t="s">
        <v>22466</v>
      </c>
      <c r="I11916" s="7">
        <v>7.0808473999999997</v>
      </c>
      <c r="J11916" s="8">
        <v>-73.174818400000007</v>
      </c>
    </row>
    <row r="11917" spans="1:10" x14ac:dyDescent="0.35">
      <c r="A11917" s="5" t="s">
        <v>10</v>
      </c>
      <c r="B11917" s="6">
        <v>239315</v>
      </c>
      <c r="C11917" s="6" t="s">
        <v>16</v>
      </c>
      <c r="D11917" s="6" t="s">
        <v>22467</v>
      </c>
      <c r="E11917" s="6">
        <v>68867</v>
      </c>
      <c r="F11917" s="6" t="s">
        <v>18</v>
      </c>
      <c r="G11917" s="6" t="s">
        <v>22468</v>
      </c>
      <c r="H11917" s="6" t="s">
        <v>22469</v>
      </c>
      <c r="I11917" s="7">
        <v>6.9959514</v>
      </c>
      <c r="J11917" s="8">
        <v>-73.058056300000004</v>
      </c>
    </row>
    <row r="11918" spans="1:10" x14ac:dyDescent="0.35">
      <c r="A11918" s="5" t="s">
        <v>10</v>
      </c>
      <c r="B11918" s="6">
        <v>232637</v>
      </c>
      <c r="C11918" s="6" t="s">
        <v>3788</v>
      </c>
      <c r="D11918" s="6" t="s">
        <v>3974</v>
      </c>
      <c r="E11918" s="6">
        <v>18001</v>
      </c>
      <c r="F11918" s="6" t="s">
        <v>18</v>
      </c>
      <c r="G11918" s="6" t="s">
        <v>22470</v>
      </c>
      <c r="H11918" s="6" t="s">
        <v>22471</v>
      </c>
      <c r="I11918" s="7">
        <v>1.6156238000000001</v>
      </c>
      <c r="J11918" s="8">
        <v>-75.608382800000001</v>
      </c>
    </row>
    <row r="11919" spans="1:10" x14ac:dyDescent="0.35">
      <c r="A11919" s="5" t="s">
        <v>10</v>
      </c>
      <c r="B11919" s="6">
        <v>238469</v>
      </c>
      <c r="C11919" s="6" t="s">
        <v>68</v>
      </c>
      <c r="D11919" s="6" t="s">
        <v>69</v>
      </c>
      <c r="E11919" s="6">
        <v>11001</v>
      </c>
      <c r="F11919" s="6" t="s">
        <v>18</v>
      </c>
      <c r="G11919" s="6" t="s">
        <v>22472</v>
      </c>
      <c r="H11919" s="6" t="s">
        <v>22473</v>
      </c>
      <c r="I11919" s="7">
        <v>4.6335728999999999</v>
      </c>
      <c r="J11919" s="8">
        <v>-74.107296599999998</v>
      </c>
    </row>
    <row r="11920" spans="1:10" x14ac:dyDescent="0.35">
      <c r="A11920" s="5" t="s">
        <v>10</v>
      </c>
      <c r="B11920" s="6">
        <v>198241</v>
      </c>
      <c r="C11920" s="6" t="s">
        <v>294</v>
      </c>
      <c r="D11920" s="6" t="s">
        <v>703</v>
      </c>
      <c r="E11920" s="6">
        <v>41001</v>
      </c>
      <c r="F11920" s="6" t="s">
        <v>18</v>
      </c>
      <c r="G11920" s="6" t="s">
        <v>22474</v>
      </c>
      <c r="H11920" s="6" t="s">
        <v>22475</v>
      </c>
      <c r="I11920" s="7">
        <v>2.9652535000000002</v>
      </c>
      <c r="J11920" s="8">
        <v>-75.289662300000003</v>
      </c>
    </row>
    <row r="11921" spans="1:10" x14ac:dyDescent="0.35">
      <c r="A11921" s="5" t="s">
        <v>10</v>
      </c>
      <c r="B11921" s="6">
        <v>236967</v>
      </c>
      <c r="C11921" s="6" t="s">
        <v>16</v>
      </c>
      <c r="D11921" s="6" t="s">
        <v>1401</v>
      </c>
      <c r="E11921" s="6">
        <v>68307</v>
      </c>
      <c r="F11921" s="6" t="s">
        <v>18</v>
      </c>
      <c r="G11921" s="6" t="s">
        <v>9012</v>
      </c>
      <c r="H11921" s="6" t="s">
        <v>9013</v>
      </c>
      <c r="I11921" s="7">
        <v>7.0736999999999997</v>
      </c>
      <c r="J11921" s="8">
        <v>-73.164090299999998</v>
      </c>
    </row>
    <row r="11922" spans="1:10" x14ac:dyDescent="0.35">
      <c r="A11922" s="5" t="s">
        <v>10</v>
      </c>
      <c r="B11922" s="6">
        <v>175650</v>
      </c>
      <c r="C11922" s="6" t="s">
        <v>68</v>
      </c>
      <c r="D11922" s="6" t="s">
        <v>69</v>
      </c>
      <c r="E11922" s="6">
        <v>11001</v>
      </c>
      <c r="F11922" s="6" t="s">
        <v>18</v>
      </c>
      <c r="G11922" s="6" t="s">
        <v>22476</v>
      </c>
      <c r="H11922" s="6" t="s">
        <v>22477</v>
      </c>
      <c r="I11922" s="7">
        <v>4.6391003</v>
      </c>
      <c r="J11922" s="8">
        <v>-74.164003600000001</v>
      </c>
    </row>
    <row r="11923" spans="1:10" x14ac:dyDescent="0.35">
      <c r="A11923" s="5" t="s">
        <v>10</v>
      </c>
      <c r="B11923" s="6">
        <v>190410</v>
      </c>
      <c r="C11923" s="6" t="s">
        <v>11</v>
      </c>
      <c r="D11923" s="6" t="s">
        <v>12</v>
      </c>
      <c r="E11923" s="6">
        <v>25899</v>
      </c>
      <c r="F11923" s="6" t="s">
        <v>18</v>
      </c>
      <c r="G11923" s="6" t="s">
        <v>22478</v>
      </c>
      <c r="H11923" s="6" t="s">
        <v>22479</v>
      </c>
      <c r="I11923" s="7">
        <v>5.0253055999999896</v>
      </c>
      <c r="J11923" s="8">
        <v>-73.9809451</v>
      </c>
    </row>
    <row r="11924" spans="1:10" x14ac:dyDescent="0.35">
      <c r="A11924" s="5" t="s">
        <v>10</v>
      </c>
      <c r="B11924" s="6">
        <v>246490</v>
      </c>
      <c r="C11924" s="6" t="s">
        <v>16</v>
      </c>
      <c r="D11924" s="6" t="s">
        <v>78</v>
      </c>
      <c r="E11924" s="6">
        <v>68001</v>
      </c>
      <c r="F11924" s="6" t="s">
        <v>18</v>
      </c>
      <c r="G11924" s="6" t="s">
        <v>22480</v>
      </c>
      <c r="H11924" s="6" t="s">
        <v>22481</v>
      </c>
      <c r="I11924" s="7">
        <v>7.1188661</v>
      </c>
      <c r="J11924" s="8">
        <v>-73.130244099999999</v>
      </c>
    </row>
    <row r="11925" spans="1:10" x14ac:dyDescent="0.35">
      <c r="A11925" s="5" t="s">
        <v>10</v>
      </c>
      <c r="B11925" s="6">
        <v>197118</v>
      </c>
      <c r="C11925" s="6" t="s">
        <v>68</v>
      </c>
      <c r="D11925" s="6" t="s">
        <v>69</v>
      </c>
      <c r="E11925" s="6">
        <v>11001</v>
      </c>
      <c r="F11925" s="6" t="s">
        <v>18</v>
      </c>
      <c r="G11925" s="6" t="s">
        <v>11052</v>
      </c>
      <c r="H11925" s="6" t="s">
        <v>11053</v>
      </c>
      <c r="I11925" s="7">
        <v>4.6759151999999897</v>
      </c>
      <c r="J11925" s="8">
        <v>-74.105445199999906</v>
      </c>
    </row>
    <row r="11926" spans="1:10" x14ac:dyDescent="0.35">
      <c r="A11926" s="5" t="s">
        <v>10</v>
      </c>
      <c r="B11926" s="6">
        <v>217990</v>
      </c>
      <c r="C11926" s="6" t="s">
        <v>302</v>
      </c>
      <c r="D11926" s="6" t="s">
        <v>359</v>
      </c>
      <c r="E11926" s="6">
        <v>8001</v>
      </c>
      <c r="F11926" s="6" t="s">
        <v>18</v>
      </c>
      <c r="G11926" s="6" t="s">
        <v>113</v>
      </c>
      <c r="H11926" s="6" t="s">
        <v>22482</v>
      </c>
      <c r="I11926" s="7">
        <v>10.926890800000001</v>
      </c>
      <c r="J11926" s="8">
        <v>-74.807527800000003</v>
      </c>
    </row>
    <row r="11927" spans="1:10" x14ac:dyDescent="0.35">
      <c r="A11927" s="5" t="s">
        <v>10</v>
      </c>
      <c r="B11927" s="6">
        <v>205750</v>
      </c>
      <c r="C11927" s="6" t="s">
        <v>308</v>
      </c>
      <c r="D11927" s="6" t="s">
        <v>309</v>
      </c>
      <c r="E11927" s="6">
        <v>23001</v>
      </c>
      <c r="F11927" s="6" t="s">
        <v>18</v>
      </c>
      <c r="G11927" s="6" t="s">
        <v>22483</v>
      </c>
      <c r="H11927" s="6" t="s">
        <v>22484</v>
      </c>
      <c r="I11927" s="7">
        <v>8.7606421000000001</v>
      </c>
      <c r="J11927" s="8">
        <v>-75.875693100000007</v>
      </c>
    </row>
    <row r="11928" spans="1:10" x14ac:dyDescent="0.35">
      <c r="A11928" s="5" t="s">
        <v>10</v>
      </c>
      <c r="B11928" s="6">
        <v>239446</v>
      </c>
      <c r="C11928" s="6" t="s">
        <v>302</v>
      </c>
      <c r="D11928" s="6" t="s">
        <v>359</v>
      </c>
      <c r="E11928" s="6">
        <v>8001</v>
      </c>
      <c r="F11928" s="6" t="s">
        <v>18</v>
      </c>
      <c r="G11928" s="6" t="s">
        <v>22485</v>
      </c>
      <c r="H11928" s="6" t="s">
        <v>22486</v>
      </c>
      <c r="I11928" s="7">
        <v>10.983924200000001</v>
      </c>
      <c r="J11928" s="8">
        <v>-74.782185799999993</v>
      </c>
    </row>
    <row r="11929" spans="1:10" x14ac:dyDescent="0.35">
      <c r="A11929" s="5" t="s">
        <v>10</v>
      </c>
      <c r="B11929" s="6">
        <v>241513</v>
      </c>
      <c r="C11929" s="6" t="s">
        <v>4364</v>
      </c>
      <c r="D11929" s="6" t="s">
        <v>4365</v>
      </c>
      <c r="E11929" s="6">
        <v>70001</v>
      </c>
      <c r="F11929" s="6" t="s">
        <v>18</v>
      </c>
      <c r="G11929" s="6" t="s">
        <v>22487</v>
      </c>
      <c r="H11929" s="6" t="s">
        <v>22488</v>
      </c>
      <c r="I11929" s="7">
        <v>9.2830378000000007</v>
      </c>
      <c r="J11929" s="8">
        <v>-75.407584799999995</v>
      </c>
    </row>
    <row r="11930" spans="1:10" x14ac:dyDescent="0.35">
      <c r="A11930" s="5" t="s">
        <v>10</v>
      </c>
      <c r="B11930" s="6">
        <v>168203</v>
      </c>
      <c r="C11930" s="6" t="s">
        <v>3788</v>
      </c>
      <c r="D11930" s="6" t="s">
        <v>3974</v>
      </c>
      <c r="E11930" s="6">
        <v>18001</v>
      </c>
      <c r="F11930" s="6" t="s">
        <v>18</v>
      </c>
      <c r="G11930" s="6" t="s">
        <v>22489</v>
      </c>
      <c r="H11930" s="6" t="s">
        <v>22490</v>
      </c>
      <c r="I11930" s="7">
        <v>1.6153858000000001</v>
      </c>
      <c r="J11930" s="8">
        <v>-75.604236399999905</v>
      </c>
    </row>
    <row r="11931" spans="1:10" x14ac:dyDescent="0.35">
      <c r="A11931" s="5" t="s">
        <v>10</v>
      </c>
      <c r="B11931" s="6">
        <v>171841</v>
      </c>
      <c r="C11931" s="6" t="s">
        <v>3788</v>
      </c>
      <c r="D11931" s="6" t="s">
        <v>6771</v>
      </c>
      <c r="E11931" s="6">
        <v>18753</v>
      </c>
      <c r="F11931" s="6" t="s">
        <v>18</v>
      </c>
      <c r="G11931" s="6" t="s">
        <v>1945</v>
      </c>
      <c r="H11931" s="6" t="s">
        <v>21633</v>
      </c>
      <c r="I11931" s="7">
        <v>2.1136446000000002</v>
      </c>
      <c r="J11931" s="8">
        <v>-74.773205599999997</v>
      </c>
    </row>
    <row r="11932" spans="1:10" x14ac:dyDescent="0.35">
      <c r="A11932" s="5" t="s">
        <v>10</v>
      </c>
      <c r="B11932" s="6">
        <v>232054</v>
      </c>
      <c r="C11932" s="6" t="s">
        <v>294</v>
      </c>
      <c r="D11932" s="6" t="s">
        <v>543</v>
      </c>
      <c r="E11932" s="6">
        <v>41396</v>
      </c>
      <c r="F11932" s="6" t="s">
        <v>18</v>
      </c>
      <c r="G11932" s="6" t="s">
        <v>22491</v>
      </c>
      <c r="H11932" s="6" t="s">
        <v>22492</v>
      </c>
      <c r="I11932" s="7">
        <v>2.9160932000000002</v>
      </c>
      <c r="J11932" s="8">
        <v>-75.288917299999994</v>
      </c>
    </row>
    <row r="11933" spans="1:10" x14ac:dyDescent="0.35">
      <c r="A11933" s="5" t="s">
        <v>10</v>
      </c>
      <c r="B11933" s="6">
        <v>107015</v>
      </c>
      <c r="C11933" s="6" t="s">
        <v>16</v>
      </c>
      <c r="D11933" s="6" t="s">
        <v>78</v>
      </c>
      <c r="E11933" s="6">
        <v>68001</v>
      </c>
      <c r="F11933" s="6" t="s">
        <v>18</v>
      </c>
      <c r="G11933" s="6" t="s">
        <v>22493</v>
      </c>
      <c r="H11933" s="6" t="s">
        <v>22494</v>
      </c>
      <c r="I11933" s="7">
        <v>7.1202115999999904</v>
      </c>
      <c r="J11933" s="8">
        <v>-73.123113799999999</v>
      </c>
    </row>
    <row r="11934" spans="1:10" x14ac:dyDescent="0.35">
      <c r="A11934" s="5" t="s">
        <v>10</v>
      </c>
      <c r="B11934" s="6">
        <v>170892</v>
      </c>
      <c r="C11934" s="6" t="s">
        <v>68</v>
      </c>
      <c r="D11934" s="6" t="s">
        <v>69</v>
      </c>
      <c r="E11934" s="6">
        <v>11001</v>
      </c>
      <c r="F11934" s="6" t="s">
        <v>18</v>
      </c>
      <c r="G11934" s="6" t="s">
        <v>22341</v>
      </c>
      <c r="H11934" s="6" t="s">
        <v>22342</v>
      </c>
      <c r="I11934" s="7">
        <v>4.6386750000000001</v>
      </c>
      <c r="J11934" s="8">
        <v>-74.164694999999995</v>
      </c>
    </row>
    <row r="11935" spans="1:10" x14ac:dyDescent="0.35">
      <c r="A11935" s="5" t="s">
        <v>10</v>
      </c>
      <c r="B11935" s="6">
        <v>246772</v>
      </c>
      <c r="C11935" s="6" t="s">
        <v>38</v>
      </c>
      <c r="D11935" s="6" t="s">
        <v>9478</v>
      </c>
      <c r="E11935" s="6">
        <v>19622</v>
      </c>
      <c r="F11935" s="6" t="s">
        <v>18</v>
      </c>
      <c r="G11935" s="6" t="s">
        <v>22495</v>
      </c>
      <c r="H11935" s="6" t="s">
        <v>22496</v>
      </c>
      <c r="I11935" s="7">
        <v>2.2614369000000001</v>
      </c>
      <c r="J11935" s="8">
        <v>-76.7396289</v>
      </c>
    </row>
    <row r="11936" spans="1:10" x14ac:dyDescent="0.35">
      <c r="A11936" s="5" t="s">
        <v>10</v>
      </c>
      <c r="B11936" s="6">
        <v>235752</v>
      </c>
      <c r="C11936" s="6" t="s">
        <v>16</v>
      </c>
      <c r="D11936" s="6" t="s">
        <v>1401</v>
      </c>
      <c r="E11936" s="6">
        <v>68307</v>
      </c>
      <c r="F11936" s="6" t="s">
        <v>18</v>
      </c>
      <c r="G11936" s="6" t="s">
        <v>22497</v>
      </c>
      <c r="H11936" s="6" t="s">
        <v>22498</v>
      </c>
      <c r="I11936" s="7">
        <v>7.0579020999999997</v>
      </c>
      <c r="J11936" s="8">
        <v>-73.163224999999997</v>
      </c>
    </row>
    <row r="11937" spans="1:10" x14ac:dyDescent="0.35">
      <c r="A11937" s="5" t="s">
        <v>10</v>
      </c>
      <c r="B11937" s="6">
        <v>236347</v>
      </c>
      <c r="C11937" s="6" t="s">
        <v>68</v>
      </c>
      <c r="D11937" s="6" t="s">
        <v>69</v>
      </c>
      <c r="E11937" s="6">
        <v>11001</v>
      </c>
      <c r="F11937" s="6" t="s">
        <v>18</v>
      </c>
      <c r="G11937" s="6" t="s">
        <v>22499</v>
      </c>
      <c r="H11937" s="6" t="s">
        <v>22500</v>
      </c>
      <c r="I11937" s="7">
        <v>4.6874462000000001</v>
      </c>
      <c r="J11937" s="8">
        <v>-74.077302000000003</v>
      </c>
    </row>
    <row r="11938" spans="1:10" x14ac:dyDescent="0.35">
      <c r="A11938" s="5" t="s">
        <v>10</v>
      </c>
      <c r="B11938" s="6">
        <v>143092</v>
      </c>
      <c r="C11938" s="6" t="s">
        <v>68</v>
      </c>
      <c r="D11938" s="6" t="s">
        <v>69</v>
      </c>
      <c r="E11938" s="6">
        <v>11001</v>
      </c>
      <c r="F11938" s="6" t="s">
        <v>18</v>
      </c>
      <c r="G11938" s="6" t="s">
        <v>9418</v>
      </c>
      <c r="H11938" s="6" t="s">
        <v>9419</v>
      </c>
      <c r="I11938" s="7">
        <v>4.5310980999999897</v>
      </c>
      <c r="J11938" s="8">
        <v>-74.088561200000001</v>
      </c>
    </row>
    <row r="11939" spans="1:10" x14ac:dyDescent="0.35">
      <c r="A11939" s="5" t="s">
        <v>10</v>
      </c>
      <c r="B11939" s="6">
        <v>230667</v>
      </c>
      <c r="C11939" s="6" t="s">
        <v>302</v>
      </c>
      <c r="D11939" s="6" t="s">
        <v>359</v>
      </c>
      <c r="E11939" s="6">
        <v>8001</v>
      </c>
      <c r="F11939" s="6" t="s">
        <v>18</v>
      </c>
      <c r="G11939" s="6" t="s">
        <v>22501</v>
      </c>
      <c r="H11939" s="6" t="s">
        <v>22502</v>
      </c>
      <c r="I11939" s="7">
        <v>10.9300423</v>
      </c>
      <c r="J11939" s="8">
        <v>-74.807052999999996</v>
      </c>
    </row>
    <row r="11940" spans="1:10" x14ac:dyDescent="0.35">
      <c r="A11940" s="5" t="s">
        <v>10</v>
      </c>
      <c r="B11940" s="6">
        <v>207285</v>
      </c>
      <c r="C11940" s="6" t="s">
        <v>16</v>
      </c>
      <c r="D11940" s="6" t="s">
        <v>510</v>
      </c>
      <c r="E11940" s="6">
        <v>68547</v>
      </c>
      <c r="F11940" s="6" t="s">
        <v>18</v>
      </c>
      <c r="G11940" s="6" t="s">
        <v>22503</v>
      </c>
      <c r="H11940" s="6" t="s">
        <v>22504</v>
      </c>
      <c r="I11940" s="7">
        <v>7.0000469999999897</v>
      </c>
      <c r="J11940" s="8">
        <v>-73.054092999999995</v>
      </c>
    </row>
    <row r="11941" spans="1:10" x14ac:dyDescent="0.35">
      <c r="A11941" s="5" t="s">
        <v>10</v>
      </c>
      <c r="B11941" s="6">
        <v>207556</v>
      </c>
      <c r="C11941" s="6" t="s">
        <v>16</v>
      </c>
      <c r="D11941" s="6" t="s">
        <v>2825</v>
      </c>
      <c r="E11941" s="6">
        <v>68276</v>
      </c>
      <c r="F11941" s="6" t="s">
        <v>18</v>
      </c>
      <c r="G11941" s="6" t="s">
        <v>22505</v>
      </c>
      <c r="H11941" s="6" t="s">
        <v>22506</v>
      </c>
      <c r="I11941" s="7">
        <v>7.0737289999999904</v>
      </c>
      <c r="J11941" s="8">
        <v>-73.088732300000004</v>
      </c>
    </row>
    <row r="11942" spans="1:10" x14ac:dyDescent="0.35">
      <c r="A11942" s="5" t="s">
        <v>10</v>
      </c>
      <c r="B11942" s="6">
        <v>237099</v>
      </c>
      <c r="C11942" s="6" t="s">
        <v>16</v>
      </c>
      <c r="D11942" s="6" t="s">
        <v>3466</v>
      </c>
      <c r="E11942" s="6">
        <v>68572</v>
      </c>
      <c r="F11942" s="6" t="s">
        <v>18</v>
      </c>
      <c r="G11942" s="6" t="s">
        <v>22507</v>
      </c>
      <c r="H11942" s="6" t="s">
        <v>22508</v>
      </c>
      <c r="I11942" s="7">
        <v>5.8759696999999997</v>
      </c>
      <c r="J11942" s="8">
        <v>-73.679698200000004</v>
      </c>
    </row>
    <row r="11943" spans="1:10" x14ac:dyDescent="0.35">
      <c r="A11943" s="5" t="s">
        <v>10</v>
      </c>
      <c r="B11943" s="6">
        <v>234795</v>
      </c>
      <c r="C11943" s="6" t="s">
        <v>457</v>
      </c>
      <c r="D11943" s="6" t="s">
        <v>4400</v>
      </c>
      <c r="E11943" s="6">
        <v>52001</v>
      </c>
      <c r="F11943" s="6" t="s">
        <v>18</v>
      </c>
      <c r="G11943" s="6" t="s">
        <v>22509</v>
      </c>
      <c r="H11943" s="6" t="s">
        <v>22510</v>
      </c>
      <c r="I11943" s="7">
        <v>1.1938215000000001</v>
      </c>
      <c r="J11943" s="8">
        <v>-77.264152800000005</v>
      </c>
    </row>
    <row r="11944" spans="1:10" x14ac:dyDescent="0.35">
      <c r="A11944" s="5" t="s">
        <v>10</v>
      </c>
      <c r="B11944" s="6">
        <v>200990</v>
      </c>
      <c r="C11944" s="6" t="s">
        <v>16</v>
      </c>
      <c r="D11944" s="6" t="s">
        <v>78</v>
      </c>
      <c r="E11944" s="6">
        <v>68001</v>
      </c>
      <c r="F11944" s="6" t="s">
        <v>18</v>
      </c>
      <c r="G11944" s="6" t="s">
        <v>9290</v>
      </c>
      <c r="H11944" s="6" t="s">
        <v>9291</v>
      </c>
      <c r="I11944" s="7">
        <v>7.0808106999999998</v>
      </c>
      <c r="J11944" s="8">
        <v>-73.132229100000004</v>
      </c>
    </row>
    <row r="11945" spans="1:10" x14ac:dyDescent="0.35">
      <c r="A11945" s="5" t="s">
        <v>10</v>
      </c>
      <c r="B11945" s="6">
        <v>172007</v>
      </c>
      <c r="C11945" s="6" t="s">
        <v>68</v>
      </c>
      <c r="D11945" s="6" t="s">
        <v>69</v>
      </c>
      <c r="E11945" s="6">
        <v>11001</v>
      </c>
      <c r="F11945" s="6" t="s">
        <v>18</v>
      </c>
      <c r="G11945" s="6" t="s">
        <v>11054</v>
      </c>
      <c r="H11945" s="6" t="s">
        <v>11055</v>
      </c>
      <c r="I11945" s="7">
        <v>4.5568333999999897</v>
      </c>
      <c r="J11945" s="8">
        <v>-74.121738399999998</v>
      </c>
    </row>
    <row r="11946" spans="1:10" x14ac:dyDescent="0.35">
      <c r="A11946" s="5" t="s">
        <v>10</v>
      </c>
      <c r="B11946" s="6">
        <v>219924</v>
      </c>
      <c r="C11946" s="6" t="s">
        <v>308</v>
      </c>
      <c r="D11946" s="6" t="s">
        <v>309</v>
      </c>
      <c r="E11946" s="6">
        <v>23001</v>
      </c>
      <c r="F11946" s="6" t="s">
        <v>18</v>
      </c>
      <c r="G11946" s="6" t="s">
        <v>22511</v>
      </c>
      <c r="H11946" s="6" t="s">
        <v>22512</v>
      </c>
      <c r="I11946" s="7">
        <v>8.7354479999999999</v>
      </c>
      <c r="J11946" s="8">
        <v>-75.880514099999999</v>
      </c>
    </row>
    <row r="11947" spans="1:10" x14ac:dyDescent="0.35">
      <c r="A11947" s="5" t="s">
        <v>10</v>
      </c>
      <c r="B11947" s="6">
        <v>210182</v>
      </c>
      <c r="C11947" s="6" t="s">
        <v>294</v>
      </c>
      <c r="D11947" s="6" t="s">
        <v>703</v>
      </c>
      <c r="E11947" s="6">
        <v>41001</v>
      </c>
      <c r="F11947" s="6" t="s">
        <v>18</v>
      </c>
      <c r="G11947" s="6" t="s">
        <v>22513</v>
      </c>
      <c r="H11947" s="6" t="s">
        <v>22514</v>
      </c>
      <c r="I11947" s="7">
        <v>3.220288</v>
      </c>
      <c r="J11947" s="8">
        <v>-75.246439600000002</v>
      </c>
    </row>
    <row r="11948" spans="1:10" x14ac:dyDescent="0.35">
      <c r="A11948" s="5" t="s">
        <v>10</v>
      </c>
      <c r="B11948" s="6">
        <v>241521</v>
      </c>
      <c r="C11948" s="6" t="s">
        <v>308</v>
      </c>
      <c r="D11948" s="6" t="s">
        <v>9180</v>
      </c>
      <c r="E11948" s="6">
        <v>23675</v>
      </c>
      <c r="F11948" s="6" t="s">
        <v>18</v>
      </c>
      <c r="G11948" s="6" t="s">
        <v>22515</v>
      </c>
      <c r="H11948" s="6" t="s">
        <v>22516</v>
      </c>
      <c r="I11948" s="7">
        <v>9.3525857999999999</v>
      </c>
      <c r="J11948" s="8">
        <v>-75.953581499999999</v>
      </c>
    </row>
    <row r="11949" spans="1:10" x14ac:dyDescent="0.35">
      <c r="A11949" s="5" t="s">
        <v>10</v>
      </c>
      <c r="B11949" s="6">
        <v>246407</v>
      </c>
      <c r="C11949" s="6" t="s">
        <v>2821</v>
      </c>
      <c r="D11949" s="6" t="s">
        <v>9371</v>
      </c>
      <c r="E11949" s="6">
        <v>47551</v>
      </c>
      <c r="F11949" s="6" t="s">
        <v>18</v>
      </c>
      <c r="G11949" s="6" t="s">
        <v>22517</v>
      </c>
      <c r="H11949" s="6" t="s">
        <v>22518</v>
      </c>
      <c r="I11949" s="7">
        <v>10.4641384</v>
      </c>
      <c r="J11949" s="8">
        <v>-74.620666999999997</v>
      </c>
    </row>
    <row r="11950" spans="1:10" x14ac:dyDescent="0.35">
      <c r="A11950" s="5" t="s">
        <v>10</v>
      </c>
      <c r="B11950" s="6">
        <v>231763</v>
      </c>
      <c r="C11950" s="6" t="s">
        <v>68</v>
      </c>
      <c r="D11950" s="6" t="s">
        <v>69</v>
      </c>
      <c r="E11950" s="6">
        <v>11001</v>
      </c>
      <c r="F11950" s="6" t="s">
        <v>18</v>
      </c>
      <c r="G11950" s="6" t="s">
        <v>22519</v>
      </c>
      <c r="H11950" s="6" t="s">
        <v>22520</v>
      </c>
      <c r="I11950" s="7">
        <v>4.6657919999999997</v>
      </c>
      <c r="J11950" s="8">
        <v>-74.063579000000004</v>
      </c>
    </row>
    <row r="11951" spans="1:10" x14ac:dyDescent="0.35">
      <c r="A11951" s="5" t="s">
        <v>10</v>
      </c>
      <c r="B11951" s="6">
        <v>203259</v>
      </c>
      <c r="C11951" s="6" t="s">
        <v>4738</v>
      </c>
      <c r="D11951" s="6" t="s">
        <v>9973</v>
      </c>
      <c r="E11951" s="6">
        <v>88564</v>
      </c>
      <c r="F11951" s="6" t="s">
        <v>18</v>
      </c>
      <c r="G11951" s="6" t="s">
        <v>9974</v>
      </c>
      <c r="H11951" s="6" t="s">
        <v>9975</v>
      </c>
      <c r="I11951" s="7">
        <v>13.3387613</v>
      </c>
      <c r="J11951" s="8">
        <v>-81.372937199999996</v>
      </c>
    </row>
    <row r="11952" spans="1:10" x14ac:dyDescent="0.35">
      <c r="A11952" s="5" t="s">
        <v>10</v>
      </c>
      <c r="B11952" s="6">
        <v>243010</v>
      </c>
      <c r="C11952" s="6" t="s">
        <v>16</v>
      </c>
      <c r="D11952" s="6" t="s">
        <v>254</v>
      </c>
      <c r="E11952" s="6">
        <v>68079</v>
      </c>
      <c r="F11952" s="6" t="s">
        <v>18</v>
      </c>
      <c r="G11952" s="6" t="s">
        <v>22521</v>
      </c>
      <c r="H11952" s="6" t="s">
        <v>22522</v>
      </c>
      <c r="I11952" s="7">
        <v>6.6353540999999998</v>
      </c>
      <c r="J11952" s="8">
        <v>-73.223468600000004</v>
      </c>
    </row>
    <row r="11953" spans="1:10" x14ac:dyDescent="0.35">
      <c r="A11953" s="5" t="s">
        <v>10</v>
      </c>
      <c r="B11953" s="6">
        <v>237374</v>
      </c>
      <c r="C11953" s="6" t="s">
        <v>3819</v>
      </c>
      <c r="D11953" s="6" t="s">
        <v>5730</v>
      </c>
      <c r="E11953" s="6">
        <v>86749</v>
      </c>
      <c r="F11953" s="6" t="s">
        <v>18</v>
      </c>
      <c r="G11953" s="6" t="s">
        <v>22523</v>
      </c>
      <c r="H11953" s="6" t="s">
        <v>22524</v>
      </c>
      <c r="I11953" s="7">
        <v>1.2045999999999999</v>
      </c>
      <c r="J11953" s="8">
        <v>-76.9194897</v>
      </c>
    </row>
    <row r="11954" spans="1:10" x14ac:dyDescent="0.35">
      <c r="A11954" s="5" t="s">
        <v>10</v>
      </c>
      <c r="B11954" s="6">
        <v>209396</v>
      </c>
      <c r="C11954" s="6" t="s">
        <v>28</v>
      </c>
      <c r="D11954" s="6" t="s">
        <v>29</v>
      </c>
      <c r="E11954" s="6">
        <v>54001</v>
      </c>
      <c r="F11954" s="6" t="s">
        <v>18</v>
      </c>
      <c r="G11954" s="6" t="s">
        <v>22525</v>
      </c>
      <c r="H11954" s="6" t="s">
        <v>22526</v>
      </c>
      <c r="I11954" s="7">
        <v>7.8963139999999896</v>
      </c>
      <c r="J11954" s="8">
        <v>-72.542314899999994</v>
      </c>
    </row>
    <row r="11955" spans="1:10" x14ac:dyDescent="0.35">
      <c r="A11955" s="5" t="s">
        <v>10</v>
      </c>
      <c r="B11955" s="6">
        <v>235353</v>
      </c>
      <c r="C11955" s="6" t="s">
        <v>302</v>
      </c>
      <c r="D11955" s="6" t="s">
        <v>359</v>
      </c>
      <c r="E11955" s="6">
        <v>8001</v>
      </c>
      <c r="F11955" s="6" t="s">
        <v>18</v>
      </c>
      <c r="G11955" s="6" t="s">
        <v>22527</v>
      </c>
      <c r="H11955" s="6" t="s">
        <v>22528</v>
      </c>
      <c r="I11955" s="7">
        <v>11.0009783</v>
      </c>
      <c r="J11955" s="8">
        <v>-74.819090500000001</v>
      </c>
    </row>
    <row r="11956" spans="1:10" x14ac:dyDescent="0.35">
      <c r="A11956" s="5" t="s">
        <v>10</v>
      </c>
      <c r="B11956" s="6">
        <v>192532</v>
      </c>
      <c r="C11956" s="6" t="s">
        <v>302</v>
      </c>
      <c r="D11956" s="6" t="s">
        <v>359</v>
      </c>
      <c r="E11956" s="6">
        <v>8001</v>
      </c>
      <c r="F11956" s="6" t="s">
        <v>18</v>
      </c>
      <c r="G11956" s="6" t="s">
        <v>22529</v>
      </c>
      <c r="H11956" s="6" t="s">
        <v>22530</v>
      </c>
      <c r="I11956" s="7">
        <v>10.9805727</v>
      </c>
      <c r="J11956" s="8">
        <v>-74.775550899999999</v>
      </c>
    </row>
    <row r="11957" spans="1:10" x14ac:dyDescent="0.35">
      <c r="A11957" s="5" t="s">
        <v>10</v>
      </c>
      <c r="B11957" s="6">
        <v>246509</v>
      </c>
      <c r="C11957" s="6" t="s">
        <v>302</v>
      </c>
      <c r="D11957" s="6" t="s">
        <v>4041</v>
      </c>
      <c r="E11957" s="6">
        <v>8758</v>
      </c>
      <c r="F11957" s="6" t="s">
        <v>18</v>
      </c>
      <c r="G11957" s="6" t="s">
        <v>22531</v>
      </c>
      <c r="H11957" s="6" t="s">
        <v>21441</v>
      </c>
      <c r="I11957" s="7">
        <v>10.9169298</v>
      </c>
      <c r="J11957" s="8">
        <v>-74.816450700000004</v>
      </c>
    </row>
    <row r="11958" spans="1:10" x14ac:dyDescent="0.35">
      <c r="A11958" s="5" t="s">
        <v>10</v>
      </c>
      <c r="B11958" s="6">
        <v>226616</v>
      </c>
      <c r="C11958" s="6" t="s">
        <v>4364</v>
      </c>
      <c r="D11958" s="6" t="s">
        <v>8079</v>
      </c>
      <c r="E11958" s="6">
        <v>70215</v>
      </c>
      <c r="F11958" s="6" t="s">
        <v>18</v>
      </c>
      <c r="G11958" s="6" t="s">
        <v>22532</v>
      </c>
      <c r="H11958" s="6" t="s">
        <v>22533</v>
      </c>
      <c r="I11958" s="7">
        <v>9.3130387999999993</v>
      </c>
      <c r="J11958" s="8">
        <v>-75.295199400000001</v>
      </c>
    </row>
    <row r="11959" spans="1:10" x14ac:dyDescent="0.35">
      <c r="A11959" s="5" t="s">
        <v>10</v>
      </c>
      <c r="B11959" s="6">
        <v>235629</v>
      </c>
      <c r="C11959" s="6" t="s">
        <v>38</v>
      </c>
      <c r="D11959" s="6" t="s">
        <v>39</v>
      </c>
      <c r="E11959" s="6">
        <v>19001</v>
      </c>
      <c r="F11959" s="6" t="s">
        <v>18</v>
      </c>
      <c r="G11959" s="6" t="s">
        <v>22534</v>
      </c>
      <c r="H11959" s="6" t="s">
        <v>22535</v>
      </c>
      <c r="I11959" s="7">
        <v>2.4810495000000001</v>
      </c>
      <c r="J11959" s="8">
        <v>-76.564835099999996</v>
      </c>
    </row>
    <row r="11960" spans="1:10" x14ac:dyDescent="0.35">
      <c r="A11960" s="5" t="s">
        <v>10</v>
      </c>
      <c r="B11960" s="6">
        <v>230832</v>
      </c>
      <c r="C11960" s="6" t="s">
        <v>294</v>
      </c>
      <c r="D11960" s="6" t="s">
        <v>703</v>
      </c>
      <c r="E11960" s="6">
        <v>41001</v>
      </c>
      <c r="F11960" s="6" t="s">
        <v>18</v>
      </c>
      <c r="G11960" s="6" t="s">
        <v>22536</v>
      </c>
      <c r="H11960" s="6" t="s">
        <v>22537</v>
      </c>
      <c r="I11960" s="7">
        <v>2.9286048</v>
      </c>
      <c r="J11960" s="8">
        <v>-75.287632799999997</v>
      </c>
    </row>
    <row r="11961" spans="1:10" x14ac:dyDescent="0.35">
      <c r="A11961" s="5" t="s">
        <v>10</v>
      </c>
      <c r="B11961" s="6">
        <v>235376</v>
      </c>
      <c r="C11961" s="6" t="s">
        <v>2821</v>
      </c>
      <c r="D11961" s="6" t="s">
        <v>9371</v>
      </c>
      <c r="E11961" s="6">
        <v>47551</v>
      </c>
      <c r="F11961" s="6" t="s">
        <v>18</v>
      </c>
      <c r="G11961" s="6" t="s">
        <v>22538</v>
      </c>
      <c r="H11961" s="6" t="s">
        <v>22539</v>
      </c>
      <c r="I11961" s="7">
        <v>10.4617906</v>
      </c>
      <c r="J11961" s="8">
        <v>-74.620411599999997</v>
      </c>
    </row>
    <row r="11962" spans="1:10" x14ac:dyDescent="0.35">
      <c r="A11962" s="5" t="s">
        <v>10</v>
      </c>
      <c r="B11962" s="6">
        <v>197635</v>
      </c>
      <c r="C11962" s="6" t="s">
        <v>2130</v>
      </c>
      <c r="D11962" s="6" t="s">
        <v>5723</v>
      </c>
      <c r="E11962" s="6">
        <v>85250</v>
      </c>
      <c r="F11962" s="6" t="s">
        <v>13</v>
      </c>
      <c r="G11962" s="6" t="s">
        <v>22540</v>
      </c>
      <c r="H11962" s="6" t="s">
        <v>22541</v>
      </c>
      <c r="I11962" s="7">
        <v>5.8775306</v>
      </c>
      <c r="J11962" s="8">
        <v>-71.888366399999995</v>
      </c>
    </row>
    <row r="11963" spans="1:10" x14ac:dyDescent="0.35">
      <c r="A11963" s="5" t="s">
        <v>10</v>
      </c>
      <c r="B11963" s="6">
        <v>231973</v>
      </c>
      <c r="C11963" s="6" t="s">
        <v>68</v>
      </c>
      <c r="D11963" s="6" t="s">
        <v>69</v>
      </c>
      <c r="E11963" s="6">
        <v>11001</v>
      </c>
      <c r="F11963" s="6" t="s">
        <v>18</v>
      </c>
      <c r="G11963" s="6" t="s">
        <v>22542</v>
      </c>
      <c r="H11963" s="6" t="s">
        <v>22543</v>
      </c>
      <c r="I11963" s="7">
        <v>4.7317799999999997</v>
      </c>
      <c r="J11963" s="8">
        <v>-74.107298</v>
      </c>
    </row>
    <row r="11964" spans="1:10" x14ac:dyDescent="0.35">
      <c r="A11964" s="5" t="s">
        <v>10</v>
      </c>
      <c r="B11964" s="6">
        <v>118917</v>
      </c>
      <c r="C11964" s="6" t="s">
        <v>16</v>
      </c>
      <c r="D11964" s="6" t="s">
        <v>78</v>
      </c>
      <c r="E11964" s="6">
        <v>68001</v>
      </c>
      <c r="F11964" s="6" t="s">
        <v>18</v>
      </c>
      <c r="G11964" s="6" t="s">
        <v>186</v>
      </c>
      <c r="H11964" s="6" t="s">
        <v>9874</v>
      </c>
      <c r="I11964" s="7">
        <v>7.1215557</v>
      </c>
      <c r="J11964" s="8">
        <v>-73.132782899999995</v>
      </c>
    </row>
    <row r="11965" spans="1:10" x14ac:dyDescent="0.35">
      <c r="A11965" s="5" t="s">
        <v>10</v>
      </c>
      <c r="B11965" s="6">
        <v>236978</v>
      </c>
      <c r="C11965" s="6" t="s">
        <v>16</v>
      </c>
      <c r="D11965" s="6" t="s">
        <v>78</v>
      </c>
      <c r="E11965" s="6">
        <v>68001</v>
      </c>
      <c r="F11965" s="6" t="s">
        <v>18</v>
      </c>
      <c r="G11965" s="6" t="s">
        <v>8257</v>
      </c>
      <c r="H11965" s="6" t="s">
        <v>8258</v>
      </c>
      <c r="I11965" s="7">
        <v>7.1312252000000003</v>
      </c>
      <c r="J11965" s="8">
        <v>-73.107534299999998</v>
      </c>
    </row>
    <row r="11966" spans="1:10" x14ac:dyDescent="0.35">
      <c r="A11966" s="5" t="s">
        <v>10</v>
      </c>
      <c r="B11966" s="6">
        <v>186172</v>
      </c>
      <c r="C11966" s="6" t="s">
        <v>2821</v>
      </c>
      <c r="D11966" s="6" t="s">
        <v>2822</v>
      </c>
      <c r="E11966" s="6">
        <v>47001</v>
      </c>
      <c r="F11966" s="6" t="s">
        <v>18</v>
      </c>
      <c r="G11966" s="6" t="s">
        <v>22544</v>
      </c>
      <c r="H11966" s="6" t="s">
        <v>22545</v>
      </c>
      <c r="I11966" s="7">
        <v>11.242497800000001</v>
      </c>
      <c r="J11966" s="8">
        <v>-74.209134199999994</v>
      </c>
    </row>
    <row r="11967" spans="1:10" x14ac:dyDescent="0.35">
      <c r="A11967" s="5" t="s">
        <v>10</v>
      </c>
      <c r="B11967" s="6">
        <v>210598</v>
      </c>
      <c r="C11967" s="6" t="s">
        <v>2821</v>
      </c>
      <c r="D11967" s="6" t="s">
        <v>2822</v>
      </c>
      <c r="E11967" s="6">
        <v>47001</v>
      </c>
      <c r="F11967" s="6" t="s">
        <v>18</v>
      </c>
      <c r="G11967" s="6" t="s">
        <v>22546</v>
      </c>
      <c r="H11967" s="6" t="s">
        <v>22547</v>
      </c>
      <c r="I11967" s="7">
        <v>11.243682400000001</v>
      </c>
      <c r="J11967" s="8">
        <v>-74.191460399999997</v>
      </c>
    </row>
    <row r="11968" spans="1:10" x14ac:dyDescent="0.35">
      <c r="A11968" s="5" t="s">
        <v>10</v>
      </c>
      <c r="B11968" s="6">
        <v>243553</v>
      </c>
      <c r="C11968" s="6" t="s">
        <v>42</v>
      </c>
      <c r="D11968" s="6" t="s">
        <v>1493</v>
      </c>
      <c r="E11968" s="6">
        <v>17873</v>
      </c>
      <c r="F11968" s="6" t="s">
        <v>18</v>
      </c>
      <c r="G11968" s="6" t="s">
        <v>22548</v>
      </c>
      <c r="H11968" s="6" t="s">
        <v>22549</v>
      </c>
      <c r="I11968" s="7">
        <v>5.0436519000000004</v>
      </c>
      <c r="J11968" s="8">
        <v>-75.508362500000004</v>
      </c>
    </row>
    <row r="11969" spans="1:10" x14ac:dyDescent="0.35">
      <c r="A11969" s="5" t="s">
        <v>10</v>
      </c>
      <c r="B11969" s="6">
        <v>235907</v>
      </c>
      <c r="C11969" s="6" t="s">
        <v>68</v>
      </c>
      <c r="D11969" s="6" t="s">
        <v>69</v>
      </c>
      <c r="E11969" s="6">
        <v>11001</v>
      </c>
      <c r="F11969" s="6" t="s">
        <v>18</v>
      </c>
      <c r="G11969" s="6" t="s">
        <v>22550</v>
      </c>
      <c r="H11969" s="6" t="s">
        <v>22551</v>
      </c>
      <c r="I11969" s="7">
        <v>4.5823437</v>
      </c>
      <c r="J11969" s="8">
        <v>-74.158883700000004</v>
      </c>
    </row>
    <row r="11970" spans="1:10" x14ac:dyDescent="0.35">
      <c r="A11970" s="5" t="s">
        <v>10</v>
      </c>
      <c r="B11970" s="6">
        <v>233484</v>
      </c>
      <c r="C11970" s="6" t="s">
        <v>117</v>
      </c>
      <c r="D11970" s="6" t="s">
        <v>1334</v>
      </c>
      <c r="E11970" s="6">
        <v>76001</v>
      </c>
      <c r="F11970" s="6" t="s">
        <v>18</v>
      </c>
      <c r="G11970" s="6" t="s">
        <v>22552</v>
      </c>
      <c r="H11970" s="6" t="s">
        <v>22553</v>
      </c>
      <c r="I11970" s="7">
        <v>3.4113600000000002</v>
      </c>
      <c r="J11970" s="8">
        <v>-76.530550000000005</v>
      </c>
    </row>
    <row r="11971" spans="1:10" x14ac:dyDescent="0.35">
      <c r="A11971" s="5" t="s">
        <v>10</v>
      </c>
      <c r="B11971" s="6">
        <v>233160</v>
      </c>
      <c r="C11971" s="6" t="s">
        <v>68</v>
      </c>
      <c r="D11971" s="6" t="s">
        <v>69</v>
      </c>
      <c r="E11971" s="6">
        <v>11001</v>
      </c>
      <c r="F11971" s="6" t="s">
        <v>18</v>
      </c>
      <c r="G11971" s="6" t="s">
        <v>22554</v>
      </c>
      <c r="H11971" s="6" t="s">
        <v>22555</v>
      </c>
      <c r="I11971" s="7">
        <v>4.6074000000000002</v>
      </c>
      <c r="J11971" s="8">
        <v>-74.108580000000003</v>
      </c>
    </row>
    <row r="11972" spans="1:10" x14ac:dyDescent="0.35">
      <c r="A11972" s="5" t="s">
        <v>10</v>
      </c>
      <c r="B11972" s="6">
        <v>113993</v>
      </c>
      <c r="C11972" s="6" t="s">
        <v>16</v>
      </c>
      <c r="D11972" s="6" t="s">
        <v>78</v>
      </c>
      <c r="E11972" s="6">
        <v>68001</v>
      </c>
      <c r="F11972" s="6" t="s">
        <v>18</v>
      </c>
      <c r="G11972" s="6" t="s">
        <v>22556</v>
      </c>
      <c r="H11972" s="6" t="s">
        <v>22557</v>
      </c>
      <c r="I11972" s="7">
        <v>7.0846418999999896</v>
      </c>
      <c r="J11972" s="8">
        <v>-73.120426899999998</v>
      </c>
    </row>
    <row r="11973" spans="1:10" x14ac:dyDescent="0.35">
      <c r="A11973" s="5" t="s">
        <v>10</v>
      </c>
      <c r="B11973" s="6">
        <v>191467</v>
      </c>
      <c r="C11973" s="6" t="s">
        <v>302</v>
      </c>
      <c r="D11973" s="6" t="s">
        <v>4041</v>
      </c>
      <c r="E11973" s="6">
        <v>8758</v>
      </c>
      <c r="F11973" s="6" t="s">
        <v>18</v>
      </c>
      <c r="G11973" s="6" t="s">
        <v>22558</v>
      </c>
      <c r="H11973" s="6" t="s">
        <v>22559</v>
      </c>
      <c r="I11973" s="7">
        <v>10.9289836</v>
      </c>
      <c r="J11973" s="8">
        <v>-74.796539999999993</v>
      </c>
    </row>
    <row r="11974" spans="1:10" x14ac:dyDescent="0.35">
      <c r="A11974" s="5" t="s">
        <v>10</v>
      </c>
      <c r="B11974" s="6">
        <v>233565</v>
      </c>
      <c r="C11974" s="6" t="s">
        <v>366</v>
      </c>
      <c r="D11974" s="6" t="s">
        <v>367</v>
      </c>
      <c r="E11974" s="6">
        <v>44430</v>
      </c>
      <c r="F11974" s="6" t="s">
        <v>18</v>
      </c>
      <c r="G11974" s="6" t="s">
        <v>22560</v>
      </c>
      <c r="H11974" s="6" t="s">
        <v>22561</v>
      </c>
      <c r="I11974" s="7">
        <v>11.3795</v>
      </c>
      <c r="J11974" s="8">
        <v>-72.236760000000004</v>
      </c>
    </row>
    <row r="11975" spans="1:10" x14ac:dyDescent="0.35">
      <c r="A11975" s="5" t="s">
        <v>10</v>
      </c>
      <c r="B11975" s="6">
        <v>216506</v>
      </c>
      <c r="C11975" s="6" t="s">
        <v>4364</v>
      </c>
      <c r="D11975" s="6" t="s">
        <v>7836</v>
      </c>
      <c r="E11975" s="6">
        <v>70717</v>
      </c>
      <c r="F11975" s="6" t="s">
        <v>18</v>
      </c>
      <c r="G11975" s="6" t="s">
        <v>22562</v>
      </c>
      <c r="H11975" s="6" t="s">
        <v>22563</v>
      </c>
      <c r="I11975" s="7">
        <v>9.3952193000000008</v>
      </c>
      <c r="J11975" s="8">
        <v>-75.063038499999905</v>
      </c>
    </row>
    <row r="11976" spans="1:10" x14ac:dyDescent="0.35">
      <c r="A11976" s="5" t="s">
        <v>10</v>
      </c>
      <c r="B11976" s="6">
        <v>221574</v>
      </c>
      <c r="C11976" s="6" t="s">
        <v>366</v>
      </c>
      <c r="D11976" s="6" t="s">
        <v>367</v>
      </c>
      <c r="E11976" s="6">
        <v>44430</v>
      </c>
      <c r="F11976" s="6" t="s">
        <v>18</v>
      </c>
      <c r="G11976" s="6" t="s">
        <v>22564</v>
      </c>
      <c r="H11976" s="6" t="s">
        <v>22565</v>
      </c>
      <c r="I11976" s="7">
        <v>11.3781363</v>
      </c>
      <c r="J11976" s="8">
        <v>-72.235964299999907</v>
      </c>
    </row>
    <row r="11977" spans="1:10" x14ac:dyDescent="0.35">
      <c r="A11977" s="5" t="s">
        <v>10</v>
      </c>
      <c r="B11977" s="6">
        <v>230686</v>
      </c>
      <c r="C11977" s="6" t="s">
        <v>16</v>
      </c>
      <c r="D11977" s="6" t="s">
        <v>2825</v>
      </c>
      <c r="E11977" s="6">
        <v>68276</v>
      </c>
      <c r="F11977" s="6" t="s">
        <v>18</v>
      </c>
      <c r="G11977" s="6" t="s">
        <v>22566</v>
      </c>
      <c r="H11977" s="6" t="s">
        <v>22567</v>
      </c>
      <c r="I11977" s="7">
        <v>7.0603642000000004</v>
      </c>
      <c r="J11977" s="8">
        <v>-73.097785999999999</v>
      </c>
    </row>
    <row r="11978" spans="1:10" x14ac:dyDescent="0.35">
      <c r="A11978" s="5" t="s">
        <v>10</v>
      </c>
      <c r="B11978" s="6">
        <v>239564</v>
      </c>
      <c r="C11978" s="6" t="s">
        <v>94</v>
      </c>
      <c r="D11978" s="6" t="s">
        <v>98</v>
      </c>
      <c r="E11978" s="6">
        <v>66001</v>
      </c>
      <c r="F11978" s="6" t="s">
        <v>18</v>
      </c>
      <c r="G11978" s="6" t="s">
        <v>22568</v>
      </c>
      <c r="H11978" s="6" t="s">
        <v>22569</v>
      </c>
      <c r="I11978" s="7">
        <v>4.7974702000000002</v>
      </c>
      <c r="J11978" s="8">
        <v>-75.697452600000005</v>
      </c>
    </row>
    <row r="11979" spans="1:10" x14ac:dyDescent="0.35">
      <c r="A11979" s="5" t="s">
        <v>10</v>
      </c>
      <c r="B11979" s="6">
        <v>234444</v>
      </c>
      <c r="C11979" s="6" t="s">
        <v>16</v>
      </c>
      <c r="D11979" s="6" t="s">
        <v>78</v>
      </c>
      <c r="E11979" s="6">
        <v>68001</v>
      </c>
      <c r="F11979" s="6" t="s">
        <v>18</v>
      </c>
      <c r="G11979" s="6" t="s">
        <v>22570</v>
      </c>
      <c r="H11979" s="6" t="s">
        <v>22571</v>
      </c>
      <c r="I11979" s="7">
        <v>7.1343256000000004</v>
      </c>
      <c r="J11979" s="8">
        <v>-73.116541999999995</v>
      </c>
    </row>
    <row r="11980" spans="1:10" x14ac:dyDescent="0.35">
      <c r="A11980" s="5" t="s">
        <v>10</v>
      </c>
      <c r="B11980" s="6">
        <v>184817</v>
      </c>
      <c r="C11980" s="6" t="s">
        <v>16</v>
      </c>
      <c r="D11980" s="6" t="s">
        <v>11177</v>
      </c>
      <c r="E11980" s="6">
        <v>68684</v>
      </c>
      <c r="F11980" s="6" t="s">
        <v>18</v>
      </c>
      <c r="G11980" s="6" t="s">
        <v>11178</v>
      </c>
      <c r="H11980" s="6" t="s">
        <v>11179</v>
      </c>
      <c r="I11980" s="7">
        <v>6.6587058999999904</v>
      </c>
      <c r="J11980" s="8">
        <v>-72.733902200000003</v>
      </c>
    </row>
    <row r="11981" spans="1:10" x14ac:dyDescent="0.35">
      <c r="A11981" s="5" t="s">
        <v>10</v>
      </c>
      <c r="B11981" s="6">
        <v>246063</v>
      </c>
      <c r="C11981" s="6" t="s">
        <v>16</v>
      </c>
      <c r="D11981" s="6" t="s">
        <v>78</v>
      </c>
      <c r="E11981" s="6">
        <v>68001</v>
      </c>
      <c r="F11981" s="6" t="s">
        <v>18</v>
      </c>
      <c r="G11981" s="6" t="s">
        <v>22572</v>
      </c>
      <c r="H11981" s="6" t="s">
        <v>22573</v>
      </c>
      <c r="I11981" s="7">
        <v>7.1215077999999998</v>
      </c>
      <c r="J11981" s="8">
        <v>-73.136977400000006</v>
      </c>
    </row>
    <row r="11982" spans="1:10" x14ac:dyDescent="0.35">
      <c r="A11982" s="5" t="s">
        <v>10</v>
      </c>
      <c r="B11982" s="6">
        <v>230962</v>
      </c>
      <c r="C11982" s="6" t="s">
        <v>11</v>
      </c>
      <c r="D11982" s="6" t="s">
        <v>5259</v>
      </c>
      <c r="E11982" s="6">
        <v>25320</v>
      </c>
      <c r="F11982" s="6" t="s">
        <v>18</v>
      </c>
      <c r="G11982" s="6" t="s">
        <v>22574</v>
      </c>
      <c r="H11982" s="6" t="s">
        <v>22575</v>
      </c>
      <c r="I11982" s="7">
        <v>5.0678087999999999</v>
      </c>
      <c r="J11982" s="8">
        <v>-74.5953205</v>
      </c>
    </row>
    <row r="11983" spans="1:10" x14ac:dyDescent="0.35">
      <c r="A11983" s="5" t="s">
        <v>10</v>
      </c>
      <c r="B11983" s="6">
        <v>213886</v>
      </c>
      <c r="C11983" s="6" t="s">
        <v>109</v>
      </c>
      <c r="D11983" s="6" t="s">
        <v>227</v>
      </c>
      <c r="E11983" s="6">
        <v>13001</v>
      </c>
      <c r="F11983" s="6" t="s">
        <v>18</v>
      </c>
      <c r="G11983" s="6" t="s">
        <v>22576</v>
      </c>
      <c r="H11983" s="6" t="s">
        <v>22577</v>
      </c>
      <c r="I11983" s="7">
        <v>10.405950600000001</v>
      </c>
      <c r="J11983" s="8">
        <v>-75.484572499999999</v>
      </c>
    </row>
    <row r="11984" spans="1:10" x14ac:dyDescent="0.35">
      <c r="A11984" s="5" t="s">
        <v>10</v>
      </c>
      <c r="B11984" s="6">
        <v>245930</v>
      </c>
      <c r="C11984" s="6" t="s">
        <v>16</v>
      </c>
      <c r="D11984" s="6" t="s">
        <v>8062</v>
      </c>
      <c r="E11984" s="6">
        <v>68575</v>
      </c>
      <c r="F11984" s="6" t="s">
        <v>18</v>
      </c>
      <c r="G11984" s="6" t="s">
        <v>22578</v>
      </c>
      <c r="H11984" s="6" t="s">
        <v>22579</v>
      </c>
      <c r="I11984" s="7">
        <v>7.3460793999999998</v>
      </c>
      <c r="J11984" s="8">
        <v>-73.902852100000004</v>
      </c>
    </row>
    <row r="11985" spans="1:10" x14ac:dyDescent="0.35">
      <c r="A11985" s="5" t="s">
        <v>10</v>
      </c>
      <c r="B11985" s="6">
        <v>171428</v>
      </c>
      <c r="C11985" s="6" t="s">
        <v>278</v>
      </c>
      <c r="D11985" s="6" t="s">
        <v>279</v>
      </c>
      <c r="E11985" s="6">
        <v>50001</v>
      </c>
      <c r="F11985" s="6" t="s">
        <v>18</v>
      </c>
      <c r="G11985" s="6" t="s">
        <v>22580</v>
      </c>
      <c r="H11985" s="6" t="s">
        <v>22581</v>
      </c>
      <c r="I11985" s="7">
        <v>4.1401762</v>
      </c>
      <c r="J11985" s="8">
        <v>-73.612571199999906</v>
      </c>
    </row>
    <row r="11986" spans="1:10" x14ac:dyDescent="0.35">
      <c r="A11986" s="5" t="s">
        <v>10</v>
      </c>
      <c r="B11986" s="6">
        <v>159431</v>
      </c>
      <c r="C11986" s="6" t="s">
        <v>68</v>
      </c>
      <c r="D11986" s="6" t="s">
        <v>69</v>
      </c>
      <c r="E11986" s="6">
        <v>11001</v>
      </c>
      <c r="F11986" s="6" t="s">
        <v>18</v>
      </c>
      <c r="G11986" s="6" t="s">
        <v>22582</v>
      </c>
      <c r="H11986" s="6" t="s">
        <v>22583</v>
      </c>
      <c r="I11986" s="7">
        <v>4.7109885999999896</v>
      </c>
      <c r="J11986" s="8">
        <v>-74.072091999999998</v>
      </c>
    </row>
    <row r="11987" spans="1:10" x14ac:dyDescent="0.35">
      <c r="A11987" s="5" t="s">
        <v>10</v>
      </c>
      <c r="B11987" s="6">
        <v>197739</v>
      </c>
      <c r="C11987" s="6" t="s">
        <v>3788</v>
      </c>
      <c r="D11987" s="6" t="s">
        <v>3974</v>
      </c>
      <c r="E11987" s="6">
        <v>18001</v>
      </c>
      <c r="F11987" s="6" t="s">
        <v>18</v>
      </c>
      <c r="G11987" s="6" t="s">
        <v>22584</v>
      </c>
      <c r="H11987" s="6" t="s">
        <v>22585</v>
      </c>
      <c r="I11987" s="7">
        <v>1.6237794999999999</v>
      </c>
      <c r="J11987" s="8">
        <v>-75.613693499999997</v>
      </c>
    </row>
    <row r="11988" spans="1:10" x14ac:dyDescent="0.35">
      <c r="A11988" s="5" t="s">
        <v>10</v>
      </c>
      <c r="B11988" s="6">
        <v>198111</v>
      </c>
      <c r="C11988" s="6" t="s">
        <v>3788</v>
      </c>
      <c r="D11988" s="6" t="s">
        <v>3974</v>
      </c>
      <c r="E11988" s="6">
        <v>18001</v>
      </c>
      <c r="F11988" s="6" t="s">
        <v>18</v>
      </c>
      <c r="G11988" s="6" t="s">
        <v>11073</v>
      </c>
      <c r="H11988" s="6" t="s">
        <v>11074</v>
      </c>
      <c r="I11988" s="7">
        <v>1.6140456999999999</v>
      </c>
      <c r="J11988" s="8">
        <v>-75.612645599999993</v>
      </c>
    </row>
    <row r="11989" spans="1:10" x14ac:dyDescent="0.35">
      <c r="A11989" s="5" t="s">
        <v>10</v>
      </c>
      <c r="B11989" s="6">
        <v>204066</v>
      </c>
      <c r="C11989" s="6" t="s">
        <v>68</v>
      </c>
      <c r="D11989" s="6" t="s">
        <v>69</v>
      </c>
      <c r="E11989" s="6">
        <v>11001</v>
      </c>
      <c r="F11989" s="6" t="s">
        <v>13</v>
      </c>
      <c r="G11989" s="6" t="s">
        <v>9923</v>
      </c>
      <c r="H11989" s="6" t="s">
        <v>22586</v>
      </c>
      <c r="I11989" s="7">
        <v>4.5773640999999996</v>
      </c>
      <c r="J11989" s="8">
        <v>-74.200875999999994</v>
      </c>
    </row>
    <row r="11990" spans="1:10" x14ac:dyDescent="0.35">
      <c r="A11990" s="5" t="s">
        <v>10</v>
      </c>
      <c r="B11990" s="6">
        <v>218804</v>
      </c>
      <c r="C11990" s="6" t="s">
        <v>68</v>
      </c>
      <c r="D11990" s="6" t="s">
        <v>69</v>
      </c>
      <c r="E11990" s="6">
        <v>11001</v>
      </c>
      <c r="F11990" s="6" t="s">
        <v>18</v>
      </c>
      <c r="G11990" s="6" t="s">
        <v>22587</v>
      </c>
      <c r="H11990" s="6" t="s">
        <v>22588</v>
      </c>
      <c r="I11990" s="7">
        <v>4.5684217999999897</v>
      </c>
      <c r="J11990" s="8">
        <v>-74.151101299999993</v>
      </c>
    </row>
    <row r="11991" spans="1:10" x14ac:dyDescent="0.35">
      <c r="A11991" s="5" t="s">
        <v>10</v>
      </c>
      <c r="B11991" s="6">
        <v>236932</v>
      </c>
      <c r="C11991" s="6" t="s">
        <v>68</v>
      </c>
      <c r="D11991" s="6" t="s">
        <v>69</v>
      </c>
      <c r="E11991" s="6">
        <v>11001</v>
      </c>
      <c r="F11991" s="6" t="s">
        <v>18</v>
      </c>
      <c r="G11991" s="6" t="s">
        <v>22589</v>
      </c>
      <c r="H11991" s="6" t="s">
        <v>22590</v>
      </c>
      <c r="I11991" s="7">
        <v>4.7093378000000001</v>
      </c>
      <c r="J11991" s="8">
        <v>-74.117274600000002</v>
      </c>
    </row>
    <row r="11992" spans="1:10" x14ac:dyDescent="0.35">
      <c r="A11992" s="5" t="s">
        <v>10</v>
      </c>
      <c r="B11992" s="6">
        <v>96126</v>
      </c>
      <c r="C11992" s="6" t="s">
        <v>11</v>
      </c>
      <c r="D11992" s="6" t="s">
        <v>6321</v>
      </c>
      <c r="E11992" s="6">
        <v>25040</v>
      </c>
      <c r="F11992" s="6" t="s">
        <v>18</v>
      </c>
      <c r="G11992" s="6" t="s">
        <v>11025</v>
      </c>
      <c r="H11992" s="6" t="s">
        <v>11026</v>
      </c>
      <c r="I11992" s="7">
        <v>4.7616100000000001</v>
      </c>
      <c r="J11992" s="8">
        <v>-74.464581199999998</v>
      </c>
    </row>
    <row r="11993" spans="1:10" x14ac:dyDescent="0.35">
      <c r="A11993" s="5" t="s">
        <v>10</v>
      </c>
      <c r="B11993" s="6">
        <v>244590</v>
      </c>
      <c r="C11993" s="6" t="s">
        <v>308</v>
      </c>
      <c r="D11993" s="6" t="s">
        <v>8338</v>
      </c>
      <c r="E11993" s="6">
        <v>23555</v>
      </c>
      <c r="F11993" s="6" t="s">
        <v>18</v>
      </c>
      <c r="G11993" s="6" t="s">
        <v>22591</v>
      </c>
      <c r="H11993" s="6" t="s">
        <v>22592</v>
      </c>
      <c r="I11993" s="7">
        <v>8.4127468000000007</v>
      </c>
      <c r="J11993" s="8">
        <v>-75.5840484</v>
      </c>
    </row>
    <row r="11994" spans="1:10" x14ac:dyDescent="0.35">
      <c r="A11994" s="5" t="s">
        <v>10</v>
      </c>
      <c r="B11994" s="6">
        <v>227917</v>
      </c>
      <c r="C11994" s="6" t="s">
        <v>308</v>
      </c>
      <c r="D11994" s="6" t="s">
        <v>309</v>
      </c>
      <c r="E11994" s="6">
        <v>23001</v>
      </c>
      <c r="F11994" s="6" t="s">
        <v>18</v>
      </c>
      <c r="G11994" s="6" t="s">
        <v>22593</v>
      </c>
      <c r="H11994" s="6" t="s">
        <v>22594</v>
      </c>
      <c r="I11994" s="7">
        <v>8.7542215999999993</v>
      </c>
      <c r="J11994" s="8">
        <v>-75.8820111</v>
      </c>
    </row>
    <row r="11995" spans="1:10" x14ac:dyDescent="0.35">
      <c r="A11995" s="5" t="s">
        <v>10</v>
      </c>
      <c r="B11995" s="6">
        <v>227312</v>
      </c>
      <c r="C11995" s="6" t="s">
        <v>16</v>
      </c>
      <c r="D11995" s="6" t="s">
        <v>78</v>
      </c>
      <c r="E11995" s="6">
        <v>68001</v>
      </c>
      <c r="F11995" s="6" t="s">
        <v>18</v>
      </c>
      <c r="G11995" s="6" t="s">
        <v>22595</v>
      </c>
      <c r="H11995" s="6" t="s">
        <v>22596</v>
      </c>
      <c r="I11995" s="7">
        <v>7.1220170999999999</v>
      </c>
      <c r="J11995" s="8">
        <v>-73.1332539</v>
      </c>
    </row>
    <row r="11996" spans="1:10" x14ac:dyDescent="0.35">
      <c r="A11996" s="5" t="s">
        <v>10</v>
      </c>
      <c r="B11996" s="6">
        <v>68287</v>
      </c>
      <c r="C11996" s="6" t="s">
        <v>294</v>
      </c>
      <c r="D11996" s="6" t="s">
        <v>3777</v>
      </c>
      <c r="E11996" s="6">
        <v>41132</v>
      </c>
      <c r="F11996" s="6" t="s">
        <v>18</v>
      </c>
      <c r="G11996" s="6" t="s">
        <v>22597</v>
      </c>
      <c r="H11996" s="6" t="s">
        <v>22598</v>
      </c>
      <c r="I11996" s="7">
        <v>2.6851058000000001</v>
      </c>
      <c r="J11996" s="8">
        <v>-75.326641600000002</v>
      </c>
    </row>
    <row r="11997" spans="1:10" x14ac:dyDescent="0.35">
      <c r="A11997" s="5" t="s">
        <v>10</v>
      </c>
      <c r="B11997" s="6">
        <v>94518</v>
      </c>
      <c r="C11997" s="6" t="s">
        <v>11</v>
      </c>
      <c r="D11997" s="6" t="s">
        <v>8287</v>
      </c>
      <c r="E11997" s="6">
        <v>25491</v>
      </c>
      <c r="F11997" s="6" t="s">
        <v>18</v>
      </c>
      <c r="G11997" s="6" t="s">
        <v>8288</v>
      </c>
      <c r="H11997" s="6" t="s">
        <v>8289</v>
      </c>
      <c r="I11997" s="7">
        <v>5.0694349999999897</v>
      </c>
      <c r="J11997" s="8">
        <v>-74.380304999999893</v>
      </c>
    </row>
    <row r="11998" spans="1:10" x14ac:dyDescent="0.35">
      <c r="A11998" s="5" t="s">
        <v>10</v>
      </c>
      <c r="B11998" s="6">
        <v>233682</v>
      </c>
      <c r="C11998" s="6" t="s">
        <v>308</v>
      </c>
      <c r="D11998" s="6" t="s">
        <v>8338</v>
      </c>
      <c r="E11998" s="6">
        <v>23555</v>
      </c>
      <c r="F11998" s="6" t="s">
        <v>18</v>
      </c>
      <c r="G11998" s="6" t="s">
        <v>22599</v>
      </c>
      <c r="H11998" s="6" t="s">
        <v>22600</v>
      </c>
      <c r="I11998" s="7">
        <v>8.4072200000000006</v>
      </c>
      <c r="J11998" s="8">
        <v>-75.580820000000003</v>
      </c>
    </row>
    <row r="11999" spans="1:10" x14ac:dyDescent="0.35">
      <c r="A11999" s="5" t="s">
        <v>10</v>
      </c>
      <c r="B11999" s="6">
        <v>231002</v>
      </c>
      <c r="C11999" s="6" t="s">
        <v>16</v>
      </c>
      <c r="D11999" s="6" t="s">
        <v>78</v>
      </c>
      <c r="E11999" s="6">
        <v>68001</v>
      </c>
      <c r="F11999" s="6" t="s">
        <v>18</v>
      </c>
      <c r="G11999" s="6" t="s">
        <v>22601</v>
      </c>
      <c r="H11999" s="6" t="s">
        <v>22602</v>
      </c>
      <c r="I11999" s="7">
        <v>7.0839964000000002</v>
      </c>
      <c r="J11999" s="8">
        <v>-73.119753900000006</v>
      </c>
    </row>
    <row r="12000" spans="1:10" x14ac:dyDescent="0.35">
      <c r="A12000" s="5" t="s">
        <v>10</v>
      </c>
      <c r="B12000" s="6">
        <v>232807</v>
      </c>
      <c r="C12000" s="6" t="s">
        <v>55</v>
      </c>
      <c r="D12000" s="6" t="s">
        <v>56</v>
      </c>
      <c r="E12000" s="6">
        <v>73001</v>
      </c>
      <c r="F12000" s="6" t="s">
        <v>18</v>
      </c>
      <c r="G12000" s="6" t="s">
        <v>22603</v>
      </c>
      <c r="H12000" s="6" t="s">
        <v>22604</v>
      </c>
      <c r="I12000" s="7">
        <v>4.4357113999999997</v>
      </c>
      <c r="J12000" s="8">
        <v>-75.242373000000001</v>
      </c>
    </row>
    <row r="12001" spans="1:10" x14ac:dyDescent="0.35">
      <c r="A12001" s="5" t="s">
        <v>10</v>
      </c>
      <c r="B12001" s="6">
        <v>232087</v>
      </c>
      <c r="C12001" s="6" t="s">
        <v>16</v>
      </c>
      <c r="D12001" s="6" t="s">
        <v>2825</v>
      </c>
      <c r="E12001" s="6">
        <v>68276</v>
      </c>
      <c r="F12001" s="6" t="s">
        <v>18</v>
      </c>
      <c r="G12001" s="6" t="s">
        <v>22605</v>
      </c>
      <c r="H12001" s="6" t="s">
        <v>22606</v>
      </c>
      <c r="I12001" s="7">
        <v>7.0633122999999998</v>
      </c>
      <c r="J12001" s="8">
        <v>-73.091425599999994</v>
      </c>
    </row>
    <row r="12002" spans="1:10" x14ac:dyDescent="0.35">
      <c r="A12002" s="5" t="s">
        <v>10</v>
      </c>
      <c r="B12002" s="6">
        <v>243012</v>
      </c>
      <c r="C12002" s="6" t="s">
        <v>16</v>
      </c>
      <c r="D12002" s="6" t="s">
        <v>1266</v>
      </c>
      <c r="E12002" s="6">
        <v>68081</v>
      </c>
      <c r="F12002" s="6" t="s">
        <v>18</v>
      </c>
      <c r="G12002" s="6" t="s">
        <v>22607</v>
      </c>
      <c r="H12002" s="6" t="s">
        <v>22608</v>
      </c>
      <c r="I12002" s="7">
        <v>7.0447025999999999</v>
      </c>
      <c r="J12002" s="8">
        <v>-73.8272604</v>
      </c>
    </row>
    <row r="12003" spans="1:10" x14ac:dyDescent="0.35">
      <c r="A12003" s="5" t="s">
        <v>10</v>
      </c>
      <c r="B12003" s="6">
        <v>137694</v>
      </c>
      <c r="C12003" s="6" t="s">
        <v>68</v>
      </c>
      <c r="D12003" s="6" t="s">
        <v>69</v>
      </c>
      <c r="E12003" s="6">
        <v>11001</v>
      </c>
      <c r="F12003" s="6" t="s">
        <v>18</v>
      </c>
      <c r="G12003" s="6" t="s">
        <v>22609</v>
      </c>
      <c r="H12003" s="6" t="s">
        <v>22610</v>
      </c>
      <c r="I12003" s="7">
        <v>4.5889679999999897</v>
      </c>
      <c r="J12003" s="8">
        <v>-74.084381299999905</v>
      </c>
    </row>
    <row r="12004" spans="1:10" x14ac:dyDescent="0.35">
      <c r="A12004" s="5" t="s">
        <v>10</v>
      </c>
      <c r="B12004" s="6">
        <v>207041</v>
      </c>
      <c r="C12004" s="6" t="s">
        <v>16</v>
      </c>
      <c r="D12004" s="6" t="s">
        <v>2825</v>
      </c>
      <c r="E12004" s="6">
        <v>68276</v>
      </c>
      <c r="F12004" s="6" t="s">
        <v>18</v>
      </c>
      <c r="G12004" s="6" t="s">
        <v>22611</v>
      </c>
      <c r="H12004" s="6" t="s">
        <v>22612</v>
      </c>
      <c r="I12004" s="7">
        <v>7.0746796999999999</v>
      </c>
      <c r="J12004" s="8">
        <v>-73.090856099999996</v>
      </c>
    </row>
    <row r="12005" spans="1:10" x14ac:dyDescent="0.35">
      <c r="A12005" s="5" t="s">
        <v>10</v>
      </c>
      <c r="B12005" s="6">
        <v>244533</v>
      </c>
      <c r="C12005" s="6" t="s">
        <v>94</v>
      </c>
      <c r="D12005" s="6" t="s">
        <v>95</v>
      </c>
      <c r="E12005" s="6">
        <v>66170</v>
      </c>
      <c r="F12005" s="6" t="s">
        <v>18</v>
      </c>
      <c r="G12005" s="6" t="s">
        <v>22613</v>
      </c>
      <c r="H12005" s="6" t="s">
        <v>22614</v>
      </c>
      <c r="I12005" s="7">
        <v>4.8274308000000001</v>
      </c>
      <c r="J12005" s="8">
        <v>-75.696969600000003</v>
      </c>
    </row>
    <row r="12006" spans="1:10" x14ac:dyDescent="0.35">
      <c r="A12006" s="5" t="s">
        <v>10</v>
      </c>
      <c r="B12006" s="6">
        <v>233687</v>
      </c>
      <c r="C12006" s="6" t="s">
        <v>68</v>
      </c>
      <c r="D12006" s="6" t="s">
        <v>69</v>
      </c>
      <c r="E12006" s="6">
        <v>11001</v>
      </c>
      <c r="F12006" s="6" t="s">
        <v>18</v>
      </c>
      <c r="G12006" s="6" t="s">
        <v>22615</v>
      </c>
      <c r="H12006" s="6" t="s">
        <v>22616</v>
      </c>
      <c r="I12006" s="7">
        <v>4.5975999999999999</v>
      </c>
      <c r="J12006" s="8">
        <v>-74.179469999999995</v>
      </c>
    </row>
    <row r="12007" spans="1:10" x14ac:dyDescent="0.35">
      <c r="A12007" s="5" t="s">
        <v>10</v>
      </c>
      <c r="B12007" s="6">
        <v>233323</v>
      </c>
      <c r="C12007" s="6" t="s">
        <v>28</v>
      </c>
      <c r="D12007" s="6" t="s">
        <v>29</v>
      </c>
      <c r="E12007" s="6">
        <v>54001</v>
      </c>
      <c r="F12007" s="6" t="s">
        <v>18</v>
      </c>
      <c r="G12007" s="6" t="s">
        <v>22617</v>
      </c>
      <c r="H12007" s="6" t="s">
        <v>22618</v>
      </c>
      <c r="I12007" s="7">
        <v>7.8871599999999997</v>
      </c>
      <c r="J12007" s="8">
        <v>-72.505170000000007</v>
      </c>
    </row>
    <row r="12008" spans="1:10" x14ac:dyDescent="0.35">
      <c r="A12008" s="5" t="s">
        <v>10</v>
      </c>
      <c r="B12008" s="6">
        <v>216795</v>
      </c>
      <c r="C12008" s="6" t="s">
        <v>16</v>
      </c>
      <c r="D12008" s="6" t="s">
        <v>510</v>
      </c>
      <c r="E12008" s="6">
        <v>68547</v>
      </c>
      <c r="F12008" s="6" t="s">
        <v>18</v>
      </c>
      <c r="G12008" s="6" t="s">
        <v>22619</v>
      </c>
      <c r="H12008" s="6" t="s">
        <v>22620</v>
      </c>
      <c r="I12008" s="7">
        <v>6.9915390000000004</v>
      </c>
      <c r="J12008" s="8">
        <v>-73.053997999999893</v>
      </c>
    </row>
    <row r="12009" spans="1:10" x14ac:dyDescent="0.35">
      <c r="A12009" s="5" t="s">
        <v>10</v>
      </c>
      <c r="B12009" s="6">
        <v>243355</v>
      </c>
      <c r="C12009" s="6" t="s">
        <v>366</v>
      </c>
      <c r="D12009" s="6" t="s">
        <v>8296</v>
      </c>
      <c r="E12009" s="6">
        <v>44001</v>
      </c>
      <c r="F12009" s="6" t="s">
        <v>18</v>
      </c>
      <c r="G12009" s="6" t="s">
        <v>22621</v>
      </c>
      <c r="H12009" s="6" t="s">
        <v>22622</v>
      </c>
      <c r="I12009" s="7">
        <v>11.5295535</v>
      </c>
      <c r="J12009" s="8">
        <v>-72.903426899999999</v>
      </c>
    </row>
    <row r="12010" spans="1:10" x14ac:dyDescent="0.35">
      <c r="A12010" s="5" t="s">
        <v>10</v>
      </c>
      <c r="B12010" s="6">
        <v>219394</v>
      </c>
      <c r="C12010" s="6" t="s">
        <v>16</v>
      </c>
      <c r="D12010" s="6" t="s">
        <v>78</v>
      </c>
      <c r="E12010" s="6">
        <v>68001</v>
      </c>
      <c r="F12010" s="6" t="s">
        <v>18</v>
      </c>
      <c r="G12010" s="6" t="s">
        <v>22623</v>
      </c>
      <c r="H12010" s="6" t="s">
        <v>22624</v>
      </c>
      <c r="I12010" s="7">
        <v>7.1323837999999897</v>
      </c>
      <c r="J12010" s="8">
        <v>-73.134270299999997</v>
      </c>
    </row>
    <row r="12011" spans="1:10" x14ac:dyDescent="0.35">
      <c r="A12011" s="5" t="s">
        <v>10</v>
      </c>
      <c r="B12011" s="6">
        <v>213412</v>
      </c>
      <c r="C12011" s="6" t="s">
        <v>117</v>
      </c>
      <c r="D12011" s="6" t="s">
        <v>3492</v>
      </c>
      <c r="E12011" s="6">
        <v>76520</v>
      </c>
      <c r="F12011" s="6" t="s">
        <v>18</v>
      </c>
      <c r="G12011" s="6" t="s">
        <v>22625</v>
      </c>
      <c r="H12011" s="6" t="s">
        <v>22626</v>
      </c>
      <c r="I12011" s="7">
        <v>3.5201009000000001</v>
      </c>
      <c r="J12011" s="8">
        <v>-76.291263599999994</v>
      </c>
    </row>
    <row r="12012" spans="1:10" x14ac:dyDescent="0.35">
      <c r="A12012" s="5" t="s">
        <v>10</v>
      </c>
      <c r="B12012" s="6">
        <v>232370</v>
      </c>
      <c r="C12012" s="6" t="s">
        <v>16</v>
      </c>
      <c r="D12012" s="6" t="s">
        <v>2825</v>
      </c>
      <c r="E12012" s="6">
        <v>68276</v>
      </c>
      <c r="F12012" s="6" t="s">
        <v>18</v>
      </c>
      <c r="G12012" s="6" t="s">
        <v>22627</v>
      </c>
      <c r="H12012" s="6" t="s">
        <v>22628</v>
      </c>
      <c r="I12012" s="7">
        <v>7.0826669999999998</v>
      </c>
      <c r="J12012" s="8">
        <v>-73.099819999999994</v>
      </c>
    </row>
    <row r="12013" spans="1:10" x14ac:dyDescent="0.35">
      <c r="A12013" s="5" t="s">
        <v>10</v>
      </c>
      <c r="B12013" s="6">
        <v>190298</v>
      </c>
      <c r="C12013" s="6" t="s">
        <v>68</v>
      </c>
      <c r="D12013" s="6" t="s">
        <v>69</v>
      </c>
      <c r="E12013" s="6">
        <v>11001</v>
      </c>
      <c r="F12013" s="6" t="s">
        <v>18</v>
      </c>
      <c r="G12013" s="6" t="s">
        <v>1940</v>
      </c>
      <c r="H12013" s="6" t="s">
        <v>11222</v>
      </c>
      <c r="I12013" s="7">
        <v>4.5682117999999896</v>
      </c>
      <c r="J12013" s="8">
        <v>-74.163045600000004</v>
      </c>
    </row>
    <row r="12014" spans="1:10" x14ac:dyDescent="0.35">
      <c r="A12014" s="5" t="s">
        <v>10</v>
      </c>
      <c r="B12014" s="6">
        <v>245882</v>
      </c>
      <c r="C12014" s="6" t="s">
        <v>302</v>
      </c>
      <c r="D12014" s="6" t="s">
        <v>359</v>
      </c>
      <c r="E12014" s="6">
        <v>8001</v>
      </c>
      <c r="F12014" s="6" t="s">
        <v>18</v>
      </c>
      <c r="G12014" s="6" t="s">
        <v>22629</v>
      </c>
      <c r="H12014" s="6" t="s">
        <v>22630</v>
      </c>
      <c r="I12014" s="7">
        <v>10.9545741</v>
      </c>
      <c r="J12014" s="8">
        <v>-74.770930300000003</v>
      </c>
    </row>
    <row r="12015" spans="1:10" x14ac:dyDescent="0.35">
      <c r="A12015" s="5" t="s">
        <v>10</v>
      </c>
      <c r="B12015" s="6">
        <v>237688</v>
      </c>
      <c r="C12015" s="6" t="s">
        <v>3788</v>
      </c>
      <c r="D12015" s="6" t="s">
        <v>3974</v>
      </c>
      <c r="E12015" s="6">
        <v>18001</v>
      </c>
      <c r="F12015" s="6" t="s">
        <v>18</v>
      </c>
      <c r="G12015" s="6" t="s">
        <v>22631</v>
      </c>
      <c r="H12015" s="6" t="s">
        <v>22632</v>
      </c>
      <c r="I12015" s="7">
        <v>1.6253019</v>
      </c>
      <c r="J12015" s="8">
        <v>-75.602942999999996</v>
      </c>
    </row>
    <row r="12016" spans="1:10" x14ac:dyDescent="0.35">
      <c r="A12016" s="5" t="s">
        <v>10</v>
      </c>
      <c r="B12016" s="6">
        <v>145825</v>
      </c>
      <c r="C12016" s="6" t="s">
        <v>294</v>
      </c>
      <c r="D12016" s="6" t="s">
        <v>4789</v>
      </c>
      <c r="E12016" s="6">
        <v>41548</v>
      </c>
      <c r="F12016" s="6" t="s">
        <v>18</v>
      </c>
      <c r="G12016" s="6" t="s">
        <v>6099</v>
      </c>
      <c r="H12016" s="6" t="s">
        <v>21888</v>
      </c>
      <c r="I12016" s="7">
        <v>10.4229301</v>
      </c>
      <c r="J12016" s="8">
        <v>-75.550232399999999</v>
      </c>
    </row>
    <row r="12017" spans="1:10" x14ac:dyDescent="0.35">
      <c r="A12017" s="5" t="s">
        <v>10</v>
      </c>
      <c r="B12017" s="6">
        <v>224394</v>
      </c>
      <c r="C12017" s="6" t="s">
        <v>294</v>
      </c>
      <c r="D12017" s="6" t="s">
        <v>703</v>
      </c>
      <c r="E12017" s="6">
        <v>41001</v>
      </c>
      <c r="F12017" s="6" t="s">
        <v>18</v>
      </c>
      <c r="G12017" s="6" t="s">
        <v>22633</v>
      </c>
      <c r="H12017" s="6" t="s">
        <v>22634</v>
      </c>
      <c r="I12017" s="7">
        <v>2.9622513000000001</v>
      </c>
      <c r="J12017" s="8">
        <v>-75.309751399999996</v>
      </c>
    </row>
    <row r="12018" spans="1:10" x14ac:dyDescent="0.35">
      <c r="A12018" s="5" t="s">
        <v>10</v>
      </c>
      <c r="B12018" s="6">
        <v>231458</v>
      </c>
      <c r="C12018" s="6" t="s">
        <v>2821</v>
      </c>
      <c r="D12018" s="6" t="s">
        <v>9277</v>
      </c>
      <c r="E12018" s="6">
        <v>47030</v>
      </c>
      <c r="F12018" s="6" t="s">
        <v>18</v>
      </c>
      <c r="G12018" s="6" t="s">
        <v>22635</v>
      </c>
      <c r="H12018" s="6" t="s">
        <v>22636</v>
      </c>
      <c r="I12018" s="7">
        <v>10.183236600000001</v>
      </c>
      <c r="J12018" s="8">
        <v>-74.059880199999995</v>
      </c>
    </row>
    <row r="12019" spans="1:10" x14ac:dyDescent="0.35">
      <c r="A12019" s="5" t="s">
        <v>10</v>
      </c>
      <c r="B12019" s="6">
        <v>240113</v>
      </c>
      <c r="C12019" s="6" t="s">
        <v>308</v>
      </c>
      <c r="D12019" s="6" t="s">
        <v>7998</v>
      </c>
      <c r="E12019" s="6">
        <v>23855</v>
      </c>
      <c r="F12019" s="6" t="s">
        <v>18</v>
      </c>
      <c r="G12019" s="6" t="s">
        <v>22637</v>
      </c>
      <c r="H12019" s="6" t="s">
        <v>22638</v>
      </c>
      <c r="I12019" s="7">
        <v>8.2576186000000007</v>
      </c>
      <c r="J12019" s="8">
        <v>-76.149130999999997</v>
      </c>
    </row>
    <row r="12020" spans="1:10" x14ac:dyDescent="0.35">
      <c r="A12020" s="5" t="s">
        <v>10</v>
      </c>
      <c r="B12020" s="6">
        <v>213287</v>
      </c>
      <c r="C12020" s="6" t="s">
        <v>38</v>
      </c>
      <c r="D12020" s="6" t="s">
        <v>3034</v>
      </c>
      <c r="E12020" s="6">
        <v>19100</v>
      </c>
      <c r="F12020" s="6" t="s">
        <v>18</v>
      </c>
      <c r="G12020" s="6" t="s">
        <v>22639</v>
      </c>
      <c r="H12020" s="6" t="s">
        <v>22640</v>
      </c>
      <c r="I12020" s="7">
        <v>1.9708399999999999</v>
      </c>
      <c r="J12020" s="8">
        <v>-76.969529999999907</v>
      </c>
    </row>
    <row r="12021" spans="1:10" x14ac:dyDescent="0.35">
      <c r="A12021" s="5" t="s">
        <v>10</v>
      </c>
      <c r="B12021" s="6">
        <v>225482</v>
      </c>
      <c r="C12021" s="6" t="s">
        <v>16</v>
      </c>
      <c r="D12021" s="6" t="s">
        <v>78</v>
      </c>
      <c r="E12021" s="6">
        <v>68001</v>
      </c>
      <c r="F12021" s="6" t="s">
        <v>18</v>
      </c>
      <c r="G12021" s="6" t="s">
        <v>20676</v>
      </c>
      <c r="H12021" s="6" t="s">
        <v>22641</v>
      </c>
      <c r="I12021" s="7">
        <v>7.1128465999999904</v>
      </c>
      <c r="J12021" s="8">
        <v>-73.125564599999905</v>
      </c>
    </row>
    <row r="12022" spans="1:10" x14ac:dyDescent="0.35">
      <c r="A12022" s="5" t="s">
        <v>10</v>
      </c>
      <c r="B12022" s="6">
        <v>238561</v>
      </c>
      <c r="C12022" s="6" t="s">
        <v>16</v>
      </c>
      <c r="D12022" s="6" t="s">
        <v>1266</v>
      </c>
      <c r="E12022" s="6">
        <v>68081</v>
      </c>
      <c r="F12022" s="6" t="s">
        <v>18</v>
      </c>
      <c r="G12022" s="6" t="s">
        <v>22642</v>
      </c>
      <c r="H12022" s="6" t="s">
        <v>22643</v>
      </c>
      <c r="I12022" s="7">
        <v>7.0407684000000001</v>
      </c>
      <c r="J12022" s="8">
        <v>-73.851904000000005</v>
      </c>
    </row>
    <row r="12023" spans="1:10" x14ac:dyDescent="0.35">
      <c r="A12023" s="5" t="s">
        <v>10</v>
      </c>
      <c r="B12023" s="6">
        <v>232451</v>
      </c>
      <c r="C12023" s="6" t="s">
        <v>3788</v>
      </c>
      <c r="D12023" s="6" t="s">
        <v>19071</v>
      </c>
      <c r="E12023" s="6">
        <v>18460</v>
      </c>
      <c r="F12023" s="6" t="s">
        <v>18</v>
      </c>
      <c r="G12023" s="6" t="s">
        <v>22644</v>
      </c>
      <c r="H12023" s="6" t="s">
        <v>22645</v>
      </c>
      <c r="I12023" s="7">
        <v>1.1032918</v>
      </c>
      <c r="J12023" s="8">
        <v>-75.400889599999999</v>
      </c>
    </row>
    <row r="12024" spans="1:10" x14ac:dyDescent="0.35">
      <c r="A12024" s="5" t="s">
        <v>10</v>
      </c>
      <c r="B12024" s="6">
        <v>239923</v>
      </c>
      <c r="C12024" s="6" t="s">
        <v>117</v>
      </c>
      <c r="D12024" s="6" t="s">
        <v>15902</v>
      </c>
      <c r="E12024" s="6">
        <v>76246</v>
      </c>
      <c r="F12024" s="6" t="s">
        <v>18</v>
      </c>
      <c r="G12024" s="6" t="s">
        <v>22646</v>
      </c>
      <c r="H12024" s="6" t="s">
        <v>22647</v>
      </c>
      <c r="I12024" s="7">
        <v>4.7607704000000002</v>
      </c>
      <c r="J12024" s="8">
        <v>-76.221696199999997</v>
      </c>
    </row>
    <row r="12025" spans="1:10" x14ac:dyDescent="0.35">
      <c r="A12025" s="5" t="s">
        <v>10</v>
      </c>
      <c r="B12025" s="6">
        <v>246378</v>
      </c>
      <c r="C12025" s="6" t="s">
        <v>190</v>
      </c>
      <c r="D12025" s="6" t="s">
        <v>11793</v>
      </c>
      <c r="E12025" s="6">
        <v>5679</v>
      </c>
      <c r="F12025" s="6" t="s">
        <v>18</v>
      </c>
      <c r="G12025" s="6" t="s">
        <v>22648</v>
      </c>
      <c r="H12025" s="6" t="s">
        <v>22649</v>
      </c>
      <c r="I12025" s="7">
        <v>5.8762938</v>
      </c>
      <c r="J12025" s="8">
        <v>-75.569187600000006</v>
      </c>
    </row>
    <row r="12026" spans="1:10" x14ac:dyDescent="0.35">
      <c r="A12026" s="5" t="s">
        <v>10</v>
      </c>
      <c r="B12026" s="6">
        <v>107112</v>
      </c>
      <c r="C12026" s="6" t="s">
        <v>4364</v>
      </c>
      <c r="D12026" s="6" t="s">
        <v>8079</v>
      </c>
      <c r="E12026" s="6">
        <v>70215</v>
      </c>
      <c r="F12026" s="6" t="s">
        <v>13</v>
      </c>
      <c r="G12026" s="6" t="s">
        <v>11877</v>
      </c>
      <c r="H12026" s="6" t="s">
        <v>22650</v>
      </c>
      <c r="I12026" s="7">
        <v>9.3234199999999898</v>
      </c>
      <c r="J12026" s="8">
        <v>-75.294909199999907</v>
      </c>
    </row>
    <row r="12027" spans="1:10" x14ac:dyDescent="0.35">
      <c r="A12027" s="5" t="s">
        <v>10</v>
      </c>
      <c r="B12027" s="6">
        <v>217038</v>
      </c>
      <c r="C12027" s="6" t="s">
        <v>68</v>
      </c>
      <c r="D12027" s="6" t="s">
        <v>69</v>
      </c>
      <c r="E12027" s="6">
        <v>11001</v>
      </c>
      <c r="F12027" s="6" t="s">
        <v>18</v>
      </c>
      <c r="G12027" s="6" t="s">
        <v>22651</v>
      </c>
      <c r="H12027" s="6" t="s">
        <v>22652</v>
      </c>
      <c r="I12027" s="7">
        <v>4.6440825999999999</v>
      </c>
      <c r="J12027" s="8">
        <v>-74.163676999999893</v>
      </c>
    </row>
    <row r="12028" spans="1:10" x14ac:dyDescent="0.35">
      <c r="A12028" s="5" t="s">
        <v>10</v>
      </c>
      <c r="B12028" s="6">
        <v>189502</v>
      </c>
      <c r="C12028" s="6" t="s">
        <v>68</v>
      </c>
      <c r="D12028" s="6" t="s">
        <v>69</v>
      </c>
      <c r="E12028" s="6">
        <v>11001</v>
      </c>
      <c r="F12028" s="6" t="s">
        <v>13</v>
      </c>
      <c r="G12028" s="6" t="s">
        <v>16997</v>
      </c>
      <c r="H12028" s="6" t="s">
        <v>16998</v>
      </c>
      <c r="I12028" s="7">
        <v>4.6681625999999996</v>
      </c>
      <c r="J12028" s="8">
        <v>-74.073441900000006</v>
      </c>
    </row>
    <row r="12029" spans="1:10" x14ac:dyDescent="0.35">
      <c r="A12029" s="5" t="s">
        <v>10</v>
      </c>
      <c r="B12029" s="6">
        <v>245362</v>
      </c>
      <c r="C12029" s="6" t="s">
        <v>117</v>
      </c>
      <c r="D12029" s="6" t="s">
        <v>3686</v>
      </c>
      <c r="E12029" s="6">
        <v>76111</v>
      </c>
      <c r="F12029" s="6" t="s">
        <v>18</v>
      </c>
      <c r="G12029" s="6" t="s">
        <v>22653</v>
      </c>
      <c r="H12029" s="6" t="s">
        <v>22654</v>
      </c>
      <c r="I12029" s="7">
        <v>3.8944127000000002</v>
      </c>
      <c r="J12029" s="8">
        <v>-76.305475799999996</v>
      </c>
    </row>
    <row r="12030" spans="1:10" x14ac:dyDescent="0.35">
      <c r="A12030" s="5" t="s">
        <v>10</v>
      </c>
      <c r="B12030" s="6">
        <v>204912</v>
      </c>
      <c r="C12030" s="6" t="s">
        <v>68</v>
      </c>
      <c r="D12030" s="6" t="s">
        <v>69</v>
      </c>
      <c r="E12030" s="6">
        <v>11001</v>
      </c>
      <c r="F12030" s="6" t="s">
        <v>18</v>
      </c>
      <c r="G12030" s="6" t="s">
        <v>22655</v>
      </c>
      <c r="H12030" s="6" t="s">
        <v>22656</v>
      </c>
      <c r="I12030" s="7">
        <v>4.6502261999999996</v>
      </c>
      <c r="J12030" s="8">
        <v>-74.058339599999996</v>
      </c>
    </row>
    <row r="12031" spans="1:10" x14ac:dyDescent="0.35">
      <c r="A12031" s="5" t="s">
        <v>10</v>
      </c>
      <c r="B12031" s="6">
        <v>237063</v>
      </c>
      <c r="C12031" s="6" t="s">
        <v>68</v>
      </c>
      <c r="D12031" s="6" t="s">
        <v>69</v>
      </c>
      <c r="E12031" s="6">
        <v>11001</v>
      </c>
      <c r="F12031" s="6" t="s">
        <v>18</v>
      </c>
      <c r="G12031" s="6" t="s">
        <v>22657</v>
      </c>
      <c r="H12031" s="6" t="s">
        <v>22658</v>
      </c>
      <c r="I12031" s="7">
        <v>4.5844107000000003</v>
      </c>
      <c r="J12031" s="8">
        <v>-74.132791999999995</v>
      </c>
    </row>
    <row r="12032" spans="1:10" x14ac:dyDescent="0.35">
      <c r="A12032" s="5" t="s">
        <v>10</v>
      </c>
      <c r="B12032" s="6">
        <v>186529</v>
      </c>
      <c r="C12032" s="6" t="s">
        <v>68</v>
      </c>
      <c r="D12032" s="6" t="s">
        <v>69</v>
      </c>
      <c r="E12032" s="6">
        <v>11001</v>
      </c>
      <c r="F12032" s="6" t="s">
        <v>18</v>
      </c>
      <c r="G12032" s="6" t="s">
        <v>15494</v>
      </c>
      <c r="H12032" s="6" t="s">
        <v>15495</v>
      </c>
      <c r="I12032" s="7">
        <v>4.7238106000000002</v>
      </c>
      <c r="J12032" s="8">
        <v>-74.090124099999997</v>
      </c>
    </row>
    <row r="12033" spans="1:10" x14ac:dyDescent="0.35">
      <c r="A12033" s="5" t="s">
        <v>10</v>
      </c>
      <c r="B12033" s="6">
        <v>100664</v>
      </c>
      <c r="C12033" s="6" t="s">
        <v>2130</v>
      </c>
      <c r="D12033" s="6" t="s">
        <v>4241</v>
      </c>
      <c r="E12033" s="6">
        <v>85430</v>
      </c>
      <c r="F12033" s="6" t="s">
        <v>18</v>
      </c>
      <c r="G12033" s="6" t="s">
        <v>15897</v>
      </c>
      <c r="H12033" s="6" t="s">
        <v>10844</v>
      </c>
      <c r="I12033" s="7">
        <v>5.4069934999999996</v>
      </c>
      <c r="J12033" s="8">
        <v>-71.662956600000001</v>
      </c>
    </row>
    <row r="12034" spans="1:10" x14ac:dyDescent="0.35">
      <c r="A12034" s="5" t="s">
        <v>10</v>
      </c>
      <c r="B12034" s="6">
        <v>232799</v>
      </c>
      <c r="C12034" s="6" t="s">
        <v>109</v>
      </c>
      <c r="D12034" s="6" t="s">
        <v>1445</v>
      </c>
      <c r="E12034" s="6">
        <v>13688</v>
      </c>
      <c r="F12034" s="6" t="s">
        <v>13</v>
      </c>
      <c r="G12034" s="6" t="s">
        <v>22659</v>
      </c>
      <c r="H12034" s="6" t="s">
        <v>22660</v>
      </c>
      <c r="I12034" s="7">
        <v>7.9630637999999996</v>
      </c>
      <c r="J12034" s="8">
        <v>-74.050974800000006</v>
      </c>
    </row>
    <row r="12035" spans="1:10" x14ac:dyDescent="0.35">
      <c r="A12035" s="5" t="s">
        <v>10</v>
      </c>
      <c r="B12035" s="6">
        <v>236019</v>
      </c>
      <c r="C12035" s="6" t="s">
        <v>190</v>
      </c>
      <c r="D12035" s="6" t="s">
        <v>191</v>
      </c>
      <c r="E12035" s="6">
        <v>5001</v>
      </c>
      <c r="F12035" s="6" t="s">
        <v>13</v>
      </c>
      <c r="G12035" s="6" t="s">
        <v>22661</v>
      </c>
      <c r="H12035" s="6" t="s">
        <v>22662</v>
      </c>
      <c r="I12035" s="7">
        <v>6.2350873999999896</v>
      </c>
      <c r="J12035" s="8">
        <v>-75.585032200000001</v>
      </c>
    </row>
    <row r="12036" spans="1:10" x14ac:dyDescent="0.35">
      <c r="A12036" s="5" t="s">
        <v>10</v>
      </c>
      <c r="B12036" s="6">
        <v>230453</v>
      </c>
      <c r="C12036" s="6" t="s">
        <v>24</v>
      </c>
      <c r="D12036" s="6" t="s">
        <v>862</v>
      </c>
      <c r="E12036" s="6">
        <v>15104</v>
      </c>
      <c r="F12036" s="6" t="s">
        <v>13</v>
      </c>
      <c r="G12036" s="6" t="s">
        <v>22663</v>
      </c>
      <c r="H12036" s="6" t="s">
        <v>22664</v>
      </c>
      <c r="I12036" s="7">
        <v>5.8178599000000002</v>
      </c>
      <c r="J12036" s="8">
        <v>-74.110770000000002</v>
      </c>
    </row>
    <row r="12037" spans="1:10" x14ac:dyDescent="0.35">
      <c r="A12037" s="5" t="s">
        <v>10</v>
      </c>
      <c r="B12037" s="6">
        <v>204114</v>
      </c>
      <c r="C12037" s="6" t="s">
        <v>190</v>
      </c>
      <c r="D12037" s="6" t="s">
        <v>13614</v>
      </c>
      <c r="E12037" s="6">
        <v>5212</v>
      </c>
      <c r="F12037" s="6" t="s">
        <v>18</v>
      </c>
      <c r="G12037" s="6" t="s">
        <v>22665</v>
      </c>
      <c r="H12037" s="6" t="s">
        <v>22666</v>
      </c>
      <c r="I12037" s="7">
        <v>6.3480184</v>
      </c>
      <c r="J12037" s="8">
        <v>-75.505891300000002</v>
      </c>
    </row>
    <row r="12038" spans="1:10" x14ac:dyDescent="0.35">
      <c r="A12038" s="5" t="s">
        <v>10</v>
      </c>
      <c r="B12038" s="6">
        <v>206497</v>
      </c>
      <c r="C12038" s="6" t="s">
        <v>68</v>
      </c>
      <c r="D12038" s="6" t="s">
        <v>69</v>
      </c>
      <c r="E12038" s="6">
        <v>11001</v>
      </c>
      <c r="F12038" s="6" t="s">
        <v>18</v>
      </c>
      <c r="G12038" s="6" t="s">
        <v>22667</v>
      </c>
      <c r="H12038" s="6" t="s">
        <v>22668</v>
      </c>
      <c r="I12038" s="7">
        <v>4.5424838999999997</v>
      </c>
      <c r="J12038" s="8">
        <v>-74.109143099999997</v>
      </c>
    </row>
    <row r="12039" spans="1:10" x14ac:dyDescent="0.35">
      <c r="A12039" s="5" t="s">
        <v>10</v>
      </c>
      <c r="B12039" s="6">
        <v>223929</v>
      </c>
      <c r="C12039" s="6" t="s">
        <v>68</v>
      </c>
      <c r="D12039" s="6" t="s">
        <v>69</v>
      </c>
      <c r="E12039" s="6">
        <v>11001</v>
      </c>
      <c r="F12039" s="6" t="s">
        <v>18</v>
      </c>
      <c r="G12039" s="6" t="s">
        <v>22669</v>
      </c>
      <c r="H12039" s="6" t="s">
        <v>22670</v>
      </c>
      <c r="I12039" s="7">
        <v>4.6319204999999997</v>
      </c>
      <c r="J12039" s="8">
        <v>-74.144266899999906</v>
      </c>
    </row>
    <row r="12040" spans="1:10" x14ac:dyDescent="0.35">
      <c r="A12040" s="5" t="s">
        <v>10</v>
      </c>
      <c r="B12040" s="6">
        <v>210381</v>
      </c>
      <c r="C12040" s="6" t="s">
        <v>68</v>
      </c>
      <c r="D12040" s="6" t="s">
        <v>69</v>
      </c>
      <c r="E12040" s="6">
        <v>11001</v>
      </c>
      <c r="F12040" s="6" t="s">
        <v>18</v>
      </c>
      <c r="G12040" s="6" t="s">
        <v>22671</v>
      </c>
      <c r="H12040" s="6" t="s">
        <v>22672</v>
      </c>
      <c r="I12040" s="7">
        <v>4.6542313999999996</v>
      </c>
      <c r="J12040" s="8">
        <v>-74.062542399999998</v>
      </c>
    </row>
    <row r="12041" spans="1:10" x14ac:dyDescent="0.35">
      <c r="A12041" s="5" t="s">
        <v>10</v>
      </c>
      <c r="B12041" s="6">
        <v>245250</v>
      </c>
      <c r="C12041" s="6" t="s">
        <v>68</v>
      </c>
      <c r="D12041" s="6" t="s">
        <v>69</v>
      </c>
      <c r="E12041" s="6">
        <v>11001</v>
      </c>
      <c r="F12041" s="6" t="s">
        <v>18</v>
      </c>
      <c r="G12041" s="6" t="s">
        <v>22673</v>
      </c>
      <c r="H12041" s="6" t="s">
        <v>22674</v>
      </c>
      <c r="I12041" s="7">
        <v>4.6685800000000004</v>
      </c>
      <c r="J12041" s="8">
        <v>-74.114519999999999</v>
      </c>
    </row>
    <row r="12042" spans="1:10" x14ac:dyDescent="0.35">
      <c r="A12042" s="5" t="s">
        <v>10</v>
      </c>
      <c r="B12042" s="6">
        <v>233247</v>
      </c>
      <c r="C12042" s="6" t="s">
        <v>68</v>
      </c>
      <c r="D12042" s="6" t="s">
        <v>69</v>
      </c>
      <c r="E12042" s="6">
        <v>11001</v>
      </c>
      <c r="F12042" s="6" t="s">
        <v>18</v>
      </c>
      <c r="G12042" s="6" t="s">
        <v>22675</v>
      </c>
      <c r="H12042" s="6" t="s">
        <v>22676</v>
      </c>
      <c r="I12042" s="7">
        <v>4.7285300000000001</v>
      </c>
      <c r="J12042" s="8">
        <v>-74.049899999999994</v>
      </c>
    </row>
    <row r="12043" spans="1:10" x14ac:dyDescent="0.35">
      <c r="A12043" s="5" t="s">
        <v>10</v>
      </c>
      <c r="B12043" s="6">
        <v>189652</v>
      </c>
      <c r="C12043" s="6" t="s">
        <v>68</v>
      </c>
      <c r="D12043" s="6" t="s">
        <v>69</v>
      </c>
      <c r="E12043" s="6">
        <v>11001</v>
      </c>
      <c r="F12043" s="6" t="s">
        <v>13</v>
      </c>
      <c r="G12043" s="6" t="s">
        <v>16997</v>
      </c>
      <c r="H12043" s="6" t="s">
        <v>22677</v>
      </c>
      <c r="I12043" s="7">
        <v>4.6385345999999998</v>
      </c>
      <c r="J12043" s="8">
        <v>-74.112319400000004</v>
      </c>
    </row>
    <row r="12044" spans="1:10" x14ac:dyDescent="0.35">
      <c r="A12044" s="5" t="s">
        <v>10</v>
      </c>
      <c r="B12044" s="6">
        <v>129047</v>
      </c>
      <c r="C12044" s="6" t="s">
        <v>68</v>
      </c>
      <c r="D12044" s="6" t="s">
        <v>69</v>
      </c>
      <c r="E12044" s="6">
        <v>11001</v>
      </c>
      <c r="F12044" s="6" t="s">
        <v>18</v>
      </c>
      <c r="G12044" s="6" t="s">
        <v>12430</v>
      </c>
      <c r="H12044" s="6" t="s">
        <v>12431</v>
      </c>
      <c r="I12044" s="7">
        <v>4.6476115</v>
      </c>
      <c r="J12044" s="8">
        <v>-74.124150399999905</v>
      </c>
    </row>
    <row r="12045" spans="1:10" x14ac:dyDescent="0.35">
      <c r="A12045" s="5" t="s">
        <v>10</v>
      </c>
      <c r="B12045" s="6">
        <v>238426</v>
      </c>
      <c r="C12045" s="6" t="s">
        <v>68</v>
      </c>
      <c r="D12045" s="6" t="s">
        <v>69</v>
      </c>
      <c r="E12045" s="6">
        <v>11001</v>
      </c>
      <c r="F12045" s="6" t="s">
        <v>18</v>
      </c>
      <c r="G12045" s="6" t="s">
        <v>22678</v>
      </c>
      <c r="H12045" s="6" t="s">
        <v>22679</v>
      </c>
      <c r="I12045" s="7">
        <v>4.5088273000000001</v>
      </c>
      <c r="J12045" s="8">
        <v>-74.118865099999994</v>
      </c>
    </row>
    <row r="12046" spans="1:10" x14ac:dyDescent="0.35">
      <c r="A12046" s="5" t="s">
        <v>10</v>
      </c>
      <c r="B12046" s="6">
        <v>178063</v>
      </c>
      <c r="C12046" s="6" t="s">
        <v>68</v>
      </c>
      <c r="D12046" s="6" t="s">
        <v>69</v>
      </c>
      <c r="E12046" s="6">
        <v>11001</v>
      </c>
      <c r="F12046" s="6" t="s">
        <v>18</v>
      </c>
      <c r="G12046" s="6" t="s">
        <v>17271</v>
      </c>
      <c r="H12046" s="6" t="s">
        <v>17272</v>
      </c>
      <c r="I12046" s="7">
        <v>4.5408314000000001</v>
      </c>
      <c r="J12046" s="8">
        <v>-74.148014699999905</v>
      </c>
    </row>
    <row r="12047" spans="1:10" x14ac:dyDescent="0.35">
      <c r="A12047" s="5" t="s">
        <v>10</v>
      </c>
      <c r="B12047" s="6">
        <v>229466</v>
      </c>
      <c r="C12047" s="6" t="s">
        <v>117</v>
      </c>
      <c r="D12047" s="6" t="s">
        <v>1334</v>
      </c>
      <c r="E12047" s="6">
        <v>76001</v>
      </c>
      <c r="F12047" s="6" t="s">
        <v>18</v>
      </c>
      <c r="G12047" s="6" t="s">
        <v>15098</v>
      </c>
      <c r="H12047" s="6" t="s">
        <v>15099</v>
      </c>
      <c r="I12047" s="7">
        <v>3.4191275000000001</v>
      </c>
      <c r="J12047" s="8">
        <v>-76.5271987</v>
      </c>
    </row>
    <row r="12048" spans="1:10" x14ac:dyDescent="0.35">
      <c r="A12048" s="5" t="s">
        <v>10</v>
      </c>
      <c r="B12048" s="6">
        <v>246102</v>
      </c>
      <c r="C12048" s="6" t="s">
        <v>68</v>
      </c>
      <c r="D12048" s="6" t="s">
        <v>69</v>
      </c>
      <c r="E12048" s="6">
        <v>11001</v>
      </c>
      <c r="F12048" s="6" t="s">
        <v>18</v>
      </c>
      <c r="G12048" s="6" t="s">
        <v>22680</v>
      </c>
      <c r="H12048" s="6" t="s">
        <v>22681</v>
      </c>
      <c r="I12048" s="7">
        <v>4.7270772000000001</v>
      </c>
      <c r="J12048" s="8">
        <v>-74.096225399999994</v>
      </c>
    </row>
    <row r="12049" spans="1:10" x14ac:dyDescent="0.35">
      <c r="A12049" s="5" t="s">
        <v>10</v>
      </c>
      <c r="B12049" s="6">
        <v>213070</v>
      </c>
      <c r="C12049" s="6" t="s">
        <v>68</v>
      </c>
      <c r="D12049" s="6" t="s">
        <v>69</v>
      </c>
      <c r="E12049" s="6">
        <v>11001</v>
      </c>
      <c r="F12049" s="6" t="s">
        <v>18</v>
      </c>
      <c r="G12049" s="6" t="s">
        <v>22682</v>
      </c>
      <c r="H12049" s="6" t="s">
        <v>22683</v>
      </c>
      <c r="I12049" s="7">
        <v>4.5706579999999999</v>
      </c>
      <c r="J12049" s="8">
        <v>-74.081181200000003</v>
      </c>
    </row>
    <row r="12050" spans="1:10" x14ac:dyDescent="0.35">
      <c r="A12050" s="5" t="s">
        <v>10</v>
      </c>
      <c r="B12050" s="6">
        <v>220134</v>
      </c>
      <c r="C12050" s="6" t="s">
        <v>68</v>
      </c>
      <c r="D12050" s="6" t="s">
        <v>69</v>
      </c>
      <c r="E12050" s="6">
        <v>11001</v>
      </c>
      <c r="F12050" s="6" t="s">
        <v>18</v>
      </c>
      <c r="G12050" s="6" t="s">
        <v>22684</v>
      </c>
      <c r="H12050" s="6" t="s">
        <v>22685</v>
      </c>
      <c r="I12050" s="7">
        <v>4.6283097</v>
      </c>
      <c r="J12050" s="8">
        <v>-74.196965399999996</v>
      </c>
    </row>
    <row r="12051" spans="1:10" x14ac:dyDescent="0.35">
      <c r="A12051" s="5" t="s">
        <v>10</v>
      </c>
      <c r="B12051" s="6">
        <v>148705</v>
      </c>
      <c r="C12051" s="6" t="s">
        <v>2130</v>
      </c>
      <c r="D12051" s="6" t="s">
        <v>2131</v>
      </c>
      <c r="E12051" s="6">
        <v>85001</v>
      </c>
      <c r="F12051" s="6" t="s">
        <v>18</v>
      </c>
      <c r="G12051" s="6" t="s">
        <v>12844</v>
      </c>
      <c r="H12051" s="6" t="s">
        <v>12845</v>
      </c>
      <c r="I12051" s="7">
        <v>5.3210967999999896</v>
      </c>
      <c r="J12051" s="8">
        <v>-72.402955300000002</v>
      </c>
    </row>
    <row r="12052" spans="1:10" x14ac:dyDescent="0.35">
      <c r="A12052" s="5" t="s">
        <v>10</v>
      </c>
      <c r="B12052" s="6">
        <v>107065</v>
      </c>
      <c r="C12052" s="6" t="s">
        <v>109</v>
      </c>
      <c r="D12052" s="6" t="s">
        <v>2830</v>
      </c>
      <c r="E12052" s="6">
        <v>13430</v>
      </c>
      <c r="F12052" s="6" t="s">
        <v>13</v>
      </c>
      <c r="G12052" s="6" t="s">
        <v>11877</v>
      </c>
      <c r="H12052" s="6" t="s">
        <v>15591</v>
      </c>
      <c r="I12052" s="7">
        <v>9.2143601999999998</v>
      </c>
      <c r="J12052" s="8">
        <v>-74.763015999999993</v>
      </c>
    </row>
    <row r="12053" spans="1:10" x14ac:dyDescent="0.35">
      <c r="A12053" s="5" t="s">
        <v>10</v>
      </c>
      <c r="B12053" s="6">
        <v>220100</v>
      </c>
      <c r="C12053" s="6" t="s">
        <v>68</v>
      </c>
      <c r="D12053" s="6" t="s">
        <v>69</v>
      </c>
      <c r="E12053" s="6">
        <v>11001</v>
      </c>
      <c r="F12053" s="6" t="s">
        <v>18</v>
      </c>
      <c r="G12053" s="6" t="s">
        <v>22686</v>
      </c>
      <c r="H12053" s="6" t="s">
        <v>22687</v>
      </c>
      <c r="I12053" s="7">
        <v>4.6564680999999997</v>
      </c>
      <c r="J12053" s="8">
        <v>-74.070548500000001</v>
      </c>
    </row>
    <row r="12054" spans="1:10" x14ac:dyDescent="0.35">
      <c r="A12054" s="5" t="s">
        <v>10</v>
      </c>
      <c r="B12054" s="6">
        <v>154375</v>
      </c>
      <c r="C12054" s="6" t="s">
        <v>2130</v>
      </c>
      <c r="D12054" s="6" t="s">
        <v>2131</v>
      </c>
      <c r="E12054" s="6">
        <v>85001</v>
      </c>
      <c r="F12054" s="6" t="s">
        <v>18</v>
      </c>
      <c r="G12054" s="6" t="s">
        <v>22688</v>
      </c>
      <c r="H12054" s="6" t="s">
        <v>22689</v>
      </c>
      <c r="I12054" s="7">
        <v>5.3371124999999999</v>
      </c>
      <c r="J12054" s="8">
        <v>-72.403871299999906</v>
      </c>
    </row>
    <row r="12055" spans="1:10" x14ac:dyDescent="0.35">
      <c r="A12055" s="5" t="s">
        <v>10</v>
      </c>
      <c r="B12055" s="6">
        <v>163754</v>
      </c>
      <c r="C12055" s="6" t="s">
        <v>190</v>
      </c>
      <c r="D12055" s="6" t="s">
        <v>11705</v>
      </c>
      <c r="E12055" s="6">
        <v>5318</v>
      </c>
      <c r="F12055" s="6" t="s">
        <v>18</v>
      </c>
      <c r="G12055" s="6" t="s">
        <v>22690</v>
      </c>
      <c r="H12055" s="6" t="s">
        <v>22691</v>
      </c>
      <c r="I12055" s="7">
        <v>6.2781732999999997</v>
      </c>
      <c r="J12055" s="8">
        <v>-75.440990399999905</v>
      </c>
    </row>
    <row r="12056" spans="1:10" x14ac:dyDescent="0.35">
      <c r="A12056" s="5" t="s">
        <v>10</v>
      </c>
      <c r="B12056" s="6">
        <v>189916</v>
      </c>
      <c r="C12056" s="6" t="s">
        <v>302</v>
      </c>
      <c r="D12056" s="6" t="s">
        <v>303</v>
      </c>
      <c r="E12056" s="6">
        <v>8638</v>
      </c>
      <c r="F12056" s="6" t="s">
        <v>13</v>
      </c>
      <c r="G12056" s="6" t="s">
        <v>15743</v>
      </c>
      <c r="H12056" s="6" t="s">
        <v>15744</v>
      </c>
      <c r="I12056" s="7">
        <v>10.6327585</v>
      </c>
      <c r="J12056" s="8">
        <v>-74.918628600000005</v>
      </c>
    </row>
    <row r="12057" spans="1:10" x14ac:dyDescent="0.35">
      <c r="A12057" s="5" t="s">
        <v>10</v>
      </c>
      <c r="B12057" s="6">
        <v>238842</v>
      </c>
      <c r="C12057" s="6" t="s">
        <v>117</v>
      </c>
      <c r="D12057" s="6" t="s">
        <v>1334</v>
      </c>
      <c r="E12057" s="6">
        <v>76001</v>
      </c>
      <c r="F12057" s="6" t="s">
        <v>18</v>
      </c>
      <c r="G12057" s="6" t="s">
        <v>22692</v>
      </c>
      <c r="H12057" s="6" t="s">
        <v>22693</v>
      </c>
      <c r="I12057" s="7">
        <v>3.2233385999999999</v>
      </c>
      <c r="J12057" s="8">
        <v>-76.508238500000004</v>
      </c>
    </row>
    <row r="12058" spans="1:10" x14ac:dyDescent="0.35">
      <c r="A12058" s="5" t="s">
        <v>10</v>
      </c>
      <c r="B12058" s="6">
        <v>241125</v>
      </c>
      <c r="C12058" s="6" t="s">
        <v>117</v>
      </c>
      <c r="D12058" s="6" t="s">
        <v>3492</v>
      </c>
      <c r="E12058" s="6">
        <v>76520</v>
      </c>
      <c r="F12058" s="6" t="s">
        <v>18</v>
      </c>
      <c r="G12058" s="6" t="s">
        <v>22694</v>
      </c>
      <c r="H12058" s="6" t="s">
        <v>22695</v>
      </c>
      <c r="I12058" s="7">
        <v>3.5257676999999998</v>
      </c>
      <c r="J12058" s="8">
        <v>-76.299017699999993</v>
      </c>
    </row>
    <row r="12059" spans="1:10" x14ac:dyDescent="0.35">
      <c r="A12059" s="5" t="s">
        <v>10</v>
      </c>
      <c r="B12059" s="6">
        <v>240892</v>
      </c>
      <c r="C12059" s="6" t="s">
        <v>190</v>
      </c>
      <c r="D12059" s="6" t="s">
        <v>4063</v>
      </c>
      <c r="E12059" s="6">
        <v>5088</v>
      </c>
      <c r="F12059" s="6" t="s">
        <v>18</v>
      </c>
      <c r="G12059" s="6" t="s">
        <v>22696</v>
      </c>
      <c r="H12059" s="6" t="s">
        <v>22697</v>
      </c>
      <c r="I12059" s="7">
        <v>6.3491080999999996</v>
      </c>
      <c r="J12059" s="8">
        <v>-75.548472200000006</v>
      </c>
    </row>
    <row r="12060" spans="1:10" x14ac:dyDescent="0.35">
      <c r="A12060" s="5" t="s">
        <v>10</v>
      </c>
      <c r="B12060" s="6">
        <v>107072</v>
      </c>
      <c r="C12060" s="6" t="s">
        <v>308</v>
      </c>
      <c r="D12060" s="6" t="s">
        <v>8321</v>
      </c>
      <c r="E12060" s="6">
        <v>23162</v>
      </c>
      <c r="F12060" s="6" t="s">
        <v>13</v>
      </c>
      <c r="G12060" s="6" t="s">
        <v>11877</v>
      </c>
      <c r="H12060" s="6" t="s">
        <v>13673</v>
      </c>
      <c r="I12060" s="7">
        <v>8.8815200000000001</v>
      </c>
      <c r="J12060" s="8">
        <v>-75.790852999999998</v>
      </c>
    </row>
    <row r="12061" spans="1:10" x14ac:dyDescent="0.35">
      <c r="A12061" s="5" t="s">
        <v>10</v>
      </c>
      <c r="B12061" s="6">
        <v>222637</v>
      </c>
      <c r="C12061" s="6" t="s">
        <v>68</v>
      </c>
      <c r="D12061" s="6" t="s">
        <v>69</v>
      </c>
      <c r="E12061" s="6">
        <v>11001</v>
      </c>
      <c r="F12061" s="6" t="s">
        <v>18</v>
      </c>
      <c r="G12061" s="6" t="s">
        <v>21003</v>
      </c>
      <c r="H12061" s="6" t="s">
        <v>22698</v>
      </c>
      <c r="I12061" s="7">
        <v>4.6117268999999999</v>
      </c>
      <c r="J12061" s="8">
        <v>-74.109190900000002</v>
      </c>
    </row>
    <row r="12062" spans="1:10" x14ac:dyDescent="0.35">
      <c r="A12062" s="5" t="s">
        <v>10</v>
      </c>
      <c r="B12062" s="6">
        <v>237067</v>
      </c>
      <c r="C12062" s="6" t="s">
        <v>68</v>
      </c>
      <c r="D12062" s="6" t="s">
        <v>69</v>
      </c>
      <c r="E12062" s="6">
        <v>11001</v>
      </c>
      <c r="F12062" s="6" t="s">
        <v>18</v>
      </c>
      <c r="G12062" s="6" t="s">
        <v>22699</v>
      </c>
      <c r="H12062" s="6" t="s">
        <v>22700</v>
      </c>
      <c r="I12062" s="7">
        <v>4.7056117999999998</v>
      </c>
      <c r="J12062" s="8">
        <v>-74.123331800000003</v>
      </c>
    </row>
    <row r="12063" spans="1:10" x14ac:dyDescent="0.35">
      <c r="A12063" s="5" t="s">
        <v>10</v>
      </c>
      <c r="B12063" s="6">
        <v>245704</v>
      </c>
      <c r="C12063" s="6" t="s">
        <v>68</v>
      </c>
      <c r="D12063" s="6" t="s">
        <v>69</v>
      </c>
      <c r="E12063" s="6">
        <v>11001</v>
      </c>
      <c r="F12063" s="6" t="s">
        <v>18</v>
      </c>
      <c r="G12063" s="6" t="s">
        <v>22701</v>
      </c>
      <c r="H12063" s="6" t="s">
        <v>22702</v>
      </c>
      <c r="I12063" s="7">
        <v>4.7144487000000002</v>
      </c>
      <c r="J12063" s="8">
        <v>-74.118480599999998</v>
      </c>
    </row>
    <row r="12064" spans="1:10" x14ac:dyDescent="0.35">
      <c r="A12064" s="5" t="s">
        <v>10</v>
      </c>
      <c r="B12064" s="6">
        <v>117074</v>
      </c>
      <c r="C12064" s="6" t="s">
        <v>2130</v>
      </c>
      <c r="D12064" s="6" t="s">
        <v>3979</v>
      </c>
      <c r="E12064" s="6">
        <v>85010</v>
      </c>
      <c r="F12064" s="6" t="s">
        <v>18</v>
      </c>
      <c r="G12064" s="6" t="s">
        <v>22703</v>
      </c>
      <c r="H12064" s="6" t="s">
        <v>22704</v>
      </c>
      <c r="I12064" s="7">
        <v>5.1708470000000002</v>
      </c>
      <c r="J12064" s="8">
        <v>-72.550818999999905</v>
      </c>
    </row>
    <row r="12065" spans="1:10" x14ac:dyDescent="0.35">
      <c r="A12065" s="5" t="s">
        <v>10</v>
      </c>
      <c r="B12065" s="6">
        <v>221427</v>
      </c>
      <c r="C12065" s="6" t="s">
        <v>308</v>
      </c>
      <c r="D12065" s="6" t="s">
        <v>309</v>
      </c>
      <c r="E12065" s="6">
        <v>23001</v>
      </c>
      <c r="F12065" s="6" t="s">
        <v>13</v>
      </c>
      <c r="G12065" s="6" t="s">
        <v>22705</v>
      </c>
      <c r="H12065" s="6" t="s">
        <v>22706</v>
      </c>
      <c r="I12065" s="7">
        <v>8.7654565000000009</v>
      </c>
      <c r="J12065" s="8">
        <v>-75.901107100000004</v>
      </c>
    </row>
    <row r="12066" spans="1:10" x14ac:dyDescent="0.35">
      <c r="A12066" s="5" t="s">
        <v>10</v>
      </c>
      <c r="B12066" s="6">
        <v>171812</v>
      </c>
      <c r="C12066" s="6" t="s">
        <v>11</v>
      </c>
      <c r="D12066" s="6" t="s">
        <v>12</v>
      </c>
      <c r="E12066" s="6">
        <v>25899</v>
      </c>
      <c r="F12066" s="6" t="s">
        <v>18</v>
      </c>
      <c r="G12066" s="6" t="s">
        <v>8739</v>
      </c>
      <c r="H12066" s="6" t="s">
        <v>12307</v>
      </c>
      <c r="I12066" s="7">
        <v>5.0349361999999998</v>
      </c>
      <c r="J12066" s="8">
        <v>-73.993553899999995</v>
      </c>
    </row>
    <row r="12067" spans="1:10" x14ac:dyDescent="0.35">
      <c r="A12067" s="5" t="s">
        <v>10</v>
      </c>
      <c r="B12067" s="6">
        <v>215796</v>
      </c>
      <c r="C12067" s="6" t="s">
        <v>190</v>
      </c>
      <c r="D12067" s="6" t="s">
        <v>191</v>
      </c>
      <c r="E12067" s="6">
        <v>5001</v>
      </c>
      <c r="F12067" s="6" t="s">
        <v>18</v>
      </c>
      <c r="G12067" s="6" t="s">
        <v>22707</v>
      </c>
      <c r="H12067" s="6" t="s">
        <v>22708</v>
      </c>
      <c r="I12067" s="7">
        <v>6.2789184999999996</v>
      </c>
      <c r="J12067" s="8">
        <v>-75.594415900000001</v>
      </c>
    </row>
    <row r="12068" spans="1:10" x14ac:dyDescent="0.35">
      <c r="A12068" s="5" t="s">
        <v>10</v>
      </c>
      <c r="B12068" s="6">
        <v>238182</v>
      </c>
      <c r="C12068" s="6" t="s">
        <v>190</v>
      </c>
      <c r="D12068" s="6" t="s">
        <v>191</v>
      </c>
      <c r="E12068" s="6">
        <v>5001</v>
      </c>
      <c r="F12068" s="6" t="s">
        <v>18</v>
      </c>
      <c r="G12068" s="6" t="s">
        <v>22709</v>
      </c>
      <c r="H12068" s="6" t="s">
        <v>22710</v>
      </c>
      <c r="I12068" s="7">
        <v>6.2319249000000001</v>
      </c>
      <c r="J12068" s="8">
        <v>-75.597415900000001</v>
      </c>
    </row>
    <row r="12069" spans="1:10" x14ac:dyDescent="0.35">
      <c r="A12069" s="5" t="s">
        <v>10</v>
      </c>
      <c r="B12069" s="6">
        <v>199517</v>
      </c>
      <c r="C12069" s="6" t="s">
        <v>68</v>
      </c>
      <c r="D12069" s="6" t="s">
        <v>69</v>
      </c>
      <c r="E12069" s="6">
        <v>11001</v>
      </c>
      <c r="F12069" s="6" t="s">
        <v>18</v>
      </c>
      <c r="G12069" s="6" t="s">
        <v>22711</v>
      </c>
      <c r="H12069" s="6" t="s">
        <v>22712</v>
      </c>
      <c r="I12069" s="7">
        <v>4.6127281999999896</v>
      </c>
      <c r="J12069" s="8">
        <v>-74.196401199999997</v>
      </c>
    </row>
    <row r="12070" spans="1:10" x14ac:dyDescent="0.35">
      <c r="A12070" s="5" t="s">
        <v>10</v>
      </c>
      <c r="B12070" s="6">
        <v>214485</v>
      </c>
      <c r="C12070" s="6" t="s">
        <v>68</v>
      </c>
      <c r="D12070" s="6" t="s">
        <v>69</v>
      </c>
      <c r="E12070" s="6">
        <v>11001</v>
      </c>
      <c r="F12070" s="6" t="s">
        <v>18</v>
      </c>
      <c r="G12070" s="6" t="s">
        <v>22713</v>
      </c>
      <c r="H12070" s="6" t="s">
        <v>22714</v>
      </c>
      <c r="I12070" s="7">
        <v>4.5499372999999999</v>
      </c>
      <c r="J12070" s="8">
        <v>-74.111533800000004</v>
      </c>
    </row>
    <row r="12071" spans="1:10" x14ac:dyDescent="0.35">
      <c r="A12071" s="5" t="s">
        <v>10</v>
      </c>
      <c r="B12071" s="6">
        <v>218568</v>
      </c>
      <c r="C12071" s="6" t="s">
        <v>68</v>
      </c>
      <c r="D12071" s="6" t="s">
        <v>69</v>
      </c>
      <c r="E12071" s="6">
        <v>11001</v>
      </c>
      <c r="F12071" s="6" t="s">
        <v>13</v>
      </c>
      <c r="G12071" s="6" t="s">
        <v>22715</v>
      </c>
      <c r="H12071" s="6" t="s">
        <v>22716</v>
      </c>
      <c r="I12071" s="7">
        <v>4.5633112999999996</v>
      </c>
      <c r="J12071" s="8">
        <v>-74.144782399999997</v>
      </c>
    </row>
    <row r="12072" spans="1:10" x14ac:dyDescent="0.35">
      <c r="A12072" s="5" t="s">
        <v>10</v>
      </c>
      <c r="B12072" s="6">
        <v>121605</v>
      </c>
      <c r="C12072" s="6" t="s">
        <v>109</v>
      </c>
      <c r="D12072" s="6" t="s">
        <v>10849</v>
      </c>
      <c r="E12072" s="6">
        <v>13670</v>
      </c>
      <c r="F12072" s="6" t="s">
        <v>18</v>
      </c>
      <c r="G12072" s="6" t="s">
        <v>12817</v>
      </c>
      <c r="H12072" s="6" t="s">
        <v>12818</v>
      </c>
      <c r="I12072" s="7">
        <v>7.4795612</v>
      </c>
      <c r="J12072" s="8">
        <v>-73.928310300000007</v>
      </c>
    </row>
    <row r="12073" spans="1:10" x14ac:dyDescent="0.35">
      <c r="A12073" s="5" t="s">
        <v>10</v>
      </c>
      <c r="B12073" s="6">
        <v>246946</v>
      </c>
      <c r="C12073" s="6" t="s">
        <v>117</v>
      </c>
      <c r="D12073" s="6" t="s">
        <v>1334</v>
      </c>
      <c r="E12073" s="6">
        <v>76001</v>
      </c>
      <c r="F12073" s="6" t="s">
        <v>18</v>
      </c>
      <c r="G12073" s="6" t="s">
        <v>113</v>
      </c>
      <c r="H12073" s="6" t="s">
        <v>22717</v>
      </c>
      <c r="I12073" s="7">
        <v>3.4472922000000001</v>
      </c>
      <c r="J12073" s="8">
        <v>-76.490638099999998</v>
      </c>
    </row>
    <row r="12074" spans="1:10" x14ac:dyDescent="0.35">
      <c r="A12074" s="5" t="s">
        <v>10</v>
      </c>
      <c r="B12074" s="6">
        <v>207750</v>
      </c>
      <c r="C12074" s="6" t="s">
        <v>68</v>
      </c>
      <c r="D12074" s="6" t="s">
        <v>69</v>
      </c>
      <c r="E12074" s="6">
        <v>11001</v>
      </c>
      <c r="F12074" s="6" t="s">
        <v>18</v>
      </c>
      <c r="G12074" s="6" t="s">
        <v>22718</v>
      </c>
      <c r="H12074" s="6" t="s">
        <v>22719</v>
      </c>
      <c r="I12074" s="7">
        <v>4.5881796000000001</v>
      </c>
      <c r="J12074" s="8">
        <v>-74.101055500000001</v>
      </c>
    </row>
    <row r="12075" spans="1:10" x14ac:dyDescent="0.35">
      <c r="A12075" s="5" t="s">
        <v>10</v>
      </c>
      <c r="B12075" s="6">
        <v>203727</v>
      </c>
      <c r="C12075" s="6" t="s">
        <v>68</v>
      </c>
      <c r="D12075" s="6" t="s">
        <v>69</v>
      </c>
      <c r="E12075" s="6">
        <v>11001</v>
      </c>
      <c r="F12075" s="6" t="s">
        <v>18</v>
      </c>
      <c r="G12075" s="6" t="s">
        <v>22720</v>
      </c>
      <c r="H12075" s="6" t="s">
        <v>22721</v>
      </c>
      <c r="I12075" s="7">
        <v>4.5013088999999997</v>
      </c>
      <c r="J12075" s="8">
        <v>-74.106125199999994</v>
      </c>
    </row>
    <row r="12076" spans="1:10" x14ac:dyDescent="0.35">
      <c r="A12076" s="5" t="s">
        <v>10</v>
      </c>
      <c r="B12076" s="6">
        <v>208832</v>
      </c>
      <c r="C12076" s="6" t="s">
        <v>2821</v>
      </c>
      <c r="D12076" s="6" t="s">
        <v>20846</v>
      </c>
      <c r="E12076" s="6">
        <v>47555</v>
      </c>
      <c r="F12076" s="6" t="s">
        <v>13</v>
      </c>
      <c r="G12076" s="6" t="s">
        <v>22722</v>
      </c>
      <c r="H12076" s="6" t="s">
        <v>22723</v>
      </c>
      <c r="I12076" s="7">
        <v>9.7916980000000002</v>
      </c>
      <c r="J12076" s="8">
        <v>-74.783889000000002</v>
      </c>
    </row>
    <row r="12077" spans="1:10" x14ac:dyDescent="0.35">
      <c r="A12077" s="5" t="s">
        <v>10</v>
      </c>
      <c r="B12077" s="6">
        <v>217636</v>
      </c>
      <c r="C12077" s="6" t="s">
        <v>117</v>
      </c>
      <c r="D12077" s="6" t="s">
        <v>1334</v>
      </c>
      <c r="E12077" s="6">
        <v>76001</v>
      </c>
      <c r="F12077" s="6" t="s">
        <v>18</v>
      </c>
      <c r="G12077" s="6" t="s">
        <v>22724</v>
      </c>
      <c r="H12077" s="6" t="s">
        <v>22725</v>
      </c>
      <c r="I12077" s="7">
        <v>3.3757147000000001</v>
      </c>
      <c r="J12077" s="8">
        <v>-76.545578699999993</v>
      </c>
    </row>
    <row r="12078" spans="1:10" x14ac:dyDescent="0.35">
      <c r="A12078" s="5" t="s">
        <v>10</v>
      </c>
      <c r="B12078" s="6">
        <v>208202</v>
      </c>
      <c r="C12078" s="6" t="s">
        <v>457</v>
      </c>
      <c r="D12078" s="6" t="s">
        <v>4400</v>
      </c>
      <c r="E12078" s="6">
        <v>52001</v>
      </c>
      <c r="F12078" s="6" t="s">
        <v>18</v>
      </c>
      <c r="G12078" s="6" t="s">
        <v>22726</v>
      </c>
      <c r="H12078" s="6" t="s">
        <v>22727</v>
      </c>
      <c r="I12078" s="7">
        <v>1.2002653999999999</v>
      </c>
      <c r="J12078" s="8">
        <v>-77.2927885</v>
      </c>
    </row>
    <row r="12079" spans="1:10" x14ac:dyDescent="0.35">
      <c r="A12079" s="5" t="s">
        <v>10</v>
      </c>
      <c r="B12079" s="6">
        <v>208766</v>
      </c>
      <c r="C12079" s="6" t="s">
        <v>68</v>
      </c>
      <c r="D12079" s="6" t="s">
        <v>69</v>
      </c>
      <c r="E12079" s="6">
        <v>11001</v>
      </c>
      <c r="F12079" s="6" t="s">
        <v>18</v>
      </c>
      <c r="G12079" s="6" t="s">
        <v>22728</v>
      </c>
      <c r="H12079" s="6" t="s">
        <v>22729</v>
      </c>
      <c r="I12079" s="7">
        <v>4.6404299</v>
      </c>
      <c r="J12079" s="8">
        <v>-74.072945500000003</v>
      </c>
    </row>
    <row r="12080" spans="1:10" x14ac:dyDescent="0.35">
      <c r="A12080" s="5" t="s">
        <v>10</v>
      </c>
      <c r="B12080" s="6">
        <v>215326</v>
      </c>
      <c r="C12080" s="6" t="s">
        <v>68</v>
      </c>
      <c r="D12080" s="6" t="s">
        <v>69</v>
      </c>
      <c r="E12080" s="6">
        <v>11001</v>
      </c>
      <c r="F12080" s="6" t="s">
        <v>18</v>
      </c>
      <c r="G12080" s="6" t="s">
        <v>113</v>
      </c>
      <c r="H12080" s="6" t="s">
        <v>15080</v>
      </c>
      <c r="I12080" s="7">
        <v>4.6076765000000002</v>
      </c>
      <c r="J12080" s="8">
        <v>-74.220867299999995</v>
      </c>
    </row>
    <row r="12081" spans="1:10" x14ac:dyDescent="0.35">
      <c r="A12081" s="5" t="s">
        <v>10</v>
      </c>
      <c r="B12081" s="6">
        <v>236106</v>
      </c>
      <c r="C12081" s="6" t="s">
        <v>68</v>
      </c>
      <c r="D12081" s="6" t="s">
        <v>69</v>
      </c>
      <c r="E12081" s="6">
        <v>11001</v>
      </c>
      <c r="F12081" s="6" t="s">
        <v>18</v>
      </c>
      <c r="G12081" s="6" t="s">
        <v>22730</v>
      </c>
      <c r="H12081" s="6" t="s">
        <v>22731</v>
      </c>
      <c r="I12081" s="7">
        <v>4.6944736999999996</v>
      </c>
      <c r="J12081" s="8">
        <v>-74.051674599999998</v>
      </c>
    </row>
    <row r="12082" spans="1:10" x14ac:dyDescent="0.35">
      <c r="A12082" s="5" t="s">
        <v>10</v>
      </c>
      <c r="B12082" s="6">
        <v>214277</v>
      </c>
      <c r="C12082" s="6" t="s">
        <v>7527</v>
      </c>
      <c r="D12082" s="6" t="s">
        <v>22732</v>
      </c>
      <c r="E12082" s="6">
        <v>27810</v>
      </c>
      <c r="F12082" s="6" t="s">
        <v>13</v>
      </c>
      <c r="G12082" s="6" t="s">
        <v>22733</v>
      </c>
      <c r="H12082" s="6" t="s">
        <v>22734</v>
      </c>
      <c r="I12082" s="7">
        <v>5.3064799999999996</v>
      </c>
      <c r="J12082" s="8">
        <v>-76.645430000000005</v>
      </c>
    </row>
    <row r="12083" spans="1:10" x14ac:dyDescent="0.35">
      <c r="A12083" s="5" t="s">
        <v>10</v>
      </c>
      <c r="B12083" s="6">
        <v>107116</v>
      </c>
      <c r="C12083" s="6" t="s">
        <v>4364</v>
      </c>
      <c r="D12083" s="6" t="s">
        <v>22735</v>
      </c>
      <c r="E12083" s="6">
        <v>70235</v>
      </c>
      <c r="F12083" s="6" t="s">
        <v>13</v>
      </c>
      <c r="G12083" s="6" t="s">
        <v>11877</v>
      </c>
      <c r="H12083" s="6" t="s">
        <v>22736</v>
      </c>
      <c r="I12083" s="7">
        <v>9.1593648999999999</v>
      </c>
      <c r="J12083" s="8">
        <v>-75.0476235</v>
      </c>
    </row>
    <row r="12084" spans="1:10" x14ac:dyDescent="0.35">
      <c r="A12084" s="5" t="s">
        <v>10</v>
      </c>
      <c r="B12084" s="6">
        <v>107099</v>
      </c>
      <c r="C12084" s="6" t="s">
        <v>308</v>
      </c>
      <c r="D12084" s="6" t="s">
        <v>8845</v>
      </c>
      <c r="E12084" s="6">
        <v>23660</v>
      </c>
      <c r="F12084" s="6" t="s">
        <v>13</v>
      </c>
      <c r="G12084" s="6" t="s">
        <v>11877</v>
      </c>
      <c r="H12084" s="6" t="s">
        <v>22737</v>
      </c>
      <c r="I12084" s="7">
        <v>8.9506429999999995</v>
      </c>
      <c r="J12084" s="8">
        <v>-75.446000999999995</v>
      </c>
    </row>
    <row r="12085" spans="1:10" x14ac:dyDescent="0.35">
      <c r="A12085" s="5" t="s">
        <v>10</v>
      </c>
      <c r="B12085" s="6">
        <v>231952</v>
      </c>
      <c r="C12085" s="6" t="s">
        <v>68</v>
      </c>
      <c r="D12085" s="6" t="s">
        <v>69</v>
      </c>
      <c r="E12085" s="6">
        <v>11001</v>
      </c>
      <c r="F12085" s="6" t="s">
        <v>18</v>
      </c>
      <c r="G12085" s="6" t="s">
        <v>22738</v>
      </c>
      <c r="H12085" s="6" t="s">
        <v>22739</v>
      </c>
      <c r="I12085" s="7">
        <v>4.6691152000000002</v>
      </c>
      <c r="J12085" s="8">
        <v>-74.0669805</v>
      </c>
    </row>
    <row r="12086" spans="1:10" x14ac:dyDescent="0.35">
      <c r="A12086" s="5" t="s">
        <v>10</v>
      </c>
      <c r="B12086" s="6">
        <v>239012</v>
      </c>
      <c r="C12086" s="6" t="s">
        <v>68</v>
      </c>
      <c r="D12086" s="6" t="s">
        <v>69</v>
      </c>
      <c r="E12086" s="6">
        <v>11001</v>
      </c>
      <c r="F12086" s="6" t="s">
        <v>18</v>
      </c>
      <c r="G12086" s="6" t="s">
        <v>22740</v>
      </c>
      <c r="H12086" s="6" t="s">
        <v>22741</v>
      </c>
      <c r="I12086" s="7">
        <v>4.6106074000000001</v>
      </c>
      <c r="J12086" s="8">
        <v>-74.117102500000001</v>
      </c>
    </row>
    <row r="12087" spans="1:10" x14ac:dyDescent="0.35">
      <c r="A12087" s="5" t="s">
        <v>10</v>
      </c>
      <c r="B12087" s="6">
        <v>244679</v>
      </c>
      <c r="C12087" s="6" t="s">
        <v>117</v>
      </c>
      <c r="D12087" s="6" t="s">
        <v>4397</v>
      </c>
      <c r="E12087" s="6">
        <v>76147</v>
      </c>
      <c r="F12087" s="6" t="s">
        <v>18</v>
      </c>
      <c r="G12087" s="6" t="s">
        <v>22742</v>
      </c>
      <c r="H12087" s="6" t="s">
        <v>22743</v>
      </c>
      <c r="I12087" s="7">
        <v>4.7502972000000003</v>
      </c>
      <c r="J12087" s="8">
        <v>-75.921964799999998</v>
      </c>
    </row>
    <row r="12088" spans="1:10" x14ac:dyDescent="0.35">
      <c r="A12088" s="5" t="s">
        <v>10</v>
      </c>
      <c r="B12088" s="6">
        <v>239967</v>
      </c>
      <c r="C12088" s="6" t="s">
        <v>68</v>
      </c>
      <c r="D12088" s="6" t="s">
        <v>69</v>
      </c>
      <c r="E12088" s="6">
        <v>11001</v>
      </c>
      <c r="F12088" s="6" t="s">
        <v>18</v>
      </c>
      <c r="G12088" s="6" t="s">
        <v>22744</v>
      </c>
      <c r="H12088" s="6" t="s">
        <v>22745</v>
      </c>
      <c r="I12088" s="7">
        <v>4.5423188000000003</v>
      </c>
      <c r="J12088" s="8">
        <v>-74.090809800000002</v>
      </c>
    </row>
    <row r="12089" spans="1:10" x14ac:dyDescent="0.35">
      <c r="A12089" s="5" t="s">
        <v>10</v>
      </c>
      <c r="B12089" s="6">
        <v>236277</v>
      </c>
      <c r="C12089" s="6" t="s">
        <v>68</v>
      </c>
      <c r="D12089" s="6" t="s">
        <v>69</v>
      </c>
      <c r="E12089" s="6">
        <v>11001</v>
      </c>
      <c r="F12089" s="6" t="s">
        <v>18</v>
      </c>
      <c r="G12089" s="6" t="s">
        <v>22746</v>
      </c>
      <c r="H12089" s="6" t="s">
        <v>22747</v>
      </c>
      <c r="I12089" s="7">
        <v>4.6043617000000001</v>
      </c>
      <c r="J12089" s="8">
        <v>-74.119555099999999</v>
      </c>
    </row>
    <row r="12090" spans="1:10" x14ac:dyDescent="0.35">
      <c r="A12090" s="5" t="s">
        <v>10</v>
      </c>
      <c r="B12090" s="6">
        <v>210569</v>
      </c>
      <c r="C12090" s="6" t="s">
        <v>28</v>
      </c>
      <c r="D12090" s="6" t="s">
        <v>29</v>
      </c>
      <c r="E12090" s="6">
        <v>54001</v>
      </c>
      <c r="F12090" s="6" t="s">
        <v>13</v>
      </c>
      <c r="G12090" s="6" t="s">
        <v>22748</v>
      </c>
      <c r="H12090" s="6" t="s">
        <v>22749</v>
      </c>
      <c r="I12090" s="7">
        <v>7.9280872999999996</v>
      </c>
      <c r="J12090" s="8">
        <v>-72.500834299999994</v>
      </c>
    </row>
    <row r="12091" spans="1:10" x14ac:dyDescent="0.35">
      <c r="A12091" s="5" t="s">
        <v>10</v>
      </c>
      <c r="B12091" s="6">
        <v>239985</v>
      </c>
      <c r="C12091" s="6" t="s">
        <v>117</v>
      </c>
      <c r="D12091" s="6" t="s">
        <v>1334</v>
      </c>
      <c r="E12091" s="6">
        <v>76001</v>
      </c>
      <c r="F12091" s="6" t="s">
        <v>18</v>
      </c>
      <c r="G12091" s="6" t="s">
        <v>22750</v>
      </c>
      <c r="H12091" s="6" t="s">
        <v>22751</v>
      </c>
      <c r="I12091" s="7">
        <v>3.4290257999999998</v>
      </c>
      <c r="J12091" s="8">
        <v>-76.486523199999993</v>
      </c>
    </row>
    <row r="12092" spans="1:10" x14ac:dyDescent="0.35">
      <c r="A12092" s="5" t="s">
        <v>10</v>
      </c>
      <c r="B12092" s="6">
        <v>238140</v>
      </c>
      <c r="C12092" s="6" t="s">
        <v>190</v>
      </c>
      <c r="D12092" s="6" t="s">
        <v>15342</v>
      </c>
      <c r="E12092" s="6">
        <v>5440</v>
      </c>
      <c r="F12092" s="6" t="s">
        <v>18</v>
      </c>
      <c r="G12092" s="6" t="s">
        <v>22752</v>
      </c>
      <c r="H12092" s="6" t="s">
        <v>22753</v>
      </c>
      <c r="I12092" s="7">
        <v>6.1695443000000001</v>
      </c>
      <c r="J12092" s="8">
        <v>-75.334501500000002</v>
      </c>
    </row>
    <row r="12093" spans="1:10" x14ac:dyDescent="0.35">
      <c r="A12093" s="5" t="s">
        <v>10</v>
      </c>
      <c r="B12093" s="6">
        <v>240869</v>
      </c>
      <c r="C12093" s="6" t="s">
        <v>190</v>
      </c>
      <c r="D12093" s="6" t="s">
        <v>16422</v>
      </c>
      <c r="E12093" s="6">
        <v>5038</v>
      </c>
      <c r="F12093" s="6" t="s">
        <v>18</v>
      </c>
      <c r="G12093" s="6" t="s">
        <v>22754</v>
      </c>
      <c r="H12093" s="6" t="s">
        <v>22755</v>
      </c>
      <c r="I12093" s="7">
        <v>6.8856777999999998</v>
      </c>
      <c r="J12093" s="8">
        <v>-75.334667300000007</v>
      </c>
    </row>
    <row r="12094" spans="1:10" x14ac:dyDescent="0.35">
      <c r="A12094" s="5" t="s">
        <v>10</v>
      </c>
      <c r="B12094" s="6">
        <v>209969</v>
      </c>
      <c r="C12094" s="6" t="s">
        <v>68</v>
      </c>
      <c r="D12094" s="6" t="s">
        <v>69</v>
      </c>
      <c r="E12094" s="6">
        <v>11001</v>
      </c>
      <c r="F12094" s="6" t="s">
        <v>18</v>
      </c>
      <c r="G12094" s="6" t="s">
        <v>22756</v>
      </c>
      <c r="H12094" s="6" t="s">
        <v>22757</v>
      </c>
      <c r="I12094" s="7">
        <v>4.6964870999999997</v>
      </c>
      <c r="J12094" s="8">
        <v>-74.165738599999997</v>
      </c>
    </row>
    <row r="12095" spans="1:10" x14ac:dyDescent="0.35">
      <c r="A12095" s="5" t="s">
        <v>10</v>
      </c>
      <c r="B12095" s="6">
        <v>245379</v>
      </c>
      <c r="C12095" s="6" t="s">
        <v>68</v>
      </c>
      <c r="D12095" s="6" t="s">
        <v>69</v>
      </c>
      <c r="E12095" s="6">
        <v>11001</v>
      </c>
      <c r="F12095" s="6" t="s">
        <v>18</v>
      </c>
      <c r="G12095" s="6" t="s">
        <v>22758</v>
      </c>
      <c r="H12095" s="6" t="s">
        <v>22759</v>
      </c>
      <c r="I12095" s="7">
        <v>4.6416871000000004</v>
      </c>
      <c r="J12095" s="8">
        <v>-74.158247200000005</v>
      </c>
    </row>
    <row r="12096" spans="1:10" x14ac:dyDescent="0.35">
      <c r="A12096" s="5" t="s">
        <v>10</v>
      </c>
      <c r="B12096" s="6">
        <v>238355</v>
      </c>
      <c r="C12096" s="6" t="s">
        <v>38</v>
      </c>
      <c r="D12096" s="6" t="s">
        <v>22760</v>
      </c>
      <c r="E12096" s="6">
        <v>19392</v>
      </c>
      <c r="F12096" s="6" t="s">
        <v>18</v>
      </c>
      <c r="G12096" s="6" t="s">
        <v>22761</v>
      </c>
      <c r="H12096" s="6" t="s">
        <v>22762</v>
      </c>
      <c r="I12096" s="7">
        <v>4.5911185999999997</v>
      </c>
      <c r="J12096" s="8">
        <v>-74.094951199999997</v>
      </c>
    </row>
    <row r="12097" spans="1:10" x14ac:dyDescent="0.35">
      <c r="A12097" s="5" t="s">
        <v>10</v>
      </c>
      <c r="B12097" s="6">
        <v>238253</v>
      </c>
      <c r="C12097" s="6" t="s">
        <v>11</v>
      </c>
      <c r="D12097" s="6" t="s">
        <v>337</v>
      </c>
      <c r="E12097" s="6">
        <v>25290</v>
      </c>
      <c r="F12097" s="6" t="s">
        <v>13</v>
      </c>
      <c r="G12097" s="6" t="s">
        <v>12374</v>
      </c>
      <c r="H12097" s="6" t="s">
        <v>22763</v>
      </c>
      <c r="I12097" s="7">
        <v>4.3451519999999997</v>
      </c>
      <c r="J12097" s="8">
        <v>-74.361823000000001</v>
      </c>
    </row>
    <row r="12098" spans="1:10" x14ac:dyDescent="0.35">
      <c r="A12098" s="5" t="s">
        <v>10</v>
      </c>
      <c r="B12098" s="6">
        <v>241649</v>
      </c>
      <c r="C12098" s="6" t="s">
        <v>457</v>
      </c>
      <c r="D12098" s="6" t="s">
        <v>4400</v>
      </c>
      <c r="E12098" s="6">
        <v>52001</v>
      </c>
      <c r="F12098" s="6" t="s">
        <v>18</v>
      </c>
      <c r="G12098" s="6" t="s">
        <v>22764</v>
      </c>
      <c r="H12098" s="6" t="s">
        <v>22765</v>
      </c>
      <c r="I12098" s="7">
        <v>1.2059168</v>
      </c>
      <c r="J12098" s="8">
        <v>-77.285762399999996</v>
      </c>
    </row>
    <row r="12099" spans="1:10" x14ac:dyDescent="0.35">
      <c r="A12099" s="5" t="s">
        <v>10</v>
      </c>
      <c r="B12099" s="6">
        <v>132913</v>
      </c>
      <c r="C12099" s="6" t="s">
        <v>190</v>
      </c>
      <c r="D12099" s="6" t="s">
        <v>14386</v>
      </c>
      <c r="E12099" s="6">
        <v>5390</v>
      </c>
      <c r="F12099" s="6" t="s">
        <v>18</v>
      </c>
      <c r="G12099" s="6" t="s">
        <v>16885</v>
      </c>
      <c r="H12099" s="6" t="s">
        <v>16886</v>
      </c>
      <c r="I12099" s="7">
        <v>5.7469419999999998</v>
      </c>
      <c r="J12099" s="8">
        <v>-75.606403</v>
      </c>
    </row>
    <row r="12100" spans="1:10" x14ac:dyDescent="0.35">
      <c r="A12100" s="5" t="s">
        <v>10</v>
      </c>
      <c r="B12100" s="6">
        <v>208537</v>
      </c>
      <c r="C12100" s="6" t="s">
        <v>68</v>
      </c>
      <c r="D12100" s="6" t="s">
        <v>69</v>
      </c>
      <c r="E12100" s="6">
        <v>11001</v>
      </c>
      <c r="F12100" s="6" t="s">
        <v>18</v>
      </c>
      <c r="G12100" s="6" t="s">
        <v>22766</v>
      </c>
      <c r="H12100" s="6" t="s">
        <v>22767</v>
      </c>
      <c r="I12100" s="7">
        <v>4.6986222</v>
      </c>
      <c r="J12100" s="8">
        <v>-74.126619099999999</v>
      </c>
    </row>
    <row r="12101" spans="1:10" x14ac:dyDescent="0.35">
      <c r="A12101" s="5" t="s">
        <v>10</v>
      </c>
      <c r="B12101" s="6">
        <v>245731</v>
      </c>
      <c r="C12101" s="6" t="s">
        <v>68</v>
      </c>
      <c r="D12101" s="6" t="s">
        <v>69</v>
      </c>
      <c r="E12101" s="6">
        <v>11001</v>
      </c>
      <c r="F12101" s="6" t="s">
        <v>18</v>
      </c>
      <c r="G12101" s="6" t="s">
        <v>22768</v>
      </c>
      <c r="H12101" s="6" t="s">
        <v>22769</v>
      </c>
      <c r="I12101" s="7">
        <v>4.7506722000000003</v>
      </c>
      <c r="J12101" s="8">
        <v>-74.057658500000002</v>
      </c>
    </row>
    <row r="12102" spans="1:10" x14ac:dyDescent="0.35">
      <c r="A12102" s="5" t="s">
        <v>10</v>
      </c>
      <c r="B12102" s="6">
        <v>242576</v>
      </c>
      <c r="C12102" s="6" t="s">
        <v>68</v>
      </c>
      <c r="D12102" s="6" t="s">
        <v>69</v>
      </c>
      <c r="E12102" s="6">
        <v>11001</v>
      </c>
      <c r="F12102" s="6" t="s">
        <v>18</v>
      </c>
      <c r="G12102" s="6" t="s">
        <v>22770</v>
      </c>
      <c r="H12102" s="6" t="s">
        <v>22771</v>
      </c>
      <c r="I12102" s="7">
        <v>4.6653539000000004</v>
      </c>
      <c r="J12102" s="8">
        <v>-74.077417800000006</v>
      </c>
    </row>
    <row r="12103" spans="1:10" x14ac:dyDescent="0.35">
      <c r="A12103" s="5" t="s">
        <v>10</v>
      </c>
      <c r="B12103" s="6">
        <v>188883</v>
      </c>
      <c r="C12103" s="6" t="s">
        <v>278</v>
      </c>
      <c r="D12103" s="6" t="s">
        <v>279</v>
      </c>
      <c r="E12103" s="6">
        <v>50001</v>
      </c>
      <c r="F12103" s="6" t="s">
        <v>18</v>
      </c>
      <c r="G12103" s="6" t="s">
        <v>855</v>
      </c>
      <c r="H12103" s="6" t="s">
        <v>22772</v>
      </c>
      <c r="I12103" s="7">
        <v>4.1311429999999998</v>
      </c>
      <c r="J12103" s="8">
        <v>-73.587118399999994</v>
      </c>
    </row>
    <row r="12104" spans="1:10" x14ac:dyDescent="0.35">
      <c r="A12104" s="5" t="s">
        <v>10</v>
      </c>
      <c r="B12104" s="6">
        <v>189502</v>
      </c>
      <c r="C12104" s="6" t="s">
        <v>68</v>
      </c>
      <c r="D12104" s="6" t="s">
        <v>69</v>
      </c>
      <c r="E12104" s="6">
        <v>11001</v>
      </c>
      <c r="F12104" s="6" t="s">
        <v>13</v>
      </c>
      <c r="G12104" s="6" t="s">
        <v>16997</v>
      </c>
      <c r="H12104" s="6" t="s">
        <v>16998</v>
      </c>
      <c r="I12104" s="7">
        <v>4.6681625999999996</v>
      </c>
      <c r="J12104" s="8">
        <v>-74.073441900000006</v>
      </c>
    </row>
    <row r="12105" spans="1:10" x14ac:dyDescent="0.35">
      <c r="A12105" s="5" t="s">
        <v>10</v>
      </c>
      <c r="B12105" s="6">
        <v>245573</v>
      </c>
      <c r="C12105" s="6" t="s">
        <v>117</v>
      </c>
      <c r="D12105" s="6" t="s">
        <v>1334</v>
      </c>
      <c r="E12105" s="6">
        <v>76001</v>
      </c>
      <c r="F12105" s="6" t="s">
        <v>18</v>
      </c>
      <c r="G12105" s="6" t="s">
        <v>22773</v>
      </c>
      <c r="H12105" s="6" t="s">
        <v>22774</v>
      </c>
      <c r="I12105" s="7">
        <v>3.4486452999999999</v>
      </c>
      <c r="J12105" s="8">
        <v>-76.504190899999998</v>
      </c>
    </row>
    <row r="12106" spans="1:10" x14ac:dyDescent="0.35">
      <c r="A12106" s="5" t="s">
        <v>10</v>
      </c>
      <c r="B12106" s="6">
        <v>107071</v>
      </c>
      <c r="C12106" s="6" t="s">
        <v>308</v>
      </c>
      <c r="D12106" s="6" t="s">
        <v>8321</v>
      </c>
      <c r="E12106" s="6">
        <v>23162</v>
      </c>
      <c r="F12106" s="6" t="s">
        <v>13</v>
      </c>
      <c r="G12106" s="6" t="s">
        <v>11877</v>
      </c>
      <c r="H12106" s="6" t="s">
        <v>16280</v>
      </c>
      <c r="I12106" s="7">
        <v>8.8889206999999999</v>
      </c>
      <c r="J12106" s="8">
        <v>-75.789587499999996</v>
      </c>
    </row>
    <row r="12107" spans="1:10" x14ac:dyDescent="0.35">
      <c r="A12107" s="5" t="s">
        <v>10</v>
      </c>
      <c r="B12107" s="6">
        <v>107112</v>
      </c>
      <c r="C12107" s="6" t="s">
        <v>4364</v>
      </c>
      <c r="D12107" s="6" t="s">
        <v>8079</v>
      </c>
      <c r="E12107" s="6">
        <v>70215</v>
      </c>
      <c r="F12107" s="6" t="s">
        <v>13</v>
      </c>
      <c r="G12107" s="6" t="s">
        <v>11877</v>
      </c>
      <c r="H12107" s="6" t="s">
        <v>22650</v>
      </c>
      <c r="I12107" s="7">
        <v>9.3234199999999898</v>
      </c>
      <c r="J12107" s="8">
        <v>-75.294909199999907</v>
      </c>
    </row>
    <row r="12108" spans="1:10" x14ac:dyDescent="0.35">
      <c r="A12108" s="5" t="s">
        <v>10</v>
      </c>
      <c r="B12108" s="6">
        <v>107151</v>
      </c>
      <c r="C12108" s="6" t="s">
        <v>308</v>
      </c>
      <c r="D12108" s="6" t="s">
        <v>7590</v>
      </c>
      <c r="E12108" s="6">
        <v>23466</v>
      </c>
      <c r="F12108" s="6" t="s">
        <v>13</v>
      </c>
      <c r="G12108" s="6" t="s">
        <v>11877</v>
      </c>
      <c r="H12108" s="6" t="s">
        <v>22775</v>
      </c>
      <c r="I12108" s="7">
        <v>7.9768030000000003</v>
      </c>
      <c r="J12108" s="8">
        <v>-75.417209</v>
      </c>
    </row>
    <row r="12109" spans="1:10" x14ac:dyDescent="0.35">
      <c r="A12109" s="5" t="s">
        <v>10</v>
      </c>
      <c r="B12109" s="6">
        <v>199760</v>
      </c>
      <c r="C12109" s="6" t="s">
        <v>68</v>
      </c>
      <c r="D12109" s="6" t="s">
        <v>69</v>
      </c>
      <c r="E12109" s="6">
        <v>11001</v>
      </c>
      <c r="F12109" s="6" t="s">
        <v>18</v>
      </c>
      <c r="G12109" s="6" t="s">
        <v>22776</v>
      </c>
      <c r="H12109" s="6" t="s">
        <v>22777</v>
      </c>
      <c r="I12109" s="7">
        <v>4.6086643999999897</v>
      </c>
      <c r="J12109" s="8">
        <v>-74.181336399999907</v>
      </c>
    </row>
    <row r="12110" spans="1:10" x14ac:dyDescent="0.35">
      <c r="A12110" s="5" t="s">
        <v>10</v>
      </c>
      <c r="B12110" s="6">
        <v>218314</v>
      </c>
      <c r="C12110" s="6" t="s">
        <v>2130</v>
      </c>
      <c r="D12110" s="6" t="s">
        <v>2131</v>
      </c>
      <c r="E12110" s="6">
        <v>85001</v>
      </c>
      <c r="F12110" s="6" t="s">
        <v>18</v>
      </c>
      <c r="G12110" s="6" t="s">
        <v>22778</v>
      </c>
      <c r="H12110" s="6" t="s">
        <v>22779</v>
      </c>
      <c r="I12110" s="7">
        <v>5.3440943999999897</v>
      </c>
      <c r="J12110" s="8">
        <v>-72.402697200000006</v>
      </c>
    </row>
    <row r="12111" spans="1:10" x14ac:dyDescent="0.35">
      <c r="A12111" s="5" t="s">
        <v>10</v>
      </c>
      <c r="B12111" s="6">
        <v>239999</v>
      </c>
      <c r="C12111" s="6" t="s">
        <v>457</v>
      </c>
      <c r="D12111" s="6" t="s">
        <v>22780</v>
      </c>
      <c r="E12111" s="6">
        <v>52540</v>
      </c>
      <c r="F12111" s="6" t="s">
        <v>18</v>
      </c>
      <c r="G12111" s="6" t="s">
        <v>22781</v>
      </c>
      <c r="H12111" s="6" t="s">
        <v>22782</v>
      </c>
      <c r="I12111" s="7">
        <v>1.6280905999999999</v>
      </c>
      <c r="J12111" s="8">
        <v>-77.459194499999995</v>
      </c>
    </row>
    <row r="12112" spans="1:10" x14ac:dyDescent="0.35">
      <c r="A12112" s="5" t="s">
        <v>10</v>
      </c>
      <c r="B12112" s="6">
        <v>229446</v>
      </c>
      <c r="C12112" s="6" t="s">
        <v>457</v>
      </c>
      <c r="D12112" s="6" t="s">
        <v>1086</v>
      </c>
      <c r="E12112" s="6">
        <v>52356</v>
      </c>
      <c r="F12112" s="6" t="s">
        <v>18</v>
      </c>
      <c r="G12112" s="6" t="s">
        <v>14378</v>
      </c>
      <c r="H12112" s="6" t="s">
        <v>22783</v>
      </c>
      <c r="I12112" s="7">
        <v>0.82434499999999999</v>
      </c>
      <c r="J12112" s="8">
        <v>-77.635944699999996</v>
      </c>
    </row>
    <row r="12113" spans="1:10" x14ac:dyDescent="0.35">
      <c r="A12113" s="5" t="s">
        <v>10</v>
      </c>
      <c r="B12113" s="6">
        <v>233063</v>
      </c>
      <c r="C12113" s="6" t="s">
        <v>68</v>
      </c>
      <c r="D12113" s="6" t="s">
        <v>69</v>
      </c>
      <c r="E12113" s="6">
        <v>11001</v>
      </c>
      <c r="F12113" s="6" t="s">
        <v>18</v>
      </c>
      <c r="G12113" s="6" t="s">
        <v>22784</v>
      </c>
      <c r="H12113" s="6" t="s">
        <v>22785</v>
      </c>
      <c r="I12113" s="7">
        <v>4.7636399999999997</v>
      </c>
      <c r="J12113" s="8">
        <v>-74.029880000000006</v>
      </c>
    </row>
    <row r="12114" spans="1:10" x14ac:dyDescent="0.35">
      <c r="A12114" s="5" t="s">
        <v>10</v>
      </c>
      <c r="B12114" s="6">
        <v>229098</v>
      </c>
      <c r="C12114" s="6" t="s">
        <v>68</v>
      </c>
      <c r="D12114" s="6" t="s">
        <v>69</v>
      </c>
      <c r="E12114" s="6">
        <v>11001</v>
      </c>
      <c r="F12114" s="6" t="s">
        <v>18</v>
      </c>
      <c r="G12114" s="6" t="s">
        <v>22786</v>
      </c>
      <c r="H12114" s="6" t="s">
        <v>22787</v>
      </c>
      <c r="I12114" s="7">
        <v>4.6231368000000002</v>
      </c>
      <c r="J12114" s="8">
        <v>-74.166997699999996</v>
      </c>
    </row>
    <row r="12115" spans="1:10" x14ac:dyDescent="0.35">
      <c r="A12115" s="5" t="s">
        <v>10</v>
      </c>
      <c r="B12115" s="6">
        <v>219322</v>
      </c>
      <c r="C12115" s="6" t="s">
        <v>68</v>
      </c>
      <c r="D12115" s="6" t="s">
        <v>69</v>
      </c>
      <c r="E12115" s="6">
        <v>11001</v>
      </c>
      <c r="F12115" s="6" t="s">
        <v>18</v>
      </c>
      <c r="G12115" s="6" t="s">
        <v>22788</v>
      </c>
      <c r="H12115" s="6" t="s">
        <v>22789</v>
      </c>
      <c r="I12115" s="7">
        <v>4.5917329999999996</v>
      </c>
      <c r="J12115" s="8">
        <v>-74.139120800000001</v>
      </c>
    </row>
    <row r="12116" spans="1:10" x14ac:dyDescent="0.35">
      <c r="A12116" s="5" t="s">
        <v>10</v>
      </c>
      <c r="B12116" s="6">
        <v>209852</v>
      </c>
      <c r="C12116" s="6" t="s">
        <v>68</v>
      </c>
      <c r="D12116" s="6" t="s">
        <v>69</v>
      </c>
      <c r="E12116" s="6">
        <v>11001</v>
      </c>
      <c r="F12116" s="6" t="s">
        <v>18</v>
      </c>
      <c r="G12116" s="6" t="s">
        <v>22790</v>
      </c>
      <c r="H12116" s="6" t="s">
        <v>22791</v>
      </c>
      <c r="I12116" s="7">
        <v>4.5751872999999996</v>
      </c>
      <c r="J12116" s="8">
        <v>-74.124536800000001</v>
      </c>
    </row>
    <row r="12117" spans="1:10" x14ac:dyDescent="0.35">
      <c r="A12117" s="5" t="s">
        <v>10</v>
      </c>
      <c r="B12117" s="6">
        <v>189652</v>
      </c>
      <c r="C12117" s="6" t="s">
        <v>68</v>
      </c>
      <c r="D12117" s="6" t="s">
        <v>69</v>
      </c>
      <c r="E12117" s="6">
        <v>11001</v>
      </c>
      <c r="F12117" s="6" t="s">
        <v>13</v>
      </c>
      <c r="G12117" s="6" t="s">
        <v>16997</v>
      </c>
      <c r="H12117" s="6" t="s">
        <v>22677</v>
      </c>
      <c r="I12117" s="7">
        <v>4.6385345999999998</v>
      </c>
      <c r="J12117" s="8">
        <v>-74.112319400000004</v>
      </c>
    </row>
    <row r="12118" spans="1:10" x14ac:dyDescent="0.35">
      <c r="A12118" s="5" t="s">
        <v>10</v>
      </c>
      <c r="B12118" s="6">
        <v>143006</v>
      </c>
      <c r="C12118" s="6" t="s">
        <v>109</v>
      </c>
      <c r="D12118" s="6" t="s">
        <v>22792</v>
      </c>
      <c r="E12118" s="6">
        <v>13667</v>
      </c>
      <c r="F12118" s="6" t="s">
        <v>18</v>
      </c>
      <c r="G12118" s="6" t="s">
        <v>22793</v>
      </c>
      <c r="H12118" s="6" t="s">
        <v>22794</v>
      </c>
      <c r="I12118" s="7">
        <v>8.9377551000000004</v>
      </c>
      <c r="J12118" s="8">
        <v>-74.037807200000003</v>
      </c>
    </row>
    <row r="12119" spans="1:10" x14ac:dyDescent="0.35">
      <c r="A12119" s="5" t="s">
        <v>10</v>
      </c>
      <c r="B12119" s="6">
        <v>228086</v>
      </c>
      <c r="C12119" s="6" t="s">
        <v>117</v>
      </c>
      <c r="D12119" s="6" t="s">
        <v>4637</v>
      </c>
      <c r="E12119" s="6">
        <v>76275</v>
      </c>
      <c r="F12119" s="6" t="s">
        <v>18</v>
      </c>
      <c r="G12119" s="6" t="s">
        <v>22795</v>
      </c>
      <c r="H12119" s="6" t="s">
        <v>22796</v>
      </c>
      <c r="I12119" s="7">
        <v>3.3258122999999999</v>
      </c>
      <c r="J12119" s="8">
        <v>-76.235636999999997</v>
      </c>
    </row>
    <row r="12120" spans="1:10" x14ac:dyDescent="0.35">
      <c r="A12120" s="5" t="s">
        <v>10</v>
      </c>
      <c r="B12120" s="6">
        <v>246516</v>
      </c>
      <c r="C12120" s="6" t="s">
        <v>117</v>
      </c>
      <c r="D12120" s="6" t="s">
        <v>1334</v>
      </c>
      <c r="E12120" s="6">
        <v>76001</v>
      </c>
      <c r="F12120" s="6" t="s">
        <v>18</v>
      </c>
      <c r="G12120" s="6" t="s">
        <v>22797</v>
      </c>
      <c r="H12120" s="6" t="s">
        <v>22798</v>
      </c>
      <c r="I12120" s="7">
        <v>3.4437836000000002</v>
      </c>
      <c r="J12120" s="8">
        <v>-76.513278400000004</v>
      </c>
    </row>
    <row r="12121" spans="1:10" x14ac:dyDescent="0.35">
      <c r="A12121" s="5" t="s">
        <v>10</v>
      </c>
      <c r="B12121" s="6">
        <v>237615</v>
      </c>
      <c r="C12121" s="6" t="s">
        <v>190</v>
      </c>
      <c r="D12121" s="6" t="s">
        <v>15751</v>
      </c>
      <c r="E12121" s="6">
        <v>5042</v>
      </c>
      <c r="F12121" s="6" t="s">
        <v>18</v>
      </c>
      <c r="G12121" s="6" t="s">
        <v>22799</v>
      </c>
      <c r="H12121" s="6" t="s">
        <v>22800</v>
      </c>
      <c r="I12121" s="7">
        <v>6.5604836999999998</v>
      </c>
      <c r="J12121" s="8">
        <v>-75.830829399999999</v>
      </c>
    </row>
    <row r="12122" spans="1:10" x14ac:dyDescent="0.35">
      <c r="A12122" s="5" t="s">
        <v>10</v>
      </c>
      <c r="B12122" s="6">
        <v>244640</v>
      </c>
      <c r="C12122" s="6" t="s">
        <v>190</v>
      </c>
      <c r="D12122" s="6" t="s">
        <v>22801</v>
      </c>
      <c r="E12122" s="6">
        <v>5031</v>
      </c>
      <c r="F12122" s="6" t="s">
        <v>18</v>
      </c>
      <c r="G12122" s="6" t="s">
        <v>22802</v>
      </c>
      <c r="H12122" s="6" t="s">
        <v>22803</v>
      </c>
      <c r="I12122" s="7">
        <v>6.8956270000000002</v>
      </c>
      <c r="J12122" s="8">
        <v>-75.014382400000002</v>
      </c>
    </row>
    <row r="12123" spans="1:10" x14ac:dyDescent="0.35">
      <c r="A12123" s="5" t="s">
        <v>10</v>
      </c>
      <c r="B12123" s="6">
        <v>107131</v>
      </c>
      <c r="C12123" s="6" t="s">
        <v>4364</v>
      </c>
      <c r="D12123" s="6" t="s">
        <v>4365</v>
      </c>
      <c r="E12123" s="6">
        <v>70001</v>
      </c>
      <c r="F12123" s="6" t="s">
        <v>13</v>
      </c>
      <c r="G12123" s="6" t="s">
        <v>11877</v>
      </c>
      <c r="H12123" s="6" t="s">
        <v>22804</v>
      </c>
      <c r="I12123" s="7">
        <v>9.2480499999999992</v>
      </c>
      <c r="J12123" s="8">
        <v>-75.3435688</v>
      </c>
    </row>
    <row r="12124" spans="1:10" x14ac:dyDescent="0.35">
      <c r="A12124" s="5" t="s">
        <v>10</v>
      </c>
      <c r="B12124" s="6">
        <v>206467</v>
      </c>
      <c r="C12124" s="6" t="s">
        <v>68</v>
      </c>
      <c r="D12124" s="6" t="s">
        <v>69</v>
      </c>
      <c r="E12124" s="6">
        <v>11001</v>
      </c>
      <c r="F12124" s="6" t="s">
        <v>18</v>
      </c>
      <c r="G12124" s="6" t="s">
        <v>113</v>
      </c>
      <c r="H12124" s="6" t="s">
        <v>12393</v>
      </c>
      <c r="I12124" s="7">
        <v>4.6106413000000002</v>
      </c>
      <c r="J12124" s="8">
        <v>-74.119017999999997</v>
      </c>
    </row>
    <row r="12125" spans="1:10" x14ac:dyDescent="0.35">
      <c r="A12125" s="5" t="s">
        <v>10</v>
      </c>
      <c r="B12125" s="6">
        <v>201962</v>
      </c>
      <c r="C12125" s="6" t="s">
        <v>28</v>
      </c>
      <c r="D12125" s="6" t="s">
        <v>29</v>
      </c>
      <c r="E12125" s="6">
        <v>54001</v>
      </c>
      <c r="F12125" s="6" t="s">
        <v>13</v>
      </c>
      <c r="G12125" s="6" t="s">
        <v>22805</v>
      </c>
      <c r="H12125" s="6" t="s">
        <v>22806</v>
      </c>
      <c r="I12125" s="7">
        <v>7.9077986999999998</v>
      </c>
      <c r="J12125" s="8">
        <v>-72.5024947</v>
      </c>
    </row>
    <row r="12126" spans="1:10" x14ac:dyDescent="0.35">
      <c r="A12126" s="5" t="s">
        <v>10</v>
      </c>
      <c r="B12126" s="6">
        <v>225660</v>
      </c>
      <c r="C12126" s="6" t="s">
        <v>11</v>
      </c>
      <c r="D12126" s="6" t="s">
        <v>513</v>
      </c>
      <c r="E12126" s="6">
        <v>25286</v>
      </c>
      <c r="F12126" s="6" t="s">
        <v>18</v>
      </c>
      <c r="G12126" s="6" t="s">
        <v>22807</v>
      </c>
      <c r="H12126" s="6" t="s">
        <v>22808</v>
      </c>
      <c r="I12126" s="7">
        <v>4.7000320000000002</v>
      </c>
      <c r="J12126" s="8">
        <v>-74.200041900000002</v>
      </c>
    </row>
    <row r="12127" spans="1:10" x14ac:dyDescent="0.35">
      <c r="A12127" s="5" t="s">
        <v>10</v>
      </c>
      <c r="B12127" s="6">
        <v>245147</v>
      </c>
      <c r="C12127" s="6" t="s">
        <v>190</v>
      </c>
      <c r="D12127" s="6" t="s">
        <v>12606</v>
      </c>
      <c r="E12127" s="6">
        <v>5579</v>
      </c>
      <c r="F12127" s="6" t="s">
        <v>18</v>
      </c>
      <c r="G12127" s="6" t="s">
        <v>22809</v>
      </c>
      <c r="H12127" s="6" t="s">
        <v>22810</v>
      </c>
      <c r="I12127" s="7">
        <v>6.4918940999999997</v>
      </c>
      <c r="J12127" s="8">
        <v>-74.408851600000006</v>
      </c>
    </row>
    <row r="12128" spans="1:10" x14ac:dyDescent="0.35">
      <c r="A12128" s="5" t="s">
        <v>10</v>
      </c>
      <c r="B12128" s="6">
        <v>225033</v>
      </c>
      <c r="C12128" s="6" t="s">
        <v>68</v>
      </c>
      <c r="D12128" s="6" t="s">
        <v>69</v>
      </c>
      <c r="E12128" s="6">
        <v>11001</v>
      </c>
      <c r="F12128" s="6" t="s">
        <v>18</v>
      </c>
      <c r="G12128" s="6" t="s">
        <v>12803</v>
      </c>
      <c r="H12128" s="6" t="s">
        <v>12804</v>
      </c>
      <c r="I12128" s="7">
        <v>4.6227489999999998</v>
      </c>
      <c r="J12128" s="8">
        <v>-74.168227000000002</v>
      </c>
    </row>
    <row r="12129" spans="1:10" x14ac:dyDescent="0.35">
      <c r="A12129" s="5" t="s">
        <v>10</v>
      </c>
      <c r="B12129" s="6">
        <v>198041</v>
      </c>
      <c r="C12129" s="6" t="s">
        <v>68</v>
      </c>
      <c r="D12129" s="6" t="s">
        <v>69</v>
      </c>
      <c r="E12129" s="6">
        <v>11001</v>
      </c>
      <c r="F12129" s="6" t="s">
        <v>18</v>
      </c>
      <c r="G12129" s="6" t="s">
        <v>22811</v>
      </c>
      <c r="H12129" s="6" t="s">
        <v>22812</v>
      </c>
      <c r="I12129" s="7">
        <v>4.7318629999999997</v>
      </c>
      <c r="J12129" s="8">
        <v>-74.024417299999996</v>
      </c>
    </row>
    <row r="12130" spans="1:10" x14ac:dyDescent="0.35">
      <c r="A12130" s="5" t="s">
        <v>10</v>
      </c>
      <c r="B12130" s="6">
        <v>150242</v>
      </c>
      <c r="C12130" s="6" t="s">
        <v>190</v>
      </c>
      <c r="D12130" s="6" t="s">
        <v>12092</v>
      </c>
      <c r="E12130" s="6">
        <v>5425</v>
      </c>
      <c r="F12130" s="6" t="s">
        <v>18</v>
      </c>
      <c r="G12130" s="6" t="s">
        <v>22813</v>
      </c>
      <c r="H12130" s="6" t="s">
        <v>22814</v>
      </c>
      <c r="I12130" s="7">
        <v>6.5537747999999896</v>
      </c>
      <c r="J12130" s="8">
        <v>-74.787907300000001</v>
      </c>
    </row>
    <row r="12131" spans="1:10" x14ac:dyDescent="0.35">
      <c r="A12131" s="5" t="s">
        <v>10</v>
      </c>
      <c r="B12131" s="6">
        <v>189652</v>
      </c>
      <c r="C12131" s="6" t="s">
        <v>68</v>
      </c>
      <c r="D12131" s="6" t="s">
        <v>69</v>
      </c>
      <c r="E12131" s="6">
        <v>11001</v>
      </c>
      <c r="F12131" s="6" t="s">
        <v>13</v>
      </c>
      <c r="G12131" s="6" t="s">
        <v>16997</v>
      </c>
      <c r="H12131" s="6" t="s">
        <v>22677</v>
      </c>
      <c r="I12131" s="7">
        <v>4.6385345999999998</v>
      </c>
      <c r="J12131" s="8">
        <v>-74.112319400000004</v>
      </c>
    </row>
    <row r="12132" spans="1:10" x14ac:dyDescent="0.35">
      <c r="A12132" s="5" t="s">
        <v>10</v>
      </c>
      <c r="B12132" s="6">
        <v>107125</v>
      </c>
      <c r="C12132" s="6" t="s">
        <v>4364</v>
      </c>
      <c r="D12132" s="6" t="s">
        <v>9953</v>
      </c>
      <c r="E12132" s="6">
        <v>70742</v>
      </c>
      <c r="F12132" s="6" t="s">
        <v>13</v>
      </c>
      <c r="G12132" s="6" t="s">
        <v>11877</v>
      </c>
      <c r="H12132" s="6" t="s">
        <v>15473</v>
      </c>
      <c r="I12132" s="7">
        <v>10.425742400000001</v>
      </c>
      <c r="J12132" s="8">
        <v>-75.545945199999906</v>
      </c>
    </row>
    <row r="12133" spans="1:10" x14ac:dyDescent="0.35">
      <c r="A12133" s="5" t="s">
        <v>10</v>
      </c>
      <c r="B12133" s="6">
        <v>200964</v>
      </c>
      <c r="C12133" s="6" t="s">
        <v>68</v>
      </c>
      <c r="D12133" s="6" t="s">
        <v>69</v>
      </c>
      <c r="E12133" s="6">
        <v>11001</v>
      </c>
      <c r="F12133" s="6" t="s">
        <v>18</v>
      </c>
      <c r="G12133" s="6" t="s">
        <v>22815</v>
      </c>
      <c r="H12133" s="6" t="s">
        <v>22816</v>
      </c>
      <c r="I12133" s="7">
        <v>4.6674356000000001</v>
      </c>
      <c r="J12133" s="8">
        <v>-74.056564699999996</v>
      </c>
    </row>
    <row r="12134" spans="1:10" x14ac:dyDescent="0.35">
      <c r="A12134" s="5" t="s">
        <v>10</v>
      </c>
      <c r="B12134" s="6">
        <v>240353</v>
      </c>
      <c r="C12134" s="6" t="s">
        <v>68</v>
      </c>
      <c r="D12134" s="6" t="s">
        <v>69</v>
      </c>
      <c r="E12134" s="6">
        <v>11001</v>
      </c>
      <c r="F12134" s="6" t="s">
        <v>18</v>
      </c>
      <c r="G12134" s="6" t="s">
        <v>22817</v>
      </c>
      <c r="H12134" s="6" t="s">
        <v>22818</v>
      </c>
      <c r="I12134" s="7">
        <v>4.6222864000000001</v>
      </c>
      <c r="J12134" s="8">
        <v>-74.1174587</v>
      </c>
    </row>
    <row r="12135" spans="1:10" x14ac:dyDescent="0.35">
      <c r="A12135" s="5" t="s">
        <v>10</v>
      </c>
      <c r="B12135" s="6">
        <v>107065</v>
      </c>
      <c r="C12135" s="6" t="s">
        <v>109</v>
      </c>
      <c r="D12135" s="6" t="s">
        <v>2830</v>
      </c>
      <c r="E12135" s="6">
        <v>13430</v>
      </c>
      <c r="F12135" s="6" t="s">
        <v>13</v>
      </c>
      <c r="G12135" s="6" t="s">
        <v>11877</v>
      </c>
      <c r="H12135" s="6" t="s">
        <v>15591</v>
      </c>
      <c r="I12135" s="7">
        <v>9.2143601999999998</v>
      </c>
      <c r="J12135" s="8">
        <v>-74.763015999999993</v>
      </c>
    </row>
    <row r="12136" spans="1:10" x14ac:dyDescent="0.35">
      <c r="A12136" s="5" t="s">
        <v>10</v>
      </c>
      <c r="B12136" s="6">
        <v>107149</v>
      </c>
      <c r="C12136" s="6" t="s">
        <v>4364</v>
      </c>
      <c r="D12136" s="6" t="s">
        <v>4365</v>
      </c>
      <c r="E12136" s="6">
        <v>70001</v>
      </c>
      <c r="F12136" s="6" t="s">
        <v>13</v>
      </c>
      <c r="G12136" s="6" t="s">
        <v>11877</v>
      </c>
      <c r="H12136" s="6" t="s">
        <v>22819</v>
      </c>
      <c r="I12136" s="7">
        <v>9.3045773000000001</v>
      </c>
      <c r="J12136" s="8">
        <v>-75.390556699999905</v>
      </c>
    </row>
    <row r="12137" spans="1:10" x14ac:dyDescent="0.35">
      <c r="A12137" s="5" t="s">
        <v>10</v>
      </c>
      <c r="B12137" s="6">
        <v>180469</v>
      </c>
      <c r="C12137" s="6" t="s">
        <v>24</v>
      </c>
      <c r="D12137" s="6" t="s">
        <v>88</v>
      </c>
      <c r="E12137" s="6">
        <v>15001</v>
      </c>
      <c r="F12137" s="6" t="s">
        <v>18</v>
      </c>
      <c r="G12137" s="6" t="s">
        <v>22820</v>
      </c>
      <c r="H12137" s="6" t="s">
        <v>22821</v>
      </c>
      <c r="I12137" s="7">
        <v>5.5446422000000002</v>
      </c>
      <c r="J12137" s="8">
        <v>-73.357557200000002</v>
      </c>
    </row>
    <row r="12138" spans="1:10" x14ac:dyDescent="0.35">
      <c r="A12138" s="5" t="s">
        <v>10</v>
      </c>
      <c r="B12138" s="6">
        <v>189502</v>
      </c>
      <c r="C12138" s="6" t="s">
        <v>68</v>
      </c>
      <c r="D12138" s="6" t="s">
        <v>69</v>
      </c>
      <c r="E12138" s="6">
        <v>11001</v>
      </c>
      <c r="F12138" s="6" t="s">
        <v>13</v>
      </c>
      <c r="G12138" s="6" t="s">
        <v>16997</v>
      </c>
      <c r="H12138" s="6" t="s">
        <v>16998</v>
      </c>
      <c r="I12138" s="7">
        <v>4.6681625999999996</v>
      </c>
      <c r="J12138" s="8">
        <v>-74.073441900000006</v>
      </c>
    </row>
    <row r="12139" spans="1:10" x14ac:dyDescent="0.35">
      <c r="A12139" s="5" t="s">
        <v>10</v>
      </c>
      <c r="B12139" s="6">
        <v>237159</v>
      </c>
      <c r="C12139" s="6" t="s">
        <v>190</v>
      </c>
      <c r="D12139" s="6" t="s">
        <v>17357</v>
      </c>
      <c r="E12139" s="6">
        <v>5856</v>
      </c>
      <c r="F12139" s="6" t="s">
        <v>18</v>
      </c>
      <c r="G12139" s="6" t="s">
        <v>22822</v>
      </c>
      <c r="H12139" s="6" t="s">
        <v>22823</v>
      </c>
      <c r="I12139" s="7">
        <v>5.6155375999999997</v>
      </c>
      <c r="J12139" s="8">
        <v>-75.623686300000003</v>
      </c>
    </row>
    <row r="12140" spans="1:10" x14ac:dyDescent="0.35">
      <c r="A12140" s="5" t="s">
        <v>10</v>
      </c>
      <c r="B12140" s="6">
        <v>244060</v>
      </c>
      <c r="C12140" s="6" t="s">
        <v>68</v>
      </c>
      <c r="D12140" s="6" t="s">
        <v>69</v>
      </c>
      <c r="E12140" s="6">
        <v>11001</v>
      </c>
      <c r="F12140" s="6" t="s">
        <v>18</v>
      </c>
      <c r="G12140" s="6" t="s">
        <v>22824</v>
      </c>
      <c r="H12140" s="6" t="s">
        <v>22825</v>
      </c>
      <c r="I12140" s="7">
        <v>4.5669418999999998</v>
      </c>
      <c r="J12140" s="8">
        <v>-74.087819699999997</v>
      </c>
    </row>
    <row r="12141" spans="1:10" x14ac:dyDescent="0.35">
      <c r="A12141" s="5" t="s">
        <v>10</v>
      </c>
      <c r="B12141" s="6">
        <v>234017</v>
      </c>
      <c r="C12141" s="6" t="s">
        <v>117</v>
      </c>
      <c r="D12141" s="6" t="s">
        <v>4394</v>
      </c>
      <c r="E12141" s="6">
        <v>76823</v>
      </c>
      <c r="F12141" s="6" t="s">
        <v>18</v>
      </c>
      <c r="G12141" s="6" t="s">
        <v>22826</v>
      </c>
      <c r="H12141" s="6" t="s">
        <v>22827</v>
      </c>
      <c r="I12141" s="7">
        <v>4.6100300000000001</v>
      </c>
      <c r="J12141" s="8">
        <v>-76.078819499999994</v>
      </c>
    </row>
    <row r="12142" spans="1:10" x14ac:dyDescent="0.35">
      <c r="A12142" s="5" t="s">
        <v>10</v>
      </c>
      <c r="B12142" s="6">
        <v>245150</v>
      </c>
      <c r="C12142" s="6" t="s">
        <v>117</v>
      </c>
      <c r="D12142" s="6" t="s">
        <v>1334</v>
      </c>
      <c r="E12142" s="6">
        <v>76001</v>
      </c>
      <c r="F12142" s="6" t="s">
        <v>18</v>
      </c>
      <c r="G12142" s="6" t="s">
        <v>22828</v>
      </c>
      <c r="H12142" s="6" t="s">
        <v>22829</v>
      </c>
      <c r="I12142" s="7">
        <v>3.4285060999999999</v>
      </c>
      <c r="J12142" s="8">
        <v>-76.514831999999998</v>
      </c>
    </row>
    <row r="12143" spans="1:10" x14ac:dyDescent="0.35">
      <c r="A12143" s="5" t="s">
        <v>10</v>
      </c>
      <c r="B12143" s="6">
        <v>240757</v>
      </c>
      <c r="C12143" s="6" t="s">
        <v>190</v>
      </c>
      <c r="D12143" s="6" t="s">
        <v>8798</v>
      </c>
      <c r="E12143" s="6">
        <v>5101</v>
      </c>
      <c r="F12143" s="6" t="s">
        <v>18</v>
      </c>
      <c r="G12143" s="6" t="s">
        <v>22830</v>
      </c>
      <c r="H12143" s="6" t="s">
        <v>22831</v>
      </c>
      <c r="I12143" s="7">
        <v>5.8500772999999997</v>
      </c>
      <c r="J12143" s="8">
        <v>-76.019093400000003</v>
      </c>
    </row>
    <row r="12144" spans="1:10" x14ac:dyDescent="0.35">
      <c r="A12144" s="5" t="s">
        <v>10</v>
      </c>
      <c r="B12144" s="6">
        <v>222608</v>
      </c>
      <c r="C12144" s="6" t="s">
        <v>68</v>
      </c>
      <c r="D12144" s="6" t="s">
        <v>69</v>
      </c>
      <c r="E12144" s="6">
        <v>11001</v>
      </c>
      <c r="F12144" s="6" t="s">
        <v>18</v>
      </c>
      <c r="G12144" s="6" t="s">
        <v>22832</v>
      </c>
      <c r="H12144" s="6" t="s">
        <v>22833</v>
      </c>
      <c r="I12144" s="7">
        <v>4.6212416999999997</v>
      </c>
      <c r="J12144" s="8">
        <v>-74.146745299999907</v>
      </c>
    </row>
    <row r="12145" spans="1:10" x14ac:dyDescent="0.35">
      <c r="A12145" s="5" t="s">
        <v>10</v>
      </c>
      <c r="B12145" s="6">
        <v>245520</v>
      </c>
      <c r="C12145" s="6" t="s">
        <v>68</v>
      </c>
      <c r="D12145" s="6" t="s">
        <v>69</v>
      </c>
      <c r="E12145" s="6">
        <v>11001</v>
      </c>
      <c r="F12145" s="6" t="s">
        <v>18</v>
      </c>
      <c r="G12145" s="6" t="s">
        <v>22834</v>
      </c>
      <c r="H12145" s="6" t="s">
        <v>22835</v>
      </c>
      <c r="I12145" s="7">
        <v>4.7355555999999996</v>
      </c>
      <c r="J12145" s="8">
        <v>-74.101647600000007</v>
      </c>
    </row>
    <row r="12146" spans="1:10" x14ac:dyDescent="0.35">
      <c r="A12146" s="5" t="s">
        <v>10</v>
      </c>
      <c r="B12146" s="6">
        <v>239186</v>
      </c>
      <c r="C12146" s="6" t="s">
        <v>68</v>
      </c>
      <c r="D12146" s="6" t="s">
        <v>69</v>
      </c>
      <c r="E12146" s="6">
        <v>11001</v>
      </c>
      <c r="F12146" s="6" t="s">
        <v>18</v>
      </c>
      <c r="G12146" s="6" t="s">
        <v>22836</v>
      </c>
      <c r="H12146" s="6" t="s">
        <v>22837</v>
      </c>
      <c r="I12146" s="7">
        <v>4.6701138000000002</v>
      </c>
      <c r="J12146" s="8">
        <v>-74.1228069</v>
      </c>
    </row>
    <row r="12147" spans="1:10" x14ac:dyDescent="0.35">
      <c r="A12147" s="5" t="s">
        <v>10</v>
      </c>
      <c r="B12147" s="6">
        <v>242735</v>
      </c>
      <c r="C12147" s="6" t="s">
        <v>68</v>
      </c>
      <c r="D12147" s="6" t="s">
        <v>69</v>
      </c>
      <c r="E12147" s="6">
        <v>11001</v>
      </c>
      <c r="F12147" s="6" t="s">
        <v>18</v>
      </c>
      <c r="G12147" s="6" t="s">
        <v>22838</v>
      </c>
      <c r="H12147" s="6" t="s">
        <v>22839</v>
      </c>
      <c r="I12147" s="7">
        <v>4.7044924999999997</v>
      </c>
      <c r="J12147" s="8">
        <v>-74.092558600000004</v>
      </c>
    </row>
    <row r="12148" spans="1:10" x14ac:dyDescent="0.35">
      <c r="A12148" s="5" t="s">
        <v>10</v>
      </c>
      <c r="B12148" s="6">
        <v>120899</v>
      </c>
      <c r="C12148" s="6" t="s">
        <v>4364</v>
      </c>
      <c r="D12148" s="6" t="s">
        <v>4365</v>
      </c>
      <c r="E12148" s="6">
        <v>70001</v>
      </c>
      <c r="F12148" s="6" t="s">
        <v>18</v>
      </c>
      <c r="G12148" s="6" t="s">
        <v>22840</v>
      </c>
      <c r="H12148" s="6" t="s">
        <v>22841</v>
      </c>
      <c r="I12148" s="7">
        <v>9.2766769999999994</v>
      </c>
      <c r="J12148" s="8">
        <v>-75.408085999999997</v>
      </c>
    </row>
    <row r="12149" spans="1:10" x14ac:dyDescent="0.35">
      <c r="A12149" s="5" t="s">
        <v>10</v>
      </c>
      <c r="B12149" s="6">
        <v>186418</v>
      </c>
      <c r="C12149" s="6" t="s">
        <v>466</v>
      </c>
      <c r="D12149" s="6" t="s">
        <v>467</v>
      </c>
      <c r="E12149" s="6">
        <v>81736</v>
      </c>
      <c r="F12149" s="6" t="s">
        <v>18</v>
      </c>
      <c r="G12149" s="6" t="s">
        <v>22842</v>
      </c>
      <c r="H12149" s="6" t="s">
        <v>22843</v>
      </c>
      <c r="I12149" s="7">
        <v>6.9512856999999997</v>
      </c>
      <c r="J12149" s="8">
        <v>-71.872697500000001</v>
      </c>
    </row>
    <row r="12150" spans="1:10" x14ac:dyDescent="0.35">
      <c r="A12150" s="5" t="s">
        <v>10</v>
      </c>
      <c r="B12150" s="6">
        <v>240901</v>
      </c>
      <c r="C12150" s="6" t="s">
        <v>190</v>
      </c>
      <c r="D12150" s="6" t="s">
        <v>2202</v>
      </c>
      <c r="E12150" s="6">
        <v>5615</v>
      </c>
      <c r="F12150" s="6" t="s">
        <v>18</v>
      </c>
      <c r="G12150" s="6" t="s">
        <v>22844</v>
      </c>
      <c r="H12150" s="6" t="s">
        <v>22845</v>
      </c>
      <c r="I12150" s="7">
        <v>5.5806899999999997</v>
      </c>
      <c r="J12150" s="8">
        <v>-75.673209999999997</v>
      </c>
    </row>
    <row r="12151" spans="1:10" x14ac:dyDescent="0.35">
      <c r="A12151" s="5" t="s">
        <v>10</v>
      </c>
      <c r="B12151" s="6">
        <v>228348</v>
      </c>
      <c r="C12151" s="6" t="s">
        <v>68</v>
      </c>
      <c r="D12151" s="6" t="s">
        <v>69</v>
      </c>
      <c r="E12151" s="6">
        <v>11001</v>
      </c>
      <c r="F12151" s="6" t="s">
        <v>18</v>
      </c>
      <c r="G12151" s="6" t="s">
        <v>22846</v>
      </c>
      <c r="H12151" s="6" t="s">
        <v>22847</v>
      </c>
      <c r="I12151" s="7">
        <v>4.6117065999999998</v>
      </c>
      <c r="J12151" s="8">
        <v>-74.181212000000002</v>
      </c>
    </row>
    <row r="12152" spans="1:10" x14ac:dyDescent="0.35">
      <c r="A12152" s="5" t="s">
        <v>10</v>
      </c>
      <c r="B12152" s="6">
        <v>245469</v>
      </c>
      <c r="C12152" s="6" t="s">
        <v>68</v>
      </c>
      <c r="D12152" s="6" t="s">
        <v>69</v>
      </c>
      <c r="E12152" s="6">
        <v>11001</v>
      </c>
      <c r="F12152" s="6" t="s">
        <v>18</v>
      </c>
      <c r="G12152" s="6" t="s">
        <v>22848</v>
      </c>
      <c r="H12152" s="6" t="s">
        <v>22849</v>
      </c>
      <c r="I12152" s="7">
        <v>4.7891507999999998</v>
      </c>
      <c r="J12152" s="8">
        <v>-74.052997199999993</v>
      </c>
    </row>
    <row r="12153" spans="1:10" x14ac:dyDescent="0.35">
      <c r="A12153" s="5" t="s">
        <v>10</v>
      </c>
      <c r="B12153" s="6">
        <v>147191</v>
      </c>
      <c r="C12153" s="6" t="s">
        <v>190</v>
      </c>
      <c r="D12153" s="6" t="s">
        <v>22850</v>
      </c>
      <c r="E12153" s="6">
        <v>5885</v>
      </c>
      <c r="F12153" s="6" t="s">
        <v>18</v>
      </c>
      <c r="G12153" s="6" t="s">
        <v>22851</v>
      </c>
      <c r="H12153" s="6" t="s">
        <v>22852</v>
      </c>
      <c r="I12153" s="7">
        <v>6.6745751000000002</v>
      </c>
      <c r="J12153" s="8">
        <v>-74.8423181</v>
      </c>
    </row>
    <row r="12154" spans="1:10" x14ac:dyDescent="0.35">
      <c r="A12154" s="5" t="s">
        <v>10</v>
      </c>
      <c r="B12154" s="6">
        <v>239386</v>
      </c>
      <c r="C12154" s="6" t="s">
        <v>68</v>
      </c>
      <c r="D12154" s="6" t="s">
        <v>69</v>
      </c>
      <c r="E12154" s="6">
        <v>11001</v>
      </c>
      <c r="F12154" s="6" t="s">
        <v>18</v>
      </c>
      <c r="G12154" s="6" t="s">
        <v>22853</v>
      </c>
      <c r="H12154" s="6" t="s">
        <v>22854</v>
      </c>
      <c r="I12154" s="7">
        <v>4.6099309999999996</v>
      </c>
      <c r="J12154" s="8">
        <v>-74.175642300000007</v>
      </c>
    </row>
    <row r="12155" spans="1:10" x14ac:dyDescent="0.35">
      <c r="A12155" s="5" t="s">
        <v>10</v>
      </c>
      <c r="B12155" s="6">
        <v>244749</v>
      </c>
      <c r="C12155" s="6" t="s">
        <v>68</v>
      </c>
      <c r="D12155" s="6" t="s">
        <v>69</v>
      </c>
      <c r="E12155" s="6">
        <v>11001</v>
      </c>
      <c r="F12155" s="6" t="s">
        <v>18</v>
      </c>
      <c r="G12155" s="6" t="s">
        <v>22855</v>
      </c>
      <c r="H12155" s="6" t="s">
        <v>22856</v>
      </c>
      <c r="I12155" s="7">
        <v>4.6326505999999998</v>
      </c>
      <c r="J12155" s="8">
        <v>-74.071585400000004</v>
      </c>
    </row>
    <row r="12156" spans="1:10" x14ac:dyDescent="0.35">
      <c r="A12156" s="5" t="s">
        <v>10</v>
      </c>
      <c r="B12156" s="6">
        <v>245663</v>
      </c>
      <c r="C12156" s="6" t="s">
        <v>68</v>
      </c>
      <c r="D12156" s="6" t="s">
        <v>69</v>
      </c>
      <c r="E12156" s="6">
        <v>11001</v>
      </c>
      <c r="F12156" s="6" t="s">
        <v>18</v>
      </c>
      <c r="G12156" s="6" t="s">
        <v>22857</v>
      </c>
      <c r="H12156" s="6" t="s">
        <v>22858</v>
      </c>
      <c r="I12156" s="7">
        <v>4.5455284999999996</v>
      </c>
      <c r="J12156" s="8">
        <v>-74.105586099999996</v>
      </c>
    </row>
    <row r="12157" spans="1:10" x14ac:dyDescent="0.35">
      <c r="A12157" s="5" t="s">
        <v>10</v>
      </c>
      <c r="B12157" s="6">
        <v>229151</v>
      </c>
      <c r="C12157" s="6" t="s">
        <v>68</v>
      </c>
      <c r="D12157" s="6" t="s">
        <v>69</v>
      </c>
      <c r="E12157" s="6">
        <v>11001</v>
      </c>
      <c r="F12157" s="6" t="s">
        <v>18</v>
      </c>
      <c r="G12157" s="6" t="s">
        <v>113</v>
      </c>
      <c r="H12157" s="6" t="s">
        <v>22859</v>
      </c>
      <c r="I12157" s="7">
        <v>4.6251920999999996</v>
      </c>
      <c r="J12157" s="8">
        <v>-74.184249899999998</v>
      </c>
    </row>
    <row r="12158" spans="1:10" x14ac:dyDescent="0.35">
      <c r="A12158" s="5" t="s">
        <v>10</v>
      </c>
      <c r="B12158" s="6">
        <v>233468</v>
      </c>
      <c r="C12158" s="6" t="s">
        <v>2130</v>
      </c>
      <c r="D12158" s="6" t="s">
        <v>2131</v>
      </c>
      <c r="E12158" s="6">
        <v>85001</v>
      </c>
      <c r="F12158" s="6" t="s">
        <v>18</v>
      </c>
      <c r="G12158" s="6" t="s">
        <v>22860</v>
      </c>
      <c r="H12158" s="6" t="s">
        <v>22861</v>
      </c>
      <c r="I12158" s="7">
        <v>5.34009</v>
      </c>
      <c r="J12158" s="8">
        <v>-72.400800000000004</v>
      </c>
    </row>
    <row r="12159" spans="1:10" x14ac:dyDescent="0.35">
      <c r="A12159" s="5" t="s">
        <v>10</v>
      </c>
      <c r="B12159" s="6">
        <v>190458</v>
      </c>
      <c r="C12159" s="6" t="s">
        <v>2130</v>
      </c>
      <c r="D12159" s="6" t="s">
        <v>14731</v>
      </c>
      <c r="E12159" s="6">
        <v>85015</v>
      </c>
      <c r="F12159" s="6" t="s">
        <v>18</v>
      </c>
      <c r="G12159" s="6" t="s">
        <v>14732</v>
      </c>
      <c r="H12159" s="6" t="s">
        <v>14733</v>
      </c>
      <c r="I12159" s="7">
        <v>5.2133367000000002</v>
      </c>
      <c r="J12159" s="8">
        <v>-72.870383599999997</v>
      </c>
    </row>
    <row r="12160" spans="1:10" x14ac:dyDescent="0.35">
      <c r="A12160" s="5" t="s">
        <v>10</v>
      </c>
      <c r="B12160" s="6">
        <v>232137</v>
      </c>
      <c r="C12160" s="6" t="s">
        <v>366</v>
      </c>
      <c r="D12160" s="6" t="s">
        <v>8296</v>
      </c>
      <c r="E12160" s="6">
        <v>44001</v>
      </c>
      <c r="F12160" s="6" t="s">
        <v>13</v>
      </c>
      <c r="G12160" s="6" t="s">
        <v>22862</v>
      </c>
      <c r="H12160" s="6" t="s">
        <v>22863</v>
      </c>
      <c r="I12160" s="7">
        <v>11.5476066</v>
      </c>
      <c r="J12160" s="8">
        <v>-72.915099499999997</v>
      </c>
    </row>
    <row r="12161" spans="1:10" x14ac:dyDescent="0.35">
      <c r="A12161" s="5" t="s">
        <v>10</v>
      </c>
      <c r="B12161" s="6">
        <v>229619</v>
      </c>
      <c r="C12161" s="6" t="s">
        <v>457</v>
      </c>
      <c r="D12161" s="6" t="s">
        <v>1086</v>
      </c>
      <c r="E12161" s="6">
        <v>52356</v>
      </c>
      <c r="F12161" s="6" t="s">
        <v>18</v>
      </c>
      <c r="G12161" s="6" t="s">
        <v>16481</v>
      </c>
      <c r="H12161" s="6" t="s">
        <v>16482</v>
      </c>
      <c r="I12161" s="7">
        <v>0.85163219999999995</v>
      </c>
      <c r="J12161" s="8">
        <v>-77.677417500000004</v>
      </c>
    </row>
    <row r="12162" spans="1:10" x14ac:dyDescent="0.35">
      <c r="A12162" s="5" t="s">
        <v>10</v>
      </c>
      <c r="B12162" s="6">
        <v>241016</v>
      </c>
      <c r="C12162" s="6" t="s">
        <v>117</v>
      </c>
      <c r="D12162" s="6" t="s">
        <v>12447</v>
      </c>
      <c r="E12162" s="6">
        <v>76248</v>
      </c>
      <c r="F12162" s="6" t="s">
        <v>18</v>
      </c>
      <c r="G12162" s="6" t="s">
        <v>22864</v>
      </c>
      <c r="H12162" s="6" t="s">
        <v>22865</v>
      </c>
      <c r="I12162" s="7">
        <v>3.6840839999999999</v>
      </c>
      <c r="J12162" s="8">
        <v>-76.312995999999998</v>
      </c>
    </row>
    <row r="12163" spans="1:10" x14ac:dyDescent="0.35">
      <c r="A12163" s="5" t="s">
        <v>10</v>
      </c>
      <c r="B12163" s="6">
        <v>107127</v>
      </c>
      <c r="C12163" s="6" t="s">
        <v>4364</v>
      </c>
      <c r="D12163" s="6" t="s">
        <v>4365</v>
      </c>
      <c r="E12163" s="6">
        <v>70001</v>
      </c>
      <c r="F12163" s="6" t="s">
        <v>13</v>
      </c>
      <c r="G12163" s="6" t="s">
        <v>11877</v>
      </c>
      <c r="H12163" s="6" t="s">
        <v>12819</v>
      </c>
      <c r="I12163" s="7">
        <v>9.3027558999999993</v>
      </c>
      <c r="J12163" s="8">
        <v>-75.397791599999906</v>
      </c>
    </row>
    <row r="12164" spans="1:10" x14ac:dyDescent="0.35">
      <c r="A12164" s="5" t="s">
        <v>10</v>
      </c>
      <c r="B12164" s="6">
        <v>107131</v>
      </c>
      <c r="C12164" s="6" t="s">
        <v>4364</v>
      </c>
      <c r="D12164" s="6" t="s">
        <v>4365</v>
      </c>
      <c r="E12164" s="6">
        <v>70001</v>
      </c>
      <c r="F12164" s="6" t="s">
        <v>13</v>
      </c>
      <c r="G12164" s="6" t="s">
        <v>11877</v>
      </c>
      <c r="H12164" s="6" t="s">
        <v>22804</v>
      </c>
      <c r="I12164" s="7">
        <v>9.2480499999999992</v>
      </c>
      <c r="J12164" s="8">
        <v>-75.3435688</v>
      </c>
    </row>
    <row r="12165" spans="1:10" x14ac:dyDescent="0.35">
      <c r="A12165" s="5" t="s">
        <v>10</v>
      </c>
      <c r="B12165" s="6">
        <v>229087</v>
      </c>
      <c r="C12165" s="6" t="s">
        <v>68</v>
      </c>
      <c r="D12165" s="6" t="s">
        <v>69</v>
      </c>
      <c r="E12165" s="6">
        <v>11001</v>
      </c>
      <c r="F12165" s="6" t="s">
        <v>18</v>
      </c>
      <c r="G12165" s="6" t="s">
        <v>22866</v>
      </c>
      <c r="H12165" s="6" t="s">
        <v>22867</v>
      </c>
      <c r="I12165" s="7">
        <v>4.5826381999999999</v>
      </c>
      <c r="J12165" s="8">
        <v>-74.103090899999998</v>
      </c>
    </row>
    <row r="12166" spans="1:10" x14ac:dyDescent="0.35">
      <c r="A12166" s="5" t="s">
        <v>10</v>
      </c>
      <c r="B12166" s="6">
        <v>242618</v>
      </c>
      <c r="C12166" s="6" t="s">
        <v>68</v>
      </c>
      <c r="D12166" s="6" t="s">
        <v>69</v>
      </c>
      <c r="E12166" s="6">
        <v>11001</v>
      </c>
      <c r="F12166" s="6" t="s">
        <v>18</v>
      </c>
      <c r="G12166" s="6" t="s">
        <v>22868</v>
      </c>
      <c r="H12166" s="6" t="s">
        <v>22869</v>
      </c>
      <c r="I12166" s="7">
        <v>4.6888205000000003</v>
      </c>
      <c r="J12166" s="8">
        <v>-74.081612000000007</v>
      </c>
    </row>
    <row r="12167" spans="1:10" x14ac:dyDescent="0.35">
      <c r="A12167" s="5" t="s">
        <v>10</v>
      </c>
      <c r="B12167" s="6">
        <v>214102</v>
      </c>
      <c r="C12167" s="6" t="s">
        <v>68</v>
      </c>
      <c r="D12167" s="6" t="s">
        <v>69</v>
      </c>
      <c r="E12167" s="6">
        <v>11001</v>
      </c>
      <c r="F12167" s="6" t="s">
        <v>18</v>
      </c>
      <c r="G12167" s="6" t="s">
        <v>22870</v>
      </c>
      <c r="H12167" s="6" t="s">
        <v>22871</v>
      </c>
      <c r="I12167" s="7">
        <v>4.5979117999999897</v>
      </c>
      <c r="J12167" s="8">
        <v>-74.174694299999999</v>
      </c>
    </row>
    <row r="12168" spans="1:10" x14ac:dyDescent="0.35">
      <c r="A12168" s="5" t="s">
        <v>10</v>
      </c>
      <c r="B12168" s="6">
        <v>230457</v>
      </c>
      <c r="C12168" s="6" t="s">
        <v>2130</v>
      </c>
      <c r="D12168" s="6" t="s">
        <v>2131</v>
      </c>
      <c r="E12168" s="6">
        <v>85001</v>
      </c>
      <c r="F12168" s="6" t="s">
        <v>18</v>
      </c>
      <c r="G12168" s="6" t="s">
        <v>22872</v>
      </c>
      <c r="H12168" s="6" t="s">
        <v>22873</v>
      </c>
      <c r="I12168" s="7">
        <v>5.3215823000000002</v>
      </c>
      <c r="J12168" s="8">
        <v>-72.4027976</v>
      </c>
    </row>
    <row r="12169" spans="1:10" x14ac:dyDescent="0.35">
      <c r="A12169" s="5" t="s">
        <v>10</v>
      </c>
      <c r="B12169" s="6">
        <v>215551</v>
      </c>
      <c r="C12169" s="6" t="s">
        <v>2130</v>
      </c>
      <c r="D12169" s="6" t="s">
        <v>2131</v>
      </c>
      <c r="E12169" s="6">
        <v>85001</v>
      </c>
      <c r="F12169" s="6" t="s">
        <v>18</v>
      </c>
      <c r="G12169" s="6" t="s">
        <v>22874</v>
      </c>
      <c r="H12169" s="6" t="s">
        <v>22875</v>
      </c>
      <c r="I12169" s="7">
        <v>5.348903</v>
      </c>
      <c r="J12169" s="8">
        <v>-72.400522999999893</v>
      </c>
    </row>
    <row r="12170" spans="1:10" x14ac:dyDescent="0.35">
      <c r="A12170" s="5" t="s">
        <v>10</v>
      </c>
      <c r="B12170" s="6">
        <v>170270</v>
      </c>
      <c r="C12170" s="6" t="s">
        <v>190</v>
      </c>
      <c r="D12170" s="6" t="s">
        <v>11705</v>
      </c>
      <c r="E12170" s="6">
        <v>5318</v>
      </c>
      <c r="F12170" s="6" t="s">
        <v>18</v>
      </c>
      <c r="G12170" s="6" t="s">
        <v>12322</v>
      </c>
      <c r="H12170" s="6" t="s">
        <v>12323</v>
      </c>
      <c r="I12170" s="7">
        <v>6.2717917999999999</v>
      </c>
      <c r="J12170" s="8">
        <v>-75.438193999999996</v>
      </c>
    </row>
    <row r="12171" spans="1:10" x14ac:dyDescent="0.35">
      <c r="A12171" s="5" t="s">
        <v>10</v>
      </c>
      <c r="B12171" s="6">
        <v>182956</v>
      </c>
      <c r="C12171" s="6" t="s">
        <v>68</v>
      </c>
      <c r="D12171" s="6" t="s">
        <v>69</v>
      </c>
      <c r="E12171" s="6">
        <v>11001</v>
      </c>
      <c r="F12171" s="6" t="s">
        <v>13</v>
      </c>
      <c r="G12171" s="6" t="s">
        <v>11863</v>
      </c>
      <c r="H12171" s="6" t="s">
        <v>11864</v>
      </c>
      <c r="I12171" s="7">
        <v>4.6235014999999997</v>
      </c>
      <c r="J12171" s="8">
        <v>-74.077350300000006</v>
      </c>
    </row>
    <row r="12172" spans="1:10" x14ac:dyDescent="0.35">
      <c r="A12172" s="5" t="s">
        <v>10</v>
      </c>
      <c r="B12172" s="6">
        <v>239577</v>
      </c>
      <c r="C12172" s="6" t="s">
        <v>117</v>
      </c>
      <c r="D12172" s="6" t="s">
        <v>7405</v>
      </c>
      <c r="E12172" s="6">
        <v>76890</v>
      </c>
      <c r="F12172" s="6" t="s">
        <v>18</v>
      </c>
      <c r="G12172" s="6" t="s">
        <v>22876</v>
      </c>
      <c r="H12172" s="6" t="s">
        <v>22877</v>
      </c>
      <c r="I12172" s="7">
        <v>3.8588149</v>
      </c>
      <c r="J12172" s="8">
        <v>-76.385170099999996</v>
      </c>
    </row>
    <row r="12173" spans="1:10" x14ac:dyDescent="0.35">
      <c r="A12173" s="5" t="s">
        <v>10</v>
      </c>
      <c r="B12173" s="6">
        <v>229277</v>
      </c>
      <c r="C12173" s="6" t="s">
        <v>68</v>
      </c>
      <c r="D12173" s="6" t="s">
        <v>69</v>
      </c>
      <c r="E12173" s="6">
        <v>11001</v>
      </c>
      <c r="F12173" s="6" t="s">
        <v>18</v>
      </c>
      <c r="G12173" s="6" t="s">
        <v>22878</v>
      </c>
      <c r="H12173" s="6" t="s">
        <v>22879</v>
      </c>
      <c r="I12173" s="7">
        <v>4.6024867</v>
      </c>
      <c r="J12173" s="8">
        <v>-74.074971199999993</v>
      </c>
    </row>
    <row r="12174" spans="1:10" x14ac:dyDescent="0.35">
      <c r="A12174" s="5" t="s">
        <v>10</v>
      </c>
      <c r="B12174" s="6">
        <v>240231</v>
      </c>
      <c r="C12174" s="6" t="s">
        <v>68</v>
      </c>
      <c r="D12174" s="6" t="s">
        <v>69</v>
      </c>
      <c r="E12174" s="6">
        <v>11001</v>
      </c>
      <c r="F12174" s="6" t="s">
        <v>18</v>
      </c>
      <c r="G12174" s="6" t="s">
        <v>22880</v>
      </c>
      <c r="H12174" s="6" t="s">
        <v>22881</v>
      </c>
      <c r="I12174" s="7">
        <v>4.6438157000000002</v>
      </c>
      <c r="J12174" s="8">
        <v>-74.172211000000004</v>
      </c>
    </row>
    <row r="12175" spans="1:10" x14ac:dyDescent="0.35">
      <c r="A12175" s="5" t="s">
        <v>10</v>
      </c>
      <c r="B12175" s="6">
        <v>238464</v>
      </c>
      <c r="C12175" s="6" t="s">
        <v>68</v>
      </c>
      <c r="D12175" s="6" t="s">
        <v>69</v>
      </c>
      <c r="E12175" s="6">
        <v>11001</v>
      </c>
      <c r="F12175" s="6" t="s">
        <v>18</v>
      </c>
      <c r="G12175" s="6" t="s">
        <v>22882</v>
      </c>
      <c r="H12175" s="6" t="s">
        <v>22883</v>
      </c>
      <c r="I12175" s="7">
        <v>4.4976262</v>
      </c>
      <c r="J12175" s="8">
        <v>-74.101624799999996</v>
      </c>
    </row>
    <row r="12176" spans="1:10" x14ac:dyDescent="0.35">
      <c r="A12176" s="5" t="s">
        <v>10</v>
      </c>
      <c r="B12176" s="6">
        <v>207808</v>
      </c>
      <c r="C12176" s="6" t="s">
        <v>68</v>
      </c>
      <c r="D12176" s="6" t="s">
        <v>69</v>
      </c>
      <c r="E12176" s="6">
        <v>11001</v>
      </c>
      <c r="F12176" s="6" t="s">
        <v>18</v>
      </c>
      <c r="G12176" s="6" t="s">
        <v>22884</v>
      </c>
      <c r="H12176" s="6" t="s">
        <v>22885</v>
      </c>
      <c r="I12176" s="7">
        <v>4.6929717999999996</v>
      </c>
      <c r="J12176" s="8">
        <v>-74.119976399999999</v>
      </c>
    </row>
    <row r="12177" spans="1:10" x14ac:dyDescent="0.35">
      <c r="A12177" s="5" t="s">
        <v>10</v>
      </c>
      <c r="B12177" s="6">
        <v>107127</v>
      </c>
      <c r="C12177" s="6" t="s">
        <v>4364</v>
      </c>
      <c r="D12177" s="6" t="s">
        <v>4365</v>
      </c>
      <c r="E12177" s="6">
        <v>70001</v>
      </c>
      <c r="F12177" s="6" t="s">
        <v>13</v>
      </c>
      <c r="G12177" s="6" t="s">
        <v>11877</v>
      </c>
      <c r="H12177" s="6" t="s">
        <v>12819</v>
      </c>
      <c r="I12177" s="7">
        <v>9.3027558999999993</v>
      </c>
      <c r="J12177" s="8">
        <v>-75.397791599999906</v>
      </c>
    </row>
    <row r="12178" spans="1:10" x14ac:dyDescent="0.35">
      <c r="A12178" s="5" t="s">
        <v>10</v>
      </c>
      <c r="B12178" s="6">
        <v>213751</v>
      </c>
      <c r="C12178" s="6" t="s">
        <v>68</v>
      </c>
      <c r="D12178" s="6" t="s">
        <v>69</v>
      </c>
      <c r="E12178" s="6">
        <v>11001</v>
      </c>
      <c r="F12178" s="6" t="s">
        <v>18</v>
      </c>
      <c r="G12178" s="6" t="s">
        <v>22886</v>
      </c>
      <c r="H12178" s="6" t="s">
        <v>22887</v>
      </c>
      <c r="I12178" s="7">
        <v>4.6806402</v>
      </c>
      <c r="J12178" s="8">
        <v>-74.143459199999995</v>
      </c>
    </row>
    <row r="12179" spans="1:10" x14ac:dyDescent="0.35">
      <c r="A12179" s="5" t="s">
        <v>10</v>
      </c>
      <c r="B12179" s="6">
        <v>233501</v>
      </c>
      <c r="C12179" s="6" t="s">
        <v>109</v>
      </c>
      <c r="D12179" s="6" t="s">
        <v>1445</v>
      </c>
      <c r="E12179" s="6">
        <v>13688</v>
      </c>
      <c r="F12179" s="6" t="s">
        <v>13</v>
      </c>
      <c r="G12179" s="6" t="s">
        <v>22888</v>
      </c>
      <c r="H12179" s="6" t="s">
        <v>22889</v>
      </c>
      <c r="I12179" s="7">
        <v>7.9630599999999996</v>
      </c>
      <c r="J12179" s="8">
        <v>-74.050970000000007</v>
      </c>
    </row>
    <row r="12180" spans="1:10" x14ac:dyDescent="0.35">
      <c r="A12180" s="5" t="s">
        <v>10</v>
      </c>
      <c r="B12180" s="6">
        <v>107127</v>
      </c>
      <c r="C12180" s="6" t="s">
        <v>4364</v>
      </c>
      <c r="D12180" s="6" t="s">
        <v>4365</v>
      </c>
      <c r="E12180" s="6">
        <v>70001</v>
      </c>
      <c r="F12180" s="6" t="s">
        <v>13</v>
      </c>
      <c r="G12180" s="6" t="s">
        <v>11877</v>
      </c>
      <c r="H12180" s="6" t="s">
        <v>12819</v>
      </c>
      <c r="I12180" s="7">
        <v>9.3027558999999993</v>
      </c>
      <c r="J12180" s="8">
        <v>-75.397791599999906</v>
      </c>
    </row>
    <row r="12181" spans="1:10" x14ac:dyDescent="0.35">
      <c r="A12181" s="5" t="s">
        <v>10</v>
      </c>
      <c r="B12181" s="6">
        <v>192786</v>
      </c>
      <c r="C12181" s="6" t="s">
        <v>24</v>
      </c>
      <c r="D12181" s="6" t="s">
        <v>85</v>
      </c>
      <c r="E12181" s="6">
        <v>15759</v>
      </c>
      <c r="F12181" s="6" t="s">
        <v>18</v>
      </c>
      <c r="G12181" s="6" t="s">
        <v>15741</v>
      </c>
      <c r="H12181" s="6" t="s">
        <v>22890</v>
      </c>
      <c r="I12181" s="7">
        <v>5.7261422</v>
      </c>
      <c r="J12181" s="8">
        <v>-72.923176099999907</v>
      </c>
    </row>
    <row r="12182" spans="1:10" x14ac:dyDescent="0.35">
      <c r="A12182" s="5" t="s">
        <v>10</v>
      </c>
      <c r="B12182" s="6">
        <v>245077</v>
      </c>
      <c r="C12182" s="6" t="s">
        <v>68</v>
      </c>
      <c r="D12182" s="6" t="s">
        <v>69</v>
      </c>
      <c r="E12182" s="6">
        <v>11001</v>
      </c>
      <c r="F12182" s="6" t="s">
        <v>18</v>
      </c>
      <c r="G12182" s="6" t="s">
        <v>22891</v>
      </c>
      <c r="H12182" s="6" t="s">
        <v>22892</v>
      </c>
      <c r="I12182" s="7">
        <v>4.6377832999999997</v>
      </c>
      <c r="J12182" s="8">
        <v>-74.062244100000001</v>
      </c>
    </row>
    <row r="12183" spans="1:10" x14ac:dyDescent="0.35">
      <c r="A12183" s="5" t="s">
        <v>10</v>
      </c>
      <c r="B12183" s="6">
        <v>232890</v>
      </c>
      <c r="C12183" s="6" t="s">
        <v>117</v>
      </c>
      <c r="D12183" s="6" t="s">
        <v>1291</v>
      </c>
      <c r="E12183" s="6">
        <v>76834</v>
      </c>
      <c r="F12183" s="6" t="s">
        <v>18</v>
      </c>
      <c r="G12183" s="6" t="s">
        <v>22893</v>
      </c>
      <c r="H12183" s="6" t="s">
        <v>22894</v>
      </c>
      <c r="I12183" s="7">
        <v>4.0830903999999997</v>
      </c>
      <c r="J12183" s="8">
        <v>-76.196225200000001</v>
      </c>
    </row>
    <row r="12184" spans="1:10" x14ac:dyDescent="0.35">
      <c r="A12184" s="5" t="s">
        <v>10</v>
      </c>
      <c r="B12184" s="6">
        <v>214998</v>
      </c>
      <c r="C12184" s="6" t="s">
        <v>117</v>
      </c>
      <c r="D12184" s="6" t="s">
        <v>4931</v>
      </c>
      <c r="E12184" s="6">
        <v>76892</v>
      </c>
      <c r="F12184" s="6" t="s">
        <v>18</v>
      </c>
      <c r="G12184" s="6" t="s">
        <v>22895</v>
      </c>
      <c r="H12184" s="6" t="s">
        <v>22896</v>
      </c>
      <c r="I12184" s="7">
        <v>3.5769103000000002</v>
      </c>
      <c r="J12184" s="8">
        <v>-76.4984544</v>
      </c>
    </row>
    <row r="12185" spans="1:10" x14ac:dyDescent="0.35">
      <c r="A12185" s="5" t="s">
        <v>10</v>
      </c>
      <c r="B12185" s="6">
        <v>242336</v>
      </c>
      <c r="C12185" s="6" t="s">
        <v>759</v>
      </c>
      <c r="D12185" s="6" t="s">
        <v>760</v>
      </c>
      <c r="E12185" s="6">
        <v>99773</v>
      </c>
      <c r="F12185" s="6" t="s">
        <v>18</v>
      </c>
      <c r="G12185" s="6" t="s">
        <v>22897</v>
      </c>
      <c r="H12185" s="6" t="s">
        <v>22898</v>
      </c>
      <c r="I12185" s="7">
        <v>4.444922</v>
      </c>
      <c r="J12185" s="8">
        <v>-69.798078700000005</v>
      </c>
    </row>
    <row r="12186" spans="1:10" x14ac:dyDescent="0.35">
      <c r="A12186" s="5" t="s">
        <v>10</v>
      </c>
      <c r="B12186" s="6">
        <v>204912</v>
      </c>
      <c r="C12186" s="6" t="s">
        <v>68</v>
      </c>
      <c r="D12186" s="6" t="s">
        <v>69</v>
      </c>
      <c r="E12186" s="6">
        <v>11001</v>
      </c>
      <c r="F12186" s="6" t="s">
        <v>18</v>
      </c>
      <c r="G12186" s="6" t="s">
        <v>22655</v>
      </c>
      <c r="H12186" s="6" t="s">
        <v>22656</v>
      </c>
      <c r="I12186" s="7">
        <v>4.6502261999999996</v>
      </c>
      <c r="J12186" s="8">
        <v>-74.058339599999996</v>
      </c>
    </row>
    <row r="12187" spans="1:10" x14ac:dyDescent="0.35">
      <c r="A12187" s="5" t="s">
        <v>10</v>
      </c>
      <c r="B12187" s="6">
        <v>183870</v>
      </c>
      <c r="C12187" s="6" t="s">
        <v>68</v>
      </c>
      <c r="D12187" s="6" t="s">
        <v>69</v>
      </c>
      <c r="E12187" s="6">
        <v>11001</v>
      </c>
      <c r="F12187" s="6" t="s">
        <v>18</v>
      </c>
      <c r="G12187" s="6" t="s">
        <v>15461</v>
      </c>
      <c r="H12187" s="6" t="s">
        <v>15462</v>
      </c>
      <c r="I12187" s="7">
        <v>4.7023910000000004</v>
      </c>
      <c r="J12187" s="8">
        <v>-74.043064000000001</v>
      </c>
    </row>
    <row r="12188" spans="1:10" x14ac:dyDescent="0.35">
      <c r="A12188" s="5" t="s">
        <v>10</v>
      </c>
      <c r="B12188" s="6">
        <v>230133</v>
      </c>
      <c r="C12188" s="6" t="s">
        <v>457</v>
      </c>
      <c r="D12188" s="6" t="s">
        <v>1086</v>
      </c>
      <c r="E12188" s="6">
        <v>52356</v>
      </c>
      <c r="F12188" s="6" t="s">
        <v>18</v>
      </c>
      <c r="G12188" s="6" t="s">
        <v>18558</v>
      </c>
      <c r="H12188" s="6" t="s">
        <v>22899</v>
      </c>
      <c r="I12188" s="7">
        <v>0.83435999999999999</v>
      </c>
      <c r="J12188" s="8">
        <v>-77.633489999999995</v>
      </c>
    </row>
    <row r="12189" spans="1:10" x14ac:dyDescent="0.35">
      <c r="A12189" s="5" t="s">
        <v>10</v>
      </c>
      <c r="B12189" s="6">
        <v>229661</v>
      </c>
      <c r="C12189" s="6" t="s">
        <v>117</v>
      </c>
      <c r="D12189" s="6" t="s">
        <v>1334</v>
      </c>
      <c r="E12189" s="6">
        <v>76001</v>
      </c>
      <c r="F12189" s="6" t="s">
        <v>18</v>
      </c>
      <c r="G12189" s="6" t="s">
        <v>22900</v>
      </c>
      <c r="H12189" s="6" t="s">
        <v>22901</v>
      </c>
      <c r="I12189" s="7">
        <v>3.4534253000000001</v>
      </c>
      <c r="J12189" s="8">
        <v>-76.527996999999999</v>
      </c>
    </row>
    <row r="12190" spans="1:10" x14ac:dyDescent="0.35">
      <c r="A12190" s="5" t="s">
        <v>10</v>
      </c>
      <c r="B12190" s="6">
        <v>246106</v>
      </c>
      <c r="C12190" s="6" t="s">
        <v>190</v>
      </c>
      <c r="D12190" s="6" t="s">
        <v>11860</v>
      </c>
      <c r="E12190" s="6">
        <v>5209</v>
      </c>
      <c r="F12190" s="6" t="s">
        <v>18</v>
      </c>
      <c r="G12190" s="6" t="s">
        <v>22902</v>
      </c>
      <c r="H12190" s="6" t="s">
        <v>22903</v>
      </c>
      <c r="I12190" s="7">
        <v>6.0462357999999998</v>
      </c>
      <c r="J12190" s="8">
        <v>-75.906664500000005</v>
      </c>
    </row>
    <row r="12191" spans="1:10" x14ac:dyDescent="0.35">
      <c r="A12191" s="5" t="s">
        <v>10</v>
      </c>
      <c r="B12191" s="6">
        <v>223964</v>
      </c>
      <c r="C12191" s="6" t="s">
        <v>68</v>
      </c>
      <c r="D12191" s="6" t="s">
        <v>69</v>
      </c>
      <c r="E12191" s="6">
        <v>11001</v>
      </c>
      <c r="F12191" s="6" t="s">
        <v>18</v>
      </c>
      <c r="G12191" s="6" t="s">
        <v>22904</v>
      </c>
      <c r="H12191" s="6" t="s">
        <v>22905</v>
      </c>
      <c r="I12191" s="7">
        <v>4.7207926000000002</v>
      </c>
      <c r="J12191" s="8">
        <v>-74.074767999999906</v>
      </c>
    </row>
    <row r="12192" spans="1:10" x14ac:dyDescent="0.35">
      <c r="A12192" s="5" t="s">
        <v>10</v>
      </c>
      <c r="B12192" s="6">
        <v>180926</v>
      </c>
      <c r="C12192" s="6" t="s">
        <v>68</v>
      </c>
      <c r="D12192" s="6" t="s">
        <v>69</v>
      </c>
      <c r="E12192" s="6">
        <v>11001</v>
      </c>
      <c r="F12192" s="6" t="s">
        <v>18</v>
      </c>
      <c r="G12192" s="6" t="s">
        <v>16665</v>
      </c>
      <c r="H12192" s="6" t="s">
        <v>16666</v>
      </c>
      <c r="I12192" s="7">
        <v>4.5834598</v>
      </c>
      <c r="J12192" s="8">
        <v>-74.103793999999994</v>
      </c>
    </row>
    <row r="12193" spans="1:10" x14ac:dyDescent="0.35">
      <c r="A12193" s="5" t="s">
        <v>10</v>
      </c>
      <c r="B12193" s="6">
        <v>206189</v>
      </c>
      <c r="C12193" s="6" t="s">
        <v>68</v>
      </c>
      <c r="D12193" s="6" t="s">
        <v>69</v>
      </c>
      <c r="E12193" s="6">
        <v>11001</v>
      </c>
      <c r="F12193" s="6" t="s">
        <v>18</v>
      </c>
      <c r="G12193" s="6" t="s">
        <v>22906</v>
      </c>
      <c r="H12193" s="6" t="s">
        <v>22907</v>
      </c>
      <c r="I12193" s="7">
        <v>4.6764530000000004</v>
      </c>
      <c r="J12193" s="8">
        <v>-74.077744799999905</v>
      </c>
    </row>
    <row r="12194" spans="1:10" x14ac:dyDescent="0.35">
      <c r="A12194" s="5" t="s">
        <v>10</v>
      </c>
      <c r="B12194" s="6">
        <v>215024</v>
      </c>
      <c r="C12194" s="6" t="s">
        <v>278</v>
      </c>
      <c r="D12194" s="6" t="s">
        <v>279</v>
      </c>
      <c r="E12194" s="6">
        <v>50001</v>
      </c>
      <c r="F12194" s="6" t="s">
        <v>18</v>
      </c>
      <c r="G12194" s="6" t="s">
        <v>22908</v>
      </c>
      <c r="H12194" s="6" t="s">
        <v>22909</v>
      </c>
      <c r="I12194" s="7">
        <v>4.0782020000000001</v>
      </c>
      <c r="J12194" s="8">
        <v>-73.669989000000001</v>
      </c>
    </row>
    <row r="12195" spans="1:10" x14ac:dyDescent="0.35">
      <c r="A12195" s="5" t="s">
        <v>10</v>
      </c>
      <c r="B12195" s="6">
        <v>186148</v>
      </c>
      <c r="C12195" s="6" t="s">
        <v>24</v>
      </c>
      <c r="D12195" s="6" t="s">
        <v>137</v>
      </c>
      <c r="E12195" s="6">
        <v>15238</v>
      </c>
      <c r="F12195" s="6" t="s">
        <v>13</v>
      </c>
      <c r="G12195" s="6" t="s">
        <v>17775</v>
      </c>
      <c r="H12195" s="6" t="s">
        <v>22910</v>
      </c>
      <c r="I12195" s="7">
        <v>5.8326250000000002</v>
      </c>
      <c r="J12195" s="8">
        <v>-73.038486000000006</v>
      </c>
    </row>
    <row r="12196" spans="1:10" x14ac:dyDescent="0.35">
      <c r="A12196" s="5" t="s">
        <v>10</v>
      </c>
      <c r="B12196" s="6">
        <v>105453</v>
      </c>
      <c r="C12196" s="6" t="s">
        <v>117</v>
      </c>
      <c r="D12196" s="6" t="s">
        <v>1334</v>
      </c>
      <c r="E12196" s="6">
        <v>76001</v>
      </c>
      <c r="F12196" s="6" t="s">
        <v>18</v>
      </c>
      <c r="G12196" s="6" t="s">
        <v>22911</v>
      </c>
      <c r="H12196" s="6" t="s">
        <v>22912</v>
      </c>
      <c r="I12196" s="7">
        <v>3.4526900999999999</v>
      </c>
      <c r="J12196" s="8">
        <v>-76.537568999999905</v>
      </c>
    </row>
    <row r="12197" spans="1:10" x14ac:dyDescent="0.35">
      <c r="A12197" s="5" t="s">
        <v>10</v>
      </c>
      <c r="B12197" s="6">
        <v>236425</v>
      </c>
      <c r="C12197" s="6" t="s">
        <v>117</v>
      </c>
      <c r="D12197" s="6" t="s">
        <v>12522</v>
      </c>
      <c r="E12197" s="6">
        <v>76041</v>
      </c>
      <c r="F12197" s="6" t="s">
        <v>18</v>
      </c>
      <c r="G12197" s="6" t="s">
        <v>22913</v>
      </c>
      <c r="H12197" s="6" t="s">
        <v>22914</v>
      </c>
      <c r="I12197" s="7">
        <v>4.7971006000000003</v>
      </c>
      <c r="J12197" s="8">
        <v>-75.9928843</v>
      </c>
    </row>
    <row r="12198" spans="1:10" x14ac:dyDescent="0.35">
      <c r="A12198" s="5" t="s">
        <v>10</v>
      </c>
      <c r="B12198" s="6">
        <v>246268</v>
      </c>
      <c r="C12198" s="6" t="s">
        <v>190</v>
      </c>
      <c r="D12198" s="6" t="s">
        <v>191</v>
      </c>
      <c r="E12198" s="6">
        <v>5001</v>
      </c>
      <c r="F12198" s="6" t="s">
        <v>18</v>
      </c>
      <c r="G12198" s="6" t="s">
        <v>22915</v>
      </c>
      <c r="H12198" s="6" t="s">
        <v>22916</v>
      </c>
      <c r="I12198" s="7">
        <v>6.1851972999999996</v>
      </c>
      <c r="J12198" s="8">
        <v>-75.656773000000001</v>
      </c>
    </row>
    <row r="12199" spans="1:10" x14ac:dyDescent="0.35">
      <c r="A12199" s="5" t="s">
        <v>10</v>
      </c>
      <c r="B12199" s="6">
        <v>232657</v>
      </c>
      <c r="C12199" s="6" t="s">
        <v>68</v>
      </c>
      <c r="D12199" s="6" t="s">
        <v>69</v>
      </c>
      <c r="E12199" s="6">
        <v>11001</v>
      </c>
      <c r="F12199" s="6" t="s">
        <v>18</v>
      </c>
      <c r="G12199" s="6" t="s">
        <v>22917</v>
      </c>
      <c r="H12199" s="6" t="s">
        <v>22918</v>
      </c>
      <c r="I12199" s="7">
        <v>4.5440453999999999</v>
      </c>
      <c r="J12199" s="8">
        <v>-74.1079723</v>
      </c>
    </row>
    <row r="12200" spans="1:10" x14ac:dyDescent="0.35">
      <c r="A12200" s="5" t="s">
        <v>10</v>
      </c>
      <c r="B12200" s="6">
        <v>233880</v>
      </c>
      <c r="C12200" s="6" t="s">
        <v>68</v>
      </c>
      <c r="D12200" s="6" t="s">
        <v>69</v>
      </c>
      <c r="E12200" s="6">
        <v>11001</v>
      </c>
      <c r="F12200" s="6" t="s">
        <v>18</v>
      </c>
      <c r="G12200" s="6" t="s">
        <v>22919</v>
      </c>
      <c r="H12200" s="6" t="s">
        <v>22920</v>
      </c>
      <c r="I12200" s="7">
        <v>4.7164291</v>
      </c>
      <c r="J12200" s="8">
        <v>-74.065475699999993</v>
      </c>
    </row>
    <row r="12201" spans="1:10" x14ac:dyDescent="0.35">
      <c r="A12201" s="5" t="s">
        <v>10</v>
      </c>
      <c r="B12201" s="6">
        <v>189916</v>
      </c>
      <c r="C12201" s="6" t="s">
        <v>302</v>
      </c>
      <c r="D12201" s="6" t="s">
        <v>303</v>
      </c>
      <c r="E12201" s="6">
        <v>8638</v>
      </c>
      <c r="F12201" s="6" t="s">
        <v>13</v>
      </c>
      <c r="G12201" s="6" t="s">
        <v>15743</v>
      </c>
      <c r="H12201" s="6" t="s">
        <v>15744</v>
      </c>
      <c r="I12201" s="7">
        <v>10.6327585</v>
      </c>
      <c r="J12201" s="8">
        <v>-74.918628600000005</v>
      </c>
    </row>
    <row r="12202" spans="1:10" x14ac:dyDescent="0.35">
      <c r="A12202" s="5" t="s">
        <v>10</v>
      </c>
      <c r="B12202" s="6">
        <v>189502</v>
      </c>
      <c r="C12202" s="6" t="s">
        <v>68</v>
      </c>
      <c r="D12202" s="6" t="s">
        <v>69</v>
      </c>
      <c r="E12202" s="6">
        <v>11001</v>
      </c>
      <c r="F12202" s="6" t="s">
        <v>13</v>
      </c>
      <c r="G12202" s="6" t="s">
        <v>16997</v>
      </c>
      <c r="H12202" s="6" t="s">
        <v>16998</v>
      </c>
      <c r="I12202" s="7">
        <v>4.6681625999999996</v>
      </c>
      <c r="J12202" s="8">
        <v>-74.073441900000006</v>
      </c>
    </row>
    <row r="12203" spans="1:10" x14ac:dyDescent="0.35">
      <c r="A12203" s="5" t="s">
        <v>10</v>
      </c>
      <c r="B12203" s="6">
        <v>236032</v>
      </c>
      <c r="C12203" s="6" t="s">
        <v>117</v>
      </c>
      <c r="D12203" s="6" t="s">
        <v>11867</v>
      </c>
      <c r="E12203" s="6">
        <v>76403</v>
      </c>
      <c r="F12203" s="6" t="s">
        <v>18</v>
      </c>
      <c r="G12203" s="6" t="s">
        <v>22921</v>
      </c>
      <c r="H12203" s="6" t="s">
        <v>22922</v>
      </c>
      <c r="I12203" s="7">
        <v>3.4499631000000002</v>
      </c>
      <c r="J12203" s="8">
        <v>-76.5340554</v>
      </c>
    </row>
    <row r="12204" spans="1:10" x14ac:dyDescent="0.35">
      <c r="A12204" s="5" t="s">
        <v>10</v>
      </c>
      <c r="B12204" s="6">
        <v>121776</v>
      </c>
      <c r="C12204" s="6" t="s">
        <v>2130</v>
      </c>
      <c r="D12204" s="6" t="s">
        <v>2131</v>
      </c>
      <c r="E12204" s="6">
        <v>85001</v>
      </c>
      <c r="F12204" s="6" t="s">
        <v>18</v>
      </c>
      <c r="G12204" s="6" t="s">
        <v>22923</v>
      </c>
      <c r="H12204" s="6" t="s">
        <v>22924</v>
      </c>
      <c r="I12204" s="7">
        <v>5.3359413999999896</v>
      </c>
      <c r="J12204" s="8">
        <v>-72.395260999999905</v>
      </c>
    </row>
    <row r="12205" spans="1:10" x14ac:dyDescent="0.35">
      <c r="A12205" s="5" t="s">
        <v>10</v>
      </c>
      <c r="B12205" s="6">
        <v>123542</v>
      </c>
      <c r="C12205" s="6" t="s">
        <v>11</v>
      </c>
      <c r="D12205" s="6" t="s">
        <v>12</v>
      </c>
      <c r="E12205" s="6">
        <v>25899</v>
      </c>
      <c r="F12205" s="6" t="s">
        <v>18</v>
      </c>
      <c r="G12205" s="6" t="s">
        <v>15923</v>
      </c>
      <c r="H12205" s="6" t="s">
        <v>15924</v>
      </c>
      <c r="I12205" s="7">
        <v>5.0208510000000004</v>
      </c>
      <c r="J12205" s="8">
        <v>-74.001275999999905</v>
      </c>
    </row>
    <row r="12206" spans="1:10" x14ac:dyDescent="0.35">
      <c r="A12206" s="5" t="s">
        <v>10</v>
      </c>
      <c r="B12206" s="6">
        <v>242631</v>
      </c>
      <c r="C12206" s="6" t="s">
        <v>68</v>
      </c>
      <c r="D12206" s="6" t="s">
        <v>69</v>
      </c>
      <c r="E12206" s="6">
        <v>11001</v>
      </c>
      <c r="F12206" s="6" t="s">
        <v>18</v>
      </c>
      <c r="G12206" s="6" t="s">
        <v>22925</v>
      </c>
      <c r="H12206" s="6" t="s">
        <v>22926</v>
      </c>
      <c r="I12206" s="7">
        <v>4.7267267000000004</v>
      </c>
      <c r="J12206" s="8">
        <v>-74.0300352</v>
      </c>
    </row>
    <row r="12207" spans="1:10" x14ac:dyDescent="0.35">
      <c r="A12207" s="5" t="s">
        <v>10</v>
      </c>
      <c r="B12207" s="6">
        <v>186418</v>
      </c>
      <c r="C12207" s="6" t="s">
        <v>466</v>
      </c>
      <c r="D12207" s="6" t="s">
        <v>467</v>
      </c>
      <c r="E12207" s="6">
        <v>81736</v>
      </c>
      <c r="F12207" s="6" t="s">
        <v>18</v>
      </c>
      <c r="G12207" s="6" t="s">
        <v>22842</v>
      </c>
      <c r="H12207" s="6" t="s">
        <v>22843</v>
      </c>
      <c r="I12207" s="7">
        <v>6.9512856999999997</v>
      </c>
      <c r="J12207" s="8">
        <v>-71.872697500000001</v>
      </c>
    </row>
    <row r="12208" spans="1:10" x14ac:dyDescent="0.35">
      <c r="A12208" s="5" t="s">
        <v>10</v>
      </c>
      <c r="B12208" s="6">
        <v>201575</v>
      </c>
      <c r="C12208" s="6" t="s">
        <v>2130</v>
      </c>
      <c r="D12208" s="6" t="s">
        <v>3979</v>
      </c>
      <c r="E12208" s="6">
        <v>85010</v>
      </c>
      <c r="F12208" s="6" t="s">
        <v>18</v>
      </c>
      <c r="G12208" s="6" t="s">
        <v>22927</v>
      </c>
      <c r="H12208" s="6" t="s">
        <v>22928</v>
      </c>
      <c r="I12208" s="7">
        <v>5.1762563999999998</v>
      </c>
      <c r="J12208" s="8">
        <v>-72.545503099999905</v>
      </c>
    </row>
    <row r="12209" spans="1:10" x14ac:dyDescent="0.35">
      <c r="A12209" s="5" t="s">
        <v>10</v>
      </c>
      <c r="B12209" s="6">
        <v>189634</v>
      </c>
      <c r="C12209" s="6" t="s">
        <v>308</v>
      </c>
      <c r="D12209" s="6" t="s">
        <v>8338</v>
      </c>
      <c r="E12209" s="6">
        <v>23555</v>
      </c>
      <c r="F12209" s="6" t="s">
        <v>13</v>
      </c>
      <c r="G12209" s="6" t="s">
        <v>22929</v>
      </c>
      <c r="H12209" s="6" t="s">
        <v>22930</v>
      </c>
      <c r="I12209" s="7">
        <v>8.4118484000000002</v>
      </c>
      <c r="J12209" s="8">
        <v>-75.583958800000005</v>
      </c>
    </row>
    <row r="12210" spans="1:10" x14ac:dyDescent="0.35">
      <c r="A12210" s="5" t="s">
        <v>10</v>
      </c>
      <c r="B12210" s="6">
        <v>231456</v>
      </c>
      <c r="C12210" s="6" t="s">
        <v>16</v>
      </c>
      <c r="D12210" s="6" t="s">
        <v>2825</v>
      </c>
      <c r="E12210" s="6">
        <v>68276</v>
      </c>
      <c r="F12210" s="6" t="s">
        <v>13</v>
      </c>
      <c r="G12210" s="6" t="s">
        <v>22931</v>
      </c>
      <c r="H12210" s="6" t="s">
        <v>22932</v>
      </c>
      <c r="I12210" s="7">
        <v>7.077985</v>
      </c>
      <c r="J12210" s="8">
        <v>-73.087513999999999</v>
      </c>
    </row>
    <row r="12211" spans="1:10" x14ac:dyDescent="0.35">
      <c r="A12211" s="5" t="s">
        <v>10</v>
      </c>
      <c r="B12211" s="6">
        <v>189652</v>
      </c>
      <c r="C12211" s="6" t="s">
        <v>68</v>
      </c>
      <c r="D12211" s="6" t="s">
        <v>69</v>
      </c>
      <c r="E12211" s="6">
        <v>11001</v>
      </c>
      <c r="F12211" s="6" t="s">
        <v>13</v>
      </c>
      <c r="G12211" s="6" t="s">
        <v>16997</v>
      </c>
      <c r="H12211" s="6" t="s">
        <v>22677</v>
      </c>
      <c r="I12211" s="7">
        <v>4.6385345999999998</v>
      </c>
      <c r="J12211" s="8">
        <v>-74.112319400000004</v>
      </c>
    </row>
    <row r="12212" spans="1:10" x14ac:dyDescent="0.35">
      <c r="A12212" s="5" t="s">
        <v>10</v>
      </c>
      <c r="B12212" s="6">
        <v>198385</v>
      </c>
      <c r="C12212" s="6" t="s">
        <v>68</v>
      </c>
      <c r="D12212" s="6" t="s">
        <v>69</v>
      </c>
      <c r="E12212" s="6">
        <v>11001</v>
      </c>
      <c r="F12212" s="6" t="s">
        <v>18</v>
      </c>
      <c r="G12212" s="6" t="s">
        <v>22933</v>
      </c>
      <c r="H12212" s="6" t="s">
        <v>22934</v>
      </c>
      <c r="I12212" s="7">
        <v>4.60602</v>
      </c>
      <c r="J12212" s="8">
        <v>-74.069721399999906</v>
      </c>
    </row>
    <row r="12213" spans="1:10" x14ac:dyDescent="0.35">
      <c r="A12213" s="5" t="s">
        <v>10</v>
      </c>
      <c r="B12213" s="6">
        <v>201591</v>
      </c>
      <c r="C12213" s="6" t="s">
        <v>68</v>
      </c>
      <c r="D12213" s="6" t="s">
        <v>69</v>
      </c>
      <c r="E12213" s="6">
        <v>11001</v>
      </c>
      <c r="F12213" s="6" t="s">
        <v>18</v>
      </c>
      <c r="G12213" s="6" t="s">
        <v>22935</v>
      </c>
      <c r="H12213" s="6" t="s">
        <v>22936</v>
      </c>
      <c r="I12213" s="7">
        <v>4.6030816000000003</v>
      </c>
      <c r="J12213" s="8">
        <v>-74.162939899999998</v>
      </c>
    </row>
    <row r="12214" spans="1:10" x14ac:dyDescent="0.35">
      <c r="A12214" s="5" t="s">
        <v>10</v>
      </c>
      <c r="B12214" s="6">
        <v>240174</v>
      </c>
      <c r="C12214" s="6" t="s">
        <v>68</v>
      </c>
      <c r="D12214" s="6" t="s">
        <v>69</v>
      </c>
      <c r="E12214" s="6">
        <v>11001</v>
      </c>
      <c r="F12214" s="6" t="s">
        <v>18</v>
      </c>
      <c r="G12214" s="6" t="s">
        <v>22937</v>
      </c>
      <c r="H12214" s="6" t="s">
        <v>22938</v>
      </c>
      <c r="I12214" s="7">
        <v>4.7584372999999998</v>
      </c>
      <c r="J12214" s="8">
        <v>-74.048115699999997</v>
      </c>
    </row>
    <row r="12215" spans="1:10" x14ac:dyDescent="0.35">
      <c r="A12215" s="5" t="s">
        <v>10</v>
      </c>
      <c r="B12215" s="6">
        <v>107100</v>
      </c>
      <c r="C12215" s="6" t="s">
        <v>308</v>
      </c>
      <c r="D12215" s="6" t="s">
        <v>8845</v>
      </c>
      <c r="E12215" s="6">
        <v>23660</v>
      </c>
      <c r="F12215" s="6" t="s">
        <v>13</v>
      </c>
      <c r="G12215" s="6" t="s">
        <v>11877</v>
      </c>
      <c r="H12215" s="6" t="s">
        <v>22939</v>
      </c>
      <c r="I12215" s="7">
        <v>8.9511290999999993</v>
      </c>
      <c r="J12215" s="8">
        <v>-75.445876799999994</v>
      </c>
    </row>
    <row r="12216" spans="1:10" x14ac:dyDescent="0.35">
      <c r="A12216" s="5" t="s">
        <v>10</v>
      </c>
      <c r="B12216" s="6">
        <v>235761</v>
      </c>
      <c r="C12216" s="6" t="s">
        <v>68</v>
      </c>
      <c r="D12216" s="6" t="s">
        <v>69</v>
      </c>
      <c r="E12216" s="6">
        <v>11001</v>
      </c>
      <c r="F12216" s="6" t="s">
        <v>18</v>
      </c>
      <c r="G12216" s="6" t="s">
        <v>22940</v>
      </c>
      <c r="H12216" s="6" t="s">
        <v>22941</v>
      </c>
      <c r="I12216" s="7">
        <v>4.7538064000000002</v>
      </c>
      <c r="J12216" s="8">
        <v>-74.080945600000007</v>
      </c>
    </row>
    <row r="12217" spans="1:10" x14ac:dyDescent="0.35">
      <c r="A12217" s="5" t="s">
        <v>10</v>
      </c>
      <c r="B12217" s="6">
        <v>204912</v>
      </c>
      <c r="C12217" s="6" t="s">
        <v>68</v>
      </c>
      <c r="D12217" s="6" t="s">
        <v>69</v>
      </c>
      <c r="E12217" s="6">
        <v>11001</v>
      </c>
      <c r="F12217" s="6" t="s">
        <v>18</v>
      </c>
      <c r="G12217" s="6" t="s">
        <v>22655</v>
      </c>
      <c r="H12217" s="6" t="s">
        <v>22656</v>
      </c>
      <c r="I12217" s="7">
        <v>4.6502261999999996</v>
      </c>
      <c r="J12217" s="8">
        <v>-74.058339599999996</v>
      </c>
    </row>
    <row r="12218" spans="1:10" x14ac:dyDescent="0.35">
      <c r="A12218" s="5" t="s">
        <v>10</v>
      </c>
      <c r="B12218" s="6">
        <v>228991</v>
      </c>
      <c r="C12218" s="6" t="s">
        <v>68</v>
      </c>
      <c r="D12218" s="6" t="s">
        <v>69</v>
      </c>
      <c r="E12218" s="6">
        <v>11001</v>
      </c>
      <c r="F12218" s="6" t="s">
        <v>18</v>
      </c>
      <c r="G12218" s="6" t="s">
        <v>22942</v>
      </c>
      <c r="H12218" s="6" t="s">
        <v>22943</v>
      </c>
      <c r="I12218" s="7">
        <v>4.7438760999999996</v>
      </c>
      <c r="J12218" s="8">
        <v>-74.029439600000003</v>
      </c>
    </row>
    <row r="12219" spans="1:10" x14ac:dyDescent="0.35">
      <c r="A12219" s="5" t="s">
        <v>10</v>
      </c>
      <c r="B12219" s="6">
        <v>231339</v>
      </c>
      <c r="C12219" s="6" t="s">
        <v>68</v>
      </c>
      <c r="D12219" s="6" t="s">
        <v>69</v>
      </c>
      <c r="E12219" s="6">
        <v>11001</v>
      </c>
      <c r="F12219" s="6" t="s">
        <v>18</v>
      </c>
      <c r="G12219" s="6" t="s">
        <v>22944</v>
      </c>
      <c r="H12219" s="6" t="s">
        <v>22945</v>
      </c>
      <c r="I12219" s="7">
        <v>4.6559787999999998</v>
      </c>
      <c r="J12219" s="8">
        <v>-74.117701499999995</v>
      </c>
    </row>
    <row r="12220" spans="1:10" x14ac:dyDescent="0.35">
      <c r="A12220" s="5" t="s">
        <v>10</v>
      </c>
      <c r="B12220" s="6">
        <v>184670</v>
      </c>
      <c r="C12220" s="6" t="s">
        <v>190</v>
      </c>
      <c r="D12220" s="6" t="s">
        <v>191</v>
      </c>
      <c r="E12220" s="6">
        <v>5001</v>
      </c>
      <c r="F12220" s="6" t="s">
        <v>18</v>
      </c>
      <c r="G12220" s="6" t="s">
        <v>11962</v>
      </c>
      <c r="H12220" s="6" t="s">
        <v>11963</v>
      </c>
      <c r="I12220" s="7">
        <v>6.2420201000000004</v>
      </c>
      <c r="J12220" s="8">
        <v>-75.585380599999993</v>
      </c>
    </row>
    <row r="12221" spans="1:10" x14ac:dyDescent="0.35">
      <c r="A12221" s="5" t="s">
        <v>10</v>
      </c>
      <c r="B12221" s="6">
        <v>246261</v>
      </c>
      <c r="C12221" s="6" t="s">
        <v>190</v>
      </c>
      <c r="D12221" s="6" t="s">
        <v>191</v>
      </c>
      <c r="E12221" s="6">
        <v>5001</v>
      </c>
      <c r="F12221" s="6" t="s">
        <v>18</v>
      </c>
      <c r="G12221" s="6" t="s">
        <v>22946</v>
      </c>
      <c r="H12221" s="6" t="s">
        <v>22947</v>
      </c>
      <c r="I12221" s="7">
        <v>6.2480292999999998</v>
      </c>
      <c r="J12221" s="8">
        <v>-75.564554099999995</v>
      </c>
    </row>
    <row r="12222" spans="1:10" x14ac:dyDescent="0.35">
      <c r="A12222" s="5" t="s">
        <v>10</v>
      </c>
      <c r="B12222" s="6">
        <v>220578</v>
      </c>
      <c r="C12222" s="6" t="s">
        <v>68</v>
      </c>
      <c r="D12222" s="6" t="s">
        <v>69</v>
      </c>
      <c r="E12222" s="6">
        <v>11001</v>
      </c>
      <c r="F12222" s="6" t="s">
        <v>18</v>
      </c>
      <c r="G12222" s="6" t="s">
        <v>22948</v>
      </c>
      <c r="H12222" s="6" t="s">
        <v>22949</v>
      </c>
      <c r="I12222" s="7">
        <v>4.7077016</v>
      </c>
      <c r="J12222" s="8">
        <v>-74.1316633</v>
      </c>
    </row>
    <row r="12223" spans="1:10" x14ac:dyDescent="0.35">
      <c r="A12223" s="5" t="s">
        <v>10</v>
      </c>
      <c r="B12223" s="6">
        <v>233649</v>
      </c>
      <c r="C12223" s="6" t="s">
        <v>68</v>
      </c>
      <c r="D12223" s="6" t="s">
        <v>69</v>
      </c>
      <c r="E12223" s="6">
        <v>11001</v>
      </c>
      <c r="F12223" s="6" t="s">
        <v>18</v>
      </c>
      <c r="G12223" s="6" t="s">
        <v>22950</v>
      </c>
      <c r="H12223" s="6" t="s">
        <v>22951</v>
      </c>
      <c r="I12223" s="7">
        <v>4.4968300000000001</v>
      </c>
      <c r="J12223" s="8">
        <v>-74.114249999999998</v>
      </c>
    </row>
    <row r="12224" spans="1:10" x14ac:dyDescent="0.35">
      <c r="A12224" s="5" t="s">
        <v>10</v>
      </c>
      <c r="B12224" s="6">
        <v>246898</v>
      </c>
      <c r="C12224" s="6" t="s">
        <v>68</v>
      </c>
      <c r="D12224" s="6" t="s">
        <v>69</v>
      </c>
      <c r="E12224" s="6">
        <v>11001</v>
      </c>
      <c r="F12224" s="6" t="s">
        <v>18</v>
      </c>
      <c r="G12224" s="6" t="s">
        <v>22952</v>
      </c>
      <c r="H12224" s="6" t="s">
        <v>22953</v>
      </c>
      <c r="I12224" s="7">
        <v>4.7319361000000004</v>
      </c>
      <c r="J12224" s="8">
        <v>-74.102314199999995</v>
      </c>
    </row>
    <row r="12225" spans="1:10" x14ac:dyDescent="0.35">
      <c r="A12225" s="5" t="s">
        <v>10</v>
      </c>
      <c r="B12225" s="6">
        <v>238061</v>
      </c>
      <c r="C12225" s="6" t="s">
        <v>68</v>
      </c>
      <c r="D12225" s="6" t="s">
        <v>69</v>
      </c>
      <c r="E12225" s="6">
        <v>11001</v>
      </c>
      <c r="F12225" s="6" t="s">
        <v>18</v>
      </c>
      <c r="G12225" s="6" t="s">
        <v>22954</v>
      </c>
      <c r="H12225" s="6" t="s">
        <v>22955</v>
      </c>
      <c r="I12225" s="7">
        <v>4.6159276</v>
      </c>
      <c r="J12225" s="8">
        <v>-74.152737000000002</v>
      </c>
    </row>
    <row r="12226" spans="1:10" x14ac:dyDescent="0.35">
      <c r="A12226" s="5" t="s">
        <v>10</v>
      </c>
      <c r="B12226" s="6">
        <v>210337</v>
      </c>
      <c r="C12226" s="6" t="s">
        <v>68</v>
      </c>
      <c r="D12226" s="6" t="s">
        <v>69</v>
      </c>
      <c r="E12226" s="6">
        <v>11001</v>
      </c>
      <c r="F12226" s="6" t="s">
        <v>18</v>
      </c>
      <c r="G12226" s="6" t="s">
        <v>22956</v>
      </c>
      <c r="H12226" s="6" t="s">
        <v>22957</v>
      </c>
      <c r="I12226" s="7">
        <v>4.7038728999999897</v>
      </c>
      <c r="J12226" s="8">
        <v>-74.134368499999994</v>
      </c>
    </row>
    <row r="12227" spans="1:10" x14ac:dyDescent="0.35">
      <c r="A12227" s="5" t="s">
        <v>10</v>
      </c>
      <c r="B12227" s="6">
        <v>242717</v>
      </c>
      <c r="C12227" s="6" t="s">
        <v>68</v>
      </c>
      <c r="D12227" s="6" t="s">
        <v>69</v>
      </c>
      <c r="E12227" s="6">
        <v>11001</v>
      </c>
      <c r="F12227" s="6" t="s">
        <v>18</v>
      </c>
      <c r="G12227" s="6" t="s">
        <v>22958</v>
      </c>
      <c r="H12227" s="6" t="s">
        <v>22959</v>
      </c>
      <c r="I12227" s="7">
        <v>4.7061251000000004</v>
      </c>
      <c r="J12227" s="8">
        <v>-74.0965767</v>
      </c>
    </row>
    <row r="12228" spans="1:10" x14ac:dyDescent="0.35">
      <c r="A12228" s="5" t="s">
        <v>10</v>
      </c>
      <c r="B12228" s="6">
        <v>246284</v>
      </c>
      <c r="C12228" s="6" t="s">
        <v>68</v>
      </c>
      <c r="D12228" s="6" t="s">
        <v>69</v>
      </c>
      <c r="E12228" s="6">
        <v>11001</v>
      </c>
      <c r="F12228" s="6" t="s">
        <v>18</v>
      </c>
      <c r="G12228" s="6" t="s">
        <v>22960</v>
      </c>
      <c r="H12228" s="6" t="s">
        <v>22961</v>
      </c>
      <c r="I12228" s="7">
        <v>4.7035480999999999</v>
      </c>
      <c r="J12228" s="8">
        <v>-74.109979199999998</v>
      </c>
    </row>
    <row r="12229" spans="1:10" x14ac:dyDescent="0.35">
      <c r="A12229" s="5" t="s">
        <v>10</v>
      </c>
      <c r="B12229" s="6">
        <v>201376</v>
      </c>
      <c r="C12229" s="6" t="s">
        <v>68</v>
      </c>
      <c r="D12229" s="6" t="s">
        <v>69</v>
      </c>
      <c r="E12229" s="6">
        <v>11001</v>
      </c>
      <c r="F12229" s="6" t="s">
        <v>18</v>
      </c>
      <c r="G12229" s="6" t="s">
        <v>12144</v>
      </c>
      <c r="H12229" s="6" t="s">
        <v>12145</v>
      </c>
      <c r="I12229" s="7">
        <v>4.7108188000000002</v>
      </c>
      <c r="J12229" s="8">
        <v>-74.124742299999994</v>
      </c>
    </row>
    <row r="12230" spans="1:10" x14ac:dyDescent="0.35">
      <c r="A12230" s="5" t="s">
        <v>10</v>
      </c>
      <c r="B12230" s="6">
        <v>222043</v>
      </c>
      <c r="C12230" s="6" t="s">
        <v>68</v>
      </c>
      <c r="D12230" s="6" t="s">
        <v>69</v>
      </c>
      <c r="E12230" s="6">
        <v>11001</v>
      </c>
      <c r="F12230" s="6" t="s">
        <v>18</v>
      </c>
      <c r="G12230" s="6" t="s">
        <v>22962</v>
      </c>
      <c r="H12230" s="6" t="s">
        <v>22963</v>
      </c>
      <c r="I12230" s="7">
        <v>4.6110626999999997</v>
      </c>
      <c r="J12230" s="8">
        <v>-74.201666399999993</v>
      </c>
    </row>
    <row r="12231" spans="1:10" x14ac:dyDescent="0.35">
      <c r="A12231" s="5" t="s">
        <v>10</v>
      </c>
      <c r="B12231" s="6">
        <v>224684</v>
      </c>
      <c r="C12231" s="6" t="s">
        <v>68</v>
      </c>
      <c r="D12231" s="6" t="s">
        <v>69</v>
      </c>
      <c r="E12231" s="6">
        <v>11001</v>
      </c>
      <c r="F12231" s="6" t="s">
        <v>18</v>
      </c>
      <c r="G12231" s="6" t="s">
        <v>22964</v>
      </c>
      <c r="H12231" s="6" t="s">
        <v>22965</v>
      </c>
      <c r="I12231" s="7">
        <v>4.7435754000000001</v>
      </c>
      <c r="J12231" s="8">
        <v>-74.043118499999906</v>
      </c>
    </row>
    <row r="12232" spans="1:10" x14ac:dyDescent="0.35">
      <c r="A12232" s="5" t="s">
        <v>10</v>
      </c>
      <c r="B12232" s="6">
        <v>161766</v>
      </c>
      <c r="C12232" s="6" t="s">
        <v>24</v>
      </c>
      <c r="D12232" s="6" t="s">
        <v>691</v>
      </c>
      <c r="E12232" s="6">
        <v>15162</v>
      </c>
      <c r="F12232" s="6" t="s">
        <v>18</v>
      </c>
      <c r="G12232" s="6" t="s">
        <v>22966</v>
      </c>
      <c r="H12232" s="6" t="s">
        <v>22967</v>
      </c>
      <c r="I12232" s="7">
        <v>5.5362624</v>
      </c>
      <c r="J12232" s="8">
        <v>-73.355970399999904</v>
      </c>
    </row>
    <row r="12233" spans="1:10" x14ac:dyDescent="0.35">
      <c r="A12233" s="5" t="s">
        <v>10</v>
      </c>
      <c r="B12233" s="6">
        <v>132086</v>
      </c>
      <c r="C12233" s="6" t="s">
        <v>294</v>
      </c>
      <c r="D12233" s="6" t="s">
        <v>703</v>
      </c>
      <c r="E12233" s="6">
        <v>41001</v>
      </c>
      <c r="F12233" s="6" t="s">
        <v>18</v>
      </c>
      <c r="G12233" s="6" t="s">
        <v>22968</v>
      </c>
      <c r="H12233" s="6" t="s">
        <v>22969</v>
      </c>
      <c r="I12233" s="7">
        <v>2.9344836999999999</v>
      </c>
      <c r="J12233" s="8">
        <v>-75.280900099999997</v>
      </c>
    </row>
    <row r="12234" spans="1:10" x14ac:dyDescent="0.35">
      <c r="A12234" s="5" t="s">
        <v>10</v>
      </c>
      <c r="B12234" s="6">
        <v>182697</v>
      </c>
      <c r="C12234" s="6" t="s">
        <v>2130</v>
      </c>
      <c r="D12234" s="6" t="s">
        <v>3816</v>
      </c>
      <c r="E12234" s="6">
        <v>85162</v>
      </c>
      <c r="F12234" s="6" t="s">
        <v>18</v>
      </c>
      <c r="G12234" s="6" t="s">
        <v>12404</v>
      </c>
      <c r="H12234" s="6" t="s">
        <v>22970</v>
      </c>
      <c r="I12234" s="7">
        <v>4.8781425999999897</v>
      </c>
      <c r="J12234" s="8">
        <v>-72.896478999999999</v>
      </c>
    </row>
    <row r="12235" spans="1:10" x14ac:dyDescent="0.35">
      <c r="A12235" s="5" t="s">
        <v>10</v>
      </c>
      <c r="B12235" s="6">
        <v>167462</v>
      </c>
      <c r="C12235" s="6" t="s">
        <v>190</v>
      </c>
      <c r="D12235" s="6" t="s">
        <v>12565</v>
      </c>
      <c r="E12235" s="6">
        <v>5697</v>
      </c>
      <c r="F12235" s="6" t="s">
        <v>18</v>
      </c>
      <c r="G12235" s="6" t="s">
        <v>22971</v>
      </c>
      <c r="H12235" s="6" t="s">
        <v>22972</v>
      </c>
      <c r="I12235" s="7">
        <v>6.1381042999999904</v>
      </c>
      <c r="J12235" s="8">
        <v>-75.262940099999994</v>
      </c>
    </row>
    <row r="12236" spans="1:10" x14ac:dyDescent="0.35">
      <c r="A12236" s="5" t="s">
        <v>10</v>
      </c>
      <c r="B12236" s="6">
        <v>241651</v>
      </c>
      <c r="C12236" s="6" t="s">
        <v>457</v>
      </c>
      <c r="D12236" s="6" t="s">
        <v>22973</v>
      </c>
      <c r="E12236" s="6">
        <v>52621</v>
      </c>
      <c r="F12236" s="6" t="s">
        <v>18</v>
      </c>
      <c r="G12236" s="6" t="s">
        <v>22974</v>
      </c>
      <c r="H12236" s="6" t="s">
        <v>22975</v>
      </c>
      <c r="I12236" s="7">
        <v>1.7185159999999999</v>
      </c>
      <c r="J12236" s="8">
        <v>-78.253119999999996</v>
      </c>
    </row>
    <row r="12237" spans="1:10" x14ac:dyDescent="0.35">
      <c r="A12237" s="5" t="s">
        <v>10</v>
      </c>
      <c r="B12237" s="6">
        <v>110551</v>
      </c>
      <c r="C12237" s="6" t="s">
        <v>190</v>
      </c>
      <c r="D12237" s="6" t="s">
        <v>2166</v>
      </c>
      <c r="E12237" s="6">
        <v>5093</v>
      </c>
      <c r="F12237" s="6" t="s">
        <v>18</v>
      </c>
      <c r="G12237" s="6" t="s">
        <v>22976</v>
      </c>
      <c r="H12237" s="6" t="s">
        <v>22977</v>
      </c>
      <c r="I12237" s="7">
        <v>6.1127799999999999</v>
      </c>
      <c r="J12237" s="8">
        <v>-75.984669999999994</v>
      </c>
    </row>
    <row r="12238" spans="1:10" x14ac:dyDescent="0.35">
      <c r="A12238" s="5" t="s">
        <v>10</v>
      </c>
      <c r="B12238" s="6">
        <v>240722</v>
      </c>
      <c r="C12238" s="6" t="s">
        <v>190</v>
      </c>
      <c r="D12238" s="6" t="s">
        <v>191</v>
      </c>
      <c r="E12238" s="6">
        <v>5001</v>
      </c>
      <c r="F12238" s="6" t="s">
        <v>18</v>
      </c>
      <c r="G12238" s="6" t="s">
        <v>22978</v>
      </c>
      <c r="H12238" s="6" t="s">
        <v>22979</v>
      </c>
      <c r="I12238" s="7">
        <v>6.2995289000000003</v>
      </c>
      <c r="J12238" s="8">
        <v>-75.5462816</v>
      </c>
    </row>
    <row r="12239" spans="1:10" x14ac:dyDescent="0.35">
      <c r="A12239" s="5" t="s">
        <v>10</v>
      </c>
      <c r="B12239" s="6">
        <v>107127</v>
      </c>
      <c r="C12239" s="6" t="s">
        <v>4364</v>
      </c>
      <c r="D12239" s="6" t="s">
        <v>4365</v>
      </c>
      <c r="E12239" s="6">
        <v>70001</v>
      </c>
      <c r="F12239" s="6" t="s">
        <v>13</v>
      </c>
      <c r="G12239" s="6" t="s">
        <v>11877</v>
      </c>
      <c r="H12239" s="6" t="s">
        <v>12819</v>
      </c>
      <c r="I12239" s="7">
        <v>9.3027558999999993</v>
      </c>
      <c r="J12239" s="8">
        <v>-75.397791599999906</v>
      </c>
    </row>
    <row r="12240" spans="1:10" x14ac:dyDescent="0.35">
      <c r="A12240" s="5" t="s">
        <v>10</v>
      </c>
      <c r="B12240" s="6">
        <v>190206</v>
      </c>
      <c r="C12240" s="6" t="s">
        <v>308</v>
      </c>
      <c r="D12240" s="6" t="s">
        <v>309</v>
      </c>
      <c r="E12240" s="6">
        <v>23001</v>
      </c>
      <c r="F12240" s="6" t="s">
        <v>13</v>
      </c>
      <c r="G12240" s="6" t="s">
        <v>12883</v>
      </c>
      <c r="H12240" s="6" t="s">
        <v>12884</v>
      </c>
      <c r="I12240" s="7">
        <v>8.7509829999999997</v>
      </c>
      <c r="J12240" s="8">
        <v>-75.878534799999997</v>
      </c>
    </row>
    <row r="12241" spans="1:10" x14ac:dyDescent="0.35">
      <c r="A12241" s="5" t="s">
        <v>10</v>
      </c>
      <c r="B12241" s="6">
        <v>206712</v>
      </c>
      <c r="C12241" s="6" t="s">
        <v>117</v>
      </c>
      <c r="D12241" s="6" t="s">
        <v>1334</v>
      </c>
      <c r="E12241" s="6">
        <v>76001</v>
      </c>
      <c r="F12241" s="6" t="s">
        <v>18</v>
      </c>
      <c r="G12241" s="6" t="s">
        <v>22980</v>
      </c>
      <c r="H12241" s="6" t="s">
        <v>22981</v>
      </c>
      <c r="I12241" s="7">
        <v>3.4363079999999999</v>
      </c>
      <c r="J12241" s="8">
        <v>-76.528383500000004</v>
      </c>
    </row>
    <row r="12242" spans="1:10" x14ac:dyDescent="0.35">
      <c r="A12242" s="5" t="s">
        <v>10</v>
      </c>
      <c r="B12242" s="6">
        <v>107127</v>
      </c>
      <c r="C12242" s="6" t="s">
        <v>4364</v>
      </c>
      <c r="D12242" s="6" t="s">
        <v>4365</v>
      </c>
      <c r="E12242" s="6">
        <v>70001</v>
      </c>
      <c r="F12242" s="6" t="s">
        <v>13</v>
      </c>
      <c r="G12242" s="6" t="s">
        <v>11877</v>
      </c>
      <c r="H12242" s="6" t="s">
        <v>12819</v>
      </c>
      <c r="I12242" s="7">
        <v>9.3027558999999993</v>
      </c>
      <c r="J12242" s="8">
        <v>-75.397791599999906</v>
      </c>
    </row>
    <row r="12243" spans="1:10" x14ac:dyDescent="0.35">
      <c r="A12243" s="5" t="s">
        <v>10</v>
      </c>
      <c r="B12243" s="6">
        <v>239854</v>
      </c>
      <c r="C12243" s="6" t="s">
        <v>190</v>
      </c>
      <c r="D12243" s="6" t="s">
        <v>12131</v>
      </c>
      <c r="E12243" s="6">
        <v>5837</v>
      </c>
      <c r="F12243" s="6" t="s">
        <v>18</v>
      </c>
      <c r="G12243" s="6" t="s">
        <v>22982</v>
      </c>
      <c r="H12243" s="6" t="s">
        <v>12347</v>
      </c>
      <c r="I12243" s="7">
        <v>8.0951529999999998</v>
      </c>
      <c r="J12243" s="8">
        <v>-76.728441500000002</v>
      </c>
    </row>
    <row r="12244" spans="1:10" x14ac:dyDescent="0.35">
      <c r="A12244" s="5" t="s">
        <v>10</v>
      </c>
      <c r="B12244" s="6">
        <v>244664</v>
      </c>
      <c r="C12244" s="6" t="s">
        <v>190</v>
      </c>
      <c r="D12244" s="6" t="s">
        <v>4063</v>
      </c>
      <c r="E12244" s="6">
        <v>5088</v>
      </c>
      <c r="F12244" s="6" t="s">
        <v>18</v>
      </c>
      <c r="G12244" s="6" t="s">
        <v>22983</v>
      </c>
      <c r="H12244" s="6" t="s">
        <v>22984</v>
      </c>
      <c r="I12244" s="7">
        <v>6.3136283000000004</v>
      </c>
      <c r="J12244" s="8">
        <v>-75.5623054</v>
      </c>
    </row>
    <row r="12245" spans="1:10" x14ac:dyDescent="0.35">
      <c r="A12245" s="5" t="s">
        <v>10</v>
      </c>
      <c r="B12245" s="6">
        <v>203694</v>
      </c>
      <c r="C12245" s="6" t="s">
        <v>2130</v>
      </c>
      <c r="D12245" s="6" t="s">
        <v>4241</v>
      </c>
      <c r="E12245" s="6">
        <v>85430</v>
      </c>
      <c r="F12245" s="6" t="s">
        <v>18</v>
      </c>
      <c r="G12245" s="6" t="s">
        <v>22985</v>
      </c>
      <c r="H12245" s="6" t="s">
        <v>22986</v>
      </c>
      <c r="I12245" s="7">
        <v>5.4077975</v>
      </c>
      <c r="J12245" s="8">
        <v>-71.661367200000001</v>
      </c>
    </row>
    <row r="12246" spans="1:10" x14ac:dyDescent="0.35">
      <c r="A12246" s="5" t="s">
        <v>10</v>
      </c>
      <c r="B12246" s="6">
        <v>164951</v>
      </c>
      <c r="C12246" s="6" t="s">
        <v>190</v>
      </c>
      <c r="D12246" s="6" t="s">
        <v>191</v>
      </c>
      <c r="E12246" s="6">
        <v>5001</v>
      </c>
      <c r="F12246" s="6" t="s">
        <v>18</v>
      </c>
      <c r="G12246" s="6" t="s">
        <v>22987</v>
      </c>
      <c r="H12246" s="6" t="s">
        <v>22988</v>
      </c>
      <c r="I12246" s="7">
        <v>6.3433075999999904</v>
      </c>
      <c r="J12246" s="8">
        <v>-75.542226799999995</v>
      </c>
    </row>
    <row r="12247" spans="1:10" x14ac:dyDescent="0.35">
      <c r="A12247" s="5" t="s">
        <v>10</v>
      </c>
      <c r="B12247" s="6">
        <v>205557</v>
      </c>
      <c r="C12247" s="6" t="s">
        <v>190</v>
      </c>
      <c r="D12247" s="6" t="s">
        <v>13266</v>
      </c>
      <c r="E12247" s="6">
        <v>5034</v>
      </c>
      <c r="F12247" s="6" t="s">
        <v>18</v>
      </c>
      <c r="G12247" s="6" t="s">
        <v>22989</v>
      </c>
      <c r="H12247" s="6" t="s">
        <v>22990</v>
      </c>
      <c r="I12247" s="7">
        <v>5.6559640999999896</v>
      </c>
      <c r="J12247" s="8">
        <v>-75.879848199999998</v>
      </c>
    </row>
    <row r="12248" spans="1:10" x14ac:dyDescent="0.35">
      <c r="A12248" s="5" t="s">
        <v>10</v>
      </c>
      <c r="B12248" s="6">
        <v>204212</v>
      </c>
      <c r="C12248" s="6" t="s">
        <v>457</v>
      </c>
      <c r="D12248" s="6" t="s">
        <v>4400</v>
      </c>
      <c r="E12248" s="6">
        <v>52001</v>
      </c>
      <c r="F12248" s="6" t="s">
        <v>18</v>
      </c>
      <c r="G12248" s="6" t="s">
        <v>12023</v>
      </c>
      <c r="H12248" s="6" t="s">
        <v>12024</v>
      </c>
      <c r="I12248" s="7">
        <v>1.21296</v>
      </c>
      <c r="J12248" s="8">
        <v>-77.278859999999995</v>
      </c>
    </row>
    <row r="12249" spans="1:10" x14ac:dyDescent="0.35">
      <c r="A12249" s="5" t="s">
        <v>10</v>
      </c>
      <c r="B12249" s="6">
        <v>246637</v>
      </c>
      <c r="C12249" s="6" t="s">
        <v>190</v>
      </c>
      <c r="D12249" s="6" t="s">
        <v>6084</v>
      </c>
      <c r="E12249" s="6">
        <v>5154</v>
      </c>
      <c r="F12249" s="6" t="s">
        <v>18</v>
      </c>
      <c r="G12249" s="6" t="s">
        <v>22991</v>
      </c>
      <c r="H12249" s="6" t="s">
        <v>22992</v>
      </c>
      <c r="I12249" s="7">
        <v>7.9940990000000003</v>
      </c>
      <c r="J12249" s="8">
        <v>-75.202675099999993</v>
      </c>
    </row>
    <row r="12250" spans="1:10" x14ac:dyDescent="0.35">
      <c r="A12250" s="5" t="s">
        <v>10</v>
      </c>
      <c r="B12250" s="6">
        <v>240084</v>
      </c>
      <c r="C12250" s="6" t="s">
        <v>68</v>
      </c>
      <c r="D12250" s="6" t="s">
        <v>69</v>
      </c>
      <c r="E12250" s="6">
        <v>11001</v>
      </c>
      <c r="F12250" s="6" t="s">
        <v>18</v>
      </c>
      <c r="G12250" s="6" t="s">
        <v>22993</v>
      </c>
      <c r="H12250" s="6" t="s">
        <v>22994</v>
      </c>
      <c r="I12250" s="7">
        <v>4.7420524999999998</v>
      </c>
      <c r="J12250" s="8">
        <v>-74.103085399999998</v>
      </c>
    </row>
    <row r="12251" spans="1:10" x14ac:dyDescent="0.35">
      <c r="A12251" s="5" t="s">
        <v>10</v>
      </c>
      <c r="B12251" s="6">
        <v>228709</v>
      </c>
      <c r="C12251" s="6" t="s">
        <v>38</v>
      </c>
      <c r="D12251" s="6" t="s">
        <v>13984</v>
      </c>
      <c r="E12251" s="6">
        <v>19256</v>
      </c>
      <c r="F12251" s="6" t="s">
        <v>13</v>
      </c>
      <c r="G12251" s="6" t="s">
        <v>22995</v>
      </c>
      <c r="H12251" s="6" t="s">
        <v>22996</v>
      </c>
      <c r="I12251" s="7">
        <v>2.4511934000000002</v>
      </c>
      <c r="J12251" s="8">
        <v>-76.809334199999995</v>
      </c>
    </row>
    <row r="12252" spans="1:10" x14ac:dyDescent="0.35">
      <c r="A12252" s="5" t="s">
        <v>10</v>
      </c>
      <c r="B12252" s="6">
        <v>189652</v>
      </c>
      <c r="C12252" s="6" t="s">
        <v>68</v>
      </c>
      <c r="D12252" s="6" t="s">
        <v>69</v>
      </c>
      <c r="E12252" s="6">
        <v>11001</v>
      </c>
      <c r="F12252" s="6" t="s">
        <v>13</v>
      </c>
      <c r="G12252" s="6" t="s">
        <v>16997</v>
      </c>
      <c r="H12252" s="6" t="s">
        <v>22677</v>
      </c>
      <c r="I12252" s="7">
        <v>4.6385345999999998</v>
      </c>
      <c r="J12252" s="8">
        <v>-74.112319400000004</v>
      </c>
    </row>
    <row r="12253" spans="1:10" x14ac:dyDescent="0.35">
      <c r="A12253" s="5" t="s">
        <v>10</v>
      </c>
      <c r="B12253" s="6">
        <v>156831</v>
      </c>
      <c r="C12253" s="6" t="s">
        <v>109</v>
      </c>
      <c r="D12253" s="6" t="s">
        <v>22997</v>
      </c>
      <c r="E12253" s="6">
        <v>13549</v>
      </c>
      <c r="F12253" s="6" t="s">
        <v>18</v>
      </c>
      <c r="G12253" s="6" t="s">
        <v>22998</v>
      </c>
      <c r="H12253" s="6" t="s">
        <v>22999</v>
      </c>
      <c r="I12253" s="7">
        <v>9.9648304000000003</v>
      </c>
      <c r="J12253" s="8">
        <v>-75.288649500000005</v>
      </c>
    </row>
    <row r="12254" spans="1:10" x14ac:dyDescent="0.35">
      <c r="A12254" s="5" t="s">
        <v>10</v>
      </c>
      <c r="B12254" s="6">
        <v>238263</v>
      </c>
      <c r="C12254" s="6" t="s">
        <v>190</v>
      </c>
      <c r="D12254" s="6" t="s">
        <v>14700</v>
      </c>
      <c r="E12254" s="6">
        <v>5674</v>
      </c>
      <c r="F12254" s="6" t="s">
        <v>18</v>
      </c>
      <c r="G12254" s="6" t="s">
        <v>23000</v>
      </c>
      <c r="H12254" s="6" t="s">
        <v>23001</v>
      </c>
      <c r="I12254" s="7">
        <v>6.2811557999999996</v>
      </c>
      <c r="J12254" s="8">
        <v>-75.332453299999997</v>
      </c>
    </row>
    <row r="12255" spans="1:10" x14ac:dyDescent="0.35">
      <c r="A12255" s="5" t="s">
        <v>10</v>
      </c>
      <c r="B12255" s="6">
        <v>240476</v>
      </c>
      <c r="C12255" s="6" t="s">
        <v>190</v>
      </c>
      <c r="D12255" s="6" t="s">
        <v>6084</v>
      </c>
      <c r="E12255" s="6">
        <v>5154</v>
      </c>
      <c r="F12255" s="6" t="s">
        <v>18</v>
      </c>
      <c r="G12255" s="6" t="s">
        <v>23002</v>
      </c>
      <c r="H12255" s="6" t="s">
        <v>23003</v>
      </c>
      <c r="I12255" s="7">
        <v>7.9825160000000004</v>
      </c>
      <c r="J12255" s="8">
        <v>-75.199781900000005</v>
      </c>
    </row>
    <row r="12256" spans="1:10" x14ac:dyDescent="0.35">
      <c r="A12256" s="5" t="s">
        <v>10</v>
      </c>
      <c r="B12256" s="6">
        <v>212798</v>
      </c>
      <c r="C12256" s="6" t="s">
        <v>68</v>
      </c>
      <c r="D12256" s="6" t="s">
        <v>69</v>
      </c>
      <c r="E12256" s="6">
        <v>11001</v>
      </c>
      <c r="F12256" s="6" t="s">
        <v>18</v>
      </c>
      <c r="G12256" s="6" t="s">
        <v>23004</v>
      </c>
      <c r="H12256" s="6" t="s">
        <v>23005</v>
      </c>
      <c r="I12256" s="7">
        <v>4.7015675999999997</v>
      </c>
      <c r="J12256" s="8">
        <v>-74.098683899999997</v>
      </c>
    </row>
    <row r="12257" spans="1:10" x14ac:dyDescent="0.35">
      <c r="A12257" s="5" t="s">
        <v>10</v>
      </c>
      <c r="B12257" s="6">
        <v>216533</v>
      </c>
      <c r="C12257" s="6" t="s">
        <v>68</v>
      </c>
      <c r="D12257" s="6" t="s">
        <v>69</v>
      </c>
      <c r="E12257" s="6">
        <v>11001</v>
      </c>
      <c r="F12257" s="6" t="s">
        <v>18</v>
      </c>
      <c r="G12257" s="6" t="s">
        <v>23006</v>
      </c>
      <c r="H12257" s="6" t="s">
        <v>23007</v>
      </c>
      <c r="I12257" s="7">
        <v>4.6259142000000004</v>
      </c>
      <c r="J12257" s="8">
        <v>-74.170844099999997</v>
      </c>
    </row>
    <row r="12258" spans="1:10" x14ac:dyDescent="0.35">
      <c r="A12258" s="5" t="s">
        <v>10</v>
      </c>
      <c r="B12258" s="6">
        <v>215057</v>
      </c>
      <c r="C12258" s="6" t="s">
        <v>11</v>
      </c>
      <c r="D12258" s="6" t="s">
        <v>334</v>
      </c>
      <c r="E12258" s="6">
        <v>25754</v>
      </c>
      <c r="F12258" s="6" t="s">
        <v>18</v>
      </c>
      <c r="G12258" s="6" t="s">
        <v>7521</v>
      </c>
      <c r="H12258" s="6" t="s">
        <v>23008</v>
      </c>
      <c r="I12258" s="7">
        <v>4.5786397000000001</v>
      </c>
      <c r="J12258" s="8">
        <v>-74.212873599999995</v>
      </c>
    </row>
    <row r="12259" spans="1:10" x14ac:dyDescent="0.35">
      <c r="A12259" s="5" t="s">
        <v>10</v>
      </c>
      <c r="B12259" s="6">
        <v>102439</v>
      </c>
      <c r="C12259" s="6" t="s">
        <v>4364</v>
      </c>
      <c r="D12259" s="6" t="s">
        <v>4365</v>
      </c>
      <c r="E12259" s="6">
        <v>70001</v>
      </c>
      <c r="F12259" s="6" t="s">
        <v>18</v>
      </c>
      <c r="G12259" s="6" t="s">
        <v>23009</v>
      </c>
      <c r="H12259" s="6" t="s">
        <v>23010</v>
      </c>
      <c r="I12259" s="7">
        <v>9.2709183999999993</v>
      </c>
      <c r="J12259" s="8">
        <v>-75.411108799999994</v>
      </c>
    </row>
    <row r="12260" spans="1:10" x14ac:dyDescent="0.35">
      <c r="A12260" s="5" t="s">
        <v>10</v>
      </c>
      <c r="B12260" s="6">
        <v>144627</v>
      </c>
      <c r="C12260" s="6" t="s">
        <v>117</v>
      </c>
      <c r="D12260" s="6" t="s">
        <v>1334</v>
      </c>
      <c r="E12260" s="6">
        <v>76001</v>
      </c>
      <c r="F12260" s="6" t="s">
        <v>18</v>
      </c>
      <c r="G12260" s="6" t="s">
        <v>23011</v>
      </c>
      <c r="H12260" s="6" t="s">
        <v>14501</v>
      </c>
      <c r="I12260" s="7">
        <v>3.3935545999999999</v>
      </c>
      <c r="J12260" s="8">
        <v>-76.532678500000003</v>
      </c>
    </row>
    <row r="12261" spans="1:10" x14ac:dyDescent="0.35">
      <c r="A12261" s="5" t="s">
        <v>10</v>
      </c>
      <c r="B12261" s="6">
        <v>107131</v>
      </c>
      <c r="C12261" s="6" t="s">
        <v>4364</v>
      </c>
      <c r="D12261" s="6" t="s">
        <v>4365</v>
      </c>
      <c r="E12261" s="6">
        <v>70001</v>
      </c>
      <c r="F12261" s="6" t="s">
        <v>13</v>
      </c>
      <c r="G12261" s="6" t="s">
        <v>11877</v>
      </c>
      <c r="H12261" s="6" t="s">
        <v>22804</v>
      </c>
      <c r="I12261" s="7">
        <v>9.2480499999999992</v>
      </c>
      <c r="J12261" s="8">
        <v>-75.3435688</v>
      </c>
    </row>
    <row r="12262" spans="1:10" x14ac:dyDescent="0.35">
      <c r="A12262" s="5" t="s">
        <v>10</v>
      </c>
      <c r="B12262" s="6">
        <v>244698</v>
      </c>
      <c r="C12262" s="6" t="s">
        <v>68</v>
      </c>
      <c r="D12262" s="6" t="s">
        <v>69</v>
      </c>
      <c r="E12262" s="6">
        <v>11001</v>
      </c>
      <c r="F12262" s="6" t="s">
        <v>18</v>
      </c>
      <c r="G12262" s="6" t="s">
        <v>23012</v>
      </c>
      <c r="H12262" s="6" t="s">
        <v>23013</v>
      </c>
      <c r="I12262" s="7">
        <v>4.5670449</v>
      </c>
      <c r="J12262" s="8">
        <v>-74.153700799999996</v>
      </c>
    </row>
    <row r="12263" spans="1:10" x14ac:dyDescent="0.35">
      <c r="A12263" s="5" t="s">
        <v>10</v>
      </c>
      <c r="B12263" s="6">
        <v>233679</v>
      </c>
      <c r="C12263" s="6" t="s">
        <v>68</v>
      </c>
      <c r="D12263" s="6" t="s">
        <v>69</v>
      </c>
      <c r="E12263" s="6">
        <v>11001</v>
      </c>
      <c r="F12263" s="6" t="s">
        <v>18</v>
      </c>
      <c r="G12263" s="6" t="s">
        <v>23014</v>
      </c>
      <c r="H12263" s="6" t="s">
        <v>23015</v>
      </c>
      <c r="I12263" s="7">
        <v>4.5887000000000002</v>
      </c>
      <c r="J12263" s="8">
        <v>-74.090469999999996</v>
      </c>
    </row>
    <row r="12264" spans="1:10" x14ac:dyDescent="0.35">
      <c r="A12264" s="5" t="s">
        <v>10</v>
      </c>
      <c r="B12264" s="6">
        <v>244499</v>
      </c>
      <c r="C12264" s="6" t="s">
        <v>68</v>
      </c>
      <c r="D12264" s="6" t="s">
        <v>69</v>
      </c>
      <c r="E12264" s="6">
        <v>11001</v>
      </c>
      <c r="F12264" s="6" t="s">
        <v>18</v>
      </c>
      <c r="G12264" s="6" t="s">
        <v>23016</v>
      </c>
      <c r="H12264" s="6" t="s">
        <v>23017</v>
      </c>
      <c r="I12264" s="7">
        <v>4.7300218999999997</v>
      </c>
      <c r="J12264" s="8">
        <v>-74.101920100000001</v>
      </c>
    </row>
    <row r="12265" spans="1:10" x14ac:dyDescent="0.35">
      <c r="A12265" s="5" t="s">
        <v>10</v>
      </c>
      <c r="B12265" s="6">
        <v>234887</v>
      </c>
      <c r="C12265" s="6" t="s">
        <v>190</v>
      </c>
      <c r="D12265" s="6" t="s">
        <v>23018</v>
      </c>
      <c r="E12265" s="6">
        <v>5147</v>
      </c>
      <c r="F12265" s="6" t="s">
        <v>18</v>
      </c>
      <c r="G12265" s="6" t="s">
        <v>23019</v>
      </c>
      <c r="H12265" s="6" t="s">
        <v>23020</v>
      </c>
      <c r="I12265" s="7">
        <v>7.7553865999999996</v>
      </c>
      <c r="J12265" s="8">
        <v>-76.6557557</v>
      </c>
    </row>
    <row r="12266" spans="1:10" x14ac:dyDescent="0.35">
      <c r="A12266" s="5" t="s">
        <v>10</v>
      </c>
      <c r="B12266" s="6">
        <v>233620</v>
      </c>
      <c r="C12266" s="6" t="s">
        <v>68</v>
      </c>
      <c r="D12266" s="6" t="s">
        <v>69</v>
      </c>
      <c r="E12266" s="6">
        <v>11001</v>
      </c>
      <c r="F12266" s="6" t="s">
        <v>18</v>
      </c>
      <c r="G12266" s="6" t="s">
        <v>23021</v>
      </c>
      <c r="H12266" s="6" t="s">
        <v>23022</v>
      </c>
      <c r="I12266" s="7">
        <v>4.6150799999999998</v>
      </c>
      <c r="J12266" s="8">
        <v>-74.15325</v>
      </c>
    </row>
    <row r="12267" spans="1:10" x14ac:dyDescent="0.35">
      <c r="A12267" s="5" t="s">
        <v>10</v>
      </c>
      <c r="B12267" s="6">
        <v>246064</v>
      </c>
      <c r="C12267" s="6" t="s">
        <v>68</v>
      </c>
      <c r="D12267" s="6" t="s">
        <v>69</v>
      </c>
      <c r="E12267" s="6">
        <v>11001</v>
      </c>
      <c r="F12267" s="6" t="s">
        <v>18</v>
      </c>
      <c r="G12267" s="6" t="s">
        <v>23023</v>
      </c>
      <c r="H12267" s="6" t="s">
        <v>23024</v>
      </c>
      <c r="I12267" s="7">
        <v>4.6118091000000003</v>
      </c>
      <c r="J12267" s="8">
        <v>-74.1247075</v>
      </c>
    </row>
    <row r="12268" spans="1:10" x14ac:dyDescent="0.35">
      <c r="A12268" s="5" t="s">
        <v>10</v>
      </c>
      <c r="B12268" s="6">
        <v>245741</v>
      </c>
      <c r="C12268" s="6" t="s">
        <v>68</v>
      </c>
      <c r="D12268" s="6" t="s">
        <v>69</v>
      </c>
      <c r="E12268" s="6">
        <v>11001</v>
      </c>
      <c r="F12268" s="6" t="s">
        <v>18</v>
      </c>
      <c r="G12268" s="6" t="s">
        <v>113</v>
      </c>
      <c r="H12268" s="6" t="s">
        <v>23025</v>
      </c>
      <c r="I12268" s="7">
        <v>4.6000069999999997</v>
      </c>
      <c r="J12268" s="8">
        <v>-74.1793294</v>
      </c>
    </row>
    <row r="12269" spans="1:10" x14ac:dyDescent="0.35">
      <c r="A12269" s="5" t="s">
        <v>10</v>
      </c>
      <c r="B12269" s="6">
        <v>246119</v>
      </c>
      <c r="C12269" s="6" t="s">
        <v>68</v>
      </c>
      <c r="D12269" s="6" t="s">
        <v>69</v>
      </c>
      <c r="E12269" s="6">
        <v>11001</v>
      </c>
      <c r="F12269" s="6" t="s">
        <v>18</v>
      </c>
      <c r="G12269" s="6" t="s">
        <v>23026</v>
      </c>
      <c r="H12269" s="6" t="s">
        <v>16522</v>
      </c>
      <c r="I12269" s="7">
        <v>4.6091211999999997</v>
      </c>
      <c r="J12269" s="8">
        <v>-74.202512900000002</v>
      </c>
    </row>
    <row r="12270" spans="1:10" x14ac:dyDescent="0.35">
      <c r="A12270" s="5" t="s">
        <v>10</v>
      </c>
      <c r="B12270" s="6">
        <v>190458</v>
      </c>
      <c r="C12270" s="6" t="s">
        <v>2130</v>
      </c>
      <c r="D12270" s="6" t="s">
        <v>14731</v>
      </c>
      <c r="E12270" s="6">
        <v>85015</v>
      </c>
      <c r="F12270" s="6" t="s">
        <v>18</v>
      </c>
      <c r="G12270" s="6" t="s">
        <v>14732</v>
      </c>
      <c r="H12270" s="6" t="s">
        <v>14733</v>
      </c>
      <c r="I12270" s="7">
        <v>5.2133367000000002</v>
      </c>
      <c r="J12270" s="8">
        <v>-72.870383599999997</v>
      </c>
    </row>
    <row r="12271" spans="1:10" x14ac:dyDescent="0.35">
      <c r="A12271" s="5" t="s">
        <v>10</v>
      </c>
      <c r="B12271" s="6">
        <v>190136</v>
      </c>
      <c r="C12271" s="6" t="s">
        <v>28</v>
      </c>
      <c r="D12271" s="6" t="s">
        <v>29</v>
      </c>
      <c r="E12271" s="6">
        <v>54001</v>
      </c>
      <c r="F12271" s="6" t="s">
        <v>13</v>
      </c>
      <c r="G12271" s="6" t="s">
        <v>23027</v>
      </c>
      <c r="H12271" s="6" t="s">
        <v>23028</v>
      </c>
      <c r="I12271" s="7">
        <v>7.8843934999999998</v>
      </c>
      <c r="J12271" s="8">
        <v>-72.472898599999994</v>
      </c>
    </row>
    <row r="12272" spans="1:10" x14ac:dyDescent="0.35">
      <c r="A12272" s="5" t="s">
        <v>10</v>
      </c>
      <c r="B12272" s="6">
        <v>189502</v>
      </c>
      <c r="C12272" s="6" t="s">
        <v>68</v>
      </c>
      <c r="D12272" s="6" t="s">
        <v>69</v>
      </c>
      <c r="E12272" s="6">
        <v>11001</v>
      </c>
      <c r="F12272" s="6" t="s">
        <v>13</v>
      </c>
      <c r="G12272" s="6" t="s">
        <v>16997</v>
      </c>
      <c r="H12272" s="6" t="s">
        <v>16998</v>
      </c>
      <c r="I12272" s="7">
        <v>4.6681625999999996</v>
      </c>
      <c r="J12272" s="8">
        <v>-74.073441900000006</v>
      </c>
    </row>
    <row r="12273" spans="1:10" x14ac:dyDescent="0.35">
      <c r="A12273" s="5" t="s">
        <v>10</v>
      </c>
      <c r="B12273" s="6">
        <v>155679</v>
      </c>
      <c r="C12273" s="6" t="s">
        <v>109</v>
      </c>
      <c r="D12273" s="6" t="s">
        <v>2830</v>
      </c>
      <c r="E12273" s="6">
        <v>13430</v>
      </c>
      <c r="F12273" s="6" t="s">
        <v>18</v>
      </c>
      <c r="G12273" s="6" t="s">
        <v>23029</v>
      </c>
      <c r="H12273" s="6" t="s">
        <v>23030</v>
      </c>
      <c r="I12273" s="7">
        <v>9.2391789000000006</v>
      </c>
      <c r="J12273" s="8">
        <v>-74.754553700000002</v>
      </c>
    </row>
    <row r="12274" spans="1:10" x14ac:dyDescent="0.35">
      <c r="A12274" s="5" t="s">
        <v>10</v>
      </c>
      <c r="B12274" s="6">
        <v>240513</v>
      </c>
      <c r="C12274" s="6" t="s">
        <v>190</v>
      </c>
      <c r="D12274" s="6" t="s">
        <v>6084</v>
      </c>
      <c r="E12274" s="6">
        <v>5154</v>
      </c>
      <c r="F12274" s="6" t="s">
        <v>18</v>
      </c>
      <c r="G12274" s="6" t="s">
        <v>23031</v>
      </c>
      <c r="H12274" s="6" t="s">
        <v>23032</v>
      </c>
      <c r="I12274" s="7">
        <v>7.9960677000000002</v>
      </c>
      <c r="J12274" s="8">
        <v>-75.198726300000004</v>
      </c>
    </row>
    <row r="12275" spans="1:10" x14ac:dyDescent="0.35">
      <c r="A12275" s="5" t="s">
        <v>10</v>
      </c>
      <c r="B12275" s="6">
        <v>107127</v>
      </c>
      <c r="C12275" s="6" t="s">
        <v>4364</v>
      </c>
      <c r="D12275" s="6" t="s">
        <v>4365</v>
      </c>
      <c r="E12275" s="6">
        <v>70001</v>
      </c>
      <c r="F12275" s="6" t="s">
        <v>13</v>
      </c>
      <c r="G12275" s="6" t="s">
        <v>11877</v>
      </c>
      <c r="H12275" s="6" t="s">
        <v>12819</v>
      </c>
      <c r="I12275" s="7">
        <v>9.3027558999999993</v>
      </c>
      <c r="J12275" s="8">
        <v>-75.397791599999906</v>
      </c>
    </row>
    <row r="12276" spans="1:10" x14ac:dyDescent="0.35">
      <c r="A12276" s="5" t="s">
        <v>10</v>
      </c>
      <c r="B12276" s="6">
        <v>231364</v>
      </c>
      <c r="C12276" s="6" t="s">
        <v>68</v>
      </c>
      <c r="D12276" s="6" t="s">
        <v>69</v>
      </c>
      <c r="E12276" s="6">
        <v>11001</v>
      </c>
      <c r="F12276" s="6" t="s">
        <v>18</v>
      </c>
      <c r="G12276" s="6" t="s">
        <v>23033</v>
      </c>
      <c r="H12276" s="6" t="s">
        <v>23034</v>
      </c>
      <c r="I12276" s="7">
        <v>4.6058116</v>
      </c>
      <c r="J12276" s="8">
        <v>-74.139448900000005</v>
      </c>
    </row>
    <row r="12277" spans="1:10" x14ac:dyDescent="0.35">
      <c r="A12277" s="5" t="s">
        <v>10</v>
      </c>
      <c r="B12277" s="6">
        <v>236765</v>
      </c>
      <c r="C12277" s="6" t="s">
        <v>68</v>
      </c>
      <c r="D12277" s="6" t="s">
        <v>69</v>
      </c>
      <c r="E12277" s="6">
        <v>11001</v>
      </c>
      <c r="F12277" s="6" t="s">
        <v>18</v>
      </c>
      <c r="G12277" s="6" t="s">
        <v>23035</v>
      </c>
      <c r="H12277" s="6" t="s">
        <v>23036</v>
      </c>
      <c r="I12277" s="7">
        <v>4.6850505</v>
      </c>
      <c r="J12277" s="8">
        <v>-74.092630900000003</v>
      </c>
    </row>
    <row r="12278" spans="1:10" x14ac:dyDescent="0.35">
      <c r="A12278" s="5" t="s">
        <v>10</v>
      </c>
      <c r="B12278" s="6">
        <v>231236</v>
      </c>
      <c r="C12278" s="6" t="s">
        <v>68</v>
      </c>
      <c r="D12278" s="6" t="s">
        <v>69</v>
      </c>
      <c r="E12278" s="6">
        <v>11001</v>
      </c>
      <c r="F12278" s="6" t="s">
        <v>18</v>
      </c>
      <c r="G12278" s="6" t="s">
        <v>23037</v>
      </c>
      <c r="H12278" s="6" t="s">
        <v>23038</v>
      </c>
      <c r="I12278" s="7">
        <v>4.6080832000000003</v>
      </c>
      <c r="J12278" s="8">
        <v>-74.184226199999998</v>
      </c>
    </row>
    <row r="12279" spans="1:10" x14ac:dyDescent="0.35">
      <c r="A12279" s="5" t="s">
        <v>10</v>
      </c>
      <c r="B12279" s="6">
        <v>242649</v>
      </c>
      <c r="C12279" s="6" t="s">
        <v>68</v>
      </c>
      <c r="D12279" s="6" t="s">
        <v>69</v>
      </c>
      <c r="E12279" s="6">
        <v>11001</v>
      </c>
      <c r="F12279" s="6" t="s">
        <v>18</v>
      </c>
      <c r="G12279" s="6" t="s">
        <v>23039</v>
      </c>
      <c r="H12279" s="6" t="s">
        <v>23040</v>
      </c>
      <c r="I12279" s="7">
        <v>4.5660401000000004</v>
      </c>
      <c r="J12279" s="8">
        <v>-74.131575299999994</v>
      </c>
    </row>
    <row r="12280" spans="1:10" x14ac:dyDescent="0.35">
      <c r="A12280" s="5" t="s">
        <v>10</v>
      </c>
      <c r="B12280" s="6">
        <v>186418</v>
      </c>
      <c r="C12280" s="6" t="s">
        <v>466</v>
      </c>
      <c r="D12280" s="6" t="s">
        <v>467</v>
      </c>
      <c r="E12280" s="6">
        <v>81736</v>
      </c>
      <c r="F12280" s="6" t="s">
        <v>18</v>
      </c>
      <c r="G12280" s="6" t="s">
        <v>22842</v>
      </c>
      <c r="H12280" s="6" t="s">
        <v>22843</v>
      </c>
      <c r="I12280" s="7">
        <v>6.9512856999999997</v>
      </c>
      <c r="J12280" s="8">
        <v>-71.872697500000001</v>
      </c>
    </row>
    <row r="12281" spans="1:10" x14ac:dyDescent="0.35">
      <c r="A12281" s="5" t="s">
        <v>10</v>
      </c>
      <c r="B12281" s="6">
        <v>203566</v>
      </c>
      <c r="C12281" s="6" t="s">
        <v>68</v>
      </c>
      <c r="D12281" s="6" t="s">
        <v>69</v>
      </c>
      <c r="E12281" s="6">
        <v>11001</v>
      </c>
      <c r="F12281" s="6" t="s">
        <v>13</v>
      </c>
      <c r="G12281" s="6" t="s">
        <v>17616</v>
      </c>
      <c r="H12281" s="6" t="s">
        <v>17617</v>
      </c>
      <c r="I12281" s="7">
        <v>4.6443716000000004</v>
      </c>
      <c r="J12281" s="8">
        <v>-74.113248499999997</v>
      </c>
    </row>
    <row r="12282" spans="1:10" x14ac:dyDescent="0.35">
      <c r="A12282" s="5" t="s">
        <v>10</v>
      </c>
      <c r="B12282" s="6">
        <v>216673</v>
      </c>
      <c r="C12282" s="6" t="s">
        <v>190</v>
      </c>
      <c r="D12282" s="6" t="s">
        <v>2166</v>
      </c>
      <c r="E12282" s="6">
        <v>5093</v>
      </c>
      <c r="F12282" s="6" t="s">
        <v>18</v>
      </c>
      <c r="G12282" s="6" t="s">
        <v>23041</v>
      </c>
      <c r="H12282" s="6" t="s">
        <v>23042</v>
      </c>
      <c r="I12282" s="7">
        <v>6.1127799999999999</v>
      </c>
      <c r="J12282" s="8">
        <v>-75.984669999999994</v>
      </c>
    </row>
    <row r="12283" spans="1:10" x14ac:dyDescent="0.35">
      <c r="A12283" s="5" t="s">
        <v>10</v>
      </c>
      <c r="B12283" s="6">
        <v>192884</v>
      </c>
      <c r="C12283" s="6" t="s">
        <v>68</v>
      </c>
      <c r="D12283" s="6" t="s">
        <v>69</v>
      </c>
      <c r="E12283" s="6">
        <v>11001</v>
      </c>
      <c r="F12283" s="6" t="s">
        <v>18</v>
      </c>
      <c r="G12283" s="6" t="s">
        <v>15164</v>
      </c>
      <c r="H12283" s="6" t="s">
        <v>15165</v>
      </c>
      <c r="I12283" s="7">
        <v>4.5611366999999996</v>
      </c>
      <c r="J12283" s="8">
        <v>-74.129565900000003</v>
      </c>
    </row>
    <row r="12284" spans="1:10" x14ac:dyDescent="0.35">
      <c r="A12284" s="5" t="s">
        <v>10</v>
      </c>
      <c r="B12284" s="6">
        <v>198041</v>
      </c>
      <c r="C12284" s="6" t="s">
        <v>68</v>
      </c>
      <c r="D12284" s="6" t="s">
        <v>69</v>
      </c>
      <c r="E12284" s="6">
        <v>11001</v>
      </c>
      <c r="F12284" s="6" t="s">
        <v>18</v>
      </c>
      <c r="G12284" s="6" t="s">
        <v>22811</v>
      </c>
      <c r="H12284" s="6" t="s">
        <v>22812</v>
      </c>
      <c r="I12284" s="7">
        <v>4.7318629999999997</v>
      </c>
      <c r="J12284" s="8">
        <v>-74.024417299999996</v>
      </c>
    </row>
    <row r="12285" spans="1:10" x14ac:dyDescent="0.35">
      <c r="A12285" s="5" t="s">
        <v>10</v>
      </c>
      <c r="B12285" s="6">
        <v>189502</v>
      </c>
      <c r="C12285" s="6" t="s">
        <v>68</v>
      </c>
      <c r="D12285" s="6" t="s">
        <v>69</v>
      </c>
      <c r="E12285" s="6">
        <v>11001</v>
      </c>
      <c r="F12285" s="6" t="s">
        <v>13</v>
      </c>
      <c r="G12285" s="6" t="s">
        <v>16997</v>
      </c>
      <c r="H12285" s="6" t="s">
        <v>16998</v>
      </c>
      <c r="I12285" s="7">
        <v>4.6681625999999996</v>
      </c>
      <c r="J12285" s="8">
        <v>-74.073441900000006</v>
      </c>
    </row>
    <row r="12286" spans="1:10" x14ac:dyDescent="0.35">
      <c r="A12286" s="5" t="s">
        <v>10</v>
      </c>
      <c r="B12286" s="6">
        <v>190663</v>
      </c>
      <c r="C12286" s="6" t="s">
        <v>457</v>
      </c>
      <c r="D12286" s="6" t="s">
        <v>15027</v>
      </c>
      <c r="E12286" s="6">
        <v>52240</v>
      </c>
      <c r="F12286" s="6" t="s">
        <v>18</v>
      </c>
      <c r="G12286" s="6" t="s">
        <v>16152</v>
      </c>
      <c r="H12286" s="6" t="s">
        <v>16153</v>
      </c>
      <c r="I12286" s="7">
        <v>1.3651802</v>
      </c>
      <c r="J12286" s="8">
        <v>-77.284392699999998</v>
      </c>
    </row>
    <row r="12287" spans="1:10" x14ac:dyDescent="0.35">
      <c r="A12287" s="5" t="s">
        <v>10</v>
      </c>
      <c r="B12287" s="6">
        <v>107065</v>
      </c>
      <c r="C12287" s="6" t="s">
        <v>109</v>
      </c>
      <c r="D12287" s="6" t="s">
        <v>2830</v>
      </c>
      <c r="E12287" s="6">
        <v>13430</v>
      </c>
      <c r="F12287" s="6" t="s">
        <v>13</v>
      </c>
      <c r="G12287" s="6" t="s">
        <v>11877</v>
      </c>
      <c r="H12287" s="6" t="s">
        <v>15591</v>
      </c>
      <c r="I12287" s="7">
        <v>9.2143601999999998</v>
      </c>
      <c r="J12287" s="8">
        <v>-74.763015999999993</v>
      </c>
    </row>
    <row r="12288" spans="1:10" x14ac:dyDescent="0.35">
      <c r="A12288" s="5" t="s">
        <v>10</v>
      </c>
      <c r="B12288" s="6">
        <v>107099</v>
      </c>
      <c r="C12288" s="6" t="s">
        <v>308</v>
      </c>
      <c r="D12288" s="6" t="s">
        <v>8845</v>
      </c>
      <c r="E12288" s="6">
        <v>23660</v>
      </c>
      <c r="F12288" s="6" t="s">
        <v>13</v>
      </c>
      <c r="G12288" s="6" t="s">
        <v>11877</v>
      </c>
      <c r="H12288" s="6" t="s">
        <v>22737</v>
      </c>
      <c r="I12288" s="7">
        <v>8.9506429999999995</v>
      </c>
      <c r="J12288" s="8">
        <v>-75.446000999999995</v>
      </c>
    </row>
    <row r="12289" spans="1:10" x14ac:dyDescent="0.35">
      <c r="A12289" s="5" t="s">
        <v>10</v>
      </c>
      <c r="B12289" s="6">
        <v>107131</v>
      </c>
      <c r="C12289" s="6" t="s">
        <v>4364</v>
      </c>
      <c r="D12289" s="6" t="s">
        <v>4365</v>
      </c>
      <c r="E12289" s="6">
        <v>70001</v>
      </c>
      <c r="F12289" s="6" t="s">
        <v>13</v>
      </c>
      <c r="G12289" s="6" t="s">
        <v>11877</v>
      </c>
      <c r="H12289" s="6" t="s">
        <v>22804</v>
      </c>
      <c r="I12289" s="7">
        <v>9.2480499999999992</v>
      </c>
      <c r="J12289" s="8">
        <v>-75.3435688</v>
      </c>
    </row>
    <row r="12290" spans="1:10" x14ac:dyDescent="0.35">
      <c r="A12290" s="5" t="s">
        <v>10</v>
      </c>
      <c r="B12290" s="6">
        <v>235584</v>
      </c>
      <c r="C12290" s="6" t="s">
        <v>68</v>
      </c>
      <c r="D12290" s="6" t="s">
        <v>69</v>
      </c>
      <c r="E12290" s="6">
        <v>11001</v>
      </c>
      <c r="F12290" s="6" t="s">
        <v>18</v>
      </c>
      <c r="G12290" s="6" t="s">
        <v>23043</v>
      </c>
      <c r="H12290" s="6" t="s">
        <v>23044</v>
      </c>
      <c r="I12290" s="7">
        <v>4.5902513000000003</v>
      </c>
      <c r="J12290" s="8">
        <v>-74.163637300000005</v>
      </c>
    </row>
    <row r="12291" spans="1:10" x14ac:dyDescent="0.35">
      <c r="A12291" s="5" t="s">
        <v>10</v>
      </c>
      <c r="B12291" s="6">
        <v>214725</v>
      </c>
      <c r="C12291" s="6" t="s">
        <v>68</v>
      </c>
      <c r="D12291" s="6" t="s">
        <v>69</v>
      </c>
      <c r="E12291" s="6">
        <v>11001</v>
      </c>
      <c r="F12291" s="6" t="s">
        <v>18</v>
      </c>
      <c r="G12291" s="6" t="s">
        <v>23045</v>
      </c>
      <c r="H12291" s="6" t="s">
        <v>23046</v>
      </c>
      <c r="I12291" s="7">
        <v>4.6773163000000002</v>
      </c>
      <c r="J12291" s="8">
        <v>-74.133666499999904</v>
      </c>
    </row>
    <row r="12292" spans="1:10" x14ac:dyDescent="0.35">
      <c r="A12292" s="5" t="s">
        <v>10</v>
      </c>
      <c r="B12292" s="6">
        <v>242133</v>
      </c>
      <c r="C12292" s="6" t="s">
        <v>68</v>
      </c>
      <c r="D12292" s="6" t="s">
        <v>69</v>
      </c>
      <c r="E12292" s="6">
        <v>11001</v>
      </c>
      <c r="F12292" s="6" t="s">
        <v>18</v>
      </c>
      <c r="G12292" s="6" t="s">
        <v>23047</v>
      </c>
      <c r="H12292" s="6" t="s">
        <v>23048</v>
      </c>
      <c r="I12292" s="7">
        <v>4.6802818000000004</v>
      </c>
      <c r="J12292" s="8">
        <v>-74.066691300000002</v>
      </c>
    </row>
    <row r="12293" spans="1:10" x14ac:dyDescent="0.35">
      <c r="A12293" s="5" t="s">
        <v>10</v>
      </c>
      <c r="B12293" s="6">
        <v>236230</v>
      </c>
      <c r="C12293" s="6" t="s">
        <v>68</v>
      </c>
      <c r="D12293" s="6" t="s">
        <v>69</v>
      </c>
      <c r="E12293" s="6">
        <v>11001</v>
      </c>
      <c r="F12293" s="6" t="s">
        <v>18</v>
      </c>
      <c r="G12293" s="6" t="s">
        <v>6914</v>
      </c>
      <c r="H12293" s="6" t="s">
        <v>23049</v>
      </c>
      <c r="I12293" s="7">
        <v>4.7471581</v>
      </c>
      <c r="J12293" s="8">
        <v>-74.100348699999998</v>
      </c>
    </row>
    <row r="12294" spans="1:10" x14ac:dyDescent="0.35">
      <c r="A12294" s="5" t="s">
        <v>10</v>
      </c>
      <c r="B12294" s="6">
        <v>134121</v>
      </c>
      <c r="C12294" s="6" t="s">
        <v>190</v>
      </c>
      <c r="D12294" s="6" t="s">
        <v>13913</v>
      </c>
      <c r="E12294" s="6">
        <v>5490</v>
      </c>
      <c r="F12294" s="6" t="s">
        <v>18</v>
      </c>
      <c r="G12294" s="6" t="s">
        <v>23050</v>
      </c>
      <c r="H12294" s="6" t="s">
        <v>23051</v>
      </c>
      <c r="I12294" s="7">
        <v>8.4136457</v>
      </c>
      <c r="J12294" s="8">
        <v>-76.643970600000003</v>
      </c>
    </row>
    <row r="12295" spans="1:10" x14ac:dyDescent="0.35">
      <c r="A12295" s="5" t="s">
        <v>10</v>
      </c>
      <c r="B12295" s="6">
        <v>154875</v>
      </c>
      <c r="C12295" s="6" t="s">
        <v>190</v>
      </c>
      <c r="D12295" s="6" t="s">
        <v>14010</v>
      </c>
      <c r="E12295" s="6">
        <v>5411</v>
      </c>
      <c r="F12295" s="6" t="s">
        <v>18</v>
      </c>
      <c r="G12295" s="6" t="s">
        <v>23052</v>
      </c>
      <c r="H12295" s="6" t="s">
        <v>23053</v>
      </c>
      <c r="I12295" s="7">
        <v>6.7198104000000001</v>
      </c>
      <c r="J12295" s="8">
        <v>-75.775493699999998</v>
      </c>
    </row>
    <row r="12296" spans="1:10" x14ac:dyDescent="0.35">
      <c r="A12296" s="5" t="s">
        <v>10</v>
      </c>
      <c r="B12296" s="6">
        <v>224731</v>
      </c>
      <c r="C12296" s="6" t="s">
        <v>190</v>
      </c>
      <c r="D12296" s="6" t="s">
        <v>191</v>
      </c>
      <c r="E12296" s="6">
        <v>5001</v>
      </c>
      <c r="F12296" s="6" t="s">
        <v>18</v>
      </c>
      <c r="G12296" s="6" t="s">
        <v>23054</v>
      </c>
      <c r="H12296" s="6" t="s">
        <v>23055</v>
      </c>
      <c r="I12296" s="7">
        <v>6.2359686999999999</v>
      </c>
      <c r="J12296" s="8">
        <v>-75.599064099999893</v>
      </c>
    </row>
    <row r="12297" spans="1:10" x14ac:dyDescent="0.35">
      <c r="A12297" s="5" t="s">
        <v>10</v>
      </c>
      <c r="B12297" s="6">
        <v>107127</v>
      </c>
      <c r="C12297" s="6" t="s">
        <v>4364</v>
      </c>
      <c r="D12297" s="6" t="s">
        <v>4365</v>
      </c>
      <c r="E12297" s="6">
        <v>70001</v>
      </c>
      <c r="F12297" s="6" t="s">
        <v>13</v>
      </c>
      <c r="G12297" s="6" t="s">
        <v>11877</v>
      </c>
      <c r="H12297" s="6" t="s">
        <v>12819</v>
      </c>
      <c r="I12297" s="7">
        <v>9.3027558999999993</v>
      </c>
      <c r="J12297" s="8">
        <v>-75.397791599999906</v>
      </c>
    </row>
    <row r="12298" spans="1:10" x14ac:dyDescent="0.35">
      <c r="A12298" s="5" t="s">
        <v>10</v>
      </c>
      <c r="B12298" s="6">
        <v>233466</v>
      </c>
      <c r="C12298" s="6" t="s">
        <v>457</v>
      </c>
      <c r="D12298" s="6" t="s">
        <v>22780</v>
      </c>
      <c r="E12298" s="6">
        <v>52540</v>
      </c>
      <c r="F12298" s="6" t="s">
        <v>18</v>
      </c>
      <c r="G12298" s="6" t="s">
        <v>23056</v>
      </c>
      <c r="H12298" s="6" t="s">
        <v>23057</v>
      </c>
      <c r="I12298" s="7">
        <v>1.62809</v>
      </c>
      <c r="J12298" s="8">
        <v>-77.459190000000007</v>
      </c>
    </row>
    <row r="12299" spans="1:10" x14ac:dyDescent="0.35">
      <c r="A12299" s="5" t="s">
        <v>10</v>
      </c>
      <c r="B12299" s="6">
        <v>107127</v>
      </c>
      <c r="C12299" s="6" t="s">
        <v>4364</v>
      </c>
      <c r="D12299" s="6" t="s">
        <v>4365</v>
      </c>
      <c r="E12299" s="6">
        <v>70001</v>
      </c>
      <c r="F12299" s="6" t="s">
        <v>13</v>
      </c>
      <c r="G12299" s="6" t="s">
        <v>11877</v>
      </c>
      <c r="H12299" s="6" t="s">
        <v>12819</v>
      </c>
      <c r="I12299" s="7">
        <v>9.3027558999999993</v>
      </c>
      <c r="J12299" s="8">
        <v>-75.397791599999906</v>
      </c>
    </row>
    <row r="12300" spans="1:10" x14ac:dyDescent="0.35">
      <c r="A12300" s="5" t="s">
        <v>10</v>
      </c>
      <c r="B12300" s="6">
        <v>239779</v>
      </c>
      <c r="C12300" s="6" t="s">
        <v>68</v>
      </c>
      <c r="D12300" s="6" t="s">
        <v>69</v>
      </c>
      <c r="E12300" s="6">
        <v>11001</v>
      </c>
      <c r="F12300" s="6" t="s">
        <v>18</v>
      </c>
      <c r="G12300" s="6" t="s">
        <v>23058</v>
      </c>
      <c r="H12300" s="6" t="s">
        <v>23059</v>
      </c>
      <c r="I12300" s="7">
        <v>4.7427922000000002</v>
      </c>
      <c r="J12300" s="8">
        <v>-74.109681300000005</v>
      </c>
    </row>
    <row r="12301" spans="1:10" x14ac:dyDescent="0.35">
      <c r="A12301" s="5" t="s">
        <v>10</v>
      </c>
      <c r="B12301" s="6">
        <v>244076</v>
      </c>
      <c r="C12301" s="6" t="s">
        <v>68</v>
      </c>
      <c r="D12301" s="6" t="s">
        <v>69</v>
      </c>
      <c r="E12301" s="6">
        <v>11001</v>
      </c>
      <c r="F12301" s="6" t="s">
        <v>18</v>
      </c>
      <c r="G12301" s="6" t="s">
        <v>23060</v>
      </c>
      <c r="H12301" s="6" t="s">
        <v>23061</v>
      </c>
      <c r="I12301" s="7">
        <v>4.7498873000000001</v>
      </c>
      <c r="J12301" s="8">
        <v>-74.118278200000006</v>
      </c>
    </row>
    <row r="12302" spans="1:10" x14ac:dyDescent="0.35">
      <c r="A12302" s="5" t="s">
        <v>10</v>
      </c>
      <c r="B12302" s="6">
        <v>246205</v>
      </c>
      <c r="C12302" s="6" t="s">
        <v>68</v>
      </c>
      <c r="D12302" s="6" t="s">
        <v>69</v>
      </c>
      <c r="E12302" s="6">
        <v>11001</v>
      </c>
      <c r="F12302" s="6" t="s">
        <v>18</v>
      </c>
      <c r="G12302" s="6" t="s">
        <v>13897</v>
      </c>
      <c r="H12302" s="6" t="s">
        <v>23062</v>
      </c>
      <c r="I12302" s="7">
        <v>4.6874697000000003</v>
      </c>
      <c r="J12302" s="8">
        <v>-74.045252099999999</v>
      </c>
    </row>
    <row r="12303" spans="1:10" x14ac:dyDescent="0.35">
      <c r="A12303" s="5" t="s">
        <v>10</v>
      </c>
      <c r="B12303" s="6">
        <v>218663</v>
      </c>
      <c r="C12303" s="6" t="s">
        <v>16</v>
      </c>
      <c r="D12303" s="6" t="s">
        <v>8062</v>
      </c>
      <c r="E12303" s="6">
        <v>68575</v>
      </c>
      <c r="F12303" s="6" t="s">
        <v>13</v>
      </c>
      <c r="G12303" s="6" t="s">
        <v>23063</v>
      </c>
      <c r="H12303" s="6" t="s">
        <v>23064</v>
      </c>
      <c r="I12303" s="7">
        <v>7.8512576000000003</v>
      </c>
      <c r="J12303" s="8">
        <v>-73.816916699999993</v>
      </c>
    </row>
    <row r="12304" spans="1:10" x14ac:dyDescent="0.35">
      <c r="A12304" s="5" t="s">
        <v>10</v>
      </c>
      <c r="B12304" s="6">
        <v>189502</v>
      </c>
      <c r="C12304" s="6" t="s">
        <v>68</v>
      </c>
      <c r="D12304" s="6" t="s">
        <v>69</v>
      </c>
      <c r="E12304" s="6">
        <v>11001</v>
      </c>
      <c r="F12304" s="6" t="s">
        <v>13</v>
      </c>
      <c r="G12304" s="6" t="s">
        <v>16997</v>
      </c>
      <c r="H12304" s="6" t="s">
        <v>16998</v>
      </c>
      <c r="I12304" s="7">
        <v>4.6681625999999996</v>
      </c>
      <c r="J12304" s="8">
        <v>-74.073441900000006</v>
      </c>
    </row>
    <row r="12305" spans="1:10" x14ac:dyDescent="0.35">
      <c r="A12305" s="5" t="s">
        <v>10</v>
      </c>
      <c r="B12305" s="6">
        <v>207714</v>
      </c>
      <c r="C12305" s="6" t="s">
        <v>68</v>
      </c>
      <c r="D12305" s="6" t="s">
        <v>69</v>
      </c>
      <c r="E12305" s="6">
        <v>11001</v>
      </c>
      <c r="F12305" s="6" t="s">
        <v>18</v>
      </c>
      <c r="G12305" s="6" t="s">
        <v>23065</v>
      </c>
      <c r="H12305" s="6" t="s">
        <v>23066</v>
      </c>
      <c r="I12305" s="7">
        <v>4.6303942999999999</v>
      </c>
      <c r="J12305" s="8">
        <v>-74.190082799999999</v>
      </c>
    </row>
    <row r="12306" spans="1:10" x14ac:dyDescent="0.35">
      <c r="A12306" s="5" t="s">
        <v>10</v>
      </c>
      <c r="B12306" s="6">
        <v>229262</v>
      </c>
      <c r="C12306" s="6" t="s">
        <v>68</v>
      </c>
      <c r="D12306" s="6" t="s">
        <v>69</v>
      </c>
      <c r="E12306" s="6">
        <v>11001</v>
      </c>
      <c r="F12306" s="6" t="s">
        <v>18</v>
      </c>
      <c r="G12306" s="6" t="s">
        <v>23067</v>
      </c>
      <c r="H12306" s="6" t="s">
        <v>23068</v>
      </c>
      <c r="I12306" s="7">
        <v>4.6733406999999998</v>
      </c>
      <c r="J12306" s="8">
        <v>-74.143789299999995</v>
      </c>
    </row>
    <row r="12307" spans="1:10" x14ac:dyDescent="0.35">
      <c r="A12307" s="5" t="s">
        <v>10</v>
      </c>
      <c r="B12307" s="6">
        <v>234456</v>
      </c>
      <c r="C12307" s="6" t="s">
        <v>68</v>
      </c>
      <c r="D12307" s="6" t="s">
        <v>69</v>
      </c>
      <c r="E12307" s="6">
        <v>11001</v>
      </c>
      <c r="F12307" s="6" t="s">
        <v>18</v>
      </c>
      <c r="G12307" s="6" t="s">
        <v>13779</v>
      </c>
      <c r="H12307" s="6" t="s">
        <v>13780</v>
      </c>
      <c r="I12307" s="7">
        <v>4.6278775999999997</v>
      </c>
      <c r="J12307" s="8">
        <v>-74.191569400000006</v>
      </c>
    </row>
    <row r="12308" spans="1:10" x14ac:dyDescent="0.35">
      <c r="A12308" s="5" t="s">
        <v>10</v>
      </c>
      <c r="B12308" s="6">
        <v>214824</v>
      </c>
      <c r="C12308" s="6" t="s">
        <v>278</v>
      </c>
      <c r="D12308" s="6" t="s">
        <v>279</v>
      </c>
      <c r="E12308" s="6">
        <v>50001</v>
      </c>
      <c r="F12308" s="6" t="s">
        <v>18</v>
      </c>
      <c r="G12308" s="6" t="s">
        <v>23069</v>
      </c>
      <c r="H12308" s="6" t="s">
        <v>23070</v>
      </c>
      <c r="I12308" s="7">
        <v>4.1340686999999896</v>
      </c>
      <c r="J12308" s="8">
        <v>-73.616718300000002</v>
      </c>
    </row>
    <row r="12309" spans="1:10" x14ac:dyDescent="0.35">
      <c r="A12309" s="5" t="s">
        <v>10</v>
      </c>
      <c r="B12309" s="6">
        <v>117077</v>
      </c>
      <c r="C12309" s="6" t="s">
        <v>2130</v>
      </c>
      <c r="D12309" s="6" t="s">
        <v>4238</v>
      </c>
      <c r="E12309" s="6">
        <v>85410</v>
      </c>
      <c r="F12309" s="6" t="s">
        <v>18</v>
      </c>
      <c r="G12309" s="6" t="s">
        <v>12928</v>
      </c>
      <c r="H12309" s="6" t="s">
        <v>12929</v>
      </c>
      <c r="I12309" s="7">
        <v>5.0106848999999896</v>
      </c>
      <c r="J12309" s="8">
        <v>-72.750495000000001</v>
      </c>
    </row>
    <row r="12310" spans="1:10" x14ac:dyDescent="0.35">
      <c r="A12310" s="5" t="s">
        <v>10</v>
      </c>
      <c r="B12310" s="6">
        <v>146170</v>
      </c>
      <c r="C12310" s="6" t="s">
        <v>190</v>
      </c>
      <c r="D12310" s="6" t="s">
        <v>23018</v>
      </c>
      <c r="E12310" s="6">
        <v>5147</v>
      </c>
      <c r="F12310" s="6" t="s">
        <v>18</v>
      </c>
      <c r="G12310" s="6" t="s">
        <v>23071</v>
      </c>
      <c r="H12310" s="6" t="s">
        <v>23072</v>
      </c>
      <c r="I12310" s="7">
        <v>7.7577419000000001</v>
      </c>
      <c r="J12310" s="8">
        <v>-76.658849099999998</v>
      </c>
    </row>
    <row r="12311" spans="1:10" x14ac:dyDescent="0.35">
      <c r="A12311" s="5" t="s">
        <v>10</v>
      </c>
      <c r="B12311" s="6">
        <v>186575</v>
      </c>
      <c r="C12311" s="6" t="s">
        <v>109</v>
      </c>
      <c r="D12311" s="6" t="s">
        <v>1445</v>
      </c>
      <c r="E12311" s="6">
        <v>13688</v>
      </c>
      <c r="F12311" s="6" t="s">
        <v>13</v>
      </c>
      <c r="G12311" s="6" t="s">
        <v>23073</v>
      </c>
      <c r="H12311" s="6" t="s">
        <v>23074</v>
      </c>
      <c r="I12311" s="7">
        <v>7.9630637999999996</v>
      </c>
      <c r="J12311" s="8">
        <v>-74.050974800000006</v>
      </c>
    </row>
    <row r="12312" spans="1:10" x14ac:dyDescent="0.35">
      <c r="A12312" s="5" t="s">
        <v>10</v>
      </c>
      <c r="B12312" s="6">
        <v>111503</v>
      </c>
      <c r="C12312" s="6" t="s">
        <v>109</v>
      </c>
      <c r="D12312" s="6" t="s">
        <v>2830</v>
      </c>
      <c r="E12312" s="6">
        <v>13430</v>
      </c>
      <c r="F12312" s="6" t="s">
        <v>18</v>
      </c>
      <c r="G12312" s="6" t="s">
        <v>5586</v>
      </c>
      <c r="H12312" s="6" t="s">
        <v>23075</v>
      </c>
      <c r="I12312" s="7">
        <v>9.2370350999999999</v>
      </c>
      <c r="J12312" s="8">
        <v>-74.746083499999997</v>
      </c>
    </row>
    <row r="12313" spans="1:10" x14ac:dyDescent="0.35">
      <c r="A12313" s="5" t="s">
        <v>10</v>
      </c>
      <c r="B12313" s="6">
        <v>201438</v>
      </c>
      <c r="C12313" s="6" t="s">
        <v>68</v>
      </c>
      <c r="D12313" s="6" t="s">
        <v>69</v>
      </c>
      <c r="E12313" s="6">
        <v>11001</v>
      </c>
      <c r="F12313" s="6" t="s">
        <v>18</v>
      </c>
      <c r="G12313" s="6" t="s">
        <v>23076</v>
      </c>
      <c r="H12313" s="6" t="s">
        <v>23077</v>
      </c>
      <c r="I12313" s="7">
        <v>4.6687998999999998</v>
      </c>
      <c r="J12313" s="8">
        <v>-74.131818199999998</v>
      </c>
    </row>
    <row r="12314" spans="1:10" x14ac:dyDescent="0.35">
      <c r="A12314" s="5" t="s">
        <v>10</v>
      </c>
      <c r="B12314" s="6">
        <v>221098</v>
      </c>
      <c r="C12314" s="6" t="s">
        <v>294</v>
      </c>
      <c r="D12314" s="6" t="s">
        <v>1722</v>
      </c>
      <c r="E12314" s="6">
        <v>41797</v>
      </c>
      <c r="F12314" s="6" t="s">
        <v>18</v>
      </c>
      <c r="G12314" s="6" t="s">
        <v>23078</v>
      </c>
      <c r="H12314" s="6" t="s">
        <v>23079</v>
      </c>
      <c r="I12314" s="7">
        <v>4.6467787999999999</v>
      </c>
      <c r="J12314" s="8">
        <v>-74.049840799999998</v>
      </c>
    </row>
    <row r="12315" spans="1:10" x14ac:dyDescent="0.35">
      <c r="A12315" s="5" t="s">
        <v>10</v>
      </c>
      <c r="B12315" s="6">
        <v>242654</v>
      </c>
      <c r="C12315" s="6" t="s">
        <v>68</v>
      </c>
      <c r="D12315" s="6" t="s">
        <v>69</v>
      </c>
      <c r="E12315" s="6">
        <v>11001</v>
      </c>
      <c r="F12315" s="6" t="s">
        <v>18</v>
      </c>
      <c r="G12315" s="6" t="s">
        <v>23080</v>
      </c>
      <c r="H12315" s="6" t="s">
        <v>23081</v>
      </c>
      <c r="I12315" s="7">
        <v>4.6376695999999997</v>
      </c>
      <c r="J12315" s="8">
        <v>-74.139635799999994</v>
      </c>
    </row>
    <row r="12316" spans="1:10" x14ac:dyDescent="0.35">
      <c r="A12316" s="5" t="s">
        <v>10</v>
      </c>
      <c r="B12316" s="6">
        <v>246767</v>
      </c>
      <c r="C12316" s="6" t="s">
        <v>68</v>
      </c>
      <c r="D12316" s="6" t="s">
        <v>69</v>
      </c>
      <c r="E12316" s="6">
        <v>11001</v>
      </c>
      <c r="F12316" s="6" t="s">
        <v>18</v>
      </c>
      <c r="G12316" s="6" t="s">
        <v>23082</v>
      </c>
      <c r="H12316" s="6" t="s">
        <v>23083</v>
      </c>
      <c r="I12316" s="7">
        <v>4.6241811000000004</v>
      </c>
      <c r="J12316" s="8">
        <v>-74.181141100000005</v>
      </c>
    </row>
    <row r="12317" spans="1:10" x14ac:dyDescent="0.35">
      <c r="A12317" s="5" t="s">
        <v>10</v>
      </c>
      <c r="B12317" s="6">
        <v>107122</v>
      </c>
      <c r="C12317" s="6" t="s">
        <v>4364</v>
      </c>
      <c r="D12317" s="6" t="s">
        <v>8001</v>
      </c>
      <c r="E12317" s="6">
        <v>70713</v>
      </c>
      <c r="F12317" s="6" t="s">
        <v>13</v>
      </c>
      <c r="G12317" s="6" t="s">
        <v>11877</v>
      </c>
      <c r="H12317" s="6" t="s">
        <v>23084</v>
      </c>
      <c r="I12317" s="7">
        <v>9.7408400000000004</v>
      </c>
      <c r="J12317" s="8">
        <v>-75.519872000000007</v>
      </c>
    </row>
    <row r="12318" spans="1:10" x14ac:dyDescent="0.35">
      <c r="A12318" s="5" t="s">
        <v>10</v>
      </c>
      <c r="B12318" s="6">
        <v>182208</v>
      </c>
      <c r="C12318" s="6" t="s">
        <v>68</v>
      </c>
      <c r="D12318" s="6" t="s">
        <v>69</v>
      </c>
      <c r="E12318" s="6">
        <v>11001</v>
      </c>
      <c r="F12318" s="6" t="s">
        <v>18</v>
      </c>
      <c r="G12318" s="6" t="s">
        <v>13258</v>
      </c>
      <c r="H12318" s="6" t="s">
        <v>13259</v>
      </c>
      <c r="I12318" s="7">
        <v>4.5447137999999896</v>
      </c>
      <c r="J12318" s="8">
        <v>-74.162713600000004</v>
      </c>
    </row>
    <row r="12319" spans="1:10" x14ac:dyDescent="0.35">
      <c r="A12319" s="5" t="s">
        <v>10</v>
      </c>
      <c r="B12319" s="6">
        <v>183411</v>
      </c>
      <c r="C12319" s="6" t="s">
        <v>24</v>
      </c>
      <c r="D12319" s="6" t="s">
        <v>2502</v>
      </c>
      <c r="E12319" s="6">
        <v>15638</v>
      </c>
      <c r="F12319" s="6" t="s">
        <v>18</v>
      </c>
      <c r="G12319" s="6" t="s">
        <v>23085</v>
      </c>
      <c r="H12319" s="6" t="s">
        <v>23086</v>
      </c>
      <c r="I12319" s="7">
        <v>5.5849658</v>
      </c>
      <c r="J12319" s="8">
        <v>-73.540339099999997</v>
      </c>
    </row>
    <row r="12320" spans="1:10" x14ac:dyDescent="0.35">
      <c r="A12320" s="5" t="s">
        <v>10</v>
      </c>
      <c r="B12320" s="6">
        <v>164859</v>
      </c>
      <c r="C12320" s="6" t="s">
        <v>24</v>
      </c>
      <c r="D12320" s="6" t="s">
        <v>88</v>
      </c>
      <c r="E12320" s="6">
        <v>15001</v>
      </c>
      <c r="F12320" s="6" t="s">
        <v>18</v>
      </c>
      <c r="G12320" s="6" t="s">
        <v>16513</v>
      </c>
      <c r="H12320" s="6" t="s">
        <v>16514</v>
      </c>
      <c r="I12320" s="7">
        <v>5.5070937000000004</v>
      </c>
      <c r="J12320" s="8">
        <v>-73.366604600000002</v>
      </c>
    </row>
    <row r="12321" spans="1:10" x14ac:dyDescent="0.35">
      <c r="A12321" s="5" t="s">
        <v>10</v>
      </c>
      <c r="B12321" s="6">
        <v>198910</v>
      </c>
      <c r="C12321" s="6" t="s">
        <v>2130</v>
      </c>
      <c r="D12321" s="6" t="s">
        <v>23087</v>
      </c>
      <c r="E12321" s="6">
        <v>85230</v>
      </c>
      <c r="F12321" s="6" t="s">
        <v>18</v>
      </c>
      <c r="G12321" s="6" t="s">
        <v>13306</v>
      </c>
      <c r="H12321" s="6" t="s">
        <v>23088</v>
      </c>
      <c r="I12321" s="7">
        <v>4.7909142999999998</v>
      </c>
      <c r="J12321" s="8">
        <v>-71.343070499999996</v>
      </c>
    </row>
    <row r="12322" spans="1:10" x14ac:dyDescent="0.35">
      <c r="A12322" s="5" t="s">
        <v>10</v>
      </c>
      <c r="B12322" s="6">
        <v>51745</v>
      </c>
      <c r="C12322" s="6" t="s">
        <v>294</v>
      </c>
      <c r="D12322" s="6" t="s">
        <v>703</v>
      </c>
      <c r="E12322" s="6">
        <v>41001</v>
      </c>
      <c r="F12322" s="6" t="s">
        <v>18</v>
      </c>
      <c r="G12322" s="6" t="s">
        <v>23089</v>
      </c>
      <c r="H12322" s="6" t="s">
        <v>23090</v>
      </c>
      <c r="I12322" s="7">
        <v>2.9449527999999998</v>
      </c>
      <c r="J12322" s="8">
        <v>-75.286470499999993</v>
      </c>
    </row>
    <row r="12323" spans="1:10" x14ac:dyDescent="0.35">
      <c r="A12323" s="5" t="s">
        <v>10</v>
      </c>
      <c r="B12323" s="6">
        <v>234248</v>
      </c>
      <c r="C12323" s="6" t="s">
        <v>117</v>
      </c>
      <c r="D12323" s="6" t="s">
        <v>1291</v>
      </c>
      <c r="E12323" s="6">
        <v>76834</v>
      </c>
      <c r="F12323" s="6" t="s">
        <v>18</v>
      </c>
      <c r="G12323" s="6" t="s">
        <v>23091</v>
      </c>
      <c r="H12323" s="6" t="s">
        <v>23092</v>
      </c>
      <c r="I12323" s="7">
        <v>4.0898757999999997</v>
      </c>
      <c r="J12323" s="8">
        <v>-76.191481999999993</v>
      </c>
    </row>
    <row r="12324" spans="1:10" x14ac:dyDescent="0.35">
      <c r="A12324" s="5" t="s">
        <v>10</v>
      </c>
      <c r="B12324" s="6">
        <v>240491</v>
      </c>
      <c r="C12324" s="6" t="s">
        <v>190</v>
      </c>
      <c r="D12324" s="6" t="s">
        <v>12384</v>
      </c>
      <c r="E12324" s="6">
        <v>5190</v>
      </c>
      <c r="F12324" s="6" t="s">
        <v>18</v>
      </c>
      <c r="G12324" s="6" t="s">
        <v>23093</v>
      </c>
      <c r="H12324" s="6" t="s">
        <v>23094</v>
      </c>
      <c r="I12324" s="7">
        <v>6.5397425</v>
      </c>
      <c r="J12324" s="8">
        <v>-75.089354999999998</v>
      </c>
    </row>
    <row r="12325" spans="1:10" x14ac:dyDescent="0.35">
      <c r="A12325" s="5" t="s">
        <v>10</v>
      </c>
      <c r="B12325" s="6">
        <v>107148</v>
      </c>
      <c r="C12325" s="6" t="s">
        <v>16</v>
      </c>
      <c r="D12325" s="6" t="s">
        <v>1148</v>
      </c>
      <c r="E12325" s="6">
        <v>68673</v>
      </c>
      <c r="F12325" s="6" t="s">
        <v>13</v>
      </c>
      <c r="G12325" s="6" t="s">
        <v>11877</v>
      </c>
      <c r="H12325" s="6" t="s">
        <v>23095</v>
      </c>
      <c r="I12325" s="7">
        <v>6.1274259000000004</v>
      </c>
      <c r="J12325" s="8">
        <v>-73.509400999999997</v>
      </c>
    </row>
    <row r="12326" spans="1:10" x14ac:dyDescent="0.35">
      <c r="A12326" s="5" t="s">
        <v>10</v>
      </c>
      <c r="B12326" s="6">
        <v>107119</v>
      </c>
      <c r="C12326" s="6" t="s">
        <v>4364</v>
      </c>
      <c r="D12326" s="6" t="s">
        <v>7995</v>
      </c>
      <c r="E12326" s="6">
        <v>70508</v>
      </c>
      <c r="F12326" s="6" t="s">
        <v>13</v>
      </c>
      <c r="G12326" s="6" t="s">
        <v>11877</v>
      </c>
      <c r="H12326" s="6" t="s">
        <v>23096</v>
      </c>
      <c r="I12326" s="7">
        <v>9.5250094000000001</v>
      </c>
      <c r="J12326" s="8">
        <v>-75.229631799999893</v>
      </c>
    </row>
    <row r="12327" spans="1:10" x14ac:dyDescent="0.35">
      <c r="A12327" s="5" t="s">
        <v>10</v>
      </c>
      <c r="B12327" s="6">
        <v>216319</v>
      </c>
      <c r="C12327" s="6" t="s">
        <v>68</v>
      </c>
      <c r="D12327" s="6" t="s">
        <v>69</v>
      </c>
      <c r="E12327" s="6">
        <v>11001</v>
      </c>
      <c r="F12327" s="6" t="s">
        <v>18</v>
      </c>
      <c r="G12327" s="6" t="s">
        <v>23097</v>
      </c>
      <c r="H12327" s="6" t="s">
        <v>23098</v>
      </c>
      <c r="I12327" s="7">
        <v>4.4976468000000001</v>
      </c>
      <c r="J12327" s="8">
        <v>-74.109098500000002</v>
      </c>
    </row>
    <row r="12328" spans="1:10" x14ac:dyDescent="0.35">
      <c r="A12328" s="5" t="s">
        <v>10</v>
      </c>
      <c r="B12328" s="6">
        <v>231298</v>
      </c>
      <c r="C12328" s="6" t="s">
        <v>68</v>
      </c>
      <c r="D12328" s="6" t="s">
        <v>69</v>
      </c>
      <c r="E12328" s="6">
        <v>11001</v>
      </c>
      <c r="F12328" s="6" t="s">
        <v>18</v>
      </c>
      <c r="G12328" s="6" t="s">
        <v>23099</v>
      </c>
      <c r="H12328" s="6" t="s">
        <v>23100</v>
      </c>
      <c r="I12328" s="7">
        <v>4.7651089000000004</v>
      </c>
      <c r="J12328" s="8">
        <v>-74.0340262</v>
      </c>
    </row>
    <row r="12329" spans="1:10" x14ac:dyDescent="0.35">
      <c r="A12329" s="5" t="s">
        <v>10</v>
      </c>
      <c r="B12329" s="6">
        <v>242553</v>
      </c>
      <c r="C12329" s="6" t="s">
        <v>68</v>
      </c>
      <c r="D12329" s="6" t="s">
        <v>69</v>
      </c>
      <c r="E12329" s="6">
        <v>11001</v>
      </c>
      <c r="F12329" s="6" t="s">
        <v>18</v>
      </c>
      <c r="G12329" s="6" t="s">
        <v>23101</v>
      </c>
      <c r="H12329" s="6" t="s">
        <v>23102</v>
      </c>
      <c r="I12329" s="7">
        <v>4.6090711999999998</v>
      </c>
      <c r="J12329" s="8">
        <v>-74.112895100000003</v>
      </c>
    </row>
    <row r="12330" spans="1:10" x14ac:dyDescent="0.35">
      <c r="A12330" s="5" t="s">
        <v>10</v>
      </c>
      <c r="B12330" s="6">
        <v>246349</v>
      </c>
      <c r="C12330" s="6" t="s">
        <v>68</v>
      </c>
      <c r="D12330" s="6" t="s">
        <v>69</v>
      </c>
      <c r="E12330" s="6">
        <v>11001</v>
      </c>
      <c r="F12330" s="6" t="s">
        <v>18</v>
      </c>
      <c r="G12330" s="6" t="s">
        <v>23103</v>
      </c>
      <c r="H12330" s="6" t="s">
        <v>23104</v>
      </c>
      <c r="I12330" s="7">
        <v>4.6212466000000001</v>
      </c>
      <c r="J12330" s="8">
        <v>-74.0782375</v>
      </c>
    </row>
    <row r="12331" spans="1:10" x14ac:dyDescent="0.35">
      <c r="A12331" s="5" t="s">
        <v>10</v>
      </c>
      <c r="B12331" s="6">
        <v>231495</v>
      </c>
      <c r="C12331" s="6" t="s">
        <v>68</v>
      </c>
      <c r="D12331" s="6" t="s">
        <v>69</v>
      </c>
      <c r="E12331" s="6">
        <v>11001</v>
      </c>
      <c r="F12331" s="6" t="s">
        <v>18</v>
      </c>
      <c r="G12331" s="6" t="s">
        <v>13434</v>
      </c>
      <c r="H12331" s="6" t="s">
        <v>13435</v>
      </c>
      <c r="I12331" s="7">
        <v>4.5690410000000004</v>
      </c>
      <c r="J12331" s="8">
        <v>-74.094496000000007</v>
      </c>
    </row>
    <row r="12332" spans="1:10" x14ac:dyDescent="0.35">
      <c r="A12332" s="5" t="s">
        <v>10</v>
      </c>
      <c r="B12332" s="6">
        <v>209733</v>
      </c>
      <c r="C12332" s="6" t="s">
        <v>68</v>
      </c>
      <c r="D12332" s="6" t="s">
        <v>69</v>
      </c>
      <c r="E12332" s="6">
        <v>11001</v>
      </c>
      <c r="F12332" s="6" t="s">
        <v>18</v>
      </c>
      <c r="G12332" s="6" t="s">
        <v>23105</v>
      </c>
      <c r="H12332" s="6" t="s">
        <v>23106</v>
      </c>
      <c r="I12332" s="7">
        <v>4.6144796000000001</v>
      </c>
      <c r="J12332" s="8">
        <v>-74.077062999999995</v>
      </c>
    </row>
    <row r="12333" spans="1:10" x14ac:dyDescent="0.35">
      <c r="A12333" s="5" t="s">
        <v>10</v>
      </c>
      <c r="B12333" s="6">
        <v>213554</v>
      </c>
      <c r="C12333" s="6" t="s">
        <v>68</v>
      </c>
      <c r="D12333" s="6" t="s">
        <v>69</v>
      </c>
      <c r="E12333" s="6">
        <v>11001</v>
      </c>
      <c r="F12333" s="6" t="s">
        <v>18</v>
      </c>
      <c r="G12333" s="6" t="s">
        <v>1940</v>
      </c>
      <c r="H12333" s="6" t="s">
        <v>13758</v>
      </c>
      <c r="I12333" s="7">
        <v>4.5485217000000002</v>
      </c>
      <c r="J12333" s="8">
        <v>-74.093075499999998</v>
      </c>
    </row>
    <row r="12334" spans="1:10" x14ac:dyDescent="0.35">
      <c r="A12334" s="5" t="s">
        <v>10</v>
      </c>
      <c r="B12334" s="6">
        <v>246328</v>
      </c>
      <c r="C12334" s="6" t="s">
        <v>68</v>
      </c>
      <c r="D12334" s="6" t="s">
        <v>69</v>
      </c>
      <c r="E12334" s="6">
        <v>11001</v>
      </c>
      <c r="F12334" s="6" t="s">
        <v>18</v>
      </c>
      <c r="G12334" s="6" t="s">
        <v>23107</v>
      </c>
      <c r="H12334" s="6" t="s">
        <v>23108</v>
      </c>
      <c r="I12334" s="7">
        <v>4.7263790999999999</v>
      </c>
      <c r="J12334" s="8">
        <v>-74.088509299999998</v>
      </c>
    </row>
    <row r="12335" spans="1:10" x14ac:dyDescent="0.35">
      <c r="A12335" s="5" t="s">
        <v>10</v>
      </c>
      <c r="B12335" s="6">
        <v>237810</v>
      </c>
      <c r="C12335" s="6" t="s">
        <v>117</v>
      </c>
      <c r="D12335" s="6" t="s">
        <v>3492</v>
      </c>
      <c r="E12335" s="6">
        <v>76520</v>
      </c>
      <c r="F12335" s="6" t="s">
        <v>18</v>
      </c>
      <c r="G12335" s="6" t="s">
        <v>23109</v>
      </c>
      <c r="H12335" s="6" t="s">
        <v>23110</v>
      </c>
      <c r="I12335" s="7">
        <v>3.5191458999999998</v>
      </c>
      <c r="J12335" s="8">
        <v>-76.304920300000006</v>
      </c>
    </row>
    <row r="12336" spans="1:10" x14ac:dyDescent="0.35">
      <c r="A12336" s="5" t="s">
        <v>10</v>
      </c>
      <c r="B12336" s="6">
        <v>241588</v>
      </c>
      <c r="C12336" s="6" t="s">
        <v>457</v>
      </c>
      <c r="D12336" s="6" t="s">
        <v>23111</v>
      </c>
      <c r="E12336" s="6">
        <v>52786</v>
      </c>
      <c r="F12336" s="6" t="s">
        <v>18</v>
      </c>
      <c r="G12336" s="6" t="s">
        <v>23112</v>
      </c>
      <c r="H12336" s="6" t="s">
        <v>23113</v>
      </c>
      <c r="I12336" s="7">
        <v>1.5702643999999999</v>
      </c>
      <c r="J12336" s="8">
        <v>-77.280855200000005</v>
      </c>
    </row>
    <row r="12337" spans="1:10" x14ac:dyDescent="0.35">
      <c r="A12337" s="5" t="s">
        <v>10</v>
      </c>
      <c r="B12337" s="6">
        <v>155864</v>
      </c>
      <c r="C12337" s="6" t="s">
        <v>190</v>
      </c>
      <c r="D12337" s="6" t="s">
        <v>14174</v>
      </c>
      <c r="E12337" s="6">
        <v>5665</v>
      </c>
      <c r="F12337" s="6" t="s">
        <v>18</v>
      </c>
      <c r="G12337" s="6" t="s">
        <v>23114</v>
      </c>
      <c r="H12337" s="6" t="s">
        <v>23115</v>
      </c>
      <c r="I12337" s="7">
        <v>8.2775350999999997</v>
      </c>
      <c r="J12337" s="8">
        <v>-76.381533099999999</v>
      </c>
    </row>
    <row r="12338" spans="1:10" x14ac:dyDescent="0.35">
      <c r="A12338" s="5" t="s">
        <v>10</v>
      </c>
      <c r="B12338" s="6">
        <v>232882</v>
      </c>
      <c r="C12338" s="6" t="s">
        <v>190</v>
      </c>
      <c r="D12338" s="6" t="s">
        <v>12131</v>
      </c>
      <c r="E12338" s="6">
        <v>5837</v>
      </c>
      <c r="F12338" s="6" t="s">
        <v>18</v>
      </c>
      <c r="G12338" s="6" t="s">
        <v>23116</v>
      </c>
      <c r="H12338" s="6" t="s">
        <v>23117</v>
      </c>
      <c r="I12338" s="7">
        <v>8.0864702000000008</v>
      </c>
      <c r="J12338" s="8">
        <v>-76.723784800000004</v>
      </c>
    </row>
    <row r="12339" spans="1:10" x14ac:dyDescent="0.35">
      <c r="A12339" s="5" t="s">
        <v>10</v>
      </c>
      <c r="B12339" s="6">
        <v>189502</v>
      </c>
      <c r="C12339" s="6" t="s">
        <v>68</v>
      </c>
      <c r="D12339" s="6" t="s">
        <v>69</v>
      </c>
      <c r="E12339" s="6">
        <v>11001</v>
      </c>
      <c r="F12339" s="6" t="s">
        <v>13</v>
      </c>
      <c r="G12339" s="6" t="s">
        <v>16997</v>
      </c>
      <c r="H12339" s="6" t="s">
        <v>16998</v>
      </c>
      <c r="I12339" s="7">
        <v>4.6681625999999996</v>
      </c>
      <c r="J12339" s="8">
        <v>-74.073441900000006</v>
      </c>
    </row>
    <row r="12340" spans="1:10" x14ac:dyDescent="0.35">
      <c r="A12340" s="5" t="s">
        <v>10</v>
      </c>
      <c r="B12340" s="6">
        <v>239569</v>
      </c>
      <c r="C12340" s="6" t="s">
        <v>117</v>
      </c>
      <c r="D12340" s="6" t="s">
        <v>118</v>
      </c>
      <c r="E12340" s="6">
        <v>76400</v>
      </c>
      <c r="F12340" s="6" t="s">
        <v>18</v>
      </c>
      <c r="G12340" s="6" t="s">
        <v>23118</v>
      </c>
      <c r="H12340" s="6" t="s">
        <v>23119</v>
      </c>
      <c r="I12340" s="7">
        <v>4.5332179000000004</v>
      </c>
      <c r="J12340" s="8">
        <v>-76.103380599999994</v>
      </c>
    </row>
    <row r="12341" spans="1:10" x14ac:dyDescent="0.35">
      <c r="A12341" s="5" t="s">
        <v>10</v>
      </c>
      <c r="B12341" s="6">
        <v>234196</v>
      </c>
      <c r="C12341" s="6" t="s">
        <v>42</v>
      </c>
      <c r="D12341" s="6" t="s">
        <v>396</v>
      </c>
      <c r="E12341" s="6">
        <v>17380</v>
      </c>
      <c r="F12341" s="6" t="s">
        <v>18</v>
      </c>
      <c r="G12341" s="6" t="s">
        <v>23120</v>
      </c>
      <c r="H12341" s="6" t="s">
        <v>23121</v>
      </c>
      <c r="I12341" s="7">
        <v>5.4396712999999997</v>
      </c>
      <c r="J12341" s="8">
        <v>-74.695238500000002</v>
      </c>
    </row>
    <row r="12342" spans="1:10" x14ac:dyDescent="0.35">
      <c r="A12342" s="5" t="s">
        <v>10</v>
      </c>
      <c r="B12342" s="6">
        <v>107099</v>
      </c>
      <c r="C12342" s="6" t="s">
        <v>308</v>
      </c>
      <c r="D12342" s="6" t="s">
        <v>8845</v>
      </c>
      <c r="E12342" s="6">
        <v>23660</v>
      </c>
      <c r="F12342" s="6" t="s">
        <v>13</v>
      </c>
      <c r="G12342" s="6" t="s">
        <v>11877</v>
      </c>
      <c r="H12342" s="6" t="s">
        <v>22737</v>
      </c>
      <c r="I12342" s="7">
        <v>8.9506429999999995</v>
      </c>
      <c r="J12342" s="8">
        <v>-75.446000999999995</v>
      </c>
    </row>
    <row r="12343" spans="1:10" x14ac:dyDescent="0.35">
      <c r="A12343" s="5" t="s">
        <v>10</v>
      </c>
      <c r="B12343" s="6">
        <v>229749</v>
      </c>
      <c r="C12343" s="6" t="s">
        <v>2130</v>
      </c>
      <c r="D12343" s="6" t="s">
        <v>370</v>
      </c>
      <c r="E12343" s="6">
        <v>85440</v>
      </c>
      <c r="F12343" s="6" t="s">
        <v>18</v>
      </c>
      <c r="G12343" s="6" t="s">
        <v>23122</v>
      </c>
      <c r="H12343" s="6" t="s">
        <v>23123</v>
      </c>
      <c r="I12343" s="7">
        <v>5.3379959000000001</v>
      </c>
      <c r="J12343" s="8">
        <v>-72.381472099999996</v>
      </c>
    </row>
    <row r="12344" spans="1:10" x14ac:dyDescent="0.35">
      <c r="A12344" s="5" t="s">
        <v>10</v>
      </c>
      <c r="B12344" s="6">
        <v>246084</v>
      </c>
      <c r="C12344" s="6" t="s">
        <v>2130</v>
      </c>
      <c r="D12344" s="6" t="s">
        <v>2131</v>
      </c>
      <c r="E12344" s="6">
        <v>85001</v>
      </c>
      <c r="F12344" s="6" t="s">
        <v>18</v>
      </c>
      <c r="G12344" s="6" t="s">
        <v>23124</v>
      </c>
      <c r="H12344" s="6" t="s">
        <v>23125</v>
      </c>
      <c r="I12344" s="7">
        <v>5.3477841000000002</v>
      </c>
      <c r="J12344" s="8">
        <v>-72.399980600000006</v>
      </c>
    </row>
    <row r="12345" spans="1:10" x14ac:dyDescent="0.35">
      <c r="A12345" s="5" t="s">
        <v>10</v>
      </c>
      <c r="B12345" s="6">
        <v>231213</v>
      </c>
      <c r="C12345" s="6" t="s">
        <v>42</v>
      </c>
      <c r="D12345" s="6" t="s">
        <v>239</v>
      </c>
      <c r="E12345" s="6">
        <v>17877</v>
      </c>
      <c r="F12345" s="6" t="s">
        <v>13</v>
      </c>
      <c r="G12345" s="6" t="s">
        <v>23126</v>
      </c>
      <c r="H12345" s="6" t="s">
        <v>23127</v>
      </c>
      <c r="I12345" s="7">
        <v>5.0605779999999996</v>
      </c>
      <c r="J12345" s="8">
        <v>-75.872355999999996</v>
      </c>
    </row>
    <row r="12346" spans="1:10" x14ac:dyDescent="0.35">
      <c r="A12346" s="5" t="s">
        <v>10</v>
      </c>
      <c r="B12346" s="6">
        <v>243682</v>
      </c>
      <c r="C12346" s="6" t="s">
        <v>117</v>
      </c>
      <c r="D12346" s="6" t="s">
        <v>1334</v>
      </c>
      <c r="E12346" s="6">
        <v>76001</v>
      </c>
      <c r="F12346" s="6" t="s">
        <v>18</v>
      </c>
      <c r="G12346" s="6" t="s">
        <v>23128</v>
      </c>
      <c r="H12346" s="6" t="s">
        <v>23129</v>
      </c>
      <c r="I12346" s="7">
        <v>3.4103162</v>
      </c>
      <c r="J12346" s="8">
        <v>-76.513277500000001</v>
      </c>
    </row>
    <row r="12347" spans="1:10" x14ac:dyDescent="0.35">
      <c r="A12347" s="5" t="s">
        <v>10</v>
      </c>
      <c r="B12347" s="6">
        <v>86424</v>
      </c>
      <c r="C12347" s="6" t="s">
        <v>2130</v>
      </c>
      <c r="D12347" s="6" t="s">
        <v>2131</v>
      </c>
      <c r="E12347" s="6">
        <v>85001</v>
      </c>
      <c r="F12347" s="6" t="s">
        <v>18</v>
      </c>
      <c r="G12347" s="6" t="s">
        <v>23130</v>
      </c>
      <c r="H12347" s="6" t="s">
        <v>23131</v>
      </c>
      <c r="I12347" s="7">
        <v>5.3267156999999896</v>
      </c>
      <c r="J12347" s="8">
        <v>-72.403488499999995</v>
      </c>
    </row>
    <row r="12348" spans="1:10" x14ac:dyDescent="0.35">
      <c r="A12348" s="5" t="s">
        <v>10</v>
      </c>
      <c r="B12348" s="6">
        <v>189502</v>
      </c>
      <c r="C12348" s="6" t="s">
        <v>68</v>
      </c>
      <c r="D12348" s="6" t="s">
        <v>69</v>
      </c>
      <c r="E12348" s="6">
        <v>11001</v>
      </c>
      <c r="F12348" s="6" t="s">
        <v>13</v>
      </c>
      <c r="G12348" s="6" t="s">
        <v>16997</v>
      </c>
      <c r="H12348" s="6" t="s">
        <v>16998</v>
      </c>
      <c r="I12348" s="7">
        <v>4.6681625999999996</v>
      </c>
      <c r="J12348" s="8">
        <v>-74.073441900000006</v>
      </c>
    </row>
    <row r="12349" spans="1:10" x14ac:dyDescent="0.35">
      <c r="A12349" s="5" t="s">
        <v>10</v>
      </c>
      <c r="B12349" s="6">
        <v>241575</v>
      </c>
      <c r="C12349" s="6" t="s">
        <v>457</v>
      </c>
      <c r="D12349" s="6" t="s">
        <v>4400</v>
      </c>
      <c r="E12349" s="6">
        <v>52001</v>
      </c>
      <c r="F12349" s="6" t="s">
        <v>18</v>
      </c>
      <c r="G12349" s="6" t="s">
        <v>23132</v>
      </c>
      <c r="H12349" s="6" t="s">
        <v>23133</v>
      </c>
      <c r="I12349" s="7">
        <v>1.2046063</v>
      </c>
      <c r="J12349" s="8">
        <v>-77.273979800000006</v>
      </c>
    </row>
    <row r="12350" spans="1:10" x14ac:dyDescent="0.35">
      <c r="A12350" s="5" t="s">
        <v>10</v>
      </c>
      <c r="B12350" s="6">
        <v>229466</v>
      </c>
      <c r="C12350" s="6" t="s">
        <v>117</v>
      </c>
      <c r="D12350" s="6" t="s">
        <v>1334</v>
      </c>
      <c r="E12350" s="6">
        <v>76001</v>
      </c>
      <c r="F12350" s="6" t="s">
        <v>18</v>
      </c>
      <c r="G12350" s="6" t="s">
        <v>15098</v>
      </c>
      <c r="H12350" s="6" t="s">
        <v>15099</v>
      </c>
      <c r="I12350" s="7">
        <v>3.4191275000000001</v>
      </c>
      <c r="J12350" s="8">
        <v>-76.5271987</v>
      </c>
    </row>
    <row r="12351" spans="1:10" x14ac:dyDescent="0.35">
      <c r="A12351" s="5" t="s">
        <v>10</v>
      </c>
      <c r="B12351" s="6">
        <v>184013</v>
      </c>
      <c r="C12351" s="6" t="s">
        <v>190</v>
      </c>
      <c r="D12351" s="6" t="s">
        <v>191</v>
      </c>
      <c r="E12351" s="6">
        <v>5001</v>
      </c>
      <c r="F12351" s="6" t="s">
        <v>18</v>
      </c>
      <c r="G12351" s="6" t="s">
        <v>12095</v>
      </c>
      <c r="H12351" s="6" t="s">
        <v>12096</v>
      </c>
      <c r="I12351" s="7">
        <v>6.2506303999999897</v>
      </c>
      <c r="J12351" s="8">
        <v>-75.623936099999995</v>
      </c>
    </row>
    <row r="12352" spans="1:10" x14ac:dyDescent="0.35">
      <c r="A12352" s="5" t="s">
        <v>10</v>
      </c>
      <c r="B12352" s="6">
        <v>107127</v>
      </c>
      <c r="C12352" s="6" t="s">
        <v>4364</v>
      </c>
      <c r="D12352" s="6" t="s">
        <v>4365</v>
      </c>
      <c r="E12352" s="6">
        <v>70001</v>
      </c>
      <c r="F12352" s="6" t="s">
        <v>13</v>
      </c>
      <c r="G12352" s="6" t="s">
        <v>11877</v>
      </c>
      <c r="H12352" s="6" t="s">
        <v>12819</v>
      </c>
      <c r="I12352" s="7">
        <v>9.3027558999999993</v>
      </c>
      <c r="J12352" s="8">
        <v>-75.397791599999906</v>
      </c>
    </row>
    <row r="12353" spans="1:10" x14ac:dyDescent="0.35">
      <c r="A12353" s="5" t="s">
        <v>10</v>
      </c>
      <c r="B12353" s="6">
        <v>225307</v>
      </c>
      <c r="C12353" s="6" t="s">
        <v>68</v>
      </c>
      <c r="D12353" s="6" t="s">
        <v>69</v>
      </c>
      <c r="E12353" s="6">
        <v>11001</v>
      </c>
      <c r="F12353" s="6" t="s">
        <v>18</v>
      </c>
      <c r="G12353" s="6" t="s">
        <v>23134</v>
      </c>
      <c r="H12353" s="6" t="s">
        <v>23135</v>
      </c>
      <c r="I12353" s="7">
        <v>4.7047439999999998</v>
      </c>
      <c r="J12353" s="8">
        <v>-74.092213000000001</v>
      </c>
    </row>
    <row r="12354" spans="1:10" x14ac:dyDescent="0.35">
      <c r="A12354" s="5" t="s">
        <v>10</v>
      </c>
      <c r="B12354" s="6">
        <v>246270</v>
      </c>
      <c r="C12354" s="6" t="s">
        <v>117</v>
      </c>
      <c r="D12354" s="6" t="s">
        <v>1334</v>
      </c>
      <c r="E12354" s="6">
        <v>76001</v>
      </c>
      <c r="F12354" s="6" t="s">
        <v>18</v>
      </c>
      <c r="G12354" s="6" t="s">
        <v>23136</v>
      </c>
      <c r="H12354" s="6" t="s">
        <v>23137</v>
      </c>
      <c r="I12354" s="7">
        <v>3.4655084</v>
      </c>
      <c r="J12354" s="8">
        <v>-76.521071199999994</v>
      </c>
    </row>
    <row r="12355" spans="1:10" x14ac:dyDescent="0.35">
      <c r="A12355" s="5" t="s">
        <v>10</v>
      </c>
      <c r="B12355" s="6">
        <v>202848</v>
      </c>
      <c r="C12355" s="6" t="s">
        <v>457</v>
      </c>
      <c r="D12355" s="6" t="s">
        <v>1086</v>
      </c>
      <c r="E12355" s="6">
        <v>52356</v>
      </c>
      <c r="F12355" s="6" t="s">
        <v>18</v>
      </c>
      <c r="G12355" s="6" t="s">
        <v>15278</v>
      </c>
      <c r="H12355" s="6" t="s">
        <v>15279</v>
      </c>
      <c r="I12355" s="7">
        <v>0.83811429999999998</v>
      </c>
      <c r="J12355" s="8">
        <v>-77.642146599999904</v>
      </c>
    </row>
    <row r="12356" spans="1:10" x14ac:dyDescent="0.35">
      <c r="A12356" s="5" t="s">
        <v>10</v>
      </c>
      <c r="B12356" s="6">
        <v>140687</v>
      </c>
      <c r="C12356" s="6" t="s">
        <v>190</v>
      </c>
      <c r="D12356" s="6" t="s">
        <v>191</v>
      </c>
      <c r="E12356" s="6">
        <v>5001</v>
      </c>
      <c r="F12356" s="6" t="s">
        <v>18</v>
      </c>
      <c r="G12356" s="6" t="s">
        <v>16305</v>
      </c>
      <c r="H12356" s="6" t="s">
        <v>16306</v>
      </c>
      <c r="I12356" s="7">
        <v>6.2747682999999999</v>
      </c>
      <c r="J12356" s="8">
        <v>-75.553638100000001</v>
      </c>
    </row>
    <row r="12357" spans="1:10" x14ac:dyDescent="0.35">
      <c r="A12357" s="5" t="s">
        <v>10</v>
      </c>
      <c r="B12357" s="6">
        <v>107127</v>
      </c>
      <c r="C12357" s="6" t="s">
        <v>4364</v>
      </c>
      <c r="D12357" s="6" t="s">
        <v>4365</v>
      </c>
      <c r="E12357" s="6">
        <v>70001</v>
      </c>
      <c r="F12357" s="6" t="s">
        <v>13</v>
      </c>
      <c r="G12357" s="6" t="s">
        <v>11877</v>
      </c>
      <c r="H12357" s="6" t="s">
        <v>12819</v>
      </c>
      <c r="I12357" s="7">
        <v>9.3027558999999993</v>
      </c>
      <c r="J12357" s="8">
        <v>-75.397791599999906</v>
      </c>
    </row>
    <row r="12358" spans="1:10" x14ac:dyDescent="0.35">
      <c r="A12358" s="5" t="s">
        <v>10</v>
      </c>
      <c r="B12358" s="6">
        <v>244326</v>
      </c>
      <c r="C12358" s="6" t="s">
        <v>68</v>
      </c>
      <c r="D12358" s="6" t="s">
        <v>69</v>
      </c>
      <c r="E12358" s="6">
        <v>11001</v>
      </c>
      <c r="F12358" s="6" t="s">
        <v>18</v>
      </c>
      <c r="G12358" s="6" t="s">
        <v>23138</v>
      </c>
      <c r="H12358" s="6" t="s">
        <v>23139</v>
      </c>
      <c r="I12358" s="7">
        <v>4.6799540999999998</v>
      </c>
      <c r="J12358" s="8">
        <v>-74.067216799999997</v>
      </c>
    </row>
    <row r="12359" spans="1:10" x14ac:dyDescent="0.35">
      <c r="A12359" s="5" t="s">
        <v>10</v>
      </c>
      <c r="B12359" s="6">
        <v>238862</v>
      </c>
      <c r="C12359" s="6" t="s">
        <v>117</v>
      </c>
      <c r="D12359" s="6" t="s">
        <v>1334</v>
      </c>
      <c r="E12359" s="6">
        <v>76001</v>
      </c>
      <c r="F12359" s="6" t="s">
        <v>18</v>
      </c>
      <c r="G12359" s="6" t="s">
        <v>23140</v>
      </c>
      <c r="H12359" s="6" t="s">
        <v>23141</v>
      </c>
      <c r="I12359" s="7">
        <v>3.3763983999999998</v>
      </c>
      <c r="J12359" s="8">
        <v>-76.547062800000006</v>
      </c>
    </row>
    <row r="12360" spans="1:10" x14ac:dyDescent="0.35">
      <c r="A12360" s="5" t="s">
        <v>10</v>
      </c>
      <c r="B12360" s="6">
        <v>209486</v>
      </c>
      <c r="C12360" s="6" t="s">
        <v>68</v>
      </c>
      <c r="D12360" s="6" t="s">
        <v>69</v>
      </c>
      <c r="E12360" s="6">
        <v>11001</v>
      </c>
      <c r="F12360" s="6" t="s">
        <v>18</v>
      </c>
      <c r="G12360" s="6" t="s">
        <v>23142</v>
      </c>
      <c r="H12360" s="6" t="s">
        <v>23143</v>
      </c>
      <c r="I12360" s="7">
        <v>4.5830726000000004</v>
      </c>
      <c r="J12360" s="8">
        <v>-74.086251899999993</v>
      </c>
    </row>
    <row r="12361" spans="1:10" x14ac:dyDescent="0.35">
      <c r="A12361" s="5" t="s">
        <v>10</v>
      </c>
      <c r="B12361" s="6">
        <v>171478</v>
      </c>
      <c r="C12361" s="6" t="s">
        <v>190</v>
      </c>
      <c r="D12361" s="6" t="s">
        <v>4063</v>
      </c>
      <c r="E12361" s="6">
        <v>5088</v>
      </c>
      <c r="F12361" s="6" t="s">
        <v>18</v>
      </c>
      <c r="G12361" s="6" t="s">
        <v>23144</v>
      </c>
      <c r="H12361" s="6" t="s">
        <v>23145</v>
      </c>
      <c r="I12361" s="7">
        <v>6.3076935999999897</v>
      </c>
      <c r="J12361" s="8">
        <v>-75.545540500000001</v>
      </c>
    </row>
    <row r="12362" spans="1:10" x14ac:dyDescent="0.35">
      <c r="A12362" s="5" t="s">
        <v>10</v>
      </c>
      <c r="B12362" s="6">
        <v>228098</v>
      </c>
      <c r="C12362" s="6" t="s">
        <v>308</v>
      </c>
      <c r="D12362" s="6" t="s">
        <v>8845</v>
      </c>
      <c r="E12362" s="6">
        <v>23660</v>
      </c>
      <c r="F12362" s="6" t="s">
        <v>13</v>
      </c>
      <c r="G12362" s="6" t="s">
        <v>23146</v>
      </c>
      <c r="H12362" s="6" t="s">
        <v>23147</v>
      </c>
      <c r="I12362" s="7">
        <v>8.9557901999999991</v>
      </c>
      <c r="J12362" s="8">
        <v>-75.450196099999999</v>
      </c>
    </row>
    <row r="12363" spans="1:10" x14ac:dyDescent="0.35">
      <c r="A12363" s="5" t="s">
        <v>10</v>
      </c>
      <c r="B12363" s="6">
        <v>246155</v>
      </c>
      <c r="C12363" s="6" t="s">
        <v>190</v>
      </c>
      <c r="D12363" s="6" t="s">
        <v>12606</v>
      </c>
      <c r="E12363" s="6">
        <v>5579</v>
      </c>
      <c r="F12363" s="6" t="s">
        <v>18</v>
      </c>
      <c r="G12363" s="6" t="s">
        <v>23148</v>
      </c>
      <c r="H12363" s="6" t="s">
        <v>23149</v>
      </c>
      <c r="I12363" s="7">
        <v>6.4896115999999999</v>
      </c>
      <c r="J12363" s="8">
        <v>-74.401504000000003</v>
      </c>
    </row>
    <row r="12364" spans="1:10" x14ac:dyDescent="0.35">
      <c r="A12364" s="5" t="s">
        <v>10</v>
      </c>
      <c r="B12364" s="6">
        <v>107126</v>
      </c>
      <c r="C12364" s="6" t="s">
        <v>4364</v>
      </c>
      <c r="D12364" s="6" t="s">
        <v>4365</v>
      </c>
      <c r="E12364" s="6">
        <v>70001</v>
      </c>
      <c r="F12364" s="6" t="s">
        <v>13</v>
      </c>
      <c r="G12364" s="6" t="s">
        <v>11877</v>
      </c>
      <c r="H12364" s="6" t="s">
        <v>12935</v>
      </c>
      <c r="I12364" s="7">
        <v>9.3045773000000001</v>
      </c>
      <c r="J12364" s="8">
        <v>-75.390556699999905</v>
      </c>
    </row>
    <row r="12365" spans="1:10" x14ac:dyDescent="0.35">
      <c r="A12365" s="5" t="s">
        <v>10</v>
      </c>
      <c r="B12365" s="6">
        <v>171027</v>
      </c>
      <c r="C12365" s="6" t="s">
        <v>68</v>
      </c>
      <c r="D12365" s="6" t="s">
        <v>69</v>
      </c>
      <c r="E12365" s="6">
        <v>11001</v>
      </c>
      <c r="F12365" s="6" t="s">
        <v>18</v>
      </c>
      <c r="G12365" s="6" t="s">
        <v>12720</v>
      </c>
      <c r="H12365" s="6" t="s">
        <v>12721</v>
      </c>
      <c r="I12365" s="7">
        <v>4.5692088000000002</v>
      </c>
      <c r="J12365" s="8">
        <v>-74.129975799999997</v>
      </c>
    </row>
    <row r="12366" spans="1:10" x14ac:dyDescent="0.35">
      <c r="A12366" s="5" t="s">
        <v>10</v>
      </c>
      <c r="B12366" s="6">
        <v>192296</v>
      </c>
      <c r="C12366" s="6" t="s">
        <v>68</v>
      </c>
      <c r="D12366" s="6" t="s">
        <v>69</v>
      </c>
      <c r="E12366" s="6">
        <v>11001</v>
      </c>
      <c r="F12366" s="6" t="s">
        <v>18</v>
      </c>
      <c r="G12366" s="6" t="s">
        <v>23150</v>
      </c>
      <c r="H12366" s="6" t="s">
        <v>23151</v>
      </c>
      <c r="I12366" s="7">
        <v>4.7087409999999998</v>
      </c>
      <c r="J12366" s="8">
        <v>-74.103796599999995</v>
      </c>
    </row>
    <row r="12367" spans="1:10" x14ac:dyDescent="0.35">
      <c r="A12367" s="5" t="s">
        <v>10</v>
      </c>
      <c r="B12367" s="6">
        <v>181096</v>
      </c>
      <c r="C12367" s="6" t="s">
        <v>68</v>
      </c>
      <c r="D12367" s="6" t="s">
        <v>69</v>
      </c>
      <c r="E12367" s="6">
        <v>11001</v>
      </c>
      <c r="F12367" s="6" t="s">
        <v>18</v>
      </c>
      <c r="G12367" s="6" t="s">
        <v>23152</v>
      </c>
      <c r="H12367" s="6" t="s">
        <v>23153</v>
      </c>
      <c r="I12367" s="7">
        <v>4.6094013</v>
      </c>
      <c r="J12367" s="8">
        <v>-74.086825199999893</v>
      </c>
    </row>
    <row r="12368" spans="1:10" x14ac:dyDescent="0.35">
      <c r="A12368" s="5" t="s">
        <v>10</v>
      </c>
      <c r="B12368" s="6">
        <v>245712</v>
      </c>
      <c r="C12368" s="6" t="s">
        <v>68</v>
      </c>
      <c r="D12368" s="6" t="s">
        <v>69</v>
      </c>
      <c r="E12368" s="6">
        <v>11001</v>
      </c>
      <c r="F12368" s="6" t="s">
        <v>18</v>
      </c>
      <c r="G12368" s="6" t="s">
        <v>23154</v>
      </c>
      <c r="H12368" s="6" t="s">
        <v>23155</v>
      </c>
      <c r="I12368" s="7">
        <v>4.6504365999999999</v>
      </c>
      <c r="J12368" s="8">
        <v>-74.167158200000003</v>
      </c>
    </row>
    <row r="12369" spans="1:10" x14ac:dyDescent="0.35">
      <c r="A12369" s="5" t="s">
        <v>10</v>
      </c>
      <c r="B12369" s="6">
        <v>120899</v>
      </c>
      <c r="C12369" s="6" t="s">
        <v>4364</v>
      </c>
      <c r="D12369" s="6" t="s">
        <v>4365</v>
      </c>
      <c r="E12369" s="6">
        <v>70001</v>
      </c>
      <c r="F12369" s="6" t="s">
        <v>18</v>
      </c>
      <c r="G12369" s="6" t="s">
        <v>22840</v>
      </c>
      <c r="H12369" s="6" t="s">
        <v>22841</v>
      </c>
      <c r="I12369" s="7">
        <v>9.2766769999999994</v>
      </c>
      <c r="J12369" s="8">
        <v>-75.408085999999997</v>
      </c>
    </row>
    <row r="12370" spans="1:10" x14ac:dyDescent="0.35">
      <c r="A12370" s="5" t="s">
        <v>10</v>
      </c>
      <c r="B12370" s="6">
        <v>201409</v>
      </c>
      <c r="C12370" s="6" t="s">
        <v>2130</v>
      </c>
      <c r="D12370" s="6" t="s">
        <v>3816</v>
      </c>
      <c r="E12370" s="6">
        <v>85162</v>
      </c>
      <c r="F12370" s="6" t="s">
        <v>18</v>
      </c>
      <c r="G12370" s="6" t="s">
        <v>23156</v>
      </c>
      <c r="H12370" s="6" t="s">
        <v>23157</v>
      </c>
      <c r="I12370" s="7">
        <v>4.8781425999999897</v>
      </c>
      <c r="J12370" s="8">
        <v>-72.896478999999999</v>
      </c>
    </row>
    <row r="12371" spans="1:10" x14ac:dyDescent="0.35">
      <c r="A12371" s="5" t="s">
        <v>10</v>
      </c>
      <c r="B12371" s="6">
        <v>235734</v>
      </c>
      <c r="C12371" s="6" t="s">
        <v>190</v>
      </c>
      <c r="D12371" s="6" t="s">
        <v>12190</v>
      </c>
      <c r="E12371" s="6">
        <v>5264</v>
      </c>
      <c r="F12371" s="6" t="s">
        <v>18</v>
      </c>
      <c r="G12371" s="6" t="s">
        <v>23158</v>
      </c>
      <c r="H12371" s="6" t="s">
        <v>23159</v>
      </c>
      <c r="I12371" s="7">
        <v>6.5670000000000002</v>
      </c>
      <c r="J12371" s="8">
        <v>-75.518063999999995</v>
      </c>
    </row>
    <row r="12372" spans="1:10" x14ac:dyDescent="0.35">
      <c r="A12372" s="5" t="s">
        <v>10</v>
      </c>
      <c r="B12372" s="6">
        <v>209612</v>
      </c>
      <c r="C12372" s="6" t="s">
        <v>68</v>
      </c>
      <c r="D12372" s="6" t="s">
        <v>69</v>
      </c>
      <c r="E12372" s="6">
        <v>11001</v>
      </c>
      <c r="F12372" s="6" t="s">
        <v>18</v>
      </c>
      <c r="G12372" s="6" t="s">
        <v>12767</v>
      </c>
      <c r="H12372" s="6" t="s">
        <v>12768</v>
      </c>
      <c r="I12372" s="7">
        <v>4.5654804000000002</v>
      </c>
      <c r="J12372" s="8">
        <v>-74.130977599999994</v>
      </c>
    </row>
    <row r="12373" spans="1:10" x14ac:dyDescent="0.35">
      <c r="A12373" s="5" t="s">
        <v>10</v>
      </c>
      <c r="B12373" s="6">
        <v>231026</v>
      </c>
      <c r="C12373" s="6" t="s">
        <v>68</v>
      </c>
      <c r="D12373" s="6" t="s">
        <v>69</v>
      </c>
      <c r="E12373" s="6">
        <v>11001</v>
      </c>
      <c r="F12373" s="6" t="s">
        <v>18</v>
      </c>
      <c r="G12373" s="6" t="s">
        <v>23160</v>
      </c>
      <c r="H12373" s="6" t="s">
        <v>23161</v>
      </c>
      <c r="I12373" s="7">
        <v>4.5531515999999996</v>
      </c>
      <c r="J12373" s="8">
        <v>-74.148809700000001</v>
      </c>
    </row>
    <row r="12374" spans="1:10" x14ac:dyDescent="0.35">
      <c r="A12374" s="5" t="s">
        <v>10</v>
      </c>
      <c r="B12374" s="6">
        <v>243338</v>
      </c>
      <c r="C12374" s="6" t="s">
        <v>68</v>
      </c>
      <c r="D12374" s="6" t="s">
        <v>69</v>
      </c>
      <c r="E12374" s="6">
        <v>11001</v>
      </c>
      <c r="F12374" s="6" t="s">
        <v>18</v>
      </c>
      <c r="G12374" s="6" t="s">
        <v>23162</v>
      </c>
      <c r="H12374" s="6" t="s">
        <v>23163</v>
      </c>
      <c r="I12374" s="7">
        <v>4.6078258999999999</v>
      </c>
      <c r="J12374" s="8">
        <v>-74.179291500000005</v>
      </c>
    </row>
    <row r="12375" spans="1:10" x14ac:dyDescent="0.35">
      <c r="A12375" s="5" t="s">
        <v>10</v>
      </c>
      <c r="B12375" s="6">
        <v>189502</v>
      </c>
      <c r="C12375" s="6" t="s">
        <v>68</v>
      </c>
      <c r="D12375" s="6" t="s">
        <v>69</v>
      </c>
      <c r="E12375" s="6">
        <v>11001</v>
      </c>
      <c r="F12375" s="6" t="s">
        <v>13</v>
      </c>
      <c r="G12375" s="6" t="s">
        <v>16997</v>
      </c>
      <c r="H12375" s="6" t="s">
        <v>16998</v>
      </c>
      <c r="I12375" s="7">
        <v>4.6681625999999996</v>
      </c>
      <c r="J12375" s="8">
        <v>-74.073441900000006</v>
      </c>
    </row>
    <row r="12376" spans="1:10" x14ac:dyDescent="0.35">
      <c r="A12376" s="5" t="s">
        <v>10</v>
      </c>
      <c r="B12376" s="6">
        <v>245214</v>
      </c>
      <c r="C12376" s="6" t="s">
        <v>68</v>
      </c>
      <c r="D12376" s="6" t="s">
        <v>69</v>
      </c>
      <c r="E12376" s="6">
        <v>11001</v>
      </c>
      <c r="F12376" s="6" t="s">
        <v>18</v>
      </c>
      <c r="G12376" s="6" t="s">
        <v>23164</v>
      </c>
      <c r="H12376" s="6" t="s">
        <v>23165</v>
      </c>
      <c r="I12376" s="7">
        <v>4.7589399999999999</v>
      </c>
      <c r="J12376" s="8">
        <v>-74.029060000000001</v>
      </c>
    </row>
    <row r="12377" spans="1:10" x14ac:dyDescent="0.35">
      <c r="A12377" s="5" t="s">
        <v>10</v>
      </c>
      <c r="B12377" s="6">
        <v>231000</v>
      </c>
      <c r="C12377" s="6" t="s">
        <v>68</v>
      </c>
      <c r="D12377" s="6" t="s">
        <v>69</v>
      </c>
      <c r="E12377" s="6">
        <v>11001</v>
      </c>
      <c r="F12377" s="6" t="s">
        <v>18</v>
      </c>
      <c r="G12377" s="6" t="s">
        <v>23166</v>
      </c>
      <c r="H12377" s="6" t="s">
        <v>23167</v>
      </c>
      <c r="I12377" s="7">
        <v>4.6243619999999996</v>
      </c>
      <c r="J12377" s="8">
        <v>-74.166495600000005</v>
      </c>
    </row>
    <row r="12378" spans="1:10" x14ac:dyDescent="0.35">
      <c r="A12378" s="5" t="s">
        <v>10</v>
      </c>
      <c r="B12378" s="6">
        <v>187289</v>
      </c>
      <c r="C12378" s="6" t="s">
        <v>68</v>
      </c>
      <c r="D12378" s="6" t="s">
        <v>69</v>
      </c>
      <c r="E12378" s="6">
        <v>11001</v>
      </c>
      <c r="F12378" s="6" t="s">
        <v>18</v>
      </c>
      <c r="G12378" s="6" t="s">
        <v>12231</v>
      </c>
      <c r="H12378" s="6" t="s">
        <v>12232</v>
      </c>
      <c r="I12378" s="7">
        <v>4.6382646999999997</v>
      </c>
      <c r="J12378" s="8">
        <v>-74.165987700000002</v>
      </c>
    </row>
    <row r="12379" spans="1:10" x14ac:dyDescent="0.35">
      <c r="A12379" s="5" t="s">
        <v>10</v>
      </c>
      <c r="B12379" s="6">
        <v>90776</v>
      </c>
      <c r="C12379" s="6" t="s">
        <v>2130</v>
      </c>
      <c r="D12379" s="6" t="s">
        <v>23087</v>
      </c>
      <c r="E12379" s="6">
        <v>85230</v>
      </c>
      <c r="F12379" s="6" t="s">
        <v>18</v>
      </c>
      <c r="G12379" s="6" t="s">
        <v>23168</v>
      </c>
      <c r="H12379" s="6" t="s">
        <v>23169</v>
      </c>
      <c r="I12379" s="7">
        <v>5.10006</v>
      </c>
      <c r="J12379" s="8">
        <v>-71.666649999999905</v>
      </c>
    </row>
    <row r="12380" spans="1:10" x14ac:dyDescent="0.35">
      <c r="A12380" s="5" t="s">
        <v>10</v>
      </c>
      <c r="B12380" s="6">
        <v>189652</v>
      </c>
      <c r="C12380" s="6" t="s">
        <v>68</v>
      </c>
      <c r="D12380" s="6" t="s">
        <v>69</v>
      </c>
      <c r="E12380" s="6">
        <v>11001</v>
      </c>
      <c r="F12380" s="6" t="s">
        <v>13</v>
      </c>
      <c r="G12380" s="6" t="s">
        <v>16997</v>
      </c>
      <c r="H12380" s="6" t="s">
        <v>22677</v>
      </c>
      <c r="I12380" s="7">
        <v>4.6385345999999998</v>
      </c>
      <c r="J12380" s="8">
        <v>-74.112319400000004</v>
      </c>
    </row>
    <row r="12381" spans="1:10" x14ac:dyDescent="0.35">
      <c r="A12381" s="5" t="s">
        <v>10</v>
      </c>
      <c r="B12381" s="6">
        <v>234489</v>
      </c>
      <c r="C12381" s="6" t="s">
        <v>190</v>
      </c>
      <c r="D12381" s="6" t="s">
        <v>438</v>
      </c>
      <c r="E12381" s="6">
        <v>5045</v>
      </c>
      <c r="F12381" s="6" t="s">
        <v>18</v>
      </c>
      <c r="G12381" s="6" t="s">
        <v>23170</v>
      </c>
      <c r="H12381" s="6" t="s">
        <v>23171</v>
      </c>
      <c r="I12381" s="7">
        <v>7.8805230999999996</v>
      </c>
      <c r="J12381" s="8">
        <v>-76.628865000000005</v>
      </c>
    </row>
    <row r="12382" spans="1:10" x14ac:dyDescent="0.35">
      <c r="A12382" s="5" t="s">
        <v>10</v>
      </c>
      <c r="B12382" s="6">
        <v>244158</v>
      </c>
      <c r="C12382" s="6" t="s">
        <v>68</v>
      </c>
      <c r="D12382" s="6" t="s">
        <v>69</v>
      </c>
      <c r="E12382" s="6">
        <v>11001</v>
      </c>
      <c r="F12382" s="6" t="s">
        <v>18</v>
      </c>
      <c r="G12382" s="6" t="s">
        <v>23172</v>
      </c>
      <c r="H12382" s="6" t="s">
        <v>23173</v>
      </c>
      <c r="I12382" s="7">
        <v>4.6951067000000002</v>
      </c>
      <c r="J12382" s="8">
        <v>-74.095481800000002</v>
      </c>
    </row>
    <row r="12383" spans="1:10" x14ac:dyDescent="0.35">
      <c r="A12383" s="5" t="s">
        <v>10</v>
      </c>
      <c r="B12383" s="6">
        <v>233326</v>
      </c>
      <c r="C12383" s="6" t="s">
        <v>68</v>
      </c>
      <c r="D12383" s="6" t="s">
        <v>69</v>
      </c>
      <c r="E12383" s="6">
        <v>11001</v>
      </c>
      <c r="F12383" s="6" t="s">
        <v>18</v>
      </c>
      <c r="G12383" s="6" t="s">
        <v>23174</v>
      </c>
      <c r="H12383" s="6" t="s">
        <v>23175</v>
      </c>
      <c r="I12383" s="7">
        <v>4.6920599999999997</v>
      </c>
      <c r="J12383" s="8">
        <v>-74.169899999999998</v>
      </c>
    </row>
    <row r="12384" spans="1:10" x14ac:dyDescent="0.35">
      <c r="A12384" s="5" t="s">
        <v>10</v>
      </c>
      <c r="B12384" s="6">
        <v>189502</v>
      </c>
      <c r="C12384" s="6" t="s">
        <v>68</v>
      </c>
      <c r="D12384" s="6" t="s">
        <v>69</v>
      </c>
      <c r="E12384" s="6">
        <v>11001</v>
      </c>
      <c r="F12384" s="6" t="s">
        <v>13</v>
      </c>
      <c r="G12384" s="6" t="s">
        <v>16997</v>
      </c>
      <c r="H12384" s="6" t="s">
        <v>16998</v>
      </c>
      <c r="I12384" s="7">
        <v>4.6681625999999996</v>
      </c>
      <c r="J12384" s="8">
        <v>-74.073441900000006</v>
      </c>
    </row>
    <row r="12385" spans="1:10" x14ac:dyDescent="0.35">
      <c r="A12385" s="5" t="s">
        <v>10</v>
      </c>
      <c r="B12385" s="6">
        <v>240872</v>
      </c>
      <c r="C12385" s="6" t="s">
        <v>190</v>
      </c>
      <c r="D12385" s="6" t="s">
        <v>14010</v>
      </c>
      <c r="E12385" s="6">
        <v>5411</v>
      </c>
      <c r="F12385" s="6" t="s">
        <v>18</v>
      </c>
      <c r="G12385" s="6" t="s">
        <v>23176</v>
      </c>
      <c r="H12385" s="6" t="s">
        <v>23177</v>
      </c>
      <c r="I12385" s="7">
        <v>6.6787793000000004</v>
      </c>
      <c r="J12385" s="8">
        <v>-75.811181899999994</v>
      </c>
    </row>
    <row r="12386" spans="1:10" x14ac:dyDescent="0.35">
      <c r="A12386" s="5" t="s">
        <v>10</v>
      </c>
      <c r="B12386" s="6">
        <v>227906</v>
      </c>
      <c r="C12386" s="6" t="s">
        <v>190</v>
      </c>
      <c r="D12386" s="6" t="s">
        <v>191</v>
      </c>
      <c r="E12386" s="6">
        <v>5001</v>
      </c>
      <c r="F12386" s="6" t="s">
        <v>18</v>
      </c>
      <c r="G12386" s="6" t="s">
        <v>23178</v>
      </c>
      <c r="H12386" s="6" t="s">
        <v>23179</v>
      </c>
      <c r="I12386" s="7">
        <v>6.2811208000000001</v>
      </c>
      <c r="J12386" s="8">
        <v>-75.563720500000002</v>
      </c>
    </row>
    <row r="12387" spans="1:10" x14ac:dyDescent="0.35">
      <c r="A12387" s="5" t="s">
        <v>10</v>
      </c>
      <c r="B12387" s="6">
        <v>200700</v>
      </c>
      <c r="C12387" s="6" t="s">
        <v>190</v>
      </c>
      <c r="D12387" s="6" t="s">
        <v>23180</v>
      </c>
      <c r="E12387" s="6">
        <v>5660</v>
      </c>
      <c r="F12387" s="6" t="s">
        <v>18</v>
      </c>
      <c r="G12387" s="6" t="s">
        <v>23181</v>
      </c>
      <c r="H12387" s="6" t="s">
        <v>23182</v>
      </c>
      <c r="I12387" s="7">
        <v>6.0432522999999998</v>
      </c>
      <c r="J12387" s="8">
        <v>-74.994504499999906</v>
      </c>
    </row>
    <row r="12388" spans="1:10" x14ac:dyDescent="0.35">
      <c r="A12388" s="5" t="s">
        <v>10</v>
      </c>
      <c r="B12388" s="6">
        <v>246241</v>
      </c>
      <c r="C12388" s="6" t="s">
        <v>190</v>
      </c>
      <c r="D12388" s="6" t="s">
        <v>191</v>
      </c>
      <c r="E12388" s="6">
        <v>5001</v>
      </c>
      <c r="F12388" s="6" t="s">
        <v>18</v>
      </c>
      <c r="G12388" s="6" t="s">
        <v>23183</v>
      </c>
      <c r="H12388" s="6" t="s">
        <v>23184</v>
      </c>
      <c r="I12388" s="7">
        <v>6.2261991999999999</v>
      </c>
      <c r="J12388" s="8">
        <v>-75.593440400000006</v>
      </c>
    </row>
    <row r="12389" spans="1:10" x14ac:dyDescent="0.35">
      <c r="A12389" s="5" t="s">
        <v>10</v>
      </c>
      <c r="B12389" s="6">
        <v>240559</v>
      </c>
      <c r="C12389" s="6" t="s">
        <v>190</v>
      </c>
      <c r="D12389" s="6" t="s">
        <v>23185</v>
      </c>
      <c r="E12389" s="6">
        <v>5120</v>
      </c>
      <c r="F12389" s="6" t="s">
        <v>18</v>
      </c>
      <c r="G12389" s="6" t="s">
        <v>23186</v>
      </c>
      <c r="H12389" s="6" t="s">
        <v>23187</v>
      </c>
      <c r="I12389" s="7">
        <v>7.5814845000000002</v>
      </c>
      <c r="J12389" s="8">
        <v>-75.348743400000004</v>
      </c>
    </row>
    <row r="12390" spans="1:10" x14ac:dyDescent="0.35">
      <c r="A12390" s="5" t="s">
        <v>10</v>
      </c>
      <c r="B12390" s="6">
        <v>208416</v>
      </c>
      <c r="C12390" s="6" t="s">
        <v>68</v>
      </c>
      <c r="D12390" s="6" t="s">
        <v>69</v>
      </c>
      <c r="E12390" s="6">
        <v>11001</v>
      </c>
      <c r="F12390" s="6" t="s">
        <v>18</v>
      </c>
      <c r="G12390" s="6" t="s">
        <v>11000</v>
      </c>
      <c r="H12390" s="6" t="s">
        <v>23188</v>
      </c>
      <c r="I12390" s="7">
        <v>4.5489496999999997</v>
      </c>
      <c r="J12390" s="8">
        <v>-74.162308100000004</v>
      </c>
    </row>
    <row r="12391" spans="1:10" x14ac:dyDescent="0.35">
      <c r="A12391" s="5" t="s">
        <v>10</v>
      </c>
      <c r="B12391" s="6">
        <v>213437</v>
      </c>
      <c r="C12391" s="6" t="s">
        <v>68</v>
      </c>
      <c r="D12391" s="6" t="s">
        <v>69</v>
      </c>
      <c r="E12391" s="6">
        <v>11001</v>
      </c>
      <c r="F12391" s="6" t="s">
        <v>18</v>
      </c>
      <c r="G12391" s="6" t="s">
        <v>23189</v>
      </c>
      <c r="H12391" s="6" t="s">
        <v>23190</v>
      </c>
      <c r="I12391" s="7">
        <v>4.5954088999999998</v>
      </c>
      <c r="J12391" s="8">
        <v>-74.135540300000002</v>
      </c>
    </row>
    <row r="12392" spans="1:10" x14ac:dyDescent="0.35">
      <c r="A12392" s="5" t="s">
        <v>10</v>
      </c>
      <c r="B12392" s="6">
        <v>232035</v>
      </c>
      <c r="C12392" s="6" t="s">
        <v>117</v>
      </c>
      <c r="D12392" s="6" t="s">
        <v>3963</v>
      </c>
      <c r="E12392" s="6">
        <v>76377</v>
      </c>
      <c r="F12392" s="6" t="s">
        <v>18</v>
      </c>
      <c r="G12392" s="6" t="s">
        <v>23191</v>
      </c>
      <c r="H12392" s="6" t="s">
        <v>23192</v>
      </c>
      <c r="I12392" s="7">
        <v>3.6486190999999999</v>
      </c>
      <c r="J12392" s="8">
        <v>-76.564982999999998</v>
      </c>
    </row>
    <row r="12393" spans="1:10" x14ac:dyDescent="0.35">
      <c r="A12393" s="5" t="s">
        <v>10</v>
      </c>
      <c r="B12393" s="6">
        <v>188665</v>
      </c>
      <c r="C12393" s="6" t="s">
        <v>28</v>
      </c>
      <c r="D12393" s="6" t="s">
        <v>29</v>
      </c>
      <c r="E12393" s="6">
        <v>54001</v>
      </c>
      <c r="F12393" s="6" t="s">
        <v>13</v>
      </c>
      <c r="G12393" s="6" t="s">
        <v>12017</v>
      </c>
      <c r="H12393" s="6" t="s">
        <v>12018</v>
      </c>
      <c r="I12393" s="7">
        <v>7.8857831000000003</v>
      </c>
      <c r="J12393" s="8">
        <v>-72.501360099999999</v>
      </c>
    </row>
    <row r="12394" spans="1:10" x14ac:dyDescent="0.35">
      <c r="A12394" s="5" t="s">
        <v>10</v>
      </c>
      <c r="B12394" s="6">
        <v>229673</v>
      </c>
      <c r="C12394" s="6" t="s">
        <v>190</v>
      </c>
      <c r="D12394" s="6" t="s">
        <v>16914</v>
      </c>
      <c r="E12394" s="6">
        <v>5756</v>
      </c>
      <c r="F12394" s="6" t="s">
        <v>18</v>
      </c>
      <c r="G12394" s="6" t="s">
        <v>23193</v>
      </c>
      <c r="H12394" s="6" t="s">
        <v>23194</v>
      </c>
      <c r="I12394" s="7">
        <v>4.5987299000000004</v>
      </c>
      <c r="J12394" s="8">
        <v>-74.073765499999993</v>
      </c>
    </row>
    <row r="12395" spans="1:10" x14ac:dyDescent="0.35">
      <c r="A12395" s="5" t="s">
        <v>10</v>
      </c>
      <c r="B12395" s="6">
        <v>162079</v>
      </c>
      <c r="C12395" s="6" t="s">
        <v>68</v>
      </c>
      <c r="D12395" s="6" t="s">
        <v>69</v>
      </c>
      <c r="E12395" s="6">
        <v>11001</v>
      </c>
      <c r="F12395" s="6" t="s">
        <v>18</v>
      </c>
      <c r="G12395" s="6" t="s">
        <v>44</v>
      </c>
      <c r="H12395" s="6" t="s">
        <v>13112</v>
      </c>
      <c r="I12395" s="7">
        <v>4.7230258999999997</v>
      </c>
      <c r="J12395" s="8">
        <v>-74.092279399999995</v>
      </c>
    </row>
    <row r="12396" spans="1:10" x14ac:dyDescent="0.35">
      <c r="A12396" s="5" t="s">
        <v>10</v>
      </c>
      <c r="B12396" s="6">
        <v>164831</v>
      </c>
      <c r="C12396" s="6" t="s">
        <v>24</v>
      </c>
      <c r="D12396" s="6" t="s">
        <v>317</v>
      </c>
      <c r="E12396" s="6">
        <v>15176</v>
      </c>
      <c r="F12396" s="6" t="s">
        <v>18</v>
      </c>
      <c r="G12396" s="6" t="s">
        <v>23195</v>
      </c>
      <c r="H12396" s="6" t="s">
        <v>23196</v>
      </c>
      <c r="I12396" s="7">
        <v>5.6147749999999998</v>
      </c>
      <c r="J12396" s="8">
        <v>-73.819570999999996</v>
      </c>
    </row>
    <row r="12397" spans="1:10" x14ac:dyDescent="0.35">
      <c r="A12397" s="5" t="s">
        <v>10</v>
      </c>
      <c r="B12397" s="6">
        <v>91311</v>
      </c>
      <c r="C12397" s="6" t="s">
        <v>2130</v>
      </c>
      <c r="D12397" s="6" t="s">
        <v>2131</v>
      </c>
      <c r="E12397" s="6">
        <v>85001</v>
      </c>
      <c r="F12397" s="6" t="s">
        <v>18</v>
      </c>
      <c r="G12397" s="6" t="s">
        <v>23197</v>
      </c>
      <c r="H12397" s="6" t="s">
        <v>23198</v>
      </c>
      <c r="I12397" s="7">
        <v>5.348903</v>
      </c>
      <c r="J12397" s="8">
        <v>-72.400522999999893</v>
      </c>
    </row>
    <row r="12398" spans="1:10" x14ac:dyDescent="0.35">
      <c r="A12398" s="5" t="s">
        <v>10</v>
      </c>
      <c r="B12398" s="6">
        <v>143006</v>
      </c>
      <c r="C12398" s="6" t="s">
        <v>109</v>
      </c>
      <c r="D12398" s="6" t="s">
        <v>22792</v>
      </c>
      <c r="E12398" s="6">
        <v>13667</v>
      </c>
      <c r="F12398" s="6" t="s">
        <v>18</v>
      </c>
      <c r="G12398" s="6" t="s">
        <v>22793</v>
      </c>
      <c r="H12398" s="6" t="s">
        <v>22794</v>
      </c>
      <c r="I12398" s="7">
        <v>8.9377551000000004</v>
      </c>
      <c r="J12398" s="8">
        <v>-74.037807200000003</v>
      </c>
    </row>
    <row r="12399" spans="1:10" x14ac:dyDescent="0.35">
      <c r="A12399" s="5" t="s">
        <v>10</v>
      </c>
      <c r="B12399" s="6">
        <v>181000</v>
      </c>
      <c r="C12399" s="6" t="s">
        <v>68</v>
      </c>
      <c r="D12399" s="6" t="s">
        <v>69</v>
      </c>
      <c r="E12399" s="6">
        <v>11001</v>
      </c>
      <c r="F12399" s="6" t="s">
        <v>18</v>
      </c>
      <c r="G12399" s="6" t="s">
        <v>11747</v>
      </c>
      <c r="H12399" s="6" t="s">
        <v>11748</v>
      </c>
      <c r="I12399" s="7">
        <v>4.5770242000000003</v>
      </c>
      <c r="J12399" s="8">
        <v>-74.104226800000006</v>
      </c>
    </row>
    <row r="12400" spans="1:10" x14ac:dyDescent="0.35">
      <c r="A12400" s="5" t="s">
        <v>10</v>
      </c>
      <c r="B12400" s="6">
        <v>228367</v>
      </c>
      <c r="C12400" s="6" t="s">
        <v>68</v>
      </c>
      <c r="D12400" s="6" t="s">
        <v>69</v>
      </c>
      <c r="E12400" s="6">
        <v>11001</v>
      </c>
      <c r="F12400" s="6" t="s">
        <v>18</v>
      </c>
      <c r="G12400" s="6" t="s">
        <v>23199</v>
      </c>
      <c r="H12400" s="6" t="s">
        <v>23200</v>
      </c>
      <c r="I12400" s="7">
        <v>4.7426257999999999</v>
      </c>
      <c r="J12400" s="8">
        <v>-74.040729999999996</v>
      </c>
    </row>
    <row r="12401" spans="1:10" x14ac:dyDescent="0.35">
      <c r="A12401" s="5" t="s">
        <v>10</v>
      </c>
      <c r="B12401" s="6">
        <v>246828</v>
      </c>
      <c r="C12401" s="6" t="s">
        <v>68</v>
      </c>
      <c r="D12401" s="6" t="s">
        <v>69</v>
      </c>
      <c r="E12401" s="6">
        <v>11001</v>
      </c>
      <c r="F12401" s="6" t="s">
        <v>18</v>
      </c>
      <c r="G12401" s="6" t="s">
        <v>23201</v>
      </c>
      <c r="H12401" s="6" t="s">
        <v>23202</v>
      </c>
      <c r="I12401" s="7">
        <v>4.5694872999999996</v>
      </c>
      <c r="J12401" s="8">
        <v>-74.071838099999994</v>
      </c>
    </row>
    <row r="12402" spans="1:10" x14ac:dyDescent="0.35">
      <c r="A12402" s="5" t="s">
        <v>10</v>
      </c>
      <c r="B12402" s="6">
        <v>228483</v>
      </c>
      <c r="C12402" s="6" t="s">
        <v>68</v>
      </c>
      <c r="D12402" s="6" t="s">
        <v>69</v>
      </c>
      <c r="E12402" s="6">
        <v>11001</v>
      </c>
      <c r="F12402" s="6" t="s">
        <v>18</v>
      </c>
      <c r="G12402" s="6" t="s">
        <v>23203</v>
      </c>
      <c r="H12402" s="6" t="s">
        <v>23204</v>
      </c>
      <c r="I12402" s="7">
        <v>4.6277938999999897</v>
      </c>
      <c r="J12402" s="8">
        <v>-74.167986599999907</v>
      </c>
    </row>
    <row r="12403" spans="1:10" x14ac:dyDescent="0.35">
      <c r="A12403" s="5" t="s">
        <v>10</v>
      </c>
      <c r="B12403" s="6">
        <v>184506</v>
      </c>
      <c r="C12403" s="6" t="s">
        <v>2821</v>
      </c>
      <c r="D12403" s="6" t="s">
        <v>8645</v>
      </c>
      <c r="E12403" s="6">
        <v>47460</v>
      </c>
      <c r="F12403" s="6" t="s">
        <v>13</v>
      </c>
      <c r="G12403" s="6" t="s">
        <v>23205</v>
      </c>
      <c r="H12403" s="6" t="s">
        <v>23206</v>
      </c>
      <c r="I12403" s="7">
        <v>9.8000199000000006</v>
      </c>
      <c r="J12403" s="8">
        <v>-74.391264300000003</v>
      </c>
    </row>
    <row r="12404" spans="1:10" x14ac:dyDescent="0.35">
      <c r="A12404" s="5" t="s">
        <v>10</v>
      </c>
      <c r="B12404" s="6">
        <v>189634</v>
      </c>
      <c r="C12404" s="6" t="s">
        <v>308</v>
      </c>
      <c r="D12404" s="6" t="s">
        <v>8338</v>
      </c>
      <c r="E12404" s="6">
        <v>23555</v>
      </c>
      <c r="F12404" s="6" t="s">
        <v>13</v>
      </c>
      <c r="G12404" s="6" t="s">
        <v>22929</v>
      </c>
      <c r="H12404" s="6" t="s">
        <v>22930</v>
      </c>
      <c r="I12404" s="7">
        <v>8.4118484000000002</v>
      </c>
      <c r="J12404" s="8">
        <v>-75.583958800000005</v>
      </c>
    </row>
    <row r="12405" spans="1:10" x14ac:dyDescent="0.35">
      <c r="A12405" s="5" t="s">
        <v>10</v>
      </c>
      <c r="B12405" s="6">
        <v>245386</v>
      </c>
      <c r="C12405" s="6" t="s">
        <v>457</v>
      </c>
      <c r="D12405" s="6" t="s">
        <v>10849</v>
      </c>
      <c r="E12405" s="6">
        <v>52693</v>
      </c>
      <c r="F12405" s="6" t="s">
        <v>18</v>
      </c>
      <c r="G12405" s="6" t="s">
        <v>23207</v>
      </c>
      <c r="H12405" s="6" t="s">
        <v>23208</v>
      </c>
      <c r="I12405" s="7">
        <v>1.6690825</v>
      </c>
      <c r="J12405" s="8">
        <v>-77.011999599999996</v>
      </c>
    </row>
    <row r="12406" spans="1:10" x14ac:dyDescent="0.35">
      <c r="A12406" s="5" t="s">
        <v>10</v>
      </c>
      <c r="B12406" s="6">
        <v>236650</v>
      </c>
      <c r="C12406" s="6" t="s">
        <v>190</v>
      </c>
      <c r="D12406" s="6" t="s">
        <v>17402</v>
      </c>
      <c r="E12406" s="6">
        <v>5284</v>
      </c>
      <c r="F12406" s="6" t="s">
        <v>18</v>
      </c>
      <c r="G12406" s="6" t="s">
        <v>23209</v>
      </c>
      <c r="H12406" s="6" t="s">
        <v>23210</v>
      </c>
      <c r="I12406" s="7">
        <v>6.7801957000000002</v>
      </c>
      <c r="J12406" s="8">
        <v>-76.128883000000002</v>
      </c>
    </row>
    <row r="12407" spans="1:10" x14ac:dyDescent="0.35">
      <c r="A12407" s="5" t="s">
        <v>10</v>
      </c>
      <c r="B12407" s="6">
        <v>240143</v>
      </c>
      <c r="C12407" s="6" t="s">
        <v>68</v>
      </c>
      <c r="D12407" s="6" t="s">
        <v>69</v>
      </c>
      <c r="E12407" s="6">
        <v>11001</v>
      </c>
      <c r="F12407" s="6" t="s">
        <v>18</v>
      </c>
      <c r="G12407" s="6" t="s">
        <v>23211</v>
      </c>
      <c r="H12407" s="6" t="s">
        <v>23212</v>
      </c>
      <c r="I12407" s="7">
        <v>4.6100817999999997</v>
      </c>
      <c r="J12407" s="8">
        <v>-74.171711099999996</v>
      </c>
    </row>
    <row r="12408" spans="1:10" x14ac:dyDescent="0.35">
      <c r="A12408" s="5" t="s">
        <v>10</v>
      </c>
      <c r="B12408" s="6">
        <v>237246</v>
      </c>
      <c r="C12408" s="6" t="s">
        <v>117</v>
      </c>
      <c r="D12408" s="6" t="s">
        <v>1334</v>
      </c>
      <c r="E12408" s="6">
        <v>76001</v>
      </c>
      <c r="F12408" s="6" t="s">
        <v>18</v>
      </c>
      <c r="G12408" s="6" t="s">
        <v>23213</v>
      </c>
      <c r="H12408" s="6" t="s">
        <v>23214</v>
      </c>
      <c r="I12408" s="7">
        <v>3.4435923000000002</v>
      </c>
      <c r="J12408" s="8">
        <v>-76.515589899999995</v>
      </c>
    </row>
    <row r="12409" spans="1:10" x14ac:dyDescent="0.35">
      <c r="A12409" s="5" t="s">
        <v>10</v>
      </c>
      <c r="B12409" s="6">
        <v>245900</v>
      </c>
      <c r="C12409" s="6" t="s">
        <v>117</v>
      </c>
      <c r="D12409" s="6" t="s">
        <v>1334</v>
      </c>
      <c r="E12409" s="6">
        <v>76001</v>
      </c>
      <c r="F12409" s="6" t="s">
        <v>18</v>
      </c>
      <c r="G12409" s="6" t="e">
        <v>#NAME?</v>
      </c>
      <c r="H12409" s="6" t="s">
        <v>23215</v>
      </c>
      <c r="I12409" s="7">
        <v>3.4662801999999999</v>
      </c>
      <c r="J12409" s="8">
        <v>-76.488108400000002</v>
      </c>
    </row>
    <row r="12410" spans="1:10" x14ac:dyDescent="0.35">
      <c r="A12410" s="5" t="s">
        <v>10</v>
      </c>
      <c r="B12410" s="6">
        <v>221429</v>
      </c>
      <c r="C12410" s="6" t="s">
        <v>68</v>
      </c>
      <c r="D12410" s="6" t="s">
        <v>69</v>
      </c>
      <c r="E12410" s="6">
        <v>11001</v>
      </c>
      <c r="F12410" s="6" t="s">
        <v>18</v>
      </c>
      <c r="G12410" s="6" t="s">
        <v>23216</v>
      </c>
      <c r="H12410" s="6" t="s">
        <v>23217</v>
      </c>
      <c r="I12410" s="7">
        <v>4.5576409</v>
      </c>
      <c r="J12410" s="8">
        <v>-74.106698799999904</v>
      </c>
    </row>
    <row r="12411" spans="1:10" x14ac:dyDescent="0.35">
      <c r="A12411" s="5" t="s">
        <v>10</v>
      </c>
      <c r="B12411" s="6">
        <v>246148</v>
      </c>
      <c r="C12411" s="6" t="s">
        <v>68</v>
      </c>
      <c r="D12411" s="6" t="s">
        <v>69</v>
      </c>
      <c r="E12411" s="6">
        <v>11001</v>
      </c>
      <c r="F12411" s="6" t="s">
        <v>18</v>
      </c>
      <c r="G12411" s="6" t="s">
        <v>23218</v>
      </c>
      <c r="H12411" s="6" t="s">
        <v>23219</v>
      </c>
      <c r="I12411" s="7">
        <v>4.7151760999999999</v>
      </c>
      <c r="J12411" s="8">
        <v>-74.128259499999999</v>
      </c>
    </row>
    <row r="12412" spans="1:10" x14ac:dyDescent="0.35">
      <c r="A12412" s="5" t="s">
        <v>10</v>
      </c>
      <c r="B12412" s="6">
        <v>184442</v>
      </c>
      <c r="C12412" s="6" t="s">
        <v>190</v>
      </c>
      <c r="D12412" s="6" t="s">
        <v>4063</v>
      </c>
      <c r="E12412" s="6">
        <v>5088</v>
      </c>
      <c r="F12412" s="6" t="s">
        <v>18</v>
      </c>
      <c r="G12412" s="6" t="s">
        <v>23220</v>
      </c>
      <c r="H12412" s="6" t="s">
        <v>23221</v>
      </c>
      <c r="I12412" s="7">
        <v>6.3484178</v>
      </c>
      <c r="J12412" s="8">
        <v>-75.563223299999905</v>
      </c>
    </row>
    <row r="12413" spans="1:10" x14ac:dyDescent="0.35">
      <c r="A12413" s="5" t="s">
        <v>10</v>
      </c>
      <c r="B12413" s="6">
        <v>113306</v>
      </c>
      <c r="C12413" s="6" t="s">
        <v>109</v>
      </c>
      <c r="D12413" s="6" t="s">
        <v>22997</v>
      </c>
      <c r="E12413" s="6">
        <v>13549</v>
      </c>
      <c r="F12413" s="6" t="s">
        <v>18</v>
      </c>
      <c r="G12413" s="6" t="s">
        <v>23222</v>
      </c>
      <c r="H12413" s="6" t="s">
        <v>23223</v>
      </c>
      <c r="I12413" s="7">
        <v>8.9985999999999997</v>
      </c>
      <c r="J12413" s="8">
        <v>-74.459918299999998</v>
      </c>
    </row>
    <row r="12414" spans="1:10" x14ac:dyDescent="0.35">
      <c r="A12414" s="5" t="s">
        <v>10</v>
      </c>
      <c r="B12414" s="6">
        <v>209571</v>
      </c>
      <c r="C12414" s="6" t="s">
        <v>68</v>
      </c>
      <c r="D12414" s="6" t="s">
        <v>69</v>
      </c>
      <c r="E12414" s="6">
        <v>11001</v>
      </c>
      <c r="F12414" s="6" t="s">
        <v>18</v>
      </c>
      <c r="G12414" s="6" t="s">
        <v>23224</v>
      </c>
      <c r="H12414" s="6" t="s">
        <v>23225</v>
      </c>
      <c r="I12414" s="7">
        <v>4.5771388000000002</v>
      </c>
      <c r="J12414" s="8">
        <v>-74.104219000000001</v>
      </c>
    </row>
    <row r="12415" spans="1:10" x14ac:dyDescent="0.35">
      <c r="A12415" s="5" t="s">
        <v>10</v>
      </c>
      <c r="B12415" s="6">
        <v>204912</v>
      </c>
      <c r="C12415" s="6" t="s">
        <v>68</v>
      </c>
      <c r="D12415" s="6" t="s">
        <v>69</v>
      </c>
      <c r="E12415" s="6">
        <v>11001</v>
      </c>
      <c r="F12415" s="6" t="s">
        <v>18</v>
      </c>
      <c r="G12415" s="6" t="s">
        <v>22655</v>
      </c>
      <c r="H12415" s="6" t="s">
        <v>22656</v>
      </c>
      <c r="I12415" s="7">
        <v>4.6502261999999996</v>
      </c>
      <c r="J12415" s="8">
        <v>-74.058339599999996</v>
      </c>
    </row>
    <row r="12416" spans="1:10" x14ac:dyDescent="0.35">
      <c r="A12416" s="5" t="s">
        <v>10</v>
      </c>
      <c r="B12416" s="6">
        <v>218807</v>
      </c>
      <c r="C12416" s="6" t="s">
        <v>2130</v>
      </c>
      <c r="D12416" s="6" t="s">
        <v>2131</v>
      </c>
      <c r="E12416" s="6">
        <v>85001</v>
      </c>
      <c r="F12416" s="6" t="s">
        <v>18</v>
      </c>
      <c r="G12416" s="6" t="s">
        <v>15354</v>
      </c>
      <c r="H12416" s="6" t="s">
        <v>23226</v>
      </c>
      <c r="I12416" s="7">
        <v>5.3299547</v>
      </c>
      <c r="J12416" s="8">
        <v>-72.392099599999995</v>
      </c>
    </row>
    <row r="12417" spans="1:10" x14ac:dyDescent="0.35">
      <c r="A12417" s="5" t="s">
        <v>10</v>
      </c>
      <c r="B12417" s="6">
        <v>240492</v>
      </c>
      <c r="C12417" s="6" t="s">
        <v>190</v>
      </c>
      <c r="D12417" s="6" t="s">
        <v>4063</v>
      </c>
      <c r="E12417" s="6">
        <v>5088</v>
      </c>
      <c r="F12417" s="6" t="s">
        <v>18</v>
      </c>
      <c r="G12417" s="6" t="s">
        <v>23227</v>
      </c>
      <c r="H12417" s="6" t="s">
        <v>23228</v>
      </c>
      <c r="I12417" s="7">
        <v>6.3095867999999999</v>
      </c>
      <c r="J12417" s="8">
        <v>-75.581864100000004</v>
      </c>
    </row>
    <row r="12418" spans="1:10" x14ac:dyDescent="0.35">
      <c r="A12418" s="5" t="s">
        <v>10</v>
      </c>
      <c r="B12418" s="6">
        <v>107131</v>
      </c>
      <c r="C12418" s="6" t="s">
        <v>4364</v>
      </c>
      <c r="D12418" s="6" t="s">
        <v>4365</v>
      </c>
      <c r="E12418" s="6">
        <v>70001</v>
      </c>
      <c r="F12418" s="6" t="s">
        <v>13</v>
      </c>
      <c r="G12418" s="6" t="s">
        <v>11877</v>
      </c>
      <c r="H12418" s="6" t="s">
        <v>22804</v>
      </c>
      <c r="I12418" s="7">
        <v>9.2480499999999992</v>
      </c>
      <c r="J12418" s="8">
        <v>-75.3435688</v>
      </c>
    </row>
    <row r="12419" spans="1:10" x14ac:dyDescent="0.35">
      <c r="A12419" s="5" t="s">
        <v>10</v>
      </c>
      <c r="B12419" s="6">
        <v>232076</v>
      </c>
      <c r="C12419" s="6" t="s">
        <v>68</v>
      </c>
      <c r="D12419" s="6" t="s">
        <v>69</v>
      </c>
      <c r="E12419" s="6">
        <v>11001</v>
      </c>
      <c r="F12419" s="6" t="s">
        <v>18</v>
      </c>
      <c r="G12419" s="6" t="s">
        <v>23229</v>
      </c>
      <c r="H12419" s="6" t="s">
        <v>23230</v>
      </c>
      <c r="I12419" s="7">
        <v>4.6080962999999997</v>
      </c>
      <c r="J12419" s="8">
        <v>-74.174824900000004</v>
      </c>
    </row>
    <row r="12420" spans="1:10" x14ac:dyDescent="0.35">
      <c r="A12420" s="5" t="s">
        <v>10</v>
      </c>
      <c r="B12420" s="6">
        <v>107125</v>
      </c>
      <c r="C12420" s="6" t="s">
        <v>4364</v>
      </c>
      <c r="D12420" s="6" t="s">
        <v>9953</v>
      </c>
      <c r="E12420" s="6">
        <v>70742</v>
      </c>
      <c r="F12420" s="6" t="s">
        <v>13</v>
      </c>
      <c r="G12420" s="6" t="s">
        <v>11877</v>
      </c>
      <c r="H12420" s="6" t="s">
        <v>15473</v>
      </c>
      <c r="I12420" s="7">
        <v>10.425742400000001</v>
      </c>
      <c r="J12420" s="8">
        <v>-75.545945199999906</v>
      </c>
    </row>
    <row r="12421" spans="1:10" x14ac:dyDescent="0.35">
      <c r="A12421" s="5" t="s">
        <v>10</v>
      </c>
      <c r="B12421" s="6">
        <v>107112</v>
      </c>
      <c r="C12421" s="6" t="s">
        <v>4364</v>
      </c>
      <c r="D12421" s="6" t="s">
        <v>8079</v>
      </c>
      <c r="E12421" s="6">
        <v>70215</v>
      </c>
      <c r="F12421" s="6" t="s">
        <v>13</v>
      </c>
      <c r="G12421" s="6" t="s">
        <v>11877</v>
      </c>
      <c r="H12421" s="6" t="s">
        <v>22650</v>
      </c>
      <c r="I12421" s="7">
        <v>9.3234199999999898</v>
      </c>
      <c r="J12421" s="8">
        <v>-75.294909199999907</v>
      </c>
    </row>
    <row r="12422" spans="1:10" x14ac:dyDescent="0.35">
      <c r="A12422" s="5" t="s">
        <v>10</v>
      </c>
      <c r="B12422" s="6">
        <v>180926</v>
      </c>
      <c r="C12422" s="6" t="s">
        <v>68</v>
      </c>
      <c r="D12422" s="6" t="s">
        <v>69</v>
      </c>
      <c r="E12422" s="6">
        <v>11001</v>
      </c>
      <c r="F12422" s="6" t="s">
        <v>18</v>
      </c>
      <c r="G12422" s="6" t="s">
        <v>16665</v>
      </c>
      <c r="H12422" s="6" t="s">
        <v>16666</v>
      </c>
      <c r="I12422" s="7">
        <v>4.5834598</v>
      </c>
      <c r="J12422" s="8">
        <v>-74.103793999999994</v>
      </c>
    </row>
    <row r="12423" spans="1:10" x14ac:dyDescent="0.35">
      <c r="A12423" s="5" t="s">
        <v>10</v>
      </c>
      <c r="B12423" s="6">
        <v>228091</v>
      </c>
      <c r="C12423" s="6" t="s">
        <v>68</v>
      </c>
      <c r="D12423" s="6" t="s">
        <v>69</v>
      </c>
      <c r="E12423" s="6">
        <v>11001</v>
      </c>
      <c r="F12423" s="6" t="s">
        <v>18</v>
      </c>
      <c r="G12423" s="6" t="s">
        <v>23231</v>
      </c>
      <c r="H12423" s="6" t="s">
        <v>23232</v>
      </c>
      <c r="I12423" s="7">
        <v>4.6982957999999897</v>
      </c>
      <c r="J12423" s="8">
        <v>-74.043160599999993</v>
      </c>
    </row>
    <row r="12424" spans="1:10" x14ac:dyDescent="0.35">
      <c r="A12424" s="5" t="s">
        <v>10</v>
      </c>
      <c r="B12424" s="6">
        <v>230491</v>
      </c>
      <c r="C12424" s="6" t="s">
        <v>68</v>
      </c>
      <c r="D12424" s="6" t="s">
        <v>69</v>
      </c>
      <c r="E12424" s="6">
        <v>11001</v>
      </c>
      <c r="F12424" s="6" t="s">
        <v>18</v>
      </c>
      <c r="G12424" s="6" t="s">
        <v>14149</v>
      </c>
      <c r="H12424" s="6" t="s">
        <v>15681</v>
      </c>
      <c r="I12424" s="7">
        <v>4.6229481999999997</v>
      </c>
      <c r="J12424" s="8">
        <v>-74.148664099999905</v>
      </c>
    </row>
    <row r="12425" spans="1:10" x14ac:dyDescent="0.35">
      <c r="A12425" s="5" t="s">
        <v>10</v>
      </c>
      <c r="B12425" s="6">
        <v>170270</v>
      </c>
      <c r="C12425" s="6" t="s">
        <v>190</v>
      </c>
      <c r="D12425" s="6" t="s">
        <v>11705</v>
      </c>
      <c r="E12425" s="6">
        <v>5318</v>
      </c>
      <c r="F12425" s="6" t="s">
        <v>18</v>
      </c>
      <c r="G12425" s="6" t="s">
        <v>12322</v>
      </c>
      <c r="H12425" s="6" t="s">
        <v>12323</v>
      </c>
      <c r="I12425" s="7">
        <v>6.2717917999999999</v>
      </c>
      <c r="J12425" s="8">
        <v>-75.438193999999996</v>
      </c>
    </row>
    <row r="12426" spans="1:10" x14ac:dyDescent="0.35">
      <c r="A12426" s="5" t="s">
        <v>10</v>
      </c>
      <c r="B12426" s="6">
        <v>223558</v>
      </c>
      <c r="C12426" s="6" t="s">
        <v>68</v>
      </c>
      <c r="D12426" s="6" t="s">
        <v>69</v>
      </c>
      <c r="E12426" s="6">
        <v>11001</v>
      </c>
      <c r="F12426" s="6" t="s">
        <v>18</v>
      </c>
      <c r="G12426" s="6" t="s">
        <v>23233</v>
      </c>
      <c r="H12426" s="6" t="s">
        <v>23234</v>
      </c>
      <c r="I12426" s="7">
        <v>4.6909986999999997</v>
      </c>
      <c r="J12426" s="8">
        <v>-74.106121799999997</v>
      </c>
    </row>
    <row r="12427" spans="1:10" x14ac:dyDescent="0.35">
      <c r="A12427" s="5" t="s">
        <v>10</v>
      </c>
      <c r="B12427" s="6">
        <v>242145</v>
      </c>
      <c r="C12427" s="6" t="s">
        <v>68</v>
      </c>
      <c r="D12427" s="6" t="s">
        <v>69</v>
      </c>
      <c r="E12427" s="6">
        <v>11001</v>
      </c>
      <c r="F12427" s="6" t="s">
        <v>18</v>
      </c>
      <c r="G12427" s="6" t="s">
        <v>23235</v>
      </c>
      <c r="H12427" s="6" t="s">
        <v>23236</v>
      </c>
      <c r="I12427" s="7">
        <v>4.6051881000000003</v>
      </c>
      <c r="J12427" s="8">
        <v>-74.084806499999999</v>
      </c>
    </row>
    <row r="12428" spans="1:10" x14ac:dyDescent="0.35">
      <c r="A12428" s="5" t="s">
        <v>10</v>
      </c>
      <c r="B12428" s="6">
        <v>238386</v>
      </c>
      <c r="C12428" s="6" t="s">
        <v>117</v>
      </c>
      <c r="D12428" s="6" t="s">
        <v>1334</v>
      </c>
      <c r="E12428" s="6">
        <v>76001</v>
      </c>
      <c r="F12428" s="6" t="s">
        <v>18</v>
      </c>
      <c r="G12428" s="6" t="s">
        <v>23237</v>
      </c>
      <c r="H12428" s="6" t="s">
        <v>23238</v>
      </c>
      <c r="I12428" s="7">
        <v>3.4802175000000002</v>
      </c>
      <c r="J12428" s="8">
        <v>-76.484689900000006</v>
      </c>
    </row>
    <row r="12429" spans="1:10" x14ac:dyDescent="0.35">
      <c r="A12429" s="5" t="s">
        <v>10</v>
      </c>
      <c r="B12429" s="6">
        <v>107120</v>
      </c>
      <c r="C12429" s="6" t="s">
        <v>4364</v>
      </c>
      <c r="D12429" s="6" t="s">
        <v>8019</v>
      </c>
      <c r="E12429" s="6">
        <v>70670</v>
      </c>
      <c r="F12429" s="6" t="s">
        <v>13</v>
      </c>
      <c r="G12429" s="6" t="s">
        <v>11877</v>
      </c>
      <c r="H12429" s="6" t="s">
        <v>23239</v>
      </c>
      <c r="I12429" s="7">
        <v>9.1835699999999996</v>
      </c>
      <c r="J12429" s="8">
        <v>-75.381105000000005</v>
      </c>
    </row>
    <row r="12430" spans="1:10" x14ac:dyDescent="0.35">
      <c r="A12430" s="5" t="s">
        <v>10</v>
      </c>
      <c r="B12430" s="6">
        <v>215051</v>
      </c>
      <c r="C12430" s="6" t="s">
        <v>68</v>
      </c>
      <c r="D12430" s="6" t="s">
        <v>69</v>
      </c>
      <c r="E12430" s="6">
        <v>11001</v>
      </c>
      <c r="F12430" s="6" t="s">
        <v>18</v>
      </c>
      <c r="G12430" s="6" t="s">
        <v>23240</v>
      </c>
      <c r="H12430" s="6" t="s">
        <v>23241</v>
      </c>
      <c r="I12430" s="7">
        <v>4.6827890999999999</v>
      </c>
      <c r="J12430" s="8">
        <v>-74.116373099999905</v>
      </c>
    </row>
    <row r="12431" spans="1:10" x14ac:dyDescent="0.35">
      <c r="A12431" s="5" t="s">
        <v>10</v>
      </c>
      <c r="B12431" s="6">
        <v>246865</v>
      </c>
      <c r="C12431" s="6" t="s">
        <v>68</v>
      </c>
      <c r="D12431" s="6" t="s">
        <v>69</v>
      </c>
      <c r="E12431" s="6">
        <v>11001</v>
      </c>
      <c r="F12431" s="6" t="s">
        <v>18</v>
      </c>
      <c r="G12431" s="6" t="s">
        <v>23242</v>
      </c>
      <c r="H12431" s="6" t="s">
        <v>23243</v>
      </c>
      <c r="I12431" s="7">
        <v>4.5503539999999996</v>
      </c>
      <c r="J12431" s="8">
        <v>-74.108570799999995</v>
      </c>
    </row>
    <row r="12432" spans="1:10" x14ac:dyDescent="0.35">
      <c r="A12432" s="5" t="s">
        <v>10</v>
      </c>
      <c r="B12432" s="6">
        <v>163450</v>
      </c>
      <c r="C12432" s="6" t="s">
        <v>4364</v>
      </c>
      <c r="D12432" s="6" t="s">
        <v>4365</v>
      </c>
      <c r="E12432" s="6">
        <v>70001</v>
      </c>
      <c r="F12432" s="6" t="s">
        <v>18</v>
      </c>
      <c r="G12432" s="6" t="s">
        <v>23244</v>
      </c>
      <c r="H12432" s="6" t="s">
        <v>23245</v>
      </c>
      <c r="I12432" s="7">
        <v>9.3032063999999899</v>
      </c>
      <c r="J12432" s="8">
        <v>-75.382004600000002</v>
      </c>
    </row>
    <row r="12433" spans="1:10" x14ac:dyDescent="0.35">
      <c r="A12433" s="5" t="s">
        <v>10</v>
      </c>
      <c r="B12433" s="6">
        <v>189759</v>
      </c>
      <c r="C12433" s="6" t="s">
        <v>68</v>
      </c>
      <c r="D12433" s="6" t="s">
        <v>69</v>
      </c>
      <c r="E12433" s="6">
        <v>11001</v>
      </c>
      <c r="F12433" s="6" t="s">
        <v>13</v>
      </c>
      <c r="G12433" s="6" t="s">
        <v>23246</v>
      </c>
      <c r="H12433" s="6" t="s">
        <v>23247</v>
      </c>
      <c r="I12433" s="7">
        <v>4.6233876</v>
      </c>
      <c r="J12433" s="8">
        <v>-74.187283899999997</v>
      </c>
    </row>
    <row r="12434" spans="1:10" x14ac:dyDescent="0.35">
      <c r="A12434" s="5" t="s">
        <v>10</v>
      </c>
      <c r="B12434" s="6">
        <v>240411</v>
      </c>
      <c r="C12434" s="6" t="s">
        <v>117</v>
      </c>
      <c r="D12434" s="6" t="s">
        <v>12447</v>
      </c>
      <c r="E12434" s="6">
        <v>76248</v>
      </c>
      <c r="F12434" s="6" t="s">
        <v>18</v>
      </c>
      <c r="G12434" s="6" t="s">
        <v>23248</v>
      </c>
      <c r="H12434" s="6" t="s">
        <v>23249</v>
      </c>
      <c r="I12434" s="7">
        <v>3.6825922000000002</v>
      </c>
      <c r="J12434" s="8">
        <v>-76.312897800000002</v>
      </c>
    </row>
    <row r="12435" spans="1:10" x14ac:dyDescent="0.35">
      <c r="A12435" s="5" t="s">
        <v>10</v>
      </c>
      <c r="B12435" s="6">
        <v>245988</v>
      </c>
      <c r="C12435" s="6" t="s">
        <v>117</v>
      </c>
      <c r="D12435" s="6" t="s">
        <v>3402</v>
      </c>
      <c r="E12435" s="6">
        <v>76364</v>
      </c>
      <c r="F12435" s="6" t="s">
        <v>18</v>
      </c>
      <c r="G12435" s="6" t="s">
        <v>23250</v>
      </c>
      <c r="H12435" s="6" t="s">
        <v>23251</v>
      </c>
      <c r="I12435" s="7">
        <v>3.2364250999999999</v>
      </c>
      <c r="J12435" s="8">
        <v>-76.5095496</v>
      </c>
    </row>
    <row r="12436" spans="1:10" x14ac:dyDescent="0.35">
      <c r="A12436" s="5" t="s">
        <v>10</v>
      </c>
      <c r="B12436" s="6">
        <v>107131</v>
      </c>
      <c r="C12436" s="6" t="s">
        <v>4364</v>
      </c>
      <c r="D12436" s="6" t="s">
        <v>4365</v>
      </c>
      <c r="E12436" s="6">
        <v>70001</v>
      </c>
      <c r="F12436" s="6" t="s">
        <v>13</v>
      </c>
      <c r="G12436" s="6" t="s">
        <v>11877</v>
      </c>
      <c r="H12436" s="6" t="s">
        <v>22804</v>
      </c>
      <c r="I12436" s="7">
        <v>9.2480499999999992</v>
      </c>
      <c r="J12436" s="8">
        <v>-75.3435688</v>
      </c>
    </row>
    <row r="12437" spans="1:10" x14ac:dyDescent="0.35">
      <c r="A12437" s="5" t="s">
        <v>10</v>
      </c>
      <c r="B12437" s="6">
        <v>246143</v>
      </c>
      <c r="C12437" s="6" t="s">
        <v>68</v>
      </c>
      <c r="D12437" s="6" t="s">
        <v>69</v>
      </c>
      <c r="E12437" s="6">
        <v>11001</v>
      </c>
      <c r="F12437" s="6" t="s">
        <v>18</v>
      </c>
      <c r="G12437" s="6" t="s">
        <v>23252</v>
      </c>
      <c r="H12437" s="6" t="s">
        <v>15622</v>
      </c>
      <c r="I12437" s="7">
        <v>4.6884971999999996</v>
      </c>
      <c r="J12437" s="8">
        <v>-74.074640400000007</v>
      </c>
    </row>
    <row r="12438" spans="1:10" x14ac:dyDescent="0.35">
      <c r="A12438" s="5" t="s">
        <v>10</v>
      </c>
      <c r="B12438" s="6">
        <v>177009</v>
      </c>
      <c r="C12438" s="6" t="s">
        <v>294</v>
      </c>
      <c r="D12438" s="6" t="s">
        <v>703</v>
      </c>
      <c r="E12438" s="6">
        <v>41001</v>
      </c>
      <c r="F12438" s="6" t="s">
        <v>18</v>
      </c>
      <c r="G12438" s="6" t="s">
        <v>23253</v>
      </c>
      <c r="H12438" s="6" t="s">
        <v>23254</v>
      </c>
      <c r="I12438" s="7">
        <v>2.9155701000000001</v>
      </c>
      <c r="J12438" s="8">
        <v>-75.280262899999997</v>
      </c>
    </row>
    <row r="12439" spans="1:10" x14ac:dyDescent="0.35">
      <c r="A12439" s="5" t="s">
        <v>10</v>
      </c>
      <c r="B12439" s="6">
        <v>189652</v>
      </c>
      <c r="C12439" s="6" t="s">
        <v>68</v>
      </c>
      <c r="D12439" s="6" t="s">
        <v>69</v>
      </c>
      <c r="E12439" s="6">
        <v>11001</v>
      </c>
      <c r="F12439" s="6" t="s">
        <v>13</v>
      </c>
      <c r="G12439" s="6" t="s">
        <v>16997</v>
      </c>
      <c r="H12439" s="6" t="s">
        <v>22677</v>
      </c>
      <c r="I12439" s="7">
        <v>4.6385345999999998</v>
      </c>
      <c r="J12439" s="8">
        <v>-74.112319400000004</v>
      </c>
    </row>
    <row r="12440" spans="1:10" x14ac:dyDescent="0.35">
      <c r="A12440" s="5" t="s">
        <v>10</v>
      </c>
      <c r="B12440" s="6">
        <v>189502</v>
      </c>
      <c r="C12440" s="6" t="s">
        <v>68</v>
      </c>
      <c r="D12440" s="6" t="s">
        <v>69</v>
      </c>
      <c r="E12440" s="6">
        <v>11001</v>
      </c>
      <c r="F12440" s="6" t="s">
        <v>13</v>
      </c>
      <c r="G12440" s="6" t="s">
        <v>16997</v>
      </c>
      <c r="H12440" s="6" t="s">
        <v>16998</v>
      </c>
      <c r="I12440" s="7">
        <v>4.6681625999999996</v>
      </c>
      <c r="J12440" s="8">
        <v>-74.073441900000006</v>
      </c>
    </row>
    <row r="12441" spans="1:10" x14ac:dyDescent="0.35">
      <c r="A12441" s="5" t="s">
        <v>10</v>
      </c>
      <c r="B12441" s="6">
        <v>230128</v>
      </c>
      <c r="C12441" s="6" t="s">
        <v>457</v>
      </c>
      <c r="D12441" s="6" t="s">
        <v>13570</v>
      </c>
      <c r="E12441" s="6">
        <v>52490</v>
      </c>
      <c r="F12441" s="6" t="s">
        <v>18</v>
      </c>
      <c r="G12441" s="6" t="s">
        <v>23255</v>
      </c>
      <c r="H12441" s="6" t="s">
        <v>23256</v>
      </c>
      <c r="I12441" s="7">
        <v>2.2740961999999998</v>
      </c>
      <c r="J12441" s="8">
        <v>-78.315941100000003</v>
      </c>
    </row>
    <row r="12442" spans="1:10" x14ac:dyDescent="0.35">
      <c r="A12442" s="5" t="s">
        <v>10</v>
      </c>
      <c r="B12442" s="6">
        <v>210000</v>
      </c>
      <c r="C12442" s="6" t="s">
        <v>68</v>
      </c>
      <c r="D12442" s="6" t="s">
        <v>69</v>
      </c>
      <c r="E12442" s="6">
        <v>11001</v>
      </c>
      <c r="F12442" s="6" t="s">
        <v>18</v>
      </c>
      <c r="G12442" s="6" t="s">
        <v>113</v>
      </c>
      <c r="H12442" s="6" t="s">
        <v>23257</v>
      </c>
      <c r="I12442" s="7">
        <v>4.6388084999999997</v>
      </c>
      <c r="J12442" s="8">
        <v>-74.161367099999893</v>
      </c>
    </row>
    <row r="12443" spans="1:10" x14ac:dyDescent="0.35">
      <c r="A12443" s="5" t="s">
        <v>10</v>
      </c>
      <c r="B12443" s="6">
        <v>234333</v>
      </c>
      <c r="C12443" s="6" t="s">
        <v>68</v>
      </c>
      <c r="D12443" s="6" t="s">
        <v>69</v>
      </c>
      <c r="E12443" s="6">
        <v>11001</v>
      </c>
      <c r="F12443" s="6" t="s">
        <v>18</v>
      </c>
      <c r="G12443" s="6" t="s">
        <v>23258</v>
      </c>
      <c r="H12443" s="6" t="s">
        <v>23259</v>
      </c>
      <c r="I12443" s="7">
        <v>4.6830062000000003</v>
      </c>
      <c r="J12443" s="8">
        <v>-74.068080399999999</v>
      </c>
    </row>
    <row r="12444" spans="1:10" x14ac:dyDescent="0.35">
      <c r="A12444" s="5" t="s">
        <v>10</v>
      </c>
      <c r="B12444" s="6">
        <v>185050</v>
      </c>
      <c r="C12444" s="6" t="s">
        <v>278</v>
      </c>
      <c r="D12444" s="6" t="s">
        <v>279</v>
      </c>
      <c r="E12444" s="6">
        <v>50001</v>
      </c>
      <c r="F12444" s="6" t="s">
        <v>18</v>
      </c>
      <c r="G12444" s="6" t="s">
        <v>23260</v>
      </c>
      <c r="H12444" s="6" t="s">
        <v>23261</v>
      </c>
      <c r="I12444" s="7">
        <v>4.1491688</v>
      </c>
      <c r="J12444" s="8">
        <v>-73.628547499999996</v>
      </c>
    </row>
    <row r="12445" spans="1:10" x14ac:dyDescent="0.35">
      <c r="A12445" s="5" t="s">
        <v>10</v>
      </c>
      <c r="B12445" s="6">
        <v>229465</v>
      </c>
      <c r="C12445" s="6" t="s">
        <v>117</v>
      </c>
      <c r="D12445" s="6" t="s">
        <v>5316</v>
      </c>
      <c r="E12445" s="6">
        <v>76109</v>
      </c>
      <c r="F12445" s="6" t="s">
        <v>18</v>
      </c>
      <c r="G12445" s="6" t="s">
        <v>23262</v>
      </c>
      <c r="H12445" s="6" t="s">
        <v>23263</v>
      </c>
      <c r="I12445" s="7">
        <v>3.8788198999999999</v>
      </c>
      <c r="J12445" s="8">
        <v>-77.0252938</v>
      </c>
    </row>
    <row r="12446" spans="1:10" x14ac:dyDescent="0.35">
      <c r="A12446" s="5" t="s">
        <v>10</v>
      </c>
      <c r="B12446" s="6">
        <v>208020</v>
      </c>
      <c r="C12446" s="6" t="s">
        <v>68</v>
      </c>
      <c r="D12446" s="6" t="s">
        <v>69</v>
      </c>
      <c r="E12446" s="6">
        <v>11001</v>
      </c>
      <c r="F12446" s="6" t="s">
        <v>18</v>
      </c>
      <c r="G12446" s="6" t="s">
        <v>23264</v>
      </c>
      <c r="H12446" s="6" t="s">
        <v>23265</v>
      </c>
      <c r="I12446" s="7">
        <v>4.5794058999999896</v>
      </c>
      <c r="J12446" s="8">
        <v>-74.085589299999995</v>
      </c>
    </row>
    <row r="12447" spans="1:10" x14ac:dyDescent="0.35">
      <c r="A12447" s="5" t="s">
        <v>10</v>
      </c>
      <c r="B12447" s="6">
        <v>185050</v>
      </c>
      <c r="C12447" s="6" t="s">
        <v>278</v>
      </c>
      <c r="D12447" s="6" t="s">
        <v>279</v>
      </c>
      <c r="E12447" s="6">
        <v>50001</v>
      </c>
      <c r="F12447" s="6" t="s">
        <v>18</v>
      </c>
      <c r="G12447" s="6" t="s">
        <v>23260</v>
      </c>
      <c r="H12447" s="6" t="s">
        <v>23261</v>
      </c>
      <c r="I12447" s="7">
        <v>4.1491688</v>
      </c>
      <c r="J12447" s="8">
        <v>-73.628547499999996</v>
      </c>
    </row>
    <row r="12448" spans="1:10" x14ac:dyDescent="0.35">
      <c r="A12448" s="5" t="s">
        <v>10</v>
      </c>
      <c r="B12448" s="6">
        <v>239686</v>
      </c>
      <c r="C12448" s="6" t="s">
        <v>117</v>
      </c>
      <c r="D12448" s="6" t="s">
        <v>2738</v>
      </c>
      <c r="E12448" s="6">
        <v>76622</v>
      </c>
      <c r="F12448" s="6" t="s">
        <v>18</v>
      </c>
      <c r="G12448" s="6" t="s">
        <v>23266</v>
      </c>
      <c r="H12448" s="6" t="s">
        <v>23267</v>
      </c>
      <c r="I12448" s="7">
        <v>3.4495562999999998</v>
      </c>
      <c r="J12448" s="8">
        <v>-76.534724499999996</v>
      </c>
    </row>
    <row r="12449" spans="1:10" x14ac:dyDescent="0.35">
      <c r="A12449" s="5" t="s">
        <v>10</v>
      </c>
      <c r="B12449" s="6">
        <v>210073</v>
      </c>
      <c r="C12449" s="6" t="s">
        <v>68</v>
      </c>
      <c r="D12449" s="6" t="s">
        <v>69</v>
      </c>
      <c r="E12449" s="6">
        <v>11001</v>
      </c>
      <c r="F12449" s="6" t="s">
        <v>18</v>
      </c>
      <c r="G12449" s="6" t="s">
        <v>23268</v>
      </c>
      <c r="H12449" s="6" t="s">
        <v>23269</v>
      </c>
      <c r="I12449" s="7">
        <v>4.6709040000000002</v>
      </c>
      <c r="J12449" s="8">
        <v>-74.081224599999999</v>
      </c>
    </row>
    <row r="12450" spans="1:10" x14ac:dyDescent="0.35">
      <c r="A12450" s="5" t="s">
        <v>10</v>
      </c>
      <c r="B12450" s="6">
        <v>223443</v>
      </c>
      <c r="C12450" s="6" t="s">
        <v>68</v>
      </c>
      <c r="D12450" s="6" t="s">
        <v>69</v>
      </c>
      <c r="E12450" s="6">
        <v>11001</v>
      </c>
      <c r="F12450" s="6" t="s">
        <v>18</v>
      </c>
      <c r="G12450" s="6" t="s">
        <v>113</v>
      </c>
      <c r="H12450" s="6" t="s">
        <v>23270</v>
      </c>
      <c r="I12450" s="7">
        <v>4.6204729999999996</v>
      </c>
      <c r="J12450" s="8">
        <v>-74.0685261</v>
      </c>
    </row>
    <row r="12451" spans="1:10" x14ac:dyDescent="0.35">
      <c r="A12451" s="5" t="s">
        <v>10</v>
      </c>
      <c r="B12451" s="6">
        <v>191503</v>
      </c>
      <c r="C12451" s="6" t="s">
        <v>190</v>
      </c>
      <c r="D12451" s="6" t="s">
        <v>118</v>
      </c>
      <c r="E12451" s="6">
        <v>5400</v>
      </c>
      <c r="F12451" s="6" t="s">
        <v>18</v>
      </c>
      <c r="G12451" s="6" t="s">
        <v>13901</v>
      </c>
      <c r="H12451" s="6" t="s">
        <v>13902</v>
      </c>
      <c r="I12451" s="7">
        <v>5.9738389999999999</v>
      </c>
      <c r="J12451" s="8">
        <v>-75.3609759</v>
      </c>
    </row>
    <row r="12452" spans="1:10" x14ac:dyDescent="0.35">
      <c r="A12452" s="5" t="s">
        <v>10</v>
      </c>
      <c r="B12452" s="6">
        <v>241580</v>
      </c>
      <c r="C12452" s="6" t="s">
        <v>457</v>
      </c>
      <c r="D12452" s="6" t="s">
        <v>18170</v>
      </c>
      <c r="E12452" s="6">
        <v>52435</v>
      </c>
      <c r="F12452" s="6" t="s">
        <v>18</v>
      </c>
      <c r="G12452" s="6" t="s">
        <v>23271</v>
      </c>
      <c r="H12452" s="6" t="s">
        <v>23272</v>
      </c>
      <c r="I12452" s="7">
        <v>1.1408720000000001</v>
      </c>
      <c r="J12452" s="8">
        <v>-77.8645669</v>
      </c>
    </row>
    <row r="12453" spans="1:10" x14ac:dyDescent="0.35">
      <c r="A12453" s="5" t="s">
        <v>10</v>
      </c>
      <c r="B12453" s="6">
        <v>229466</v>
      </c>
      <c r="C12453" s="6" t="s">
        <v>117</v>
      </c>
      <c r="D12453" s="6" t="s">
        <v>1334</v>
      </c>
      <c r="E12453" s="6">
        <v>76001</v>
      </c>
      <c r="F12453" s="6" t="s">
        <v>18</v>
      </c>
      <c r="G12453" s="6" t="s">
        <v>15098</v>
      </c>
      <c r="H12453" s="6" t="s">
        <v>15099</v>
      </c>
      <c r="I12453" s="7">
        <v>3.4191275000000001</v>
      </c>
      <c r="J12453" s="8">
        <v>-76.5271987</v>
      </c>
    </row>
    <row r="12454" spans="1:10" x14ac:dyDescent="0.35">
      <c r="A12454" s="5" t="s">
        <v>10</v>
      </c>
      <c r="B12454" s="6">
        <v>240895</v>
      </c>
      <c r="C12454" s="6" t="s">
        <v>190</v>
      </c>
      <c r="D12454" s="6" t="s">
        <v>23273</v>
      </c>
      <c r="E12454" s="6">
        <v>5607</v>
      </c>
      <c r="F12454" s="6" t="s">
        <v>18</v>
      </c>
      <c r="G12454" s="6" t="s">
        <v>23274</v>
      </c>
      <c r="H12454" s="6" t="s">
        <v>23275</v>
      </c>
      <c r="I12454" s="7">
        <v>6.0949980999999998</v>
      </c>
      <c r="J12454" s="8">
        <v>-75.475866499999995</v>
      </c>
    </row>
    <row r="12455" spans="1:10" x14ac:dyDescent="0.35">
      <c r="A12455" s="5" t="s">
        <v>10</v>
      </c>
      <c r="B12455" s="6">
        <v>236221</v>
      </c>
      <c r="C12455" s="6" t="s">
        <v>68</v>
      </c>
      <c r="D12455" s="6" t="s">
        <v>69</v>
      </c>
      <c r="E12455" s="6">
        <v>11001</v>
      </c>
      <c r="F12455" s="6" t="s">
        <v>18</v>
      </c>
      <c r="G12455" s="6" t="s">
        <v>23276</v>
      </c>
      <c r="H12455" s="6" t="s">
        <v>23277</v>
      </c>
      <c r="I12455" s="7">
        <v>4.6957911000000001</v>
      </c>
      <c r="J12455" s="8">
        <v>-74.094925399999994</v>
      </c>
    </row>
    <row r="12456" spans="1:10" x14ac:dyDescent="0.35">
      <c r="A12456" s="5" t="s">
        <v>10</v>
      </c>
      <c r="B12456" s="6">
        <v>244791</v>
      </c>
      <c r="C12456" s="6" t="s">
        <v>68</v>
      </c>
      <c r="D12456" s="6" t="s">
        <v>69</v>
      </c>
      <c r="E12456" s="6">
        <v>11001</v>
      </c>
      <c r="F12456" s="6" t="s">
        <v>18</v>
      </c>
      <c r="G12456" s="6" t="s">
        <v>23278</v>
      </c>
      <c r="H12456" s="6" t="s">
        <v>23279</v>
      </c>
      <c r="I12456" s="7">
        <v>4.6077501999999999</v>
      </c>
      <c r="J12456" s="8">
        <v>-74.200514100000007</v>
      </c>
    </row>
    <row r="12457" spans="1:10" x14ac:dyDescent="0.35">
      <c r="A12457" s="5" t="s">
        <v>10</v>
      </c>
      <c r="B12457" s="6">
        <v>192829</v>
      </c>
      <c r="C12457" s="6" t="s">
        <v>3819</v>
      </c>
      <c r="D12457" s="6" t="s">
        <v>14805</v>
      </c>
      <c r="E12457" s="6">
        <v>86573</v>
      </c>
      <c r="F12457" s="6" t="s">
        <v>13</v>
      </c>
      <c r="G12457" s="6" t="s">
        <v>17304</v>
      </c>
      <c r="H12457" s="6" t="s">
        <v>23280</v>
      </c>
      <c r="I12457" s="7">
        <v>-0.18595700000000001</v>
      </c>
      <c r="J12457" s="8">
        <v>-74.783659999999998</v>
      </c>
    </row>
    <row r="12458" spans="1:10" x14ac:dyDescent="0.35">
      <c r="A12458" s="5" t="s">
        <v>10</v>
      </c>
      <c r="B12458" s="6">
        <v>190136</v>
      </c>
      <c r="C12458" s="6" t="s">
        <v>28</v>
      </c>
      <c r="D12458" s="6" t="s">
        <v>29</v>
      </c>
      <c r="E12458" s="6">
        <v>54001</v>
      </c>
      <c r="F12458" s="6" t="s">
        <v>13</v>
      </c>
      <c r="G12458" s="6" t="s">
        <v>23027</v>
      </c>
      <c r="H12458" s="6" t="s">
        <v>23028</v>
      </c>
      <c r="I12458" s="7">
        <v>7.8843934999999998</v>
      </c>
      <c r="J12458" s="8">
        <v>-72.472898599999994</v>
      </c>
    </row>
    <row r="12459" spans="1:10" x14ac:dyDescent="0.35">
      <c r="A12459" s="5" t="s">
        <v>10</v>
      </c>
      <c r="B12459" s="6">
        <v>156831</v>
      </c>
      <c r="C12459" s="6" t="s">
        <v>109</v>
      </c>
      <c r="D12459" s="6" t="s">
        <v>22997</v>
      </c>
      <c r="E12459" s="6">
        <v>13549</v>
      </c>
      <c r="F12459" s="6" t="s">
        <v>18</v>
      </c>
      <c r="G12459" s="6" t="s">
        <v>22998</v>
      </c>
      <c r="H12459" s="6" t="s">
        <v>22999</v>
      </c>
      <c r="I12459" s="7">
        <v>9.9648304000000003</v>
      </c>
      <c r="J12459" s="8">
        <v>-75.288649500000005</v>
      </c>
    </row>
    <row r="12460" spans="1:10" x14ac:dyDescent="0.35">
      <c r="A12460" s="5" t="s">
        <v>10</v>
      </c>
      <c r="B12460" s="6">
        <v>208459</v>
      </c>
      <c r="C12460" s="6" t="s">
        <v>117</v>
      </c>
      <c r="D12460" s="6" t="s">
        <v>1291</v>
      </c>
      <c r="E12460" s="6">
        <v>76834</v>
      </c>
      <c r="F12460" s="6" t="s">
        <v>18</v>
      </c>
      <c r="G12460" s="6" t="s">
        <v>23281</v>
      </c>
      <c r="H12460" s="6" t="s">
        <v>23282</v>
      </c>
      <c r="I12460" s="7">
        <v>4.0717508000000002</v>
      </c>
      <c r="J12460" s="8">
        <v>-76.200632099999893</v>
      </c>
    </row>
    <row r="12461" spans="1:10" x14ac:dyDescent="0.35">
      <c r="A12461" s="5" t="s">
        <v>10</v>
      </c>
      <c r="B12461" s="6">
        <v>203656</v>
      </c>
      <c r="C12461" s="6" t="s">
        <v>68</v>
      </c>
      <c r="D12461" s="6" t="s">
        <v>69</v>
      </c>
      <c r="E12461" s="6">
        <v>11001</v>
      </c>
      <c r="F12461" s="6" t="s">
        <v>18</v>
      </c>
      <c r="G12461" s="6" t="s">
        <v>23283</v>
      </c>
      <c r="H12461" s="6" t="s">
        <v>23284</v>
      </c>
      <c r="I12461" s="7">
        <v>4.7178616</v>
      </c>
      <c r="J12461" s="8">
        <v>-74.102426800000003</v>
      </c>
    </row>
    <row r="12462" spans="1:10" x14ac:dyDescent="0.35">
      <c r="A12462" s="5" t="s">
        <v>10</v>
      </c>
      <c r="B12462" s="6">
        <v>227217</v>
      </c>
      <c r="C12462" s="6" t="s">
        <v>68</v>
      </c>
      <c r="D12462" s="6" t="s">
        <v>69</v>
      </c>
      <c r="E12462" s="6">
        <v>11001</v>
      </c>
      <c r="F12462" s="6" t="s">
        <v>18</v>
      </c>
      <c r="G12462" s="6" t="s">
        <v>23285</v>
      </c>
      <c r="H12462" s="6" t="s">
        <v>23286</v>
      </c>
      <c r="I12462" s="7">
        <v>4.6363080999999999</v>
      </c>
      <c r="J12462" s="8">
        <v>-74.181109699999993</v>
      </c>
    </row>
    <row r="12463" spans="1:10" x14ac:dyDescent="0.35">
      <c r="A12463" s="5" t="s">
        <v>10</v>
      </c>
      <c r="B12463" s="6">
        <v>171899</v>
      </c>
      <c r="C12463" s="6" t="s">
        <v>278</v>
      </c>
      <c r="D12463" s="6" t="s">
        <v>279</v>
      </c>
      <c r="E12463" s="6">
        <v>50001</v>
      </c>
      <c r="F12463" s="6" t="s">
        <v>18</v>
      </c>
      <c r="G12463" s="6" t="s">
        <v>23287</v>
      </c>
      <c r="H12463" s="6" t="s">
        <v>23288</v>
      </c>
      <c r="I12463" s="7">
        <v>4.1613806000000002</v>
      </c>
      <c r="J12463" s="8">
        <v>-73.653843199999997</v>
      </c>
    </row>
    <row r="12464" spans="1:10" x14ac:dyDescent="0.35">
      <c r="A12464" s="5" t="s">
        <v>10</v>
      </c>
      <c r="B12464" s="6">
        <v>90776</v>
      </c>
      <c r="C12464" s="6" t="s">
        <v>2130</v>
      </c>
      <c r="D12464" s="6" t="s">
        <v>23087</v>
      </c>
      <c r="E12464" s="6">
        <v>85230</v>
      </c>
      <c r="F12464" s="6" t="s">
        <v>18</v>
      </c>
      <c r="G12464" s="6" t="s">
        <v>23168</v>
      </c>
      <c r="H12464" s="6" t="s">
        <v>23169</v>
      </c>
      <c r="I12464" s="7">
        <v>5.10006</v>
      </c>
      <c r="J12464" s="8">
        <v>-71.666649999999905</v>
      </c>
    </row>
    <row r="12465" spans="1:10" x14ac:dyDescent="0.35">
      <c r="A12465" s="5" t="s">
        <v>10</v>
      </c>
      <c r="B12465" s="6">
        <v>208470</v>
      </c>
      <c r="C12465" s="6" t="s">
        <v>28</v>
      </c>
      <c r="D12465" s="6" t="s">
        <v>91</v>
      </c>
      <c r="E12465" s="6">
        <v>54874</v>
      </c>
      <c r="F12465" s="6" t="s">
        <v>13</v>
      </c>
      <c r="G12465" s="6" t="s">
        <v>23289</v>
      </c>
      <c r="H12465" s="6" t="s">
        <v>23290</v>
      </c>
      <c r="I12465" s="7">
        <v>7.8182656000000001</v>
      </c>
      <c r="J12465" s="8">
        <v>-72.455480800000004</v>
      </c>
    </row>
    <row r="12466" spans="1:10" x14ac:dyDescent="0.35">
      <c r="A12466" s="5" t="s">
        <v>10</v>
      </c>
      <c r="B12466" s="6">
        <v>214407</v>
      </c>
      <c r="C12466" s="6" t="s">
        <v>28</v>
      </c>
      <c r="D12466" s="6" t="s">
        <v>91</v>
      </c>
      <c r="E12466" s="6">
        <v>54874</v>
      </c>
      <c r="F12466" s="6" t="s">
        <v>13</v>
      </c>
      <c r="G12466" s="6" t="s">
        <v>23291</v>
      </c>
      <c r="H12466" s="6" t="s">
        <v>23292</v>
      </c>
      <c r="I12466" s="7">
        <v>7.8437878999999997</v>
      </c>
      <c r="J12466" s="8">
        <v>-72.469689700000004</v>
      </c>
    </row>
    <row r="12467" spans="1:10" x14ac:dyDescent="0.35">
      <c r="A12467" s="5" t="s">
        <v>10</v>
      </c>
      <c r="B12467" s="6">
        <v>188661</v>
      </c>
      <c r="C12467" s="6" t="s">
        <v>28</v>
      </c>
      <c r="D12467" s="6" t="s">
        <v>29</v>
      </c>
      <c r="E12467" s="6">
        <v>54001</v>
      </c>
      <c r="F12467" s="6" t="s">
        <v>13</v>
      </c>
      <c r="G12467" s="6" t="s">
        <v>13366</v>
      </c>
      <c r="H12467" s="6" t="s">
        <v>13367</v>
      </c>
      <c r="I12467" s="7">
        <v>7.8849932999999996</v>
      </c>
      <c r="J12467" s="8">
        <v>-72.505005100000005</v>
      </c>
    </row>
    <row r="12468" spans="1:10" x14ac:dyDescent="0.35">
      <c r="A12468" s="5" t="s">
        <v>10</v>
      </c>
      <c r="B12468" s="6">
        <v>234663</v>
      </c>
      <c r="C12468" s="6" t="s">
        <v>190</v>
      </c>
      <c r="D12468" s="6" t="s">
        <v>23293</v>
      </c>
      <c r="E12468" s="6">
        <v>5310</v>
      </c>
      <c r="F12468" s="6" t="s">
        <v>18</v>
      </c>
      <c r="G12468" s="6" t="s">
        <v>23294</v>
      </c>
      <c r="H12468" s="6" t="s">
        <v>23295</v>
      </c>
      <c r="I12468" s="7">
        <v>6.6797930000000001</v>
      </c>
      <c r="J12468" s="8">
        <v>-75.21799</v>
      </c>
    </row>
    <row r="12469" spans="1:10" x14ac:dyDescent="0.35">
      <c r="A12469" s="5" t="s">
        <v>10</v>
      </c>
      <c r="B12469" s="6">
        <v>236496</v>
      </c>
      <c r="C12469" s="6" t="s">
        <v>11</v>
      </c>
      <c r="D12469" s="6" t="s">
        <v>334</v>
      </c>
      <c r="E12469" s="6">
        <v>25754</v>
      </c>
      <c r="F12469" s="6" t="s">
        <v>18</v>
      </c>
      <c r="G12469" s="6" t="s">
        <v>23296</v>
      </c>
      <c r="H12469" s="6" t="s">
        <v>23297</v>
      </c>
      <c r="I12469" s="7">
        <v>4.5777672000000003</v>
      </c>
      <c r="J12469" s="8">
        <v>-74.196278899999996</v>
      </c>
    </row>
    <row r="12470" spans="1:10" x14ac:dyDescent="0.35">
      <c r="A12470" s="5" t="s">
        <v>10</v>
      </c>
      <c r="B12470" s="6">
        <v>234334</v>
      </c>
      <c r="C12470" s="6" t="s">
        <v>11</v>
      </c>
      <c r="D12470" s="6" t="s">
        <v>513</v>
      </c>
      <c r="E12470" s="6">
        <v>25286</v>
      </c>
      <c r="F12470" s="6" t="s">
        <v>18</v>
      </c>
      <c r="G12470" s="6" t="s">
        <v>23298</v>
      </c>
      <c r="H12470" s="6" t="s">
        <v>23299</v>
      </c>
      <c r="I12470" s="7">
        <v>4.7196632000000003</v>
      </c>
      <c r="J12470" s="8">
        <v>-74.214440800000006</v>
      </c>
    </row>
    <row r="12471" spans="1:10" x14ac:dyDescent="0.35">
      <c r="A12471" s="5" t="s">
        <v>10</v>
      </c>
      <c r="B12471" s="6">
        <v>246410</v>
      </c>
      <c r="C12471" s="6" t="s">
        <v>190</v>
      </c>
      <c r="D12471" s="6" t="s">
        <v>11793</v>
      </c>
      <c r="E12471" s="6">
        <v>5679</v>
      </c>
      <c r="F12471" s="6" t="s">
        <v>18</v>
      </c>
      <c r="G12471" s="6" t="s">
        <v>23300</v>
      </c>
      <c r="H12471" s="6" t="s">
        <v>23301</v>
      </c>
      <c r="I12471" s="7">
        <v>10.991777799999999</v>
      </c>
      <c r="J12471" s="8">
        <v>-74.780085</v>
      </c>
    </row>
    <row r="12472" spans="1:10" x14ac:dyDescent="0.35">
      <c r="A12472" s="5" t="s">
        <v>10</v>
      </c>
      <c r="B12472" s="6">
        <v>107131</v>
      </c>
      <c r="C12472" s="6" t="s">
        <v>4364</v>
      </c>
      <c r="D12472" s="6" t="s">
        <v>4365</v>
      </c>
      <c r="E12472" s="6">
        <v>70001</v>
      </c>
      <c r="F12472" s="6" t="s">
        <v>13</v>
      </c>
      <c r="G12472" s="6" t="s">
        <v>11877</v>
      </c>
      <c r="H12472" s="6" t="s">
        <v>22804</v>
      </c>
      <c r="I12472" s="7">
        <v>9.2480499999999992</v>
      </c>
      <c r="J12472" s="8">
        <v>-75.3435688</v>
      </c>
    </row>
    <row r="12473" spans="1:10" x14ac:dyDescent="0.35">
      <c r="A12473" s="5" t="s">
        <v>10</v>
      </c>
      <c r="B12473" s="6">
        <v>195951</v>
      </c>
      <c r="C12473" s="6" t="s">
        <v>68</v>
      </c>
      <c r="D12473" s="6" t="s">
        <v>69</v>
      </c>
      <c r="E12473" s="6">
        <v>11001</v>
      </c>
      <c r="F12473" s="6" t="s">
        <v>18</v>
      </c>
      <c r="G12473" s="6" t="s">
        <v>15482</v>
      </c>
      <c r="H12473" s="6" t="s">
        <v>15483</v>
      </c>
      <c r="I12473" s="7">
        <v>4.5669652999999997</v>
      </c>
      <c r="J12473" s="8">
        <v>-74.129215299999998</v>
      </c>
    </row>
    <row r="12474" spans="1:10" x14ac:dyDescent="0.35">
      <c r="A12474" s="5" t="s">
        <v>10</v>
      </c>
      <c r="B12474" s="6">
        <v>145149</v>
      </c>
      <c r="C12474" s="6" t="s">
        <v>2130</v>
      </c>
      <c r="D12474" s="6" t="s">
        <v>370</v>
      </c>
      <c r="E12474" s="6">
        <v>85440</v>
      </c>
      <c r="F12474" s="6" t="s">
        <v>18</v>
      </c>
      <c r="G12474" s="6" t="s">
        <v>23302</v>
      </c>
      <c r="H12474" s="6" t="s">
        <v>23303</v>
      </c>
      <c r="I12474" s="7">
        <v>4.6112000000000002</v>
      </c>
      <c r="J12474" s="8">
        <v>-72.928625400000001</v>
      </c>
    </row>
    <row r="12475" spans="1:10" x14ac:dyDescent="0.35">
      <c r="A12475" s="5" t="s">
        <v>10</v>
      </c>
      <c r="B12475" s="6">
        <v>205557</v>
      </c>
      <c r="C12475" s="6" t="s">
        <v>190</v>
      </c>
      <c r="D12475" s="6" t="s">
        <v>13266</v>
      </c>
      <c r="E12475" s="6">
        <v>5034</v>
      </c>
      <c r="F12475" s="6" t="s">
        <v>18</v>
      </c>
      <c r="G12475" s="6" t="s">
        <v>22989</v>
      </c>
      <c r="H12475" s="6" t="s">
        <v>22990</v>
      </c>
      <c r="I12475" s="7">
        <v>5.6559640999999896</v>
      </c>
      <c r="J12475" s="8">
        <v>-75.879848199999998</v>
      </c>
    </row>
    <row r="12476" spans="1:10" x14ac:dyDescent="0.35">
      <c r="A12476" s="5" t="s">
        <v>10</v>
      </c>
      <c r="B12476" s="6">
        <v>238329</v>
      </c>
      <c r="C12476" s="6" t="s">
        <v>11</v>
      </c>
      <c r="D12476" s="6" t="s">
        <v>5326</v>
      </c>
      <c r="E12476" s="6">
        <v>25200</v>
      </c>
      <c r="F12476" s="6" t="s">
        <v>13</v>
      </c>
      <c r="G12476" s="6" t="s">
        <v>12374</v>
      </c>
      <c r="H12476" s="6" t="s">
        <v>23304</v>
      </c>
      <c r="I12476" s="7">
        <v>5.0603486999999996</v>
      </c>
      <c r="J12476" s="8">
        <v>-73.977755900000005</v>
      </c>
    </row>
    <row r="12477" spans="1:10" x14ac:dyDescent="0.35">
      <c r="A12477" s="5" t="s">
        <v>10</v>
      </c>
      <c r="B12477" s="6">
        <v>111153</v>
      </c>
      <c r="C12477" s="6" t="s">
        <v>109</v>
      </c>
      <c r="D12477" s="6" t="s">
        <v>2830</v>
      </c>
      <c r="E12477" s="6">
        <v>13430</v>
      </c>
      <c r="F12477" s="6" t="s">
        <v>18</v>
      </c>
      <c r="G12477" s="6" t="s">
        <v>15837</v>
      </c>
      <c r="H12477" s="6" t="s">
        <v>15838</v>
      </c>
      <c r="I12477" s="7">
        <v>9.2467883000000004</v>
      </c>
      <c r="J12477" s="8">
        <v>-74.757846099999995</v>
      </c>
    </row>
    <row r="12478" spans="1:10" x14ac:dyDescent="0.35">
      <c r="A12478" s="5" t="s">
        <v>10</v>
      </c>
      <c r="B12478" s="6">
        <v>227493</v>
      </c>
      <c r="C12478" s="6" t="s">
        <v>68</v>
      </c>
      <c r="D12478" s="6" t="s">
        <v>69</v>
      </c>
      <c r="E12478" s="6">
        <v>11001</v>
      </c>
      <c r="F12478" s="6" t="s">
        <v>18</v>
      </c>
      <c r="G12478" s="6" t="s">
        <v>23305</v>
      </c>
      <c r="H12478" s="6" t="s">
        <v>23306</v>
      </c>
      <c r="I12478" s="7">
        <v>4.735957</v>
      </c>
      <c r="J12478" s="8">
        <v>-74.082477299999994</v>
      </c>
    </row>
    <row r="12479" spans="1:10" x14ac:dyDescent="0.35">
      <c r="A12479" s="5" t="s">
        <v>10</v>
      </c>
      <c r="B12479" s="6">
        <v>189502</v>
      </c>
      <c r="C12479" s="6" t="s">
        <v>68</v>
      </c>
      <c r="D12479" s="6" t="s">
        <v>69</v>
      </c>
      <c r="E12479" s="6">
        <v>11001</v>
      </c>
      <c r="F12479" s="6" t="s">
        <v>13</v>
      </c>
      <c r="G12479" s="6" t="s">
        <v>16997</v>
      </c>
      <c r="H12479" s="6" t="s">
        <v>16998</v>
      </c>
      <c r="I12479" s="7">
        <v>4.6681625999999996</v>
      </c>
      <c r="J12479" s="8">
        <v>-74.073441900000006</v>
      </c>
    </row>
    <row r="12480" spans="1:10" x14ac:dyDescent="0.35">
      <c r="A12480" s="5" t="s">
        <v>10</v>
      </c>
      <c r="B12480" s="6">
        <v>246606</v>
      </c>
      <c r="C12480" s="6" t="s">
        <v>117</v>
      </c>
      <c r="D12480" s="6" t="s">
        <v>1291</v>
      </c>
      <c r="E12480" s="6">
        <v>76834</v>
      </c>
      <c r="F12480" s="6" t="s">
        <v>18</v>
      </c>
      <c r="G12480" s="6" t="s">
        <v>23307</v>
      </c>
      <c r="H12480" s="6" t="s">
        <v>23308</v>
      </c>
      <c r="I12480" s="7">
        <v>4.0893509999999997</v>
      </c>
      <c r="J12480" s="8">
        <v>-76.208802700000007</v>
      </c>
    </row>
    <row r="12481" spans="1:10" x14ac:dyDescent="0.35">
      <c r="A12481" s="5" t="s">
        <v>10</v>
      </c>
      <c r="B12481" s="6">
        <v>240643</v>
      </c>
      <c r="C12481" s="6" t="s">
        <v>190</v>
      </c>
      <c r="D12481" s="6" t="s">
        <v>191</v>
      </c>
      <c r="E12481" s="6">
        <v>5001</v>
      </c>
      <c r="F12481" s="6" t="s">
        <v>18</v>
      </c>
      <c r="G12481" s="6" t="s">
        <v>23309</v>
      </c>
      <c r="H12481" s="6" t="s">
        <v>23310</v>
      </c>
      <c r="I12481" s="7">
        <v>6.2972089999999996</v>
      </c>
      <c r="J12481" s="8">
        <v>-75.580738499999995</v>
      </c>
    </row>
    <row r="12482" spans="1:10" x14ac:dyDescent="0.35">
      <c r="A12482" s="5" t="s">
        <v>10</v>
      </c>
      <c r="B12482" s="6">
        <v>107122</v>
      </c>
      <c r="C12482" s="6" t="s">
        <v>4364</v>
      </c>
      <c r="D12482" s="6" t="s">
        <v>8001</v>
      </c>
      <c r="E12482" s="6">
        <v>70713</v>
      </c>
      <c r="F12482" s="6" t="s">
        <v>13</v>
      </c>
      <c r="G12482" s="6" t="s">
        <v>11877</v>
      </c>
      <c r="H12482" s="6" t="s">
        <v>23084</v>
      </c>
      <c r="I12482" s="7">
        <v>9.7408400000000004</v>
      </c>
      <c r="J12482" s="8">
        <v>-75.519872000000007</v>
      </c>
    </row>
    <row r="12483" spans="1:10" x14ac:dyDescent="0.35">
      <c r="A12483" s="5" t="s">
        <v>10</v>
      </c>
      <c r="B12483" s="6">
        <v>222290</v>
      </c>
      <c r="C12483" s="6" t="s">
        <v>68</v>
      </c>
      <c r="D12483" s="6" t="s">
        <v>69</v>
      </c>
      <c r="E12483" s="6">
        <v>11001</v>
      </c>
      <c r="F12483" s="6" t="s">
        <v>18</v>
      </c>
      <c r="G12483" s="6" t="s">
        <v>23311</v>
      </c>
      <c r="H12483" s="6" t="s">
        <v>23312</v>
      </c>
      <c r="I12483" s="7">
        <v>4.7280559000000002</v>
      </c>
      <c r="J12483" s="8">
        <v>-74.092821599999994</v>
      </c>
    </row>
    <row r="12484" spans="1:10" x14ac:dyDescent="0.35">
      <c r="A12484" s="5" t="s">
        <v>10</v>
      </c>
      <c r="B12484" s="6">
        <v>246374</v>
      </c>
      <c r="C12484" s="6" t="s">
        <v>68</v>
      </c>
      <c r="D12484" s="6" t="s">
        <v>69</v>
      </c>
      <c r="E12484" s="6">
        <v>11001</v>
      </c>
      <c r="F12484" s="6" t="s">
        <v>18</v>
      </c>
      <c r="G12484" s="6" t="s">
        <v>23313</v>
      </c>
      <c r="H12484" s="6" t="s">
        <v>23314</v>
      </c>
      <c r="I12484" s="7">
        <v>4.7273386000000004</v>
      </c>
      <c r="J12484" s="8">
        <v>-74.044087000000005</v>
      </c>
    </row>
    <row r="12485" spans="1:10" x14ac:dyDescent="0.35">
      <c r="A12485" s="5" t="s">
        <v>10</v>
      </c>
      <c r="B12485" s="6">
        <v>188661</v>
      </c>
      <c r="C12485" s="6" t="s">
        <v>28</v>
      </c>
      <c r="D12485" s="6" t="s">
        <v>29</v>
      </c>
      <c r="E12485" s="6">
        <v>54001</v>
      </c>
      <c r="F12485" s="6" t="s">
        <v>13</v>
      </c>
      <c r="G12485" s="6" t="s">
        <v>13366</v>
      </c>
      <c r="H12485" s="6" t="s">
        <v>13367</v>
      </c>
      <c r="I12485" s="7">
        <v>7.8849932999999996</v>
      </c>
      <c r="J12485" s="8">
        <v>-72.505005100000005</v>
      </c>
    </row>
    <row r="12486" spans="1:10" x14ac:dyDescent="0.35">
      <c r="A12486" s="5" t="s">
        <v>10</v>
      </c>
      <c r="B12486" s="6">
        <v>236487</v>
      </c>
      <c r="C12486" s="6" t="s">
        <v>117</v>
      </c>
      <c r="D12486" s="6" t="s">
        <v>4096</v>
      </c>
      <c r="E12486" s="6">
        <v>76233</v>
      </c>
      <c r="F12486" s="6" t="s">
        <v>18</v>
      </c>
      <c r="G12486" s="6" t="s">
        <v>23315</v>
      </c>
      <c r="H12486" s="6" t="s">
        <v>23316</v>
      </c>
      <c r="I12486" s="7">
        <v>3.5234054000000001</v>
      </c>
      <c r="J12486" s="8">
        <v>-76.712608099999997</v>
      </c>
    </row>
    <row r="12487" spans="1:10" x14ac:dyDescent="0.35">
      <c r="A12487" s="5" t="s">
        <v>10</v>
      </c>
      <c r="B12487" s="6">
        <v>192884</v>
      </c>
      <c r="C12487" s="6" t="s">
        <v>68</v>
      </c>
      <c r="D12487" s="6" t="s">
        <v>69</v>
      </c>
      <c r="E12487" s="6">
        <v>11001</v>
      </c>
      <c r="F12487" s="6" t="s">
        <v>18</v>
      </c>
      <c r="G12487" s="6" t="s">
        <v>15164</v>
      </c>
      <c r="H12487" s="6" t="s">
        <v>15165</v>
      </c>
      <c r="I12487" s="7">
        <v>4.5611366999999996</v>
      </c>
      <c r="J12487" s="8">
        <v>-74.129565900000003</v>
      </c>
    </row>
    <row r="12488" spans="1:10" x14ac:dyDescent="0.35">
      <c r="A12488" s="5" t="s">
        <v>10</v>
      </c>
      <c r="B12488" s="6">
        <v>192115</v>
      </c>
      <c r="C12488" s="6" t="s">
        <v>117</v>
      </c>
      <c r="D12488" s="6" t="s">
        <v>3492</v>
      </c>
      <c r="E12488" s="6">
        <v>76520</v>
      </c>
      <c r="F12488" s="6" t="s">
        <v>13</v>
      </c>
      <c r="G12488" s="6" t="s">
        <v>23317</v>
      </c>
      <c r="H12488" s="6" t="s">
        <v>23318</v>
      </c>
      <c r="I12488" s="7">
        <v>3.4550158</v>
      </c>
      <c r="J12488" s="8">
        <v>-76.470530400000001</v>
      </c>
    </row>
    <row r="12489" spans="1:10" x14ac:dyDescent="0.35">
      <c r="A12489" s="5" t="s">
        <v>10</v>
      </c>
      <c r="B12489" s="6">
        <v>242313</v>
      </c>
      <c r="C12489" s="6" t="s">
        <v>68</v>
      </c>
      <c r="D12489" s="6" t="s">
        <v>69</v>
      </c>
      <c r="E12489" s="6">
        <v>11001</v>
      </c>
      <c r="F12489" s="6" t="s">
        <v>18</v>
      </c>
      <c r="G12489" s="6" t="s">
        <v>23319</v>
      </c>
      <c r="H12489" s="6" t="s">
        <v>23320</v>
      </c>
      <c r="I12489" s="7">
        <v>4.5657025000000004</v>
      </c>
      <c r="J12489" s="8">
        <v>-74.128524799999994</v>
      </c>
    </row>
    <row r="12490" spans="1:10" x14ac:dyDescent="0.35">
      <c r="A12490" s="5" t="s">
        <v>10</v>
      </c>
      <c r="B12490" s="6">
        <v>246815</v>
      </c>
      <c r="C12490" s="6" t="s">
        <v>68</v>
      </c>
      <c r="D12490" s="6" t="s">
        <v>69</v>
      </c>
      <c r="E12490" s="6">
        <v>11001</v>
      </c>
      <c r="F12490" s="6" t="s">
        <v>18</v>
      </c>
      <c r="G12490" s="6" t="s">
        <v>23321</v>
      </c>
      <c r="H12490" s="6" t="s">
        <v>23322</v>
      </c>
      <c r="I12490" s="7">
        <v>4.6418382999999999</v>
      </c>
      <c r="J12490" s="8">
        <v>-74.176042499999994</v>
      </c>
    </row>
    <row r="12491" spans="1:10" x14ac:dyDescent="0.35">
      <c r="A12491" s="5" t="s">
        <v>10</v>
      </c>
      <c r="B12491" s="6">
        <v>214293</v>
      </c>
      <c r="C12491" s="6" t="s">
        <v>68</v>
      </c>
      <c r="D12491" s="6" t="s">
        <v>69</v>
      </c>
      <c r="E12491" s="6">
        <v>11001</v>
      </c>
      <c r="F12491" s="6" t="s">
        <v>18</v>
      </c>
      <c r="G12491" s="6" t="s">
        <v>16168</v>
      </c>
      <c r="H12491" s="6" t="s">
        <v>16169</v>
      </c>
      <c r="I12491" s="7">
        <v>4.6222681999999997</v>
      </c>
      <c r="J12491" s="8">
        <v>-74.199382200000002</v>
      </c>
    </row>
    <row r="12492" spans="1:10" x14ac:dyDescent="0.35">
      <c r="A12492" s="5" t="s">
        <v>10</v>
      </c>
      <c r="B12492" s="6">
        <v>229787</v>
      </c>
      <c r="C12492" s="6" t="s">
        <v>68</v>
      </c>
      <c r="D12492" s="6" t="s">
        <v>69</v>
      </c>
      <c r="E12492" s="6">
        <v>11001</v>
      </c>
      <c r="F12492" s="6" t="s">
        <v>18</v>
      </c>
      <c r="G12492" s="6" t="s">
        <v>23323</v>
      </c>
      <c r="H12492" s="6" t="s">
        <v>23324</v>
      </c>
      <c r="I12492" s="7">
        <v>4.6348482000000004</v>
      </c>
      <c r="J12492" s="8">
        <v>-74.165959299999997</v>
      </c>
    </row>
    <row r="12493" spans="1:10" x14ac:dyDescent="0.35">
      <c r="A12493" s="5" t="s">
        <v>10</v>
      </c>
      <c r="B12493" s="6">
        <v>207297</v>
      </c>
      <c r="C12493" s="6" t="s">
        <v>68</v>
      </c>
      <c r="D12493" s="6" t="s">
        <v>69</v>
      </c>
      <c r="E12493" s="6">
        <v>11001</v>
      </c>
      <c r="F12493" s="6" t="s">
        <v>18</v>
      </c>
      <c r="G12493" s="6" t="s">
        <v>23325</v>
      </c>
      <c r="H12493" s="6" t="s">
        <v>23326</v>
      </c>
      <c r="I12493" s="7">
        <v>4.6117394000000003</v>
      </c>
      <c r="J12493" s="8">
        <v>-74.170805200000004</v>
      </c>
    </row>
    <row r="12494" spans="1:10" x14ac:dyDescent="0.35">
      <c r="A12494" s="5" t="s">
        <v>10</v>
      </c>
      <c r="B12494" s="6">
        <v>69181</v>
      </c>
      <c r="C12494" s="6" t="s">
        <v>2130</v>
      </c>
      <c r="D12494" s="6" t="s">
        <v>370</v>
      </c>
      <c r="E12494" s="6">
        <v>85440</v>
      </c>
      <c r="F12494" s="6" t="s">
        <v>18</v>
      </c>
      <c r="G12494" s="6" t="s">
        <v>23327</v>
      </c>
      <c r="H12494" s="6" t="s">
        <v>23328</v>
      </c>
      <c r="I12494" s="7">
        <v>4.6112519999999897</v>
      </c>
      <c r="J12494" s="8">
        <v>-72.928125999999907</v>
      </c>
    </row>
    <row r="12495" spans="1:10" x14ac:dyDescent="0.35">
      <c r="A12495" s="5" t="s">
        <v>10</v>
      </c>
      <c r="B12495" s="6">
        <v>230258</v>
      </c>
      <c r="C12495" s="6" t="s">
        <v>11</v>
      </c>
      <c r="D12495" s="6" t="s">
        <v>513</v>
      </c>
      <c r="E12495" s="6">
        <v>25286</v>
      </c>
      <c r="F12495" s="6" t="s">
        <v>18</v>
      </c>
      <c r="G12495" s="6" t="s">
        <v>23329</v>
      </c>
      <c r="H12495" s="6" t="s">
        <v>23330</v>
      </c>
      <c r="I12495" s="7">
        <v>4.7170135000000002</v>
      </c>
      <c r="J12495" s="8">
        <v>-74.209142799999995</v>
      </c>
    </row>
    <row r="12496" spans="1:10" x14ac:dyDescent="0.35">
      <c r="A12496" s="5" t="s">
        <v>10</v>
      </c>
      <c r="B12496" s="6">
        <v>120899</v>
      </c>
      <c r="C12496" s="6" t="s">
        <v>4364</v>
      </c>
      <c r="D12496" s="6" t="s">
        <v>4365</v>
      </c>
      <c r="E12496" s="6">
        <v>70001</v>
      </c>
      <c r="F12496" s="6" t="s">
        <v>18</v>
      </c>
      <c r="G12496" s="6" t="s">
        <v>22840</v>
      </c>
      <c r="H12496" s="6" t="s">
        <v>22841</v>
      </c>
      <c r="I12496" s="7">
        <v>9.2766769999999994</v>
      </c>
      <c r="J12496" s="8">
        <v>-75.408085999999997</v>
      </c>
    </row>
    <row r="12497" spans="1:10" x14ac:dyDescent="0.35">
      <c r="A12497" s="5" t="s">
        <v>10</v>
      </c>
      <c r="B12497" s="6">
        <v>163896</v>
      </c>
      <c r="C12497" s="6" t="s">
        <v>190</v>
      </c>
      <c r="D12497" s="6" t="s">
        <v>11705</v>
      </c>
      <c r="E12497" s="6">
        <v>5318</v>
      </c>
      <c r="F12497" s="6" t="s">
        <v>18</v>
      </c>
      <c r="G12497" s="6" t="s">
        <v>23331</v>
      </c>
      <c r="H12497" s="6" t="s">
        <v>23332</v>
      </c>
      <c r="I12497" s="7">
        <v>6.2781732999999997</v>
      </c>
      <c r="J12497" s="8">
        <v>-75.440990399999905</v>
      </c>
    </row>
    <row r="12498" spans="1:10" x14ac:dyDescent="0.35">
      <c r="A12498" s="5" t="s">
        <v>10</v>
      </c>
      <c r="B12498" s="6">
        <v>189502</v>
      </c>
      <c r="C12498" s="6" t="s">
        <v>68</v>
      </c>
      <c r="D12498" s="6" t="s">
        <v>69</v>
      </c>
      <c r="E12498" s="6">
        <v>11001</v>
      </c>
      <c r="F12498" s="6" t="s">
        <v>13</v>
      </c>
      <c r="G12498" s="6" t="s">
        <v>16997</v>
      </c>
      <c r="H12498" s="6" t="s">
        <v>16998</v>
      </c>
      <c r="I12498" s="7">
        <v>4.6681625999999996</v>
      </c>
      <c r="J12498" s="8">
        <v>-74.073441900000006</v>
      </c>
    </row>
    <row r="12499" spans="1:10" x14ac:dyDescent="0.35">
      <c r="A12499" s="5" t="s">
        <v>10</v>
      </c>
      <c r="B12499" s="6">
        <v>245817</v>
      </c>
      <c r="C12499" s="6" t="s">
        <v>117</v>
      </c>
      <c r="D12499" s="6" t="s">
        <v>1334</v>
      </c>
      <c r="E12499" s="6">
        <v>76001</v>
      </c>
      <c r="F12499" s="6" t="s">
        <v>18</v>
      </c>
      <c r="G12499" s="6" t="s">
        <v>23333</v>
      </c>
      <c r="H12499" s="6" t="s">
        <v>23334</v>
      </c>
      <c r="I12499" s="7">
        <v>3.4649768999999999</v>
      </c>
      <c r="J12499" s="8">
        <v>-76.514266199999994</v>
      </c>
    </row>
    <row r="12500" spans="1:10" x14ac:dyDescent="0.35">
      <c r="A12500" s="5" t="s">
        <v>10</v>
      </c>
      <c r="B12500" s="6">
        <v>236132</v>
      </c>
      <c r="C12500" s="6" t="s">
        <v>3819</v>
      </c>
      <c r="D12500" s="6" t="s">
        <v>5557</v>
      </c>
      <c r="E12500" s="6">
        <v>86568</v>
      </c>
      <c r="F12500" s="6" t="s">
        <v>18</v>
      </c>
      <c r="G12500" s="6" t="s">
        <v>23335</v>
      </c>
      <c r="H12500" s="6" t="s">
        <v>23336</v>
      </c>
      <c r="I12500" s="7">
        <v>0.49659330000000002</v>
      </c>
      <c r="J12500" s="8">
        <v>-76.503938500000004</v>
      </c>
    </row>
    <row r="12501" spans="1:10" x14ac:dyDescent="0.35">
      <c r="A12501" s="5" t="s">
        <v>10</v>
      </c>
      <c r="B12501" s="6">
        <v>235484</v>
      </c>
      <c r="C12501" s="6" t="s">
        <v>190</v>
      </c>
      <c r="D12501" s="6" t="s">
        <v>438</v>
      </c>
      <c r="E12501" s="6">
        <v>5045</v>
      </c>
      <c r="F12501" s="6" t="s">
        <v>18</v>
      </c>
      <c r="G12501" s="6" t="s">
        <v>23337</v>
      </c>
      <c r="H12501" s="6" t="s">
        <v>23338</v>
      </c>
      <c r="I12501" s="7">
        <v>7.8816049000000001</v>
      </c>
      <c r="J12501" s="8">
        <v>-76.632315500000004</v>
      </c>
    </row>
    <row r="12502" spans="1:10" x14ac:dyDescent="0.35">
      <c r="A12502" s="5" t="s">
        <v>10</v>
      </c>
      <c r="B12502" s="6">
        <v>229578</v>
      </c>
      <c r="C12502" s="6" t="s">
        <v>68</v>
      </c>
      <c r="D12502" s="6" t="s">
        <v>69</v>
      </c>
      <c r="E12502" s="6">
        <v>11001</v>
      </c>
      <c r="F12502" s="6" t="s">
        <v>18</v>
      </c>
      <c r="G12502" s="6" t="s">
        <v>23339</v>
      </c>
      <c r="H12502" s="6" t="s">
        <v>23340</v>
      </c>
      <c r="I12502" s="7">
        <v>4.7026687000000003</v>
      </c>
      <c r="J12502" s="8">
        <v>-74.131922299999999</v>
      </c>
    </row>
    <row r="12503" spans="1:10" x14ac:dyDescent="0.35">
      <c r="A12503" s="5" t="s">
        <v>10</v>
      </c>
      <c r="B12503" s="6">
        <v>245983</v>
      </c>
      <c r="C12503" s="6" t="s">
        <v>68</v>
      </c>
      <c r="D12503" s="6" t="s">
        <v>69</v>
      </c>
      <c r="E12503" s="6">
        <v>11001</v>
      </c>
      <c r="F12503" s="6" t="s">
        <v>18</v>
      </c>
      <c r="G12503" s="6" t="s">
        <v>23341</v>
      </c>
      <c r="H12503" s="6" t="s">
        <v>23342</v>
      </c>
      <c r="I12503" s="7">
        <v>4.6100129000000001</v>
      </c>
      <c r="J12503" s="8">
        <v>-74.195450399999999</v>
      </c>
    </row>
    <row r="12504" spans="1:10" x14ac:dyDescent="0.35">
      <c r="A12504" s="5" t="s">
        <v>10</v>
      </c>
      <c r="B12504" s="6">
        <v>156831</v>
      </c>
      <c r="C12504" s="6" t="s">
        <v>109</v>
      </c>
      <c r="D12504" s="6" t="s">
        <v>22997</v>
      </c>
      <c r="E12504" s="6">
        <v>13549</v>
      </c>
      <c r="F12504" s="6" t="s">
        <v>18</v>
      </c>
      <c r="G12504" s="6" t="s">
        <v>22998</v>
      </c>
      <c r="H12504" s="6" t="s">
        <v>22999</v>
      </c>
      <c r="I12504" s="7">
        <v>9.9648304000000003</v>
      </c>
      <c r="J12504" s="8">
        <v>-75.288649500000005</v>
      </c>
    </row>
    <row r="12505" spans="1:10" x14ac:dyDescent="0.35">
      <c r="A12505" s="5" t="s">
        <v>10</v>
      </c>
      <c r="B12505" s="6">
        <v>222334</v>
      </c>
      <c r="C12505" s="6" t="s">
        <v>117</v>
      </c>
      <c r="D12505" s="6" t="s">
        <v>1334</v>
      </c>
      <c r="E12505" s="6">
        <v>76001</v>
      </c>
      <c r="F12505" s="6" t="s">
        <v>18</v>
      </c>
      <c r="G12505" s="6" t="s">
        <v>23343</v>
      </c>
      <c r="H12505" s="6" t="s">
        <v>23344</v>
      </c>
      <c r="I12505" s="7">
        <v>3.4516467</v>
      </c>
      <c r="J12505" s="8">
        <v>-76.531985399999996</v>
      </c>
    </row>
    <row r="12506" spans="1:10" x14ac:dyDescent="0.35">
      <c r="A12506" s="5" t="s">
        <v>10</v>
      </c>
      <c r="B12506" s="6">
        <v>246383</v>
      </c>
      <c r="C12506" s="6" t="s">
        <v>190</v>
      </c>
      <c r="D12506" s="6" t="s">
        <v>17357</v>
      </c>
      <c r="E12506" s="6">
        <v>5856</v>
      </c>
      <c r="F12506" s="6" t="s">
        <v>18</v>
      </c>
      <c r="G12506" s="6" t="s">
        <v>23345</v>
      </c>
      <c r="H12506" s="6" t="s">
        <v>23346</v>
      </c>
      <c r="I12506" s="7">
        <v>5.6158988000000001</v>
      </c>
      <c r="J12506" s="8">
        <v>-75.624588299999999</v>
      </c>
    </row>
    <row r="12507" spans="1:10" x14ac:dyDescent="0.35">
      <c r="A12507" s="5" t="s">
        <v>10</v>
      </c>
      <c r="B12507" s="6">
        <v>239114</v>
      </c>
      <c r="C12507" s="6" t="s">
        <v>190</v>
      </c>
      <c r="D12507" s="6" t="s">
        <v>11984</v>
      </c>
      <c r="E12507" s="6">
        <v>5591</v>
      </c>
      <c r="F12507" s="6" t="s">
        <v>18</v>
      </c>
      <c r="G12507" s="6" t="s">
        <v>23347</v>
      </c>
      <c r="H12507" s="6" t="s">
        <v>23348</v>
      </c>
      <c r="I12507" s="7">
        <v>5.8997219999999997</v>
      </c>
      <c r="J12507" s="8">
        <v>-74.733802400000002</v>
      </c>
    </row>
    <row r="12508" spans="1:10" x14ac:dyDescent="0.35">
      <c r="A12508" s="5" t="s">
        <v>10</v>
      </c>
      <c r="B12508" s="6">
        <v>107071</v>
      </c>
      <c r="C12508" s="6" t="s">
        <v>308</v>
      </c>
      <c r="D12508" s="6" t="s">
        <v>8321</v>
      </c>
      <c r="E12508" s="6">
        <v>23162</v>
      </c>
      <c r="F12508" s="6" t="s">
        <v>13</v>
      </c>
      <c r="G12508" s="6" t="s">
        <v>11877</v>
      </c>
      <c r="H12508" s="6" t="s">
        <v>16280</v>
      </c>
      <c r="I12508" s="7">
        <v>8.8889206999999999</v>
      </c>
      <c r="J12508" s="8">
        <v>-75.789587499999996</v>
      </c>
    </row>
    <row r="12509" spans="1:10" x14ac:dyDescent="0.35">
      <c r="A12509" s="5" t="s">
        <v>10</v>
      </c>
      <c r="B12509" s="6">
        <v>198570</v>
      </c>
      <c r="C12509" s="6" t="s">
        <v>68</v>
      </c>
      <c r="D12509" s="6" t="s">
        <v>69</v>
      </c>
      <c r="E12509" s="6">
        <v>11001</v>
      </c>
      <c r="F12509" s="6" t="s">
        <v>18</v>
      </c>
      <c r="G12509" s="6" t="s">
        <v>23349</v>
      </c>
      <c r="H12509" s="6" t="s">
        <v>23350</v>
      </c>
      <c r="I12509" s="7">
        <v>4.5430001999999998</v>
      </c>
      <c r="J12509" s="8">
        <v>-74.097068399999998</v>
      </c>
    </row>
    <row r="12510" spans="1:10" x14ac:dyDescent="0.35">
      <c r="A12510" s="5" t="s">
        <v>10</v>
      </c>
      <c r="B12510" s="6">
        <v>235405</v>
      </c>
      <c r="C12510" s="6" t="s">
        <v>68</v>
      </c>
      <c r="D12510" s="6" t="s">
        <v>69</v>
      </c>
      <c r="E12510" s="6">
        <v>11001</v>
      </c>
      <c r="F12510" s="6" t="s">
        <v>18</v>
      </c>
      <c r="G12510" s="6" t="s">
        <v>23351</v>
      </c>
      <c r="H12510" s="6" t="s">
        <v>23352</v>
      </c>
      <c r="I12510" s="7">
        <v>4.5806472999999999</v>
      </c>
      <c r="J12510" s="8">
        <v>-74.071033999999997</v>
      </c>
    </row>
    <row r="12511" spans="1:10" x14ac:dyDescent="0.35">
      <c r="A12511" s="5" t="s">
        <v>10</v>
      </c>
      <c r="B12511" s="6">
        <v>238032</v>
      </c>
      <c r="C12511" s="6" t="s">
        <v>68</v>
      </c>
      <c r="D12511" s="6" t="s">
        <v>69</v>
      </c>
      <c r="E12511" s="6">
        <v>11001</v>
      </c>
      <c r="F12511" s="6" t="s">
        <v>18</v>
      </c>
      <c r="G12511" s="6" t="s">
        <v>23353</v>
      </c>
      <c r="H12511" s="6" t="s">
        <v>23354</v>
      </c>
      <c r="I12511" s="7">
        <v>4.5579923999999998</v>
      </c>
      <c r="J12511" s="8">
        <v>-74.121932299999997</v>
      </c>
    </row>
    <row r="12512" spans="1:10" x14ac:dyDescent="0.35">
      <c r="A12512" s="5" t="s">
        <v>10</v>
      </c>
      <c r="B12512" s="6">
        <v>189089</v>
      </c>
      <c r="C12512" s="6" t="s">
        <v>28</v>
      </c>
      <c r="D12512" s="6" t="s">
        <v>23355</v>
      </c>
      <c r="E12512" s="6">
        <v>54377</v>
      </c>
      <c r="F12512" s="6" t="s">
        <v>13</v>
      </c>
      <c r="G12512" s="6" t="s">
        <v>23356</v>
      </c>
      <c r="H12512" s="6" t="s">
        <v>23357</v>
      </c>
      <c r="I12512" s="7">
        <v>7.2986180000000003</v>
      </c>
      <c r="J12512" s="8">
        <v>-72.496536000000006</v>
      </c>
    </row>
    <row r="12513" spans="1:10" x14ac:dyDescent="0.35">
      <c r="A12513" s="5" t="s">
        <v>10</v>
      </c>
      <c r="B12513" s="6">
        <v>189502</v>
      </c>
      <c r="C12513" s="6" t="s">
        <v>68</v>
      </c>
      <c r="D12513" s="6" t="s">
        <v>69</v>
      </c>
      <c r="E12513" s="6">
        <v>11001</v>
      </c>
      <c r="F12513" s="6" t="s">
        <v>13</v>
      </c>
      <c r="G12513" s="6" t="s">
        <v>16997</v>
      </c>
      <c r="H12513" s="6" t="s">
        <v>16998</v>
      </c>
      <c r="I12513" s="7">
        <v>4.6681625999999996</v>
      </c>
      <c r="J12513" s="8">
        <v>-74.073441900000006</v>
      </c>
    </row>
    <row r="12514" spans="1:10" x14ac:dyDescent="0.35">
      <c r="A12514" s="5" t="s">
        <v>10</v>
      </c>
      <c r="B12514" s="6">
        <v>110551</v>
      </c>
      <c r="C12514" s="6" t="s">
        <v>190</v>
      </c>
      <c r="D12514" s="6" t="s">
        <v>2166</v>
      </c>
      <c r="E12514" s="6">
        <v>5093</v>
      </c>
      <c r="F12514" s="6" t="s">
        <v>18</v>
      </c>
      <c r="G12514" s="6" t="s">
        <v>22976</v>
      </c>
      <c r="H12514" s="6" t="s">
        <v>22977</v>
      </c>
      <c r="I12514" s="7">
        <v>6.1127799999999999</v>
      </c>
      <c r="J12514" s="8">
        <v>-75.984669999999994</v>
      </c>
    </row>
    <row r="12515" spans="1:10" x14ac:dyDescent="0.35">
      <c r="A12515" s="5" t="s">
        <v>10</v>
      </c>
      <c r="B12515" s="6">
        <v>134030</v>
      </c>
      <c r="C12515" s="6" t="s">
        <v>190</v>
      </c>
      <c r="D12515" s="6" t="s">
        <v>16365</v>
      </c>
      <c r="E12515" s="6">
        <v>5467</v>
      </c>
      <c r="F12515" s="6" t="s">
        <v>18</v>
      </c>
      <c r="G12515" s="6" t="s">
        <v>16366</v>
      </c>
      <c r="H12515" s="6" t="s">
        <v>16367</v>
      </c>
      <c r="I12515" s="7">
        <v>5.9277638000000001</v>
      </c>
      <c r="J12515" s="8">
        <v>-75.516023500000003</v>
      </c>
    </row>
    <row r="12516" spans="1:10" x14ac:dyDescent="0.35">
      <c r="A12516" s="5" t="s">
        <v>10</v>
      </c>
      <c r="B12516" s="6">
        <v>203615</v>
      </c>
      <c r="C12516" s="6" t="s">
        <v>68</v>
      </c>
      <c r="D12516" s="6" t="s">
        <v>69</v>
      </c>
      <c r="E12516" s="6">
        <v>11001</v>
      </c>
      <c r="F12516" s="6" t="s">
        <v>18</v>
      </c>
      <c r="G12516" s="6" t="s">
        <v>23358</v>
      </c>
      <c r="H12516" s="6" t="s">
        <v>23359</v>
      </c>
      <c r="I12516" s="7">
        <v>4.7007633999999996</v>
      </c>
      <c r="J12516" s="8">
        <v>-74.073221099999998</v>
      </c>
    </row>
    <row r="12517" spans="1:10" x14ac:dyDescent="0.35">
      <c r="A12517" s="5" t="s">
        <v>10</v>
      </c>
      <c r="B12517" s="6">
        <v>219713</v>
      </c>
      <c r="C12517" s="6" t="s">
        <v>68</v>
      </c>
      <c r="D12517" s="6" t="s">
        <v>69</v>
      </c>
      <c r="E12517" s="6">
        <v>11001</v>
      </c>
      <c r="F12517" s="6" t="s">
        <v>18</v>
      </c>
      <c r="G12517" s="6" t="s">
        <v>23360</v>
      </c>
      <c r="H12517" s="6" t="s">
        <v>23361</v>
      </c>
      <c r="I12517" s="7">
        <v>4.6810668</v>
      </c>
      <c r="J12517" s="8">
        <v>-74.105425499999996</v>
      </c>
    </row>
    <row r="12518" spans="1:10" x14ac:dyDescent="0.35">
      <c r="A12518" s="5" t="s">
        <v>10</v>
      </c>
      <c r="B12518" s="6">
        <v>120899</v>
      </c>
      <c r="C12518" s="6" t="s">
        <v>4364</v>
      </c>
      <c r="D12518" s="6" t="s">
        <v>4365</v>
      </c>
      <c r="E12518" s="6">
        <v>70001</v>
      </c>
      <c r="F12518" s="6" t="s">
        <v>18</v>
      </c>
      <c r="G12518" s="6" t="s">
        <v>22840</v>
      </c>
      <c r="H12518" s="6" t="s">
        <v>22841</v>
      </c>
      <c r="I12518" s="7">
        <v>9.2766769999999994</v>
      </c>
      <c r="J12518" s="8">
        <v>-75.408085999999997</v>
      </c>
    </row>
    <row r="12519" spans="1:10" x14ac:dyDescent="0.35">
      <c r="A12519" s="5" t="s">
        <v>10</v>
      </c>
      <c r="B12519" s="6">
        <v>246883</v>
      </c>
      <c r="C12519" s="6" t="s">
        <v>68</v>
      </c>
      <c r="D12519" s="6" t="s">
        <v>69</v>
      </c>
      <c r="E12519" s="6">
        <v>11001</v>
      </c>
      <c r="F12519" s="6" t="s">
        <v>18</v>
      </c>
      <c r="G12519" s="6" t="s">
        <v>23362</v>
      </c>
      <c r="H12519" s="6" t="s">
        <v>23363</v>
      </c>
      <c r="I12519" s="7">
        <v>4.7134992000000002</v>
      </c>
      <c r="J12519" s="8">
        <v>-74.062121500000003</v>
      </c>
    </row>
    <row r="12520" spans="1:10" x14ac:dyDescent="0.35">
      <c r="A12520" s="5" t="s">
        <v>10</v>
      </c>
      <c r="B12520" s="6">
        <v>189735</v>
      </c>
      <c r="C12520" s="6" t="s">
        <v>308</v>
      </c>
      <c r="D12520" s="6" t="s">
        <v>309</v>
      </c>
      <c r="E12520" s="6">
        <v>23001</v>
      </c>
      <c r="F12520" s="6" t="s">
        <v>13</v>
      </c>
      <c r="G12520" s="6" t="s">
        <v>23364</v>
      </c>
      <c r="H12520" s="6" t="s">
        <v>23365</v>
      </c>
      <c r="I12520" s="7">
        <v>8.7626413000000003</v>
      </c>
      <c r="J12520" s="8">
        <v>-75.880408900000006</v>
      </c>
    </row>
    <row r="12521" spans="1:10" x14ac:dyDescent="0.35">
      <c r="A12521" s="5" t="s">
        <v>10</v>
      </c>
      <c r="B12521" s="6">
        <v>240502</v>
      </c>
      <c r="C12521" s="6" t="s">
        <v>190</v>
      </c>
      <c r="D12521" s="6" t="s">
        <v>191</v>
      </c>
      <c r="E12521" s="6">
        <v>5001</v>
      </c>
      <c r="F12521" s="6" t="s">
        <v>18</v>
      </c>
      <c r="G12521" s="6" t="s">
        <v>23366</v>
      </c>
      <c r="H12521" s="6" t="s">
        <v>23367</v>
      </c>
      <c r="I12521" s="7">
        <v>6.2377536999999998</v>
      </c>
      <c r="J12521" s="8">
        <v>-75.5858214</v>
      </c>
    </row>
    <row r="12522" spans="1:10" x14ac:dyDescent="0.35">
      <c r="A12522" s="5" t="s">
        <v>10</v>
      </c>
      <c r="B12522" s="6">
        <v>240517</v>
      </c>
      <c r="C12522" s="6" t="s">
        <v>190</v>
      </c>
      <c r="D12522" s="6" t="s">
        <v>4362</v>
      </c>
      <c r="E12522" s="6">
        <v>5360</v>
      </c>
      <c r="F12522" s="6" t="s">
        <v>18</v>
      </c>
      <c r="G12522" s="6" t="s">
        <v>23368</v>
      </c>
      <c r="H12522" s="6" t="s">
        <v>23369</v>
      </c>
      <c r="I12522" s="7">
        <v>6.1657479999999998</v>
      </c>
      <c r="J12522" s="8">
        <v>-75.623013700000001</v>
      </c>
    </row>
    <row r="12523" spans="1:10" x14ac:dyDescent="0.35">
      <c r="A12523" s="5" t="s">
        <v>10</v>
      </c>
      <c r="B12523" s="6">
        <v>107123</v>
      </c>
      <c r="C12523" s="6" t="s">
        <v>4364</v>
      </c>
      <c r="D12523" s="6" t="s">
        <v>7836</v>
      </c>
      <c r="E12523" s="6">
        <v>70717</v>
      </c>
      <c r="F12523" s="6" t="s">
        <v>13</v>
      </c>
      <c r="G12523" s="6" t="s">
        <v>11877</v>
      </c>
      <c r="H12523" s="6" t="s">
        <v>23370</v>
      </c>
      <c r="I12523" s="7">
        <v>9.3961755</v>
      </c>
      <c r="J12523" s="8">
        <v>-75.063665</v>
      </c>
    </row>
    <row r="12524" spans="1:10" x14ac:dyDescent="0.35">
      <c r="A12524" s="5" t="s">
        <v>10</v>
      </c>
      <c r="B12524" s="6">
        <v>235813</v>
      </c>
      <c r="C12524" s="6" t="s">
        <v>68</v>
      </c>
      <c r="D12524" s="6" t="s">
        <v>69</v>
      </c>
      <c r="E12524" s="6">
        <v>11001</v>
      </c>
      <c r="F12524" s="6" t="s">
        <v>18</v>
      </c>
      <c r="G12524" s="6" t="s">
        <v>23371</v>
      </c>
      <c r="H12524" s="6" t="s">
        <v>23372</v>
      </c>
      <c r="I12524" s="7">
        <v>4.6142792999999998</v>
      </c>
      <c r="J12524" s="8">
        <v>-74.109551999999994</v>
      </c>
    </row>
    <row r="12525" spans="1:10" x14ac:dyDescent="0.35">
      <c r="A12525" s="5" t="s">
        <v>10</v>
      </c>
      <c r="B12525" s="6">
        <v>208506</v>
      </c>
      <c r="C12525" s="6" t="s">
        <v>68</v>
      </c>
      <c r="D12525" s="6" t="s">
        <v>69</v>
      </c>
      <c r="E12525" s="6">
        <v>11001</v>
      </c>
      <c r="F12525" s="6" t="s">
        <v>18</v>
      </c>
      <c r="G12525" s="6" t="s">
        <v>23373</v>
      </c>
      <c r="H12525" s="6" t="s">
        <v>23374</v>
      </c>
      <c r="I12525" s="7">
        <v>4.6228670999999997</v>
      </c>
      <c r="J12525" s="8">
        <v>-74.185039500000002</v>
      </c>
    </row>
    <row r="12526" spans="1:10" x14ac:dyDescent="0.35">
      <c r="A12526" s="5" t="s">
        <v>10</v>
      </c>
      <c r="B12526" s="6">
        <v>217464</v>
      </c>
      <c r="C12526" s="6" t="s">
        <v>68</v>
      </c>
      <c r="D12526" s="6" t="s">
        <v>69</v>
      </c>
      <c r="E12526" s="6">
        <v>11001</v>
      </c>
      <c r="F12526" s="6" t="s">
        <v>18</v>
      </c>
      <c r="G12526" s="6" t="s">
        <v>23375</v>
      </c>
      <c r="H12526" s="6" t="s">
        <v>23376</v>
      </c>
      <c r="I12526" s="7">
        <v>4.6659265999999997</v>
      </c>
      <c r="J12526" s="8">
        <v>-74.081868299999996</v>
      </c>
    </row>
    <row r="12527" spans="1:10" x14ac:dyDescent="0.35">
      <c r="A12527" s="5" t="s">
        <v>10</v>
      </c>
      <c r="B12527" s="6">
        <v>117077</v>
      </c>
      <c r="C12527" s="6" t="s">
        <v>2130</v>
      </c>
      <c r="D12527" s="6" t="s">
        <v>4238</v>
      </c>
      <c r="E12527" s="6">
        <v>85410</v>
      </c>
      <c r="F12527" s="6" t="s">
        <v>18</v>
      </c>
      <c r="G12527" s="6" t="s">
        <v>12928</v>
      </c>
      <c r="H12527" s="6" t="s">
        <v>12929</v>
      </c>
      <c r="I12527" s="7">
        <v>5.0106848999999896</v>
      </c>
      <c r="J12527" s="8">
        <v>-72.750495000000001</v>
      </c>
    </row>
    <row r="12528" spans="1:10" x14ac:dyDescent="0.35">
      <c r="A12528" s="5" t="s">
        <v>10</v>
      </c>
      <c r="B12528" s="6">
        <v>239780</v>
      </c>
      <c r="C12528" s="6" t="s">
        <v>117</v>
      </c>
      <c r="D12528" s="6" t="s">
        <v>3686</v>
      </c>
      <c r="E12528" s="6">
        <v>76111</v>
      </c>
      <c r="F12528" s="6" t="s">
        <v>18</v>
      </c>
      <c r="G12528" s="6" t="s">
        <v>23377</v>
      </c>
      <c r="H12528" s="6" t="s">
        <v>23378</v>
      </c>
      <c r="I12528" s="7">
        <v>3.9101360999999999</v>
      </c>
      <c r="J12528" s="8">
        <v>-76.293967699999996</v>
      </c>
    </row>
    <row r="12529" spans="1:10" x14ac:dyDescent="0.35">
      <c r="A12529" s="5" t="s">
        <v>10</v>
      </c>
      <c r="B12529" s="6">
        <v>201401</v>
      </c>
      <c r="C12529" s="6" t="s">
        <v>68</v>
      </c>
      <c r="D12529" s="6" t="s">
        <v>69</v>
      </c>
      <c r="E12529" s="6">
        <v>11001</v>
      </c>
      <c r="F12529" s="6" t="s">
        <v>18</v>
      </c>
      <c r="G12529" s="6" t="s">
        <v>23379</v>
      </c>
      <c r="H12529" s="6" t="s">
        <v>23380</v>
      </c>
      <c r="I12529" s="7">
        <v>4.7161444000000001</v>
      </c>
      <c r="J12529" s="8">
        <v>-74.121291900000003</v>
      </c>
    </row>
    <row r="12530" spans="1:10" x14ac:dyDescent="0.35">
      <c r="A12530" s="5" t="s">
        <v>10</v>
      </c>
      <c r="B12530" s="6">
        <v>111503</v>
      </c>
      <c r="C12530" s="6" t="s">
        <v>109</v>
      </c>
      <c r="D12530" s="6" t="s">
        <v>2830</v>
      </c>
      <c r="E12530" s="6">
        <v>13430</v>
      </c>
      <c r="F12530" s="6" t="s">
        <v>18</v>
      </c>
      <c r="G12530" s="6" t="s">
        <v>5586</v>
      </c>
      <c r="H12530" s="6" t="s">
        <v>23075</v>
      </c>
      <c r="I12530" s="7">
        <v>9.2370350999999999</v>
      </c>
      <c r="J12530" s="8">
        <v>-74.746083499999997</v>
      </c>
    </row>
    <row r="12531" spans="1:10" x14ac:dyDescent="0.35">
      <c r="A12531" s="5" t="s">
        <v>10</v>
      </c>
      <c r="B12531" s="6">
        <v>218372</v>
      </c>
      <c r="C12531" s="6" t="s">
        <v>117</v>
      </c>
      <c r="D12531" s="6" t="s">
        <v>4931</v>
      </c>
      <c r="E12531" s="6">
        <v>76892</v>
      </c>
      <c r="F12531" s="6" t="s">
        <v>18</v>
      </c>
      <c r="G12531" s="6" t="s">
        <v>23381</v>
      </c>
      <c r="H12531" s="6" t="s">
        <v>23382</v>
      </c>
      <c r="I12531" s="7">
        <v>3.5663265000000002</v>
      </c>
      <c r="J12531" s="8">
        <v>-76.498258399999997</v>
      </c>
    </row>
    <row r="12532" spans="1:10" x14ac:dyDescent="0.35">
      <c r="A12532" s="5" t="s">
        <v>10</v>
      </c>
      <c r="B12532" s="6">
        <v>245593</v>
      </c>
      <c r="C12532" s="6" t="s">
        <v>117</v>
      </c>
      <c r="D12532" s="6" t="s">
        <v>3686</v>
      </c>
      <c r="E12532" s="6">
        <v>76111</v>
      </c>
      <c r="F12532" s="6" t="s">
        <v>18</v>
      </c>
      <c r="G12532" s="6" t="s">
        <v>23383</v>
      </c>
      <c r="H12532" s="6" t="s">
        <v>23384</v>
      </c>
      <c r="I12532" s="7">
        <v>3.9092061999999999</v>
      </c>
      <c r="J12532" s="8">
        <v>-76.299003200000001</v>
      </c>
    </row>
    <row r="12533" spans="1:10" x14ac:dyDescent="0.35">
      <c r="A12533" s="5" t="s">
        <v>10</v>
      </c>
      <c r="B12533" s="6">
        <v>242332</v>
      </c>
      <c r="C12533" s="6" t="s">
        <v>68</v>
      </c>
      <c r="D12533" s="6" t="s">
        <v>69</v>
      </c>
      <c r="E12533" s="6">
        <v>11001</v>
      </c>
      <c r="F12533" s="6" t="s">
        <v>18</v>
      </c>
      <c r="G12533" s="6" t="s">
        <v>23385</v>
      </c>
      <c r="H12533" s="6" t="s">
        <v>23386</v>
      </c>
      <c r="I12533" s="7">
        <v>4.5741329000000004</v>
      </c>
      <c r="J12533" s="8">
        <v>-74.152004700000006</v>
      </c>
    </row>
    <row r="12534" spans="1:10" x14ac:dyDescent="0.35">
      <c r="A12534" s="5" t="s">
        <v>10</v>
      </c>
      <c r="B12534" s="6">
        <v>189652</v>
      </c>
      <c r="C12534" s="6" t="s">
        <v>68</v>
      </c>
      <c r="D12534" s="6" t="s">
        <v>69</v>
      </c>
      <c r="E12534" s="6">
        <v>11001</v>
      </c>
      <c r="F12534" s="6" t="s">
        <v>13</v>
      </c>
      <c r="G12534" s="6" t="s">
        <v>16997</v>
      </c>
      <c r="H12534" s="6" t="s">
        <v>22677</v>
      </c>
      <c r="I12534" s="7">
        <v>4.6385345999999998</v>
      </c>
      <c r="J12534" s="8">
        <v>-74.112319400000004</v>
      </c>
    </row>
    <row r="12535" spans="1:10" x14ac:dyDescent="0.35">
      <c r="A12535" s="5" t="s">
        <v>10</v>
      </c>
      <c r="B12535" s="6">
        <v>189502</v>
      </c>
      <c r="C12535" s="6" t="s">
        <v>68</v>
      </c>
      <c r="D12535" s="6" t="s">
        <v>69</v>
      </c>
      <c r="E12535" s="6">
        <v>11001</v>
      </c>
      <c r="F12535" s="6" t="s">
        <v>13</v>
      </c>
      <c r="G12535" s="6" t="s">
        <v>16997</v>
      </c>
      <c r="H12535" s="6" t="s">
        <v>16998</v>
      </c>
      <c r="I12535" s="7">
        <v>4.6681625999999996</v>
      </c>
      <c r="J12535" s="8">
        <v>-74.073441900000006</v>
      </c>
    </row>
    <row r="12536" spans="1:10" x14ac:dyDescent="0.35">
      <c r="A12536" s="5" t="s">
        <v>10</v>
      </c>
      <c r="B12536" s="6">
        <v>175078</v>
      </c>
      <c r="C12536" s="6" t="s">
        <v>68</v>
      </c>
      <c r="D12536" s="6" t="s">
        <v>69</v>
      </c>
      <c r="E12536" s="6">
        <v>11001</v>
      </c>
      <c r="F12536" s="6" t="s">
        <v>18</v>
      </c>
      <c r="G12536" s="6" t="s">
        <v>11881</v>
      </c>
      <c r="H12536" s="6" t="s">
        <v>11882</v>
      </c>
      <c r="I12536" s="7">
        <v>4.5816289000000001</v>
      </c>
      <c r="J12536" s="8">
        <v>-74.133796399999994</v>
      </c>
    </row>
    <row r="12537" spans="1:10" x14ac:dyDescent="0.35">
      <c r="A12537" s="5" t="s">
        <v>10</v>
      </c>
      <c r="B12537" s="6">
        <v>242734</v>
      </c>
      <c r="C12537" s="6" t="s">
        <v>68</v>
      </c>
      <c r="D12537" s="6" t="s">
        <v>69</v>
      </c>
      <c r="E12537" s="6">
        <v>11001</v>
      </c>
      <c r="F12537" s="6" t="s">
        <v>18</v>
      </c>
      <c r="G12537" s="6" t="s">
        <v>23387</v>
      </c>
      <c r="H12537" s="6" t="s">
        <v>23388</v>
      </c>
      <c r="I12537" s="7">
        <v>4.6034350000000002</v>
      </c>
      <c r="J12537" s="8">
        <v>-74.145890499999993</v>
      </c>
    </row>
    <row r="12538" spans="1:10" x14ac:dyDescent="0.35">
      <c r="A12538" s="5" t="s">
        <v>10</v>
      </c>
      <c r="B12538" s="6">
        <v>221939</v>
      </c>
      <c r="C12538" s="6" t="s">
        <v>68</v>
      </c>
      <c r="D12538" s="6" t="s">
        <v>69</v>
      </c>
      <c r="E12538" s="6">
        <v>11001</v>
      </c>
      <c r="F12538" s="6" t="s">
        <v>18</v>
      </c>
      <c r="G12538" s="6" t="s">
        <v>23389</v>
      </c>
      <c r="H12538" s="6" t="s">
        <v>23390</v>
      </c>
      <c r="I12538" s="7">
        <v>4.5983869999999998</v>
      </c>
      <c r="J12538" s="8">
        <v>-74.167559400000002</v>
      </c>
    </row>
    <row r="12539" spans="1:10" x14ac:dyDescent="0.35">
      <c r="A12539" s="5" t="s">
        <v>10</v>
      </c>
      <c r="B12539" s="6">
        <v>183940</v>
      </c>
      <c r="C12539" s="6" t="s">
        <v>68</v>
      </c>
      <c r="D12539" s="6" t="s">
        <v>69</v>
      </c>
      <c r="E12539" s="6">
        <v>11001</v>
      </c>
      <c r="F12539" s="6" t="s">
        <v>18</v>
      </c>
      <c r="G12539" s="6" t="s">
        <v>12268</v>
      </c>
      <c r="H12539" s="6" t="s">
        <v>12269</v>
      </c>
      <c r="I12539" s="7">
        <v>4.6700181000000001</v>
      </c>
      <c r="J12539" s="8">
        <v>-74.069828000000001</v>
      </c>
    </row>
    <row r="12540" spans="1:10" x14ac:dyDescent="0.35">
      <c r="A12540" s="5" t="s">
        <v>10</v>
      </c>
      <c r="B12540" s="6">
        <v>208354</v>
      </c>
      <c r="C12540" s="6" t="s">
        <v>28</v>
      </c>
      <c r="D12540" s="6" t="s">
        <v>49</v>
      </c>
      <c r="E12540" s="6">
        <v>54498</v>
      </c>
      <c r="F12540" s="6" t="s">
        <v>13</v>
      </c>
      <c r="G12540" s="6" t="s">
        <v>23391</v>
      </c>
      <c r="H12540" s="6" t="s">
        <v>23392</v>
      </c>
      <c r="I12540" s="7">
        <v>8.2520500000000006</v>
      </c>
      <c r="J12540" s="8">
        <v>-73.353219899999999</v>
      </c>
    </row>
    <row r="12541" spans="1:10" x14ac:dyDescent="0.35">
      <c r="A12541" s="5" t="s">
        <v>10</v>
      </c>
      <c r="B12541" s="6">
        <v>244661</v>
      </c>
      <c r="C12541" s="6" t="s">
        <v>68</v>
      </c>
      <c r="D12541" s="6" t="s">
        <v>69</v>
      </c>
      <c r="E12541" s="6">
        <v>11001</v>
      </c>
      <c r="F12541" s="6" t="s">
        <v>18</v>
      </c>
      <c r="G12541" s="6" t="s">
        <v>23393</v>
      </c>
      <c r="H12541" s="6" t="s">
        <v>23394</v>
      </c>
      <c r="I12541" s="7">
        <v>4.6145582000000003</v>
      </c>
      <c r="J12541" s="8">
        <v>-74.168990199999996</v>
      </c>
    </row>
    <row r="12542" spans="1:10" x14ac:dyDescent="0.35">
      <c r="A12542" s="5" t="s">
        <v>10</v>
      </c>
      <c r="B12542" s="6">
        <v>211190</v>
      </c>
      <c r="C12542" s="6" t="s">
        <v>68</v>
      </c>
      <c r="D12542" s="6" t="s">
        <v>69</v>
      </c>
      <c r="E12542" s="6">
        <v>11001</v>
      </c>
      <c r="F12542" s="6" t="s">
        <v>18</v>
      </c>
      <c r="G12542" s="6" t="s">
        <v>23395</v>
      </c>
      <c r="H12542" s="6" t="s">
        <v>23396</v>
      </c>
      <c r="I12542" s="7">
        <v>4.5978081</v>
      </c>
      <c r="J12542" s="8">
        <v>-74.0853647</v>
      </c>
    </row>
    <row r="12543" spans="1:10" x14ac:dyDescent="0.35">
      <c r="A12543" s="5" t="s">
        <v>10</v>
      </c>
      <c r="B12543" s="6">
        <v>238151</v>
      </c>
      <c r="C12543" s="6" t="s">
        <v>68</v>
      </c>
      <c r="D12543" s="6" t="s">
        <v>69</v>
      </c>
      <c r="E12543" s="6">
        <v>11001</v>
      </c>
      <c r="F12543" s="6" t="s">
        <v>18</v>
      </c>
      <c r="G12543" s="6" t="s">
        <v>23397</v>
      </c>
      <c r="H12543" s="6" t="s">
        <v>23398</v>
      </c>
      <c r="I12543" s="7">
        <v>4.5621207000000004</v>
      </c>
      <c r="J12543" s="8">
        <v>-74.087494500000005</v>
      </c>
    </row>
    <row r="12544" spans="1:10" x14ac:dyDescent="0.35">
      <c r="A12544" s="5" t="s">
        <v>10</v>
      </c>
      <c r="B12544" s="6">
        <v>239840</v>
      </c>
      <c r="C12544" s="6" t="s">
        <v>68</v>
      </c>
      <c r="D12544" s="6" t="s">
        <v>69</v>
      </c>
      <c r="E12544" s="6">
        <v>11001</v>
      </c>
      <c r="F12544" s="6" t="s">
        <v>18</v>
      </c>
      <c r="G12544" s="6" t="s">
        <v>23399</v>
      </c>
      <c r="H12544" s="6" t="s">
        <v>23400</v>
      </c>
      <c r="I12544" s="7">
        <v>4.6449939000000002</v>
      </c>
      <c r="J12544" s="8">
        <v>-74.071376700000002</v>
      </c>
    </row>
    <row r="12545" spans="1:10" x14ac:dyDescent="0.35">
      <c r="A12545" s="5" t="s">
        <v>10</v>
      </c>
      <c r="B12545" s="6">
        <v>244177</v>
      </c>
      <c r="C12545" s="6" t="s">
        <v>68</v>
      </c>
      <c r="D12545" s="6" t="s">
        <v>69</v>
      </c>
      <c r="E12545" s="6">
        <v>11001</v>
      </c>
      <c r="F12545" s="6" t="s">
        <v>18</v>
      </c>
      <c r="G12545" s="6" t="s">
        <v>23401</v>
      </c>
      <c r="H12545" s="6" t="s">
        <v>23402</v>
      </c>
      <c r="I12545" s="7">
        <v>4.6179060999999999</v>
      </c>
      <c r="J12545" s="8">
        <v>-74.173113000000001</v>
      </c>
    </row>
    <row r="12546" spans="1:10" x14ac:dyDescent="0.35">
      <c r="A12546" s="5" t="s">
        <v>10</v>
      </c>
      <c r="B12546" s="6">
        <v>192407</v>
      </c>
      <c r="C12546" s="6" t="s">
        <v>2821</v>
      </c>
      <c r="D12546" s="6" t="s">
        <v>8204</v>
      </c>
      <c r="E12546" s="6">
        <v>47053</v>
      </c>
      <c r="F12546" s="6" t="s">
        <v>13</v>
      </c>
      <c r="G12546" s="6" t="s">
        <v>23403</v>
      </c>
      <c r="H12546" s="6" t="s">
        <v>23404</v>
      </c>
      <c r="I12546" s="7">
        <v>10.5934802</v>
      </c>
      <c r="J12546" s="8">
        <v>-74.189976799999997</v>
      </c>
    </row>
    <row r="12547" spans="1:10" x14ac:dyDescent="0.35">
      <c r="A12547" s="5" t="s">
        <v>10</v>
      </c>
      <c r="B12547" s="6">
        <v>241157</v>
      </c>
      <c r="C12547" s="6" t="s">
        <v>117</v>
      </c>
      <c r="D12547" s="6" t="s">
        <v>1334</v>
      </c>
      <c r="E12547" s="6">
        <v>76001</v>
      </c>
      <c r="F12547" s="6" t="s">
        <v>18</v>
      </c>
      <c r="G12547" s="6" t="s">
        <v>23405</v>
      </c>
      <c r="H12547" s="6" t="s">
        <v>23406</v>
      </c>
      <c r="I12547" s="7">
        <v>3.4527630999999999</v>
      </c>
      <c r="J12547" s="8">
        <v>-76.529042899999993</v>
      </c>
    </row>
    <row r="12548" spans="1:10" x14ac:dyDescent="0.35">
      <c r="A12548" s="5" t="s">
        <v>10</v>
      </c>
      <c r="B12548" s="6">
        <v>220595</v>
      </c>
      <c r="C12548" s="6" t="s">
        <v>190</v>
      </c>
      <c r="D12548" s="6" t="s">
        <v>6084</v>
      </c>
      <c r="E12548" s="6">
        <v>5154</v>
      </c>
      <c r="F12548" s="6" t="s">
        <v>18</v>
      </c>
      <c r="G12548" s="6" t="s">
        <v>23407</v>
      </c>
      <c r="H12548" s="6" t="s">
        <v>23408</v>
      </c>
      <c r="I12548" s="7">
        <v>7.9856365</v>
      </c>
      <c r="J12548" s="8">
        <v>-75.198796599999994</v>
      </c>
    </row>
    <row r="12549" spans="1:10" x14ac:dyDescent="0.35">
      <c r="A12549" s="5" t="s">
        <v>10</v>
      </c>
      <c r="B12549" s="6">
        <v>216006</v>
      </c>
      <c r="C12549" s="6" t="s">
        <v>68</v>
      </c>
      <c r="D12549" s="6" t="s">
        <v>69</v>
      </c>
      <c r="E12549" s="6">
        <v>11001</v>
      </c>
      <c r="F12549" s="6" t="s">
        <v>18</v>
      </c>
      <c r="G12549" s="6" t="s">
        <v>23409</v>
      </c>
      <c r="H12549" s="6" t="s">
        <v>23410</v>
      </c>
      <c r="I12549" s="7">
        <v>4.5094528999999897</v>
      </c>
      <c r="J12549" s="8">
        <v>-74.112674599999906</v>
      </c>
    </row>
    <row r="12550" spans="1:10" x14ac:dyDescent="0.35">
      <c r="A12550" s="5" t="s">
        <v>10</v>
      </c>
      <c r="B12550" s="6">
        <v>239140</v>
      </c>
      <c r="C12550" s="6" t="s">
        <v>117</v>
      </c>
      <c r="D12550" s="6" t="s">
        <v>3402</v>
      </c>
      <c r="E12550" s="6">
        <v>76364</v>
      </c>
      <c r="F12550" s="6" t="s">
        <v>18</v>
      </c>
      <c r="G12550" s="6" t="s">
        <v>23411</v>
      </c>
      <c r="H12550" s="6" t="s">
        <v>23412</v>
      </c>
      <c r="I12550" s="7">
        <v>3.2680625999999999</v>
      </c>
      <c r="J12550" s="8">
        <v>-76.539545700000005</v>
      </c>
    </row>
    <row r="12551" spans="1:10" x14ac:dyDescent="0.35">
      <c r="A12551" s="5" t="s">
        <v>10</v>
      </c>
      <c r="B12551" s="6">
        <v>246359</v>
      </c>
      <c r="C12551" s="6" t="s">
        <v>68</v>
      </c>
      <c r="D12551" s="6" t="s">
        <v>69</v>
      </c>
      <c r="E12551" s="6">
        <v>11001</v>
      </c>
      <c r="F12551" s="6" t="s">
        <v>18</v>
      </c>
      <c r="G12551" s="6" t="s">
        <v>23413</v>
      </c>
      <c r="H12551" s="6" t="s">
        <v>23414</v>
      </c>
      <c r="I12551" s="7">
        <v>4.6735996999999996</v>
      </c>
      <c r="J12551" s="8">
        <v>-74.148231300000006</v>
      </c>
    </row>
    <row r="12552" spans="1:10" x14ac:dyDescent="0.35">
      <c r="A12552" s="5" t="s">
        <v>10</v>
      </c>
      <c r="B12552" s="6">
        <v>184221</v>
      </c>
      <c r="C12552" s="6" t="s">
        <v>68</v>
      </c>
      <c r="D12552" s="6" t="s">
        <v>69</v>
      </c>
      <c r="E12552" s="6">
        <v>11001</v>
      </c>
      <c r="F12552" s="6" t="s">
        <v>18</v>
      </c>
      <c r="G12552" s="6" t="s">
        <v>23415</v>
      </c>
      <c r="H12552" s="6" t="s">
        <v>23416</v>
      </c>
      <c r="I12552" s="7">
        <v>4.6086643999999897</v>
      </c>
      <c r="J12552" s="8">
        <v>-74.181336399999907</v>
      </c>
    </row>
    <row r="12553" spans="1:10" x14ac:dyDescent="0.35">
      <c r="A12553" s="5" t="s">
        <v>10</v>
      </c>
      <c r="B12553" s="6">
        <v>246405</v>
      </c>
      <c r="C12553" s="6" t="s">
        <v>117</v>
      </c>
      <c r="D12553" s="6" t="s">
        <v>992</v>
      </c>
      <c r="E12553" s="6">
        <v>76736</v>
      </c>
      <c r="F12553" s="6" t="s">
        <v>18</v>
      </c>
      <c r="G12553" s="6" t="s">
        <v>23417</v>
      </c>
      <c r="H12553" s="6" t="s">
        <v>23418</v>
      </c>
      <c r="I12553" s="7">
        <v>4.2743780999999998</v>
      </c>
      <c r="J12553" s="8">
        <v>-75.931003899999993</v>
      </c>
    </row>
    <row r="12554" spans="1:10" x14ac:dyDescent="0.35">
      <c r="A12554" s="5" t="s">
        <v>10</v>
      </c>
      <c r="B12554" s="6">
        <v>107122</v>
      </c>
      <c r="C12554" s="6" t="s">
        <v>4364</v>
      </c>
      <c r="D12554" s="6" t="s">
        <v>8001</v>
      </c>
      <c r="E12554" s="6">
        <v>70713</v>
      </c>
      <c r="F12554" s="6" t="s">
        <v>13</v>
      </c>
      <c r="G12554" s="6" t="s">
        <v>11877</v>
      </c>
      <c r="H12554" s="6" t="s">
        <v>23084</v>
      </c>
      <c r="I12554" s="7">
        <v>9.7408400000000004</v>
      </c>
      <c r="J12554" s="8">
        <v>-75.519872000000007</v>
      </c>
    </row>
    <row r="12555" spans="1:10" x14ac:dyDescent="0.35">
      <c r="A12555" s="5" t="s">
        <v>10</v>
      </c>
      <c r="B12555" s="6">
        <v>197799</v>
      </c>
      <c r="C12555" s="6" t="s">
        <v>16</v>
      </c>
      <c r="D12555" s="6" t="s">
        <v>2825</v>
      </c>
      <c r="E12555" s="6">
        <v>68276</v>
      </c>
      <c r="F12555" s="6" t="s">
        <v>13</v>
      </c>
      <c r="G12555" s="6" t="s">
        <v>13814</v>
      </c>
      <c r="H12555" s="6" t="s">
        <v>13815</v>
      </c>
      <c r="I12555" s="7">
        <v>7.0703452999999996</v>
      </c>
      <c r="J12555" s="8">
        <v>-73.107290300000003</v>
      </c>
    </row>
    <row r="12556" spans="1:10" x14ac:dyDescent="0.35">
      <c r="A12556" s="5" t="s">
        <v>10</v>
      </c>
      <c r="B12556" s="6">
        <v>238685</v>
      </c>
      <c r="C12556" s="6" t="s">
        <v>68</v>
      </c>
      <c r="D12556" s="6" t="s">
        <v>69</v>
      </c>
      <c r="E12556" s="6">
        <v>11001</v>
      </c>
      <c r="F12556" s="6" t="s">
        <v>18</v>
      </c>
      <c r="G12556" s="6" t="s">
        <v>23419</v>
      </c>
      <c r="H12556" s="6" t="s">
        <v>23420</v>
      </c>
      <c r="I12556" s="7">
        <v>4.5382236000000002</v>
      </c>
      <c r="J12556" s="8">
        <v>-74.112863099999998</v>
      </c>
    </row>
    <row r="12557" spans="1:10" x14ac:dyDescent="0.35">
      <c r="A12557" s="5" t="s">
        <v>10</v>
      </c>
      <c r="B12557" s="6">
        <v>246128</v>
      </c>
      <c r="C12557" s="6" t="s">
        <v>68</v>
      </c>
      <c r="D12557" s="6" t="s">
        <v>69</v>
      </c>
      <c r="E12557" s="6">
        <v>11001</v>
      </c>
      <c r="F12557" s="6" t="s">
        <v>18</v>
      </c>
      <c r="G12557" s="6" t="s">
        <v>23421</v>
      </c>
      <c r="H12557" s="6" t="s">
        <v>23422</v>
      </c>
      <c r="I12557" s="7">
        <v>4.7344758000000002</v>
      </c>
      <c r="J12557" s="8">
        <v>-74.097923399999999</v>
      </c>
    </row>
    <row r="12558" spans="1:10" x14ac:dyDescent="0.35">
      <c r="A12558" s="5" t="s">
        <v>10</v>
      </c>
      <c r="B12558" s="6">
        <v>231074</v>
      </c>
      <c r="C12558" s="6" t="s">
        <v>2130</v>
      </c>
      <c r="D12558" s="6" t="s">
        <v>2131</v>
      </c>
      <c r="E12558" s="6">
        <v>85001</v>
      </c>
      <c r="F12558" s="6" t="s">
        <v>18</v>
      </c>
      <c r="G12558" s="6" t="s">
        <v>23423</v>
      </c>
      <c r="H12558" s="6" t="s">
        <v>23424</v>
      </c>
      <c r="I12558" s="7">
        <v>5.3411929999999996</v>
      </c>
      <c r="J12558" s="8">
        <v>-72.392955200000003</v>
      </c>
    </row>
    <row r="12559" spans="1:10" x14ac:dyDescent="0.35">
      <c r="A12559" s="5" t="s">
        <v>10</v>
      </c>
      <c r="B12559" s="6">
        <v>246894</v>
      </c>
      <c r="C12559" s="6" t="s">
        <v>68</v>
      </c>
      <c r="D12559" s="6" t="s">
        <v>69</v>
      </c>
      <c r="E12559" s="6">
        <v>11001</v>
      </c>
      <c r="F12559" s="6" t="s">
        <v>18</v>
      </c>
      <c r="G12559" s="6" t="s">
        <v>23425</v>
      </c>
      <c r="H12559" s="6" t="s">
        <v>23426</v>
      </c>
      <c r="I12559" s="7">
        <v>4.6082941999999996</v>
      </c>
      <c r="J12559" s="8">
        <v>-74.077487300000001</v>
      </c>
    </row>
    <row r="12560" spans="1:10" x14ac:dyDescent="0.35">
      <c r="A12560" s="5" t="s">
        <v>10</v>
      </c>
      <c r="B12560" s="6">
        <v>192813</v>
      </c>
      <c r="C12560" s="6" t="s">
        <v>28</v>
      </c>
      <c r="D12560" s="6" t="s">
        <v>29</v>
      </c>
      <c r="E12560" s="6">
        <v>54001</v>
      </c>
      <c r="F12560" s="6" t="s">
        <v>13</v>
      </c>
      <c r="G12560" s="6" t="s">
        <v>23427</v>
      </c>
      <c r="H12560" s="6" t="s">
        <v>23428</v>
      </c>
      <c r="I12560" s="7">
        <v>7.8829045000000004</v>
      </c>
      <c r="J12560" s="8">
        <v>-72.4930533</v>
      </c>
    </row>
    <row r="12561" spans="1:10" x14ac:dyDescent="0.35">
      <c r="A12561" s="5" t="s">
        <v>10</v>
      </c>
      <c r="B12561" s="6">
        <v>243736</v>
      </c>
      <c r="C12561" s="6" t="s">
        <v>117</v>
      </c>
      <c r="D12561" s="6" t="s">
        <v>4931</v>
      </c>
      <c r="E12561" s="6">
        <v>76892</v>
      </c>
      <c r="F12561" s="6" t="s">
        <v>18</v>
      </c>
      <c r="G12561" s="6" t="s">
        <v>23429</v>
      </c>
      <c r="H12561" s="6" t="s">
        <v>23430</v>
      </c>
      <c r="I12561" s="7">
        <v>3.5741201</v>
      </c>
      <c r="J12561" s="8">
        <v>-76.481486899999993</v>
      </c>
    </row>
    <row r="12562" spans="1:10" x14ac:dyDescent="0.35">
      <c r="A12562" s="5" t="s">
        <v>10</v>
      </c>
      <c r="B12562" s="6">
        <v>240763</v>
      </c>
      <c r="C12562" s="6" t="s">
        <v>190</v>
      </c>
      <c r="D12562" s="6" t="s">
        <v>23431</v>
      </c>
      <c r="E12562" s="6">
        <v>5250</v>
      </c>
      <c r="F12562" s="6" t="s">
        <v>18</v>
      </c>
      <c r="G12562" s="6" t="s">
        <v>23432</v>
      </c>
      <c r="H12562" s="6" t="s">
        <v>23433</v>
      </c>
      <c r="I12562" s="7">
        <v>7.6069256000000003</v>
      </c>
      <c r="J12562" s="8">
        <v>-74.807806299999996</v>
      </c>
    </row>
    <row r="12563" spans="1:10" x14ac:dyDescent="0.35">
      <c r="A12563" s="5" t="s">
        <v>10</v>
      </c>
      <c r="B12563" s="6">
        <v>140521</v>
      </c>
      <c r="C12563" s="6" t="s">
        <v>190</v>
      </c>
      <c r="D12563" s="6" t="s">
        <v>13614</v>
      </c>
      <c r="E12563" s="6">
        <v>5212</v>
      </c>
      <c r="F12563" s="6" t="s">
        <v>18</v>
      </c>
      <c r="G12563" s="6" t="s">
        <v>23434</v>
      </c>
      <c r="H12563" s="6" t="s">
        <v>23435</v>
      </c>
      <c r="I12563" s="7">
        <v>6.3465183999999999</v>
      </c>
      <c r="J12563" s="8">
        <v>-75.508738199999996</v>
      </c>
    </row>
    <row r="12564" spans="1:10" x14ac:dyDescent="0.35">
      <c r="A12564" s="5" t="s">
        <v>10</v>
      </c>
      <c r="B12564" s="6">
        <v>240504</v>
      </c>
      <c r="C12564" s="6" t="s">
        <v>190</v>
      </c>
      <c r="D12564" s="6" t="s">
        <v>191</v>
      </c>
      <c r="E12564" s="6">
        <v>5001</v>
      </c>
      <c r="F12564" s="6" t="s">
        <v>18</v>
      </c>
      <c r="G12564" s="6" t="s">
        <v>23436</v>
      </c>
      <c r="H12564" s="6" t="s">
        <v>23437</v>
      </c>
      <c r="I12564" s="7">
        <v>6.2388424000000002</v>
      </c>
      <c r="J12564" s="8">
        <v>-75.594850899999997</v>
      </c>
    </row>
    <row r="12565" spans="1:10" x14ac:dyDescent="0.35">
      <c r="A12565" s="5" t="s">
        <v>10</v>
      </c>
      <c r="B12565" s="6">
        <v>219833</v>
      </c>
      <c r="C12565" s="6" t="s">
        <v>68</v>
      </c>
      <c r="D12565" s="6" t="s">
        <v>69</v>
      </c>
      <c r="E12565" s="6">
        <v>11001</v>
      </c>
      <c r="F12565" s="6" t="s">
        <v>18</v>
      </c>
      <c r="G12565" s="6" t="s">
        <v>23438</v>
      </c>
      <c r="H12565" s="6" t="s">
        <v>23439</v>
      </c>
      <c r="I12565" s="7">
        <v>4.5989100999999897</v>
      </c>
      <c r="J12565" s="8">
        <v>-74.136694300000002</v>
      </c>
    </row>
    <row r="12566" spans="1:10" x14ac:dyDescent="0.35">
      <c r="A12566" s="5" t="s">
        <v>10</v>
      </c>
      <c r="B12566" s="6">
        <v>222290</v>
      </c>
      <c r="C12566" s="6" t="s">
        <v>68</v>
      </c>
      <c r="D12566" s="6" t="s">
        <v>69</v>
      </c>
      <c r="E12566" s="6">
        <v>11001</v>
      </c>
      <c r="F12566" s="6" t="s">
        <v>18</v>
      </c>
      <c r="G12566" s="6" t="s">
        <v>23311</v>
      </c>
      <c r="H12566" s="6" t="s">
        <v>23312</v>
      </c>
      <c r="I12566" s="7">
        <v>4.7280559000000002</v>
      </c>
      <c r="J12566" s="8">
        <v>-74.092821599999994</v>
      </c>
    </row>
    <row r="12567" spans="1:10" x14ac:dyDescent="0.35">
      <c r="A12567" s="5" t="s">
        <v>10</v>
      </c>
      <c r="B12567" s="6">
        <v>209613</v>
      </c>
      <c r="C12567" s="6" t="s">
        <v>68</v>
      </c>
      <c r="D12567" s="6" t="s">
        <v>69</v>
      </c>
      <c r="E12567" s="6">
        <v>11001</v>
      </c>
      <c r="F12567" s="6" t="s">
        <v>18</v>
      </c>
      <c r="G12567" s="6" t="s">
        <v>4750</v>
      </c>
      <c r="H12567" s="6" t="s">
        <v>17480</v>
      </c>
      <c r="I12567" s="7">
        <v>4.6524196</v>
      </c>
      <c r="J12567" s="8">
        <v>-74.156957199999994</v>
      </c>
    </row>
    <row r="12568" spans="1:10" x14ac:dyDescent="0.35">
      <c r="A12568" s="5" t="s">
        <v>10</v>
      </c>
      <c r="B12568" s="6">
        <v>190974</v>
      </c>
      <c r="C12568" s="6" t="s">
        <v>294</v>
      </c>
      <c r="D12568" s="6" t="s">
        <v>703</v>
      </c>
      <c r="E12568" s="6">
        <v>41001</v>
      </c>
      <c r="F12568" s="6" t="s">
        <v>13</v>
      </c>
      <c r="G12568" s="6" t="s">
        <v>23440</v>
      </c>
      <c r="H12568" s="6" t="s">
        <v>23441</v>
      </c>
      <c r="I12568" s="7">
        <v>2.9255724999999999</v>
      </c>
      <c r="J12568" s="8">
        <v>-75.285911400000003</v>
      </c>
    </row>
    <row r="12569" spans="1:10" x14ac:dyDescent="0.35">
      <c r="A12569" s="5" t="s">
        <v>10</v>
      </c>
      <c r="B12569" s="6">
        <v>245735</v>
      </c>
      <c r="C12569" s="6" t="s">
        <v>117</v>
      </c>
      <c r="D12569" s="6" t="s">
        <v>1334</v>
      </c>
      <c r="E12569" s="6">
        <v>76001</v>
      </c>
      <c r="F12569" s="6" t="s">
        <v>18</v>
      </c>
      <c r="G12569" s="6" t="s">
        <v>23442</v>
      </c>
      <c r="H12569" s="6" t="s">
        <v>23443</v>
      </c>
      <c r="I12569" s="7">
        <v>3.4370368</v>
      </c>
      <c r="J12569" s="8">
        <v>-76.520189700000003</v>
      </c>
    </row>
    <row r="12570" spans="1:10" x14ac:dyDescent="0.35">
      <c r="A12570" s="5" t="s">
        <v>10</v>
      </c>
      <c r="B12570" s="6">
        <v>245815</v>
      </c>
      <c r="C12570" s="6" t="s">
        <v>117</v>
      </c>
      <c r="D12570" s="6" t="s">
        <v>1334</v>
      </c>
      <c r="E12570" s="6">
        <v>76001</v>
      </c>
      <c r="F12570" s="6" t="s">
        <v>18</v>
      </c>
      <c r="G12570" s="6" t="s">
        <v>23444</v>
      </c>
      <c r="H12570" s="6" t="s">
        <v>23445</v>
      </c>
      <c r="I12570" s="7">
        <v>3.4019797999999999</v>
      </c>
      <c r="J12570" s="8">
        <v>-76.504103400000005</v>
      </c>
    </row>
    <row r="12571" spans="1:10" x14ac:dyDescent="0.35">
      <c r="A12571" s="5" t="s">
        <v>10</v>
      </c>
      <c r="B12571" s="6">
        <v>211607</v>
      </c>
      <c r="C12571" s="6" t="s">
        <v>68</v>
      </c>
      <c r="D12571" s="6" t="s">
        <v>69</v>
      </c>
      <c r="E12571" s="6">
        <v>11001</v>
      </c>
      <c r="F12571" s="6" t="s">
        <v>18</v>
      </c>
      <c r="G12571" s="6" t="s">
        <v>23446</v>
      </c>
      <c r="H12571" s="6" t="s">
        <v>23447</v>
      </c>
      <c r="I12571" s="7">
        <v>4.5326525000000002</v>
      </c>
      <c r="J12571" s="8">
        <v>-74.087189499999994</v>
      </c>
    </row>
    <row r="12572" spans="1:10" x14ac:dyDescent="0.35">
      <c r="A12572" s="5" t="s">
        <v>10</v>
      </c>
      <c r="B12572" s="6">
        <v>213195</v>
      </c>
      <c r="C12572" s="6" t="s">
        <v>68</v>
      </c>
      <c r="D12572" s="6" t="s">
        <v>69</v>
      </c>
      <c r="E12572" s="6">
        <v>11001</v>
      </c>
      <c r="F12572" s="6" t="s">
        <v>18</v>
      </c>
      <c r="G12572" s="6" t="s">
        <v>23448</v>
      </c>
      <c r="H12572" s="6" t="s">
        <v>23449</v>
      </c>
      <c r="I12572" s="7">
        <v>4.5527958999999996</v>
      </c>
      <c r="J12572" s="8">
        <v>-74.114891599999893</v>
      </c>
    </row>
    <row r="12573" spans="1:10" x14ac:dyDescent="0.35">
      <c r="A12573" s="5" t="s">
        <v>10</v>
      </c>
      <c r="B12573" s="6">
        <v>113793</v>
      </c>
      <c r="C12573" s="6" t="s">
        <v>109</v>
      </c>
      <c r="D12573" s="6" t="s">
        <v>2830</v>
      </c>
      <c r="E12573" s="6">
        <v>13430</v>
      </c>
      <c r="F12573" s="6" t="s">
        <v>18</v>
      </c>
      <c r="G12573" s="6" t="s">
        <v>23450</v>
      </c>
      <c r="H12573" s="6" t="s">
        <v>23451</v>
      </c>
      <c r="I12573" s="7">
        <v>9.2384339000000004</v>
      </c>
      <c r="J12573" s="8">
        <v>-74.753913299999994</v>
      </c>
    </row>
    <row r="12574" spans="1:10" x14ac:dyDescent="0.35">
      <c r="A12574" s="5" t="s">
        <v>10</v>
      </c>
      <c r="B12574" s="6">
        <v>234403</v>
      </c>
      <c r="C12574" s="6" t="s">
        <v>117</v>
      </c>
      <c r="D12574" s="6" t="s">
        <v>5316</v>
      </c>
      <c r="E12574" s="6">
        <v>76109</v>
      </c>
      <c r="F12574" s="6" t="s">
        <v>18</v>
      </c>
      <c r="G12574" s="6" t="s">
        <v>1945</v>
      </c>
      <c r="H12574" s="6" t="s">
        <v>23452</v>
      </c>
      <c r="I12574" s="7">
        <v>3.8827581000000002</v>
      </c>
      <c r="J12574" s="8">
        <v>-77.020364200000003</v>
      </c>
    </row>
    <row r="12575" spans="1:10" x14ac:dyDescent="0.35">
      <c r="A12575" s="5" t="s">
        <v>10</v>
      </c>
      <c r="B12575" s="6">
        <v>228712</v>
      </c>
      <c r="C12575" s="6" t="s">
        <v>68</v>
      </c>
      <c r="D12575" s="6" t="s">
        <v>69</v>
      </c>
      <c r="E12575" s="6">
        <v>11001</v>
      </c>
      <c r="F12575" s="6" t="s">
        <v>18</v>
      </c>
      <c r="G12575" s="6" t="s">
        <v>23453</v>
      </c>
      <c r="H12575" s="6" t="s">
        <v>23454</v>
      </c>
      <c r="I12575" s="7">
        <v>4.5904515999999997</v>
      </c>
      <c r="J12575" s="8">
        <v>-74.176145000000005</v>
      </c>
    </row>
    <row r="12576" spans="1:10" x14ac:dyDescent="0.35">
      <c r="A12576" s="5" t="s">
        <v>10</v>
      </c>
      <c r="B12576" s="6">
        <v>231204</v>
      </c>
      <c r="C12576" s="6" t="s">
        <v>68</v>
      </c>
      <c r="D12576" s="6" t="s">
        <v>69</v>
      </c>
      <c r="E12576" s="6">
        <v>11001</v>
      </c>
      <c r="F12576" s="6" t="s">
        <v>18</v>
      </c>
      <c r="G12576" s="6" t="s">
        <v>23455</v>
      </c>
      <c r="H12576" s="6" t="s">
        <v>23456</v>
      </c>
      <c r="I12576" s="7">
        <v>4.7358235000000004</v>
      </c>
      <c r="J12576" s="8">
        <v>-74.026603699999995</v>
      </c>
    </row>
    <row r="12577" spans="1:10" x14ac:dyDescent="0.35">
      <c r="A12577" s="5" t="s">
        <v>10</v>
      </c>
      <c r="B12577" s="6">
        <v>183940</v>
      </c>
      <c r="C12577" s="6" t="s">
        <v>68</v>
      </c>
      <c r="D12577" s="6" t="s">
        <v>69</v>
      </c>
      <c r="E12577" s="6">
        <v>11001</v>
      </c>
      <c r="F12577" s="6" t="s">
        <v>18</v>
      </c>
      <c r="G12577" s="6" t="s">
        <v>12268</v>
      </c>
      <c r="H12577" s="6" t="s">
        <v>12269</v>
      </c>
      <c r="I12577" s="7">
        <v>4.6700181000000001</v>
      </c>
      <c r="J12577" s="8">
        <v>-74.069828000000001</v>
      </c>
    </row>
    <row r="12578" spans="1:10" x14ac:dyDescent="0.35">
      <c r="A12578" s="5" t="s">
        <v>10</v>
      </c>
      <c r="B12578" s="6">
        <v>162270</v>
      </c>
      <c r="C12578" s="6" t="s">
        <v>278</v>
      </c>
      <c r="D12578" s="6" t="s">
        <v>279</v>
      </c>
      <c r="E12578" s="6">
        <v>50001</v>
      </c>
      <c r="F12578" s="6" t="s">
        <v>18</v>
      </c>
      <c r="G12578" s="6" t="s">
        <v>23457</v>
      </c>
      <c r="H12578" s="6" t="s">
        <v>23458</v>
      </c>
      <c r="I12578" s="7">
        <v>4.1366345000000004</v>
      </c>
      <c r="J12578" s="8">
        <v>-73.591617499999998</v>
      </c>
    </row>
    <row r="12579" spans="1:10" x14ac:dyDescent="0.35">
      <c r="A12579" s="5" t="s">
        <v>10</v>
      </c>
      <c r="B12579" s="6">
        <v>204542</v>
      </c>
      <c r="C12579" s="6" t="s">
        <v>2130</v>
      </c>
      <c r="D12579" s="6" t="s">
        <v>2131</v>
      </c>
      <c r="E12579" s="6">
        <v>85001</v>
      </c>
      <c r="F12579" s="6" t="s">
        <v>18</v>
      </c>
      <c r="G12579" s="6" t="s">
        <v>23459</v>
      </c>
      <c r="H12579" s="6" t="s">
        <v>23460</v>
      </c>
      <c r="I12579" s="7">
        <v>5.3490237</v>
      </c>
      <c r="J12579" s="8">
        <v>-72.402168199999906</v>
      </c>
    </row>
    <row r="12580" spans="1:10" x14ac:dyDescent="0.35">
      <c r="A12580" s="5" t="s">
        <v>10</v>
      </c>
      <c r="B12580" s="6">
        <v>188663</v>
      </c>
      <c r="C12580" s="6" t="s">
        <v>28</v>
      </c>
      <c r="D12580" s="6" t="s">
        <v>29</v>
      </c>
      <c r="E12580" s="6">
        <v>54001</v>
      </c>
      <c r="F12580" s="6" t="s">
        <v>13</v>
      </c>
      <c r="G12580" s="6" t="s">
        <v>23461</v>
      </c>
      <c r="H12580" s="6" t="s">
        <v>23462</v>
      </c>
      <c r="I12580" s="7">
        <v>7.8144944000000001</v>
      </c>
      <c r="J12580" s="8">
        <v>-72.516394000000005</v>
      </c>
    </row>
    <row r="12581" spans="1:10" x14ac:dyDescent="0.35">
      <c r="A12581" s="5" t="s">
        <v>10</v>
      </c>
      <c r="B12581" s="6">
        <v>189530</v>
      </c>
      <c r="C12581" s="6" t="s">
        <v>278</v>
      </c>
      <c r="D12581" s="6" t="s">
        <v>279</v>
      </c>
      <c r="E12581" s="6">
        <v>50001</v>
      </c>
      <c r="F12581" s="6" t="s">
        <v>13</v>
      </c>
      <c r="G12581" s="6" t="s">
        <v>16997</v>
      </c>
      <c r="H12581" s="6" t="s">
        <v>23463</v>
      </c>
      <c r="I12581" s="7">
        <v>4.1356408</v>
      </c>
      <c r="J12581" s="8">
        <v>-73.616494900000006</v>
      </c>
    </row>
    <row r="12582" spans="1:10" x14ac:dyDescent="0.35">
      <c r="A12582" s="5" t="s">
        <v>10</v>
      </c>
      <c r="B12582" s="6">
        <v>241584</v>
      </c>
      <c r="C12582" s="6" t="s">
        <v>457</v>
      </c>
      <c r="D12582" s="6" t="s">
        <v>4400</v>
      </c>
      <c r="E12582" s="6">
        <v>52001</v>
      </c>
      <c r="F12582" s="6" t="s">
        <v>18</v>
      </c>
      <c r="G12582" s="6" t="s">
        <v>23464</v>
      </c>
      <c r="H12582" s="6" t="s">
        <v>23465</v>
      </c>
      <c r="I12582" s="7">
        <v>1.2059612</v>
      </c>
      <c r="J12582" s="8">
        <v>-77.268610499999994</v>
      </c>
    </row>
    <row r="12583" spans="1:10" x14ac:dyDescent="0.35">
      <c r="A12583" s="5" t="s">
        <v>10</v>
      </c>
      <c r="B12583" s="6">
        <v>240676</v>
      </c>
      <c r="C12583" s="6" t="s">
        <v>190</v>
      </c>
      <c r="D12583" s="6" t="s">
        <v>191</v>
      </c>
      <c r="E12583" s="6">
        <v>5001</v>
      </c>
      <c r="F12583" s="6" t="s">
        <v>18</v>
      </c>
      <c r="G12583" s="6" t="s">
        <v>23466</v>
      </c>
      <c r="H12583" s="6" t="s">
        <v>23467</v>
      </c>
      <c r="I12583" s="7">
        <v>6.2357924000000002</v>
      </c>
      <c r="J12583" s="8">
        <v>-75.548681599999995</v>
      </c>
    </row>
    <row r="12584" spans="1:10" x14ac:dyDescent="0.35">
      <c r="A12584" s="5" t="s">
        <v>10</v>
      </c>
      <c r="B12584" s="6">
        <v>132913</v>
      </c>
      <c r="C12584" s="6" t="s">
        <v>190</v>
      </c>
      <c r="D12584" s="6" t="s">
        <v>14386</v>
      </c>
      <c r="E12584" s="6">
        <v>5390</v>
      </c>
      <c r="F12584" s="6" t="s">
        <v>18</v>
      </c>
      <c r="G12584" s="6" t="s">
        <v>16885</v>
      </c>
      <c r="H12584" s="6" t="s">
        <v>16886</v>
      </c>
      <c r="I12584" s="7">
        <v>5.7469419999999998</v>
      </c>
      <c r="J12584" s="8">
        <v>-75.606403</v>
      </c>
    </row>
    <row r="12585" spans="1:10" x14ac:dyDescent="0.35">
      <c r="A12585" s="5" t="s">
        <v>10</v>
      </c>
      <c r="B12585" s="6">
        <v>210439</v>
      </c>
      <c r="C12585" s="6" t="s">
        <v>68</v>
      </c>
      <c r="D12585" s="6" t="s">
        <v>69</v>
      </c>
      <c r="E12585" s="6">
        <v>11001</v>
      </c>
      <c r="F12585" s="6" t="s">
        <v>18</v>
      </c>
      <c r="G12585" s="6" t="s">
        <v>23468</v>
      </c>
      <c r="H12585" s="6" t="s">
        <v>23469</v>
      </c>
      <c r="I12585" s="7">
        <v>4.6182023000000001</v>
      </c>
      <c r="J12585" s="8">
        <v>-74.152894099999997</v>
      </c>
    </row>
    <row r="12586" spans="1:10" x14ac:dyDescent="0.35">
      <c r="A12586" s="5" t="s">
        <v>10</v>
      </c>
      <c r="B12586" s="6">
        <v>220061</v>
      </c>
      <c r="C12586" s="6" t="s">
        <v>68</v>
      </c>
      <c r="D12586" s="6" t="s">
        <v>69</v>
      </c>
      <c r="E12586" s="6">
        <v>11001</v>
      </c>
      <c r="F12586" s="6" t="s">
        <v>18</v>
      </c>
      <c r="G12586" s="6" t="s">
        <v>16234</v>
      </c>
      <c r="H12586" s="6" t="s">
        <v>16235</v>
      </c>
      <c r="I12586" s="7">
        <v>4.6323385999999998</v>
      </c>
      <c r="J12586" s="8">
        <v>-74.204659899999996</v>
      </c>
    </row>
    <row r="12587" spans="1:10" x14ac:dyDescent="0.35">
      <c r="A12587" s="5" t="s">
        <v>10</v>
      </c>
      <c r="B12587" s="6">
        <v>233857</v>
      </c>
      <c r="C12587" s="6" t="s">
        <v>117</v>
      </c>
      <c r="D12587" s="6" t="s">
        <v>1334</v>
      </c>
      <c r="E12587" s="6">
        <v>76001</v>
      </c>
      <c r="F12587" s="6" t="s">
        <v>18</v>
      </c>
      <c r="G12587" s="6" t="s">
        <v>23470</v>
      </c>
      <c r="H12587" s="6" t="s">
        <v>23471</v>
      </c>
      <c r="I12587" s="7">
        <v>3.4341164000000002</v>
      </c>
      <c r="J12587" s="8">
        <v>-76.509329500000007</v>
      </c>
    </row>
    <row r="12588" spans="1:10" x14ac:dyDescent="0.35">
      <c r="A12588" s="5" t="s">
        <v>10</v>
      </c>
      <c r="B12588" s="6">
        <v>239781</v>
      </c>
      <c r="C12588" s="6" t="s">
        <v>117</v>
      </c>
      <c r="D12588" s="6" t="s">
        <v>3593</v>
      </c>
      <c r="E12588" s="6">
        <v>76122</v>
      </c>
      <c r="F12588" s="6" t="s">
        <v>18</v>
      </c>
      <c r="G12588" s="6" t="s">
        <v>23472</v>
      </c>
      <c r="H12588" s="6" t="s">
        <v>23473</v>
      </c>
      <c r="I12588" s="7">
        <v>3.4405789000000002</v>
      </c>
      <c r="J12588" s="8">
        <v>-76.5329093</v>
      </c>
    </row>
    <row r="12589" spans="1:10" x14ac:dyDescent="0.35">
      <c r="A12589" s="5" t="s">
        <v>10</v>
      </c>
      <c r="B12589" s="6">
        <v>215933</v>
      </c>
      <c r="C12589" s="6" t="s">
        <v>68</v>
      </c>
      <c r="D12589" s="6" t="s">
        <v>69</v>
      </c>
      <c r="E12589" s="6">
        <v>11001</v>
      </c>
      <c r="F12589" s="6" t="s">
        <v>18</v>
      </c>
      <c r="G12589" s="6" t="s">
        <v>23474</v>
      </c>
      <c r="H12589" s="6" t="s">
        <v>23475</v>
      </c>
      <c r="I12589" s="7">
        <v>4.5111926999999996</v>
      </c>
      <c r="J12589" s="8">
        <v>-74.112822100000002</v>
      </c>
    </row>
    <row r="12590" spans="1:10" x14ac:dyDescent="0.35">
      <c r="A12590" s="5" t="s">
        <v>10</v>
      </c>
      <c r="B12590" s="6">
        <v>202581</v>
      </c>
      <c r="C12590" s="6" t="s">
        <v>11</v>
      </c>
      <c r="D12590" s="6" t="s">
        <v>21</v>
      </c>
      <c r="E12590" s="6">
        <v>25386</v>
      </c>
      <c r="F12590" s="6" t="s">
        <v>18</v>
      </c>
      <c r="G12590" s="6" t="s">
        <v>23476</v>
      </c>
      <c r="H12590" s="6" t="s">
        <v>23477</v>
      </c>
      <c r="I12590" s="7">
        <v>4.7018559999999896</v>
      </c>
      <c r="J12590" s="8">
        <v>-74.417217199999996</v>
      </c>
    </row>
    <row r="12591" spans="1:10" x14ac:dyDescent="0.35">
      <c r="A12591" s="5" t="s">
        <v>10</v>
      </c>
      <c r="B12591" s="6">
        <v>52182</v>
      </c>
      <c r="C12591" s="6" t="s">
        <v>24</v>
      </c>
      <c r="D12591" s="6" t="s">
        <v>88</v>
      </c>
      <c r="E12591" s="6">
        <v>15001</v>
      </c>
      <c r="F12591" s="6" t="s">
        <v>18</v>
      </c>
      <c r="G12591" s="6" t="s">
        <v>855</v>
      </c>
      <c r="H12591" s="6" t="s">
        <v>23478</v>
      </c>
      <c r="I12591" s="7">
        <v>5.5453690999999896</v>
      </c>
      <c r="J12591" s="8">
        <v>-73.362964699999907</v>
      </c>
    </row>
    <row r="12592" spans="1:10" x14ac:dyDescent="0.35">
      <c r="A12592" s="5" t="s">
        <v>10</v>
      </c>
      <c r="B12592" s="6">
        <v>68242</v>
      </c>
      <c r="C12592" s="6" t="s">
        <v>2130</v>
      </c>
      <c r="D12592" s="6" t="s">
        <v>2131</v>
      </c>
      <c r="E12592" s="6">
        <v>85001</v>
      </c>
      <c r="F12592" s="6" t="s">
        <v>18</v>
      </c>
      <c r="G12592" s="6" t="s">
        <v>23479</v>
      </c>
      <c r="H12592" s="6" t="s">
        <v>23480</v>
      </c>
      <c r="I12592" s="7">
        <v>5.348903</v>
      </c>
      <c r="J12592" s="8">
        <v>-72.400522999999893</v>
      </c>
    </row>
    <row r="12593" spans="1:10" x14ac:dyDescent="0.35">
      <c r="A12593" s="5" t="s">
        <v>10</v>
      </c>
      <c r="B12593" s="6">
        <v>246862</v>
      </c>
      <c r="C12593" s="6" t="s">
        <v>117</v>
      </c>
      <c r="D12593" s="6" t="s">
        <v>3402</v>
      </c>
      <c r="E12593" s="6">
        <v>76364</v>
      </c>
      <c r="F12593" s="6" t="s">
        <v>18</v>
      </c>
      <c r="G12593" s="6" t="s">
        <v>23481</v>
      </c>
      <c r="H12593" s="6" t="s">
        <v>23482</v>
      </c>
      <c r="I12593" s="7">
        <v>3.2554172000000001</v>
      </c>
      <c r="J12593" s="8">
        <v>-76.550978400000005</v>
      </c>
    </row>
    <row r="12594" spans="1:10" x14ac:dyDescent="0.35">
      <c r="A12594" s="5" t="s">
        <v>10</v>
      </c>
      <c r="B12594" s="6">
        <v>239841</v>
      </c>
      <c r="C12594" s="6" t="s">
        <v>68</v>
      </c>
      <c r="D12594" s="6" t="s">
        <v>69</v>
      </c>
      <c r="E12594" s="6">
        <v>11001</v>
      </c>
      <c r="F12594" s="6" t="s">
        <v>18</v>
      </c>
      <c r="G12594" s="6" t="s">
        <v>23483</v>
      </c>
      <c r="H12594" s="6" t="s">
        <v>23484</v>
      </c>
      <c r="I12594" s="7">
        <v>4.5836597000000001</v>
      </c>
      <c r="J12594" s="8">
        <v>-74.079799399999999</v>
      </c>
    </row>
    <row r="12595" spans="1:10" x14ac:dyDescent="0.35">
      <c r="A12595" s="5" t="s">
        <v>10</v>
      </c>
      <c r="B12595" s="6">
        <v>242176</v>
      </c>
      <c r="C12595" s="6" t="s">
        <v>68</v>
      </c>
      <c r="D12595" s="6" t="s">
        <v>69</v>
      </c>
      <c r="E12595" s="6">
        <v>11001</v>
      </c>
      <c r="F12595" s="6" t="s">
        <v>18</v>
      </c>
      <c r="G12595" s="6" t="s">
        <v>23485</v>
      </c>
      <c r="H12595" s="6" t="s">
        <v>23486</v>
      </c>
      <c r="I12595" s="7">
        <v>4.7415190999999997</v>
      </c>
      <c r="J12595" s="8">
        <v>-74.126314699999995</v>
      </c>
    </row>
    <row r="12596" spans="1:10" x14ac:dyDescent="0.35">
      <c r="A12596" s="5" t="s">
        <v>10</v>
      </c>
      <c r="B12596" s="6">
        <v>229393</v>
      </c>
      <c r="C12596" s="6" t="s">
        <v>117</v>
      </c>
      <c r="D12596" s="6" t="s">
        <v>1334</v>
      </c>
      <c r="E12596" s="6">
        <v>76001</v>
      </c>
      <c r="F12596" s="6" t="s">
        <v>18</v>
      </c>
      <c r="G12596" s="6" t="s">
        <v>23487</v>
      </c>
      <c r="H12596" s="6" t="s">
        <v>23488</v>
      </c>
      <c r="I12596" s="7">
        <v>3.4276336000000001</v>
      </c>
      <c r="J12596" s="8">
        <v>-76.487091399999997</v>
      </c>
    </row>
    <row r="12597" spans="1:10" x14ac:dyDescent="0.35">
      <c r="A12597" s="5" t="s">
        <v>10</v>
      </c>
      <c r="B12597" s="6">
        <v>213079</v>
      </c>
      <c r="C12597" s="6" t="s">
        <v>68</v>
      </c>
      <c r="D12597" s="6" t="s">
        <v>69</v>
      </c>
      <c r="E12597" s="6">
        <v>11001</v>
      </c>
      <c r="F12597" s="6" t="s">
        <v>18</v>
      </c>
      <c r="G12597" s="6" t="s">
        <v>23489</v>
      </c>
      <c r="H12597" s="6" t="s">
        <v>23490</v>
      </c>
      <c r="I12597" s="7">
        <v>4.5552516000000001</v>
      </c>
      <c r="J12597" s="8">
        <v>-74.097290099999995</v>
      </c>
    </row>
    <row r="12598" spans="1:10" x14ac:dyDescent="0.35">
      <c r="A12598" s="5" t="s">
        <v>10</v>
      </c>
      <c r="B12598" s="6">
        <v>219975</v>
      </c>
      <c r="C12598" s="6" t="s">
        <v>68</v>
      </c>
      <c r="D12598" s="6" t="s">
        <v>69</v>
      </c>
      <c r="E12598" s="6">
        <v>11001</v>
      </c>
      <c r="F12598" s="6" t="s">
        <v>18</v>
      </c>
      <c r="G12598" s="6" t="s">
        <v>23491</v>
      </c>
      <c r="H12598" s="6" t="s">
        <v>23492</v>
      </c>
      <c r="I12598" s="7">
        <v>4.7382600999999998</v>
      </c>
      <c r="J12598" s="8">
        <v>-74.108459600000003</v>
      </c>
    </row>
    <row r="12599" spans="1:10" x14ac:dyDescent="0.35">
      <c r="A12599" s="5" t="s">
        <v>10</v>
      </c>
      <c r="B12599" s="6">
        <v>224609</v>
      </c>
      <c r="C12599" s="6" t="s">
        <v>68</v>
      </c>
      <c r="D12599" s="6" t="s">
        <v>69</v>
      </c>
      <c r="E12599" s="6">
        <v>11001</v>
      </c>
      <c r="F12599" s="6" t="s">
        <v>18</v>
      </c>
      <c r="G12599" s="6" t="s">
        <v>23493</v>
      </c>
      <c r="H12599" s="6" t="s">
        <v>23494</v>
      </c>
      <c r="I12599" s="7">
        <v>4.5439822999999997</v>
      </c>
      <c r="J12599" s="8">
        <v>-74.143946299999996</v>
      </c>
    </row>
    <row r="12600" spans="1:10" x14ac:dyDescent="0.35">
      <c r="A12600" s="5" t="s">
        <v>10</v>
      </c>
      <c r="B12600" s="6">
        <v>156831</v>
      </c>
      <c r="C12600" s="6" t="s">
        <v>109</v>
      </c>
      <c r="D12600" s="6" t="s">
        <v>22997</v>
      </c>
      <c r="E12600" s="6">
        <v>13549</v>
      </c>
      <c r="F12600" s="6" t="s">
        <v>18</v>
      </c>
      <c r="G12600" s="6" t="s">
        <v>22998</v>
      </c>
      <c r="H12600" s="6" t="s">
        <v>22999</v>
      </c>
      <c r="I12600" s="7">
        <v>9.9648304000000003</v>
      </c>
      <c r="J12600" s="8">
        <v>-75.288649500000005</v>
      </c>
    </row>
    <row r="12601" spans="1:10" x14ac:dyDescent="0.35">
      <c r="A12601" s="5" t="s">
        <v>10</v>
      </c>
      <c r="B12601" s="6">
        <v>245507</v>
      </c>
      <c r="C12601" s="6" t="s">
        <v>117</v>
      </c>
      <c r="D12601" s="6" t="s">
        <v>1334</v>
      </c>
      <c r="E12601" s="6">
        <v>76001</v>
      </c>
      <c r="F12601" s="6" t="s">
        <v>18</v>
      </c>
      <c r="G12601" s="6" t="s">
        <v>23495</v>
      </c>
      <c r="H12601" s="6" t="s">
        <v>23496</v>
      </c>
      <c r="I12601" s="7">
        <v>3.3912981000000002</v>
      </c>
      <c r="J12601" s="8">
        <v>-76.5086747</v>
      </c>
    </row>
    <row r="12602" spans="1:10" x14ac:dyDescent="0.35">
      <c r="A12602" s="5" t="s">
        <v>10</v>
      </c>
      <c r="B12602" s="6">
        <v>215049</v>
      </c>
      <c r="C12602" s="6" t="s">
        <v>117</v>
      </c>
      <c r="D12602" s="6" t="s">
        <v>3492</v>
      </c>
      <c r="E12602" s="6">
        <v>76520</v>
      </c>
      <c r="F12602" s="6" t="s">
        <v>18</v>
      </c>
      <c r="G12602" s="6" t="s">
        <v>23497</v>
      </c>
      <c r="H12602" s="6" t="s">
        <v>23498</v>
      </c>
      <c r="I12602" s="7">
        <v>3.5290927000000001</v>
      </c>
      <c r="J12602" s="8">
        <v>-76.305702099999905</v>
      </c>
    </row>
    <row r="12603" spans="1:10" x14ac:dyDescent="0.35">
      <c r="A12603" s="5" t="s">
        <v>10</v>
      </c>
      <c r="B12603" s="6">
        <v>241139</v>
      </c>
      <c r="C12603" s="6" t="s">
        <v>117</v>
      </c>
      <c r="D12603" s="6" t="s">
        <v>1334</v>
      </c>
      <c r="E12603" s="6">
        <v>76001</v>
      </c>
      <c r="F12603" s="6" t="s">
        <v>18</v>
      </c>
      <c r="G12603" s="6" t="s">
        <v>23499</v>
      </c>
      <c r="H12603" s="6" t="s">
        <v>23500</v>
      </c>
      <c r="I12603" s="7">
        <v>3.4075676000000001</v>
      </c>
      <c r="J12603" s="8">
        <v>-76.495420999999993</v>
      </c>
    </row>
    <row r="12604" spans="1:10" x14ac:dyDescent="0.35">
      <c r="A12604" s="5" t="s">
        <v>10</v>
      </c>
      <c r="B12604" s="6">
        <v>200310</v>
      </c>
      <c r="C12604" s="6" t="s">
        <v>68</v>
      </c>
      <c r="D12604" s="6" t="s">
        <v>69</v>
      </c>
      <c r="E12604" s="6">
        <v>11001</v>
      </c>
      <c r="F12604" s="6" t="s">
        <v>18</v>
      </c>
      <c r="G12604" s="6" t="s">
        <v>15653</v>
      </c>
      <c r="H12604" s="6" t="s">
        <v>15654</v>
      </c>
      <c r="I12604" s="7">
        <v>4.6600155000000001</v>
      </c>
      <c r="J12604" s="8">
        <v>-74.050197099999906</v>
      </c>
    </row>
    <row r="12605" spans="1:10" x14ac:dyDescent="0.35">
      <c r="A12605" s="5" t="s">
        <v>10</v>
      </c>
      <c r="B12605" s="6">
        <v>246819</v>
      </c>
      <c r="C12605" s="6" t="s">
        <v>68</v>
      </c>
      <c r="D12605" s="6" t="s">
        <v>69</v>
      </c>
      <c r="E12605" s="6">
        <v>11001</v>
      </c>
      <c r="F12605" s="6" t="s">
        <v>18</v>
      </c>
      <c r="G12605" s="6" t="s">
        <v>23501</v>
      </c>
      <c r="H12605" s="6" t="s">
        <v>23502</v>
      </c>
      <c r="I12605" s="7">
        <v>4.6511475000000004</v>
      </c>
      <c r="J12605" s="8">
        <v>-74.049221200000005</v>
      </c>
    </row>
    <row r="12606" spans="1:10" x14ac:dyDescent="0.35">
      <c r="A12606" s="5" t="s">
        <v>10</v>
      </c>
      <c r="B12606" s="6">
        <v>221853</v>
      </c>
      <c r="C12606" s="6" t="s">
        <v>68</v>
      </c>
      <c r="D12606" s="6" t="s">
        <v>69</v>
      </c>
      <c r="E12606" s="6">
        <v>11001</v>
      </c>
      <c r="F12606" s="6" t="s">
        <v>18</v>
      </c>
      <c r="G12606" s="6" t="s">
        <v>23503</v>
      </c>
      <c r="H12606" s="6" t="s">
        <v>23504</v>
      </c>
      <c r="I12606" s="7">
        <v>4.7056849999999999</v>
      </c>
      <c r="J12606" s="8">
        <v>-74.133258100000006</v>
      </c>
    </row>
    <row r="12607" spans="1:10" x14ac:dyDescent="0.35">
      <c r="A12607" s="5" t="s">
        <v>10</v>
      </c>
      <c r="B12607" s="6">
        <v>227993</v>
      </c>
      <c r="C12607" s="6" t="s">
        <v>68</v>
      </c>
      <c r="D12607" s="6" t="s">
        <v>69</v>
      </c>
      <c r="E12607" s="6">
        <v>11001</v>
      </c>
      <c r="F12607" s="6" t="s">
        <v>18</v>
      </c>
      <c r="G12607" s="6" t="s">
        <v>23505</v>
      </c>
      <c r="H12607" s="6" t="s">
        <v>23506</v>
      </c>
      <c r="I12607" s="7">
        <v>4.6829444000000002</v>
      </c>
      <c r="J12607" s="8">
        <v>-74.135328000000001</v>
      </c>
    </row>
    <row r="12608" spans="1:10" x14ac:dyDescent="0.35">
      <c r="A12608" s="5" t="s">
        <v>10</v>
      </c>
      <c r="B12608" s="6">
        <v>189530</v>
      </c>
      <c r="C12608" s="6" t="s">
        <v>278</v>
      </c>
      <c r="D12608" s="6" t="s">
        <v>279</v>
      </c>
      <c r="E12608" s="6">
        <v>50001</v>
      </c>
      <c r="F12608" s="6" t="s">
        <v>13</v>
      </c>
      <c r="G12608" s="6" t="s">
        <v>16997</v>
      </c>
      <c r="H12608" s="6" t="s">
        <v>23463</v>
      </c>
      <c r="I12608" s="7">
        <v>4.1356408</v>
      </c>
      <c r="J12608" s="8">
        <v>-73.616494900000006</v>
      </c>
    </row>
    <row r="12609" spans="1:10" x14ac:dyDescent="0.35">
      <c r="A12609" s="5" t="s">
        <v>10</v>
      </c>
      <c r="B12609" s="6">
        <v>201958</v>
      </c>
      <c r="C12609" s="6" t="s">
        <v>28</v>
      </c>
      <c r="D12609" s="6" t="s">
        <v>29</v>
      </c>
      <c r="E12609" s="6">
        <v>54001</v>
      </c>
      <c r="F12609" s="6" t="s">
        <v>13</v>
      </c>
      <c r="G12609" s="6" t="s">
        <v>23507</v>
      </c>
      <c r="H12609" s="6" t="s">
        <v>23508</v>
      </c>
      <c r="I12609" s="7">
        <v>7.9602439</v>
      </c>
      <c r="J12609" s="8">
        <v>-72.474937100000005</v>
      </c>
    </row>
    <row r="12610" spans="1:10" x14ac:dyDescent="0.35">
      <c r="A12610" s="5" t="s">
        <v>10</v>
      </c>
      <c r="B12610" s="6">
        <v>238244</v>
      </c>
      <c r="C12610" s="6" t="s">
        <v>117</v>
      </c>
      <c r="D12610" s="6" t="s">
        <v>3402</v>
      </c>
      <c r="E12610" s="6">
        <v>76364</v>
      </c>
      <c r="F12610" s="6" t="s">
        <v>18</v>
      </c>
      <c r="G12610" s="6" t="s">
        <v>23509</v>
      </c>
      <c r="H12610" s="6" t="s">
        <v>23510</v>
      </c>
      <c r="I12610" s="7">
        <v>3.2360356000000001</v>
      </c>
      <c r="J12610" s="8">
        <v>-76.509877299999999</v>
      </c>
    </row>
    <row r="12611" spans="1:10" x14ac:dyDescent="0.35">
      <c r="A12611" s="5" t="s">
        <v>10</v>
      </c>
      <c r="B12611" s="6">
        <v>236776</v>
      </c>
      <c r="C12611" s="6" t="s">
        <v>190</v>
      </c>
      <c r="D12611" s="6" t="s">
        <v>191</v>
      </c>
      <c r="E12611" s="6">
        <v>5001</v>
      </c>
      <c r="F12611" s="6" t="s">
        <v>18</v>
      </c>
      <c r="G12611" s="6" t="s">
        <v>23511</v>
      </c>
      <c r="H12611" s="6" t="s">
        <v>23512</v>
      </c>
      <c r="I12611" s="7">
        <v>6.2687764000000001</v>
      </c>
      <c r="J12611" s="8">
        <v>-75.554818900000001</v>
      </c>
    </row>
    <row r="12612" spans="1:10" x14ac:dyDescent="0.35">
      <c r="A12612" s="5" t="s">
        <v>10</v>
      </c>
      <c r="B12612" s="6">
        <v>208193</v>
      </c>
      <c r="C12612" s="6" t="s">
        <v>68</v>
      </c>
      <c r="D12612" s="6" t="s">
        <v>69</v>
      </c>
      <c r="E12612" s="6">
        <v>11001</v>
      </c>
      <c r="F12612" s="6" t="s">
        <v>18</v>
      </c>
      <c r="G12612" s="6" t="s">
        <v>23513</v>
      </c>
      <c r="H12612" s="6" t="s">
        <v>23514</v>
      </c>
      <c r="I12612" s="7">
        <v>4.6428672000000004</v>
      </c>
      <c r="J12612" s="8">
        <v>-74.163855799999993</v>
      </c>
    </row>
    <row r="12613" spans="1:10" x14ac:dyDescent="0.35">
      <c r="A12613" s="5" t="s">
        <v>10</v>
      </c>
      <c r="B12613" s="6">
        <v>235939</v>
      </c>
      <c r="C12613" s="6" t="s">
        <v>68</v>
      </c>
      <c r="D12613" s="6" t="s">
        <v>69</v>
      </c>
      <c r="E12613" s="6">
        <v>11001</v>
      </c>
      <c r="F12613" s="6" t="s">
        <v>18</v>
      </c>
      <c r="G12613" s="6" t="s">
        <v>23515</v>
      </c>
      <c r="H12613" s="6" t="s">
        <v>23516</v>
      </c>
      <c r="I12613" s="7">
        <v>4.7303967999999896</v>
      </c>
      <c r="J12613" s="8">
        <v>-74.100680400000002</v>
      </c>
    </row>
    <row r="12614" spans="1:10" x14ac:dyDescent="0.35">
      <c r="A12614" s="5" t="s">
        <v>10</v>
      </c>
      <c r="B12614" s="6">
        <v>236859</v>
      </c>
      <c r="C12614" s="6" t="s">
        <v>68</v>
      </c>
      <c r="D12614" s="6" t="s">
        <v>69</v>
      </c>
      <c r="E12614" s="6">
        <v>11001</v>
      </c>
      <c r="F12614" s="6" t="s">
        <v>18</v>
      </c>
      <c r="G12614" s="6" t="s">
        <v>23517</v>
      </c>
      <c r="H12614" s="6" t="s">
        <v>23518</v>
      </c>
      <c r="I12614" s="7">
        <v>4.5902541000000001</v>
      </c>
      <c r="J12614" s="8">
        <v>-74.174687899999995</v>
      </c>
    </row>
    <row r="12615" spans="1:10" x14ac:dyDescent="0.35">
      <c r="A12615" s="5" t="s">
        <v>10</v>
      </c>
      <c r="B12615" s="6">
        <v>224526</v>
      </c>
      <c r="C12615" s="6" t="s">
        <v>466</v>
      </c>
      <c r="D12615" s="6" t="s">
        <v>2069</v>
      </c>
      <c r="E12615" s="6">
        <v>81794</v>
      </c>
      <c r="F12615" s="6" t="s">
        <v>13</v>
      </c>
      <c r="G12615" s="6" t="s">
        <v>23519</v>
      </c>
      <c r="H12615" s="6" t="s">
        <v>23520</v>
      </c>
      <c r="I12615" s="7">
        <v>6.4575284999999996</v>
      </c>
      <c r="J12615" s="8">
        <v>-71.736682200000004</v>
      </c>
    </row>
    <row r="12616" spans="1:10" x14ac:dyDescent="0.35">
      <c r="A12616" s="5" t="s">
        <v>10</v>
      </c>
      <c r="B12616" s="6">
        <v>167432</v>
      </c>
      <c r="C12616" s="6" t="s">
        <v>109</v>
      </c>
      <c r="D12616" s="6" t="s">
        <v>3238</v>
      </c>
      <c r="E12616" s="6">
        <v>13140</v>
      </c>
      <c r="F12616" s="6" t="s">
        <v>18</v>
      </c>
      <c r="G12616" s="6" t="s">
        <v>12279</v>
      </c>
      <c r="H12616" s="6" t="s">
        <v>12280</v>
      </c>
      <c r="I12616" s="7">
        <v>10.2482817</v>
      </c>
      <c r="J12616" s="8">
        <v>-74.915177</v>
      </c>
    </row>
    <row r="12617" spans="1:10" x14ac:dyDescent="0.35">
      <c r="A12617" s="5" t="s">
        <v>10</v>
      </c>
      <c r="B12617" s="6">
        <v>239375</v>
      </c>
      <c r="C12617" s="6" t="s">
        <v>457</v>
      </c>
      <c r="D12617" s="6" t="s">
        <v>23521</v>
      </c>
      <c r="E12617" s="6">
        <v>52022</v>
      </c>
      <c r="F12617" s="6" t="s">
        <v>18</v>
      </c>
      <c r="G12617" s="6" t="s">
        <v>23522</v>
      </c>
      <c r="H12617" s="6" t="s">
        <v>23523</v>
      </c>
      <c r="I12617" s="7">
        <v>0.82308530000000002</v>
      </c>
      <c r="J12617" s="8">
        <v>-77.633688199999995</v>
      </c>
    </row>
    <row r="12618" spans="1:10" x14ac:dyDescent="0.35">
      <c r="A12618" s="5" t="s">
        <v>10</v>
      </c>
      <c r="B12618" s="6">
        <v>211098</v>
      </c>
      <c r="C12618" s="6" t="s">
        <v>457</v>
      </c>
      <c r="D12618" s="6" t="s">
        <v>4400</v>
      </c>
      <c r="E12618" s="6">
        <v>52001</v>
      </c>
      <c r="F12618" s="6" t="s">
        <v>18</v>
      </c>
      <c r="G12618" s="6" t="s">
        <v>23524</v>
      </c>
      <c r="H12618" s="6" t="s">
        <v>23525</v>
      </c>
      <c r="I12618" s="7">
        <v>1.22237</v>
      </c>
      <c r="J12618" s="8">
        <v>-77.280436399999999</v>
      </c>
    </row>
    <row r="12619" spans="1:10" x14ac:dyDescent="0.35">
      <c r="A12619" s="5" t="s">
        <v>10</v>
      </c>
      <c r="B12619" s="6">
        <v>219944</v>
      </c>
      <c r="C12619" s="6" t="s">
        <v>68</v>
      </c>
      <c r="D12619" s="6" t="s">
        <v>69</v>
      </c>
      <c r="E12619" s="6">
        <v>11001</v>
      </c>
      <c r="F12619" s="6" t="s">
        <v>18</v>
      </c>
      <c r="G12619" s="6" t="s">
        <v>23526</v>
      </c>
      <c r="H12619" s="6" t="s">
        <v>23527</v>
      </c>
      <c r="I12619" s="7">
        <v>4.5582823000000001</v>
      </c>
      <c r="J12619" s="8">
        <v>-74.121156099999993</v>
      </c>
    </row>
    <row r="12620" spans="1:10" x14ac:dyDescent="0.35">
      <c r="A12620" s="5" t="s">
        <v>10</v>
      </c>
      <c r="B12620" s="6">
        <v>213845</v>
      </c>
      <c r="C12620" s="6" t="s">
        <v>190</v>
      </c>
      <c r="D12620" s="6" t="s">
        <v>14386</v>
      </c>
      <c r="E12620" s="6">
        <v>5390</v>
      </c>
      <c r="F12620" s="6" t="s">
        <v>18</v>
      </c>
      <c r="G12620" s="6" t="s">
        <v>23528</v>
      </c>
      <c r="H12620" s="6" t="s">
        <v>23529</v>
      </c>
      <c r="I12620" s="7">
        <v>5.7452516999999999</v>
      </c>
      <c r="J12620" s="8">
        <v>-75.603400999999906</v>
      </c>
    </row>
    <row r="12621" spans="1:10" x14ac:dyDescent="0.35">
      <c r="A12621" s="5" t="s">
        <v>10</v>
      </c>
      <c r="B12621" s="6">
        <v>209066</v>
      </c>
      <c r="C12621" s="6" t="s">
        <v>68</v>
      </c>
      <c r="D12621" s="6" t="s">
        <v>69</v>
      </c>
      <c r="E12621" s="6">
        <v>11001</v>
      </c>
      <c r="F12621" s="6" t="s">
        <v>18</v>
      </c>
      <c r="G12621" s="6" t="s">
        <v>23530</v>
      </c>
      <c r="H12621" s="6" t="s">
        <v>23531</v>
      </c>
      <c r="I12621" s="7">
        <v>4.6651521999999996</v>
      </c>
      <c r="J12621" s="8">
        <v>-74.056726599999905</v>
      </c>
    </row>
    <row r="12622" spans="1:10" x14ac:dyDescent="0.35">
      <c r="A12622" s="5" t="s">
        <v>10</v>
      </c>
      <c r="B12622" s="6">
        <v>235855</v>
      </c>
      <c r="C12622" s="6" t="s">
        <v>68</v>
      </c>
      <c r="D12622" s="6" t="s">
        <v>69</v>
      </c>
      <c r="E12622" s="6">
        <v>11001</v>
      </c>
      <c r="F12622" s="6" t="s">
        <v>18</v>
      </c>
      <c r="G12622" s="6" t="s">
        <v>23532</v>
      </c>
      <c r="H12622" s="6" t="s">
        <v>23533</v>
      </c>
      <c r="I12622" s="7">
        <v>4.6194234999999999</v>
      </c>
      <c r="J12622" s="8">
        <v>-74.181374099999999</v>
      </c>
    </row>
    <row r="12623" spans="1:10" x14ac:dyDescent="0.35">
      <c r="A12623" s="5" t="s">
        <v>10</v>
      </c>
      <c r="B12623" s="6">
        <v>218725</v>
      </c>
      <c r="C12623" s="6" t="s">
        <v>68</v>
      </c>
      <c r="D12623" s="6" t="s">
        <v>69</v>
      </c>
      <c r="E12623" s="6">
        <v>11001</v>
      </c>
      <c r="F12623" s="6" t="s">
        <v>70</v>
      </c>
      <c r="G12623" s="6" t="s">
        <v>23534</v>
      </c>
      <c r="H12623" s="6" t="s">
        <v>72</v>
      </c>
      <c r="I12623" s="7">
        <v>4.6856081999999999</v>
      </c>
      <c r="J12623" s="8">
        <v>-74.052892999999997</v>
      </c>
    </row>
    <row r="12624" spans="1:10" x14ac:dyDescent="0.35">
      <c r="A12624" s="5" t="s">
        <v>10</v>
      </c>
      <c r="B12624" s="6">
        <v>163096</v>
      </c>
      <c r="C12624" s="6" t="s">
        <v>24</v>
      </c>
      <c r="D12624" s="6" t="s">
        <v>137</v>
      </c>
      <c r="E12624" s="6">
        <v>15238</v>
      </c>
      <c r="F12624" s="6" t="s">
        <v>18</v>
      </c>
      <c r="G12624" s="6" t="s">
        <v>186</v>
      </c>
      <c r="H12624" s="6" t="s">
        <v>23535</v>
      </c>
      <c r="I12624" s="7">
        <v>5.8268950999999998</v>
      </c>
      <c r="J12624" s="8">
        <v>-73.032927299999997</v>
      </c>
    </row>
    <row r="12625" spans="1:10" x14ac:dyDescent="0.35">
      <c r="A12625" s="5" t="s">
        <v>10</v>
      </c>
      <c r="B12625" s="6">
        <v>240735</v>
      </c>
      <c r="C12625" s="6" t="s">
        <v>190</v>
      </c>
      <c r="D12625" s="6" t="s">
        <v>191</v>
      </c>
      <c r="E12625" s="6">
        <v>5001</v>
      </c>
      <c r="F12625" s="6" t="s">
        <v>18</v>
      </c>
      <c r="G12625" s="6" t="s">
        <v>23536</v>
      </c>
      <c r="H12625" s="6" t="s">
        <v>23537</v>
      </c>
      <c r="I12625" s="7">
        <v>6.2569695000000003</v>
      </c>
      <c r="J12625" s="8">
        <v>-75.5569706</v>
      </c>
    </row>
    <row r="12626" spans="1:10" x14ac:dyDescent="0.35">
      <c r="A12626" s="5" t="s">
        <v>10</v>
      </c>
      <c r="B12626" s="6">
        <v>190027</v>
      </c>
      <c r="C12626" s="6" t="s">
        <v>2130</v>
      </c>
      <c r="D12626" s="6" t="s">
        <v>2131</v>
      </c>
      <c r="E12626" s="6">
        <v>85001</v>
      </c>
      <c r="F12626" s="6" t="s">
        <v>18</v>
      </c>
      <c r="G12626" s="6" t="s">
        <v>23538</v>
      </c>
      <c r="H12626" s="6" t="s">
        <v>23539</v>
      </c>
      <c r="I12626" s="7">
        <v>5.3312816999999999</v>
      </c>
      <c r="J12626" s="8">
        <v>-72.382010100000002</v>
      </c>
    </row>
    <row r="12627" spans="1:10" x14ac:dyDescent="0.35">
      <c r="A12627" s="5" t="s">
        <v>10</v>
      </c>
      <c r="B12627" s="6">
        <v>239310</v>
      </c>
      <c r="C12627" s="6" t="s">
        <v>190</v>
      </c>
      <c r="D12627" s="6" t="s">
        <v>11984</v>
      </c>
      <c r="E12627" s="6">
        <v>5591</v>
      </c>
      <c r="F12627" s="6" t="s">
        <v>18</v>
      </c>
      <c r="G12627" s="6" t="s">
        <v>23540</v>
      </c>
      <c r="H12627" s="6" t="s">
        <v>23541</v>
      </c>
      <c r="I12627" s="7">
        <v>5.8985776999999997</v>
      </c>
      <c r="J12627" s="8">
        <v>-74.735196799999997</v>
      </c>
    </row>
    <row r="12628" spans="1:10" x14ac:dyDescent="0.35">
      <c r="A12628" s="5" t="s">
        <v>10</v>
      </c>
      <c r="B12628" s="6">
        <v>213866</v>
      </c>
      <c r="C12628" s="6" t="s">
        <v>68</v>
      </c>
      <c r="D12628" s="6" t="s">
        <v>69</v>
      </c>
      <c r="E12628" s="6">
        <v>11001</v>
      </c>
      <c r="F12628" s="6" t="s">
        <v>18</v>
      </c>
      <c r="G12628" s="6" t="s">
        <v>23542</v>
      </c>
      <c r="H12628" s="6" t="s">
        <v>23543</v>
      </c>
      <c r="I12628" s="7">
        <v>4.7261030999999996</v>
      </c>
      <c r="J12628" s="8">
        <v>-74.0936363</v>
      </c>
    </row>
    <row r="12629" spans="1:10" x14ac:dyDescent="0.35">
      <c r="A12629" s="5" t="s">
        <v>10</v>
      </c>
      <c r="B12629" s="6">
        <v>215099</v>
      </c>
      <c r="C12629" s="6" t="s">
        <v>68</v>
      </c>
      <c r="D12629" s="6" t="s">
        <v>69</v>
      </c>
      <c r="E12629" s="6">
        <v>11001</v>
      </c>
      <c r="F12629" s="6" t="s">
        <v>18</v>
      </c>
      <c r="G12629" s="6" t="s">
        <v>23544</v>
      </c>
      <c r="H12629" s="6" t="s">
        <v>14125</v>
      </c>
      <c r="I12629" s="7">
        <v>4.7108679999999996</v>
      </c>
      <c r="J12629" s="8">
        <v>-74.072189800000004</v>
      </c>
    </row>
    <row r="12630" spans="1:10" x14ac:dyDescent="0.35">
      <c r="A12630" s="5" t="s">
        <v>10</v>
      </c>
      <c r="B12630" s="6">
        <v>240446</v>
      </c>
      <c r="C12630" s="6" t="s">
        <v>190</v>
      </c>
      <c r="D12630" s="6" t="s">
        <v>3689</v>
      </c>
      <c r="E12630" s="6">
        <v>5266</v>
      </c>
      <c r="F12630" s="6" t="s">
        <v>18</v>
      </c>
      <c r="G12630" s="6" t="s">
        <v>23545</v>
      </c>
      <c r="H12630" s="6" t="s">
        <v>23546</v>
      </c>
      <c r="I12630" s="7">
        <v>6.1683497000000003</v>
      </c>
      <c r="J12630" s="8">
        <v>-75.609376800000007</v>
      </c>
    </row>
    <row r="12631" spans="1:10" x14ac:dyDescent="0.35">
      <c r="A12631" s="5" t="s">
        <v>10</v>
      </c>
      <c r="B12631" s="6">
        <v>243694</v>
      </c>
      <c r="C12631" s="6" t="s">
        <v>68</v>
      </c>
      <c r="D12631" s="6" t="s">
        <v>69</v>
      </c>
      <c r="E12631" s="6">
        <v>11001</v>
      </c>
      <c r="F12631" s="6" t="s">
        <v>18</v>
      </c>
      <c r="G12631" s="6" t="s">
        <v>23547</v>
      </c>
      <c r="H12631" s="6" t="s">
        <v>23548</v>
      </c>
      <c r="I12631" s="7">
        <v>4.6403116999999998</v>
      </c>
      <c r="J12631" s="8">
        <v>-74.200208399999994</v>
      </c>
    </row>
    <row r="12632" spans="1:10" x14ac:dyDescent="0.35">
      <c r="A12632" s="5" t="s">
        <v>10</v>
      </c>
      <c r="B12632" s="6">
        <v>186536</v>
      </c>
      <c r="C12632" s="6" t="s">
        <v>68</v>
      </c>
      <c r="D12632" s="6" t="s">
        <v>69</v>
      </c>
      <c r="E12632" s="6">
        <v>11001</v>
      </c>
      <c r="F12632" s="6" t="s">
        <v>18</v>
      </c>
      <c r="G12632" s="6" t="s">
        <v>17058</v>
      </c>
      <c r="H12632" s="6" t="s">
        <v>17059</v>
      </c>
      <c r="I12632" s="7">
        <v>4.6846964</v>
      </c>
      <c r="J12632" s="8">
        <v>-74.044147699999996</v>
      </c>
    </row>
    <row r="12633" spans="1:10" x14ac:dyDescent="0.35">
      <c r="A12633" s="5" t="s">
        <v>10</v>
      </c>
      <c r="B12633" s="6">
        <v>189652</v>
      </c>
      <c r="C12633" s="6" t="s">
        <v>68</v>
      </c>
      <c r="D12633" s="6" t="s">
        <v>69</v>
      </c>
      <c r="E12633" s="6">
        <v>11001</v>
      </c>
      <c r="F12633" s="6" t="s">
        <v>13</v>
      </c>
      <c r="G12633" s="6" t="s">
        <v>16997</v>
      </c>
      <c r="H12633" s="6" t="s">
        <v>22677</v>
      </c>
      <c r="I12633" s="7">
        <v>4.6385345999999998</v>
      </c>
      <c r="J12633" s="8">
        <v>-74.112319400000004</v>
      </c>
    </row>
    <row r="12634" spans="1:10" x14ac:dyDescent="0.35">
      <c r="A12634" s="5" t="s">
        <v>10</v>
      </c>
      <c r="B12634" s="6">
        <v>239427</v>
      </c>
      <c r="C12634" s="6" t="s">
        <v>117</v>
      </c>
      <c r="D12634" s="6" t="s">
        <v>1334</v>
      </c>
      <c r="E12634" s="6">
        <v>76001</v>
      </c>
      <c r="F12634" s="6" t="s">
        <v>18</v>
      </c>
      <c r="G12634" s="6" t="s">
        <v>23549</v>
      </c>
      <c r="H12634" s="6" t="s">
        <v>23550</v>
      </c>
      <c r="I12634" s="7">
        <v>3.4503406999999999</v>
      </c>
      <c r="J12634" s="8">
        <v>-76.477440000000001</v>
      </c>
    </row>
    <row r="12635" spans="1:10" x14ac:dyDescent="0.35">
      <c r="A12635" s="5" t="s">
        <v>10</v>
      </c>
      <c r="B12635" s="6">
        <v>107096</v>
      </c>
      <c r="C12635" s="6" t="s">
        <v>308</v>
      </c>
      <c r="D12635" s="6" t="s">
        <v>8338</v>
      </c>
      <c r="E12635" s="6">
        <v>23555</v>
      </c>
      <c r="F12635" s="6" t="s">
        <v>13</v>
      </c>
      <c r="G12635" s="6" t="s">
        <v>11877</v>
      </c>
      <c r="H12635" s="6" t="s">
        <v>16432</v>
      </c>
      <c r="I12635" s="7">
        <v>8.4127489999999998</v>
      </c>
      <c r="J12635" s="8">
        <v>-75.584047999999996</v>
      </c>
    </row>
    <row r="12636" spans="1:10" x14ac:dyDescent="0.35">
      <c r="A12636" s="5" t="s">
        <v>10</v>
      </c>
      <c r="B12636" s="6">
        <v>106151</v>
      </c>
      <c r="C12636" s="6" t="s">
        <v>4364</v>
      </c>
      <c r="D12636" s="6" t="s">
        <v>4365</v>
      </c>
      <c r="E12636" s="6">
        <v>70001</v>
      </c>
      <c r="F12636" s="6" t="s">
        <v>18</v>
      </c>
      <c r="G12636" s="6" t="s">
        <v>23551</v>
      </c>
      <c r="H12636" s="6" t="s">
        <v>23552</v>
      </c>
      <c r="I12636" s="7">
        <v>9.3045773000000001</v>
      </c>
      <c r="J12636" s="8">
        <v>-75.390556699999905</v>
      </c>
    </row>
    <row r="12637" spans="1:10" x14ac:dyDescent="0.35">
      <c r="A12637" s="5" t="s">
        <v>10</v>
      </c>
      <c r="B12637" s="6">
        <v>236938</v>
      </c>
      <c r="C12637" s="6" t="s">
        <v>68</v>
      </c>
      <c r="D12637" s="6" t="s">
        <v>69</v>
      </c>
      <c r="E12637" s="6">
        <v>11001</v>
      </c>
      <c r="F12637" s="6" t="s">
        <v>13</v>
      </c>
      <c r="G12637" s="6" t="s">
        <v>12374</v>
      </c>
      <c r="H12637" s="6" t="s">
        <v>13450</v>
      </c>
      <c r="I12637" s="7">
        <v>4.6736098000000004</v>
      </c>
      <c r="J12637" s="8">
        <v>-74.074719299999998</v>
      </c>
    </row>
    <row r="12638" spans="1:10" x14ac:dyDescent="0.35">
      <c r="A12638" s="5" t="s">
        <v>10</v>
      </c>
      <c r="B12638" s="6">
        <v>238501</v>
      </c>
      <c r="C12638" s="6" t="s">
        <v>117</v>
      </c>
      <c r="D12638" s="6" t="s">
        <v>12447</v>
      </c>
      <c r="E12638" s="6">
        <v>76248</v>
      </c>
      <c r="F12638" s="6" t="s">
        <v>18</v>
      </c>
      <c r="G12638" s="6" t="s">
        <v>23553</v>
      </c>
      <c r="H12638" s="6" t="s">
        <v>23554</v>
      </c>
      <c r="I12638" s="7">
        <v>3.6765333</v>
      </c>
      <c r="J12638" s="8">
        <v>-76.301220099999995</v>
      </c>
    </row>
    <row r="12639" spans="1:10" x14ac:dyDescent="0.35">
      <c r="A12639" s="5" t="s">
        <v>10</v>
      </c>
      <c r="B12639" s="6">
        <v>107131</v>
      </c>
      <c r="C12639" s="6" t="s">
        <v>4364</v>
      </c>
      <c r="D12639" s="6" t="s">
        <v>4365</v>
      </c>
      <c r="E12639" s="6">
        <v>70001</v>
      </c>
      <c r="F12639" s="6" t="s">
        <v>13</v>
      </c>
      <c r="G12639" s="6" t="s">
        <v>11877</v>
      </c>
      <c r="H12639" s="6" t="s">
        <v>22804</v>
      </c>
      <c r="I12639" s="7">
        <v>9.2480499999999992</v>
      </c>
      <c r="J12639" s="8">
        <v>-75.3435688</v>
      </c>
    </row>
    <row r="12640" spans="1:10" x14ac:dyDescent="0.35">
      <c r="A12640" s="5" t="s">
        <v>10</v>
      </c>
      <c r="B12640" s="6">
        <v>246411</v>
      </c>
      <c r="C12640" s="6" t="s">
        <v>68</v>
      </c>
      <c r="D12640" s="6" t="s">
        <v>69</v>
      </c>
      <c r="E12640" s="6">
        <v>11001</v>
      </c>
      <c r="F12640" s="6" t="s">
        <v>18</v>
      </c>
      <c r="G12640" s="6" t="s">
        <v>23555</v>
      </c>
      <c r="H12640" s="6" t="s">
        <v>23556</v>
      </c>
      <c r="I12640" s="7">
        <v>4.6041660999999996</v>
      </c>
      <c r="J12640" s="8">
        <v>-74.196010999999999</v>
      </c>
    </row>
    <row r="12641" spans="1:10" x14ac:dyDescent="0.35">
      <c r="A12641" s="5" t="s">
        <v>10</v>
      </c>
      <c r="B12641" s="6">
        <v>188883</v>
      </c>
      <c r="C12641" s="6" t="s">
        <v>278</v>
      </c>
      <c r="D12641" s="6" t="s">
        <v>279</v>
      </c>
      <c r="E12641" s="6">
        <v>50001</v>
      </c>
      <c r="F12641" s="6" t="s">
        <v>18</v>
      </c>
      <c r="G12641" s="6" t="s">
        <v>855</v>
      </c>
      <c r="H12641" s="6" t="s">
        <v>22772</v>
      </c>
      <c r="I12641" s="7">
        <v>4.1311429999999998</v>
      </c>
      <c r="J12641" s="8">
        <v>-73.587118399999994</v>
      </c>
    </row>
    <row r="12642" spans="1:10" x14ac:dyDescent="0.35">
      <c r="A12642" s="5" t="s">
        <v>10</v>
      </c>
      <c r="B12642" s="6">
        <v>150073</v>
      </c>
      <c r="C12642" s="6" t="s">
        <v>294</v>
      </c>
      <c r="D12642" s="6" t="s">
        <v>4634</v>
      </c>
      <c r="E12642" s="6">
        <v>41020</v>
      </c>
      <c r="F12642" s="6" t="s">
        <v>18</v>
      </c>
      <c r="G12642" s="6" t="s">
        <v>6975</v>
      </c>
      <c r="H12642" s="6" t="s">
        <v>6976</v>
      </c>
      <c r="I12642" s="7">
        <v>2.5229436000000001</v>
      </c>
      <c r="J12642" s="8">
        <v>-75.317967800000005</v>
      </c>
    </row>
    <row r="12643" spans="1:10" x14ac:dyDescent="0.35">
      <c r="A12643" s="5" t="s">
        <v>10</v>
      </c>
      <c r="B12643" s="6">
        <v>182901</v>
      </c>
      <c r="C12643" s="6" t="s">
        <v>2130</v>
      </c>
      <c r="D12643" s="6" t="s">
        <v>2131</v>
      </c>
      <c r="E12643" s="6">
        <v>85001</v>
      </c>
      <c r="F12643" s="6" t="s">
        <v>18</v>
      </c>
      <c r="G12643" s="6" t="s">
        <v>23557</v>
      </c>
      <c r="H12643" s="6" t="s">
        <v>23558</v>
      </c>
      <c r="I12643" s="7">
        <v>5.3238338999999897</v>
      </c>
      <c r="J12643" s="8">
        <v>-72.371841399999994</v>
      </c>
    </row>
    <row r="12644" spans="1:10" x14ac:dyDescent="0.35">
      <c r="A12644" s="5" t="s">
        <v>10</v>
      </c>
      <c r="B12644" s="6">
        <v>107127</v>
      </c>
      <c r="C12644" s="6" t="s">
        <v>4364</v>
      </c>
      <c r="D12644" s="6" t="s">
        <v>4365</v>
      </c>
      <c r="E12644" s="6">
        <v>70001</v>
      </c>
      <c r="F12644" s="6" t="s">
        <v>13</v>
      </c>
      <c r="G12644" s="6" t="s">
        <v>11877</v>
      </c>
      <c r="H12644" s="6" t="s">
        <v>12819</v>
      </c>
      <c r="I12644" s="7">
        <v>9.3027558999999993</v>
      </c>
      <c r="J12644" s="8">
        <v>-75.397791599999906</v>
      </c>
    </row>
    <row r="12645" spans="1:10" x14ac:dyDescent="0.35">
      <c r="A12645" s="5" t="s">
        <v>10</v>
      </c>
      <c r="B12645" s="6">
        <v>242163</v>
      </c>
      <c r="C12645" s="6" t="s">
        <v>68</v>
      </c>
      <c r="D12645" s="6" t="s">
        <v>69</v>
      </c>
      <c r="E12645" s="6">
        <v>11001</v>
      </c>
      <c r="F12645" s="6" t="s">
        <v>18</v>
      </c>
      <c r="G12645" s="6" t="s">
        <v>23559</v>
      </c>
      <c r="H12645" s="6" t="s">
        <v>23560</v>
      </c>
      <c r="I12645" s="7">
        <v>4.7131819999999998</v>
      </c>
      <c r="J12645" s="8">
        <v>-74.071639000000005</v>
      </c>
    </row>
    <row r="12646" spans="1:10" x14ac:dyDescent="0.35">
      <c r="A12646" s="5" t="s">
        <v>10</v>
      </c>
      <c r="B12646" s="6">
        <v>236474</v>
      </c>
      <c r="C12646" s="6" t="s">
        <v>68</v>
      </c>
      <c r="D12646" s="6" t="s">
        <v>69</v>
      </c>
      <c r="E12646" s="6">
        <v>11001</v>
      </c>
      <c r="F12646" s="6" t="s">
        <v>18</v>
      </c>
      <c r="G12646" s="6" t="s">
        <v>23561</v>
      </c>
      <c r="H12646" s="6" t="s">
        <v>23562</v>
      </c>
      <c r="I12646" s="7">
        <v>4.6437878000000001</v>
      </c>
      <c r="J12646" s="8">
        <v>-74.130425299999999</v>
      </c>
    </row>
    <row r="12647" spans="1:10" x14ac:dyDescent="0.35">
      <c r="A12647" s="5" t="s">
        <v>10</v>
      </c>
      <c r="B12647" s="6">
        <v>237241</v>
      </c>
      <c r="C12647" s="6" t="s">
        <v>68</v>
      </c>
      <c r="D12647" s="6" t="s">
        <v>69</v>
      </c>
      <c r="E12647" s="6">
        <v>11001</v>
      </c>
      <c r="F12647" s="6" t="s">
        <v>18</v>
      </c>
      <c r="G12647" s="6" t="s">
        <v>23563</v>
      </c>
      <c r="H12647" s="6" t="s">
        <v>23564</v>
      </c>
      <c r="I12647" s="7">
        <v>4.7359415</v>
      </c>
      <c r="J12647" s="8">
        <v>-74.108866300000003</v>
      </c>
    </row>
    <row r="12648" spans="1:10" x14ac:dyDescent="0.35">
      <c r="A12648" s="5" t="s">
        <v>10</v>
      </c>
      <c r="B12648" s="6">
        <v>189095</v>
      </c>
      <c r="C12648" s="6" t="s">
        <v>68</v>
      </c>
      <c r="D12648" s="6" t="s">
        <v>69</v>
      </c>
      <c r="E12648" s="6">
        <v>11001</v>
      </c>
      <c r="F12648" s="6" t="s">
        <v>13</v>
      </c>
      <c r="G12648" s="6" t="s">
        <v>23565</v>
      </c>
      <c r="H12648" s="6" t="s">
        <v>23566</v>
      </c>
      <c r="I12648" s="7">
        <v>4.7044689999999996</v>
      </c>
      <c r="J12648" s="8">
        <v>-74.091223999999997</v>
      </c>
    </row>
    <row r="12649" spans="1:10" x14ac:dyDescent="0.35">
      <c r="A12649" s="5" t="s">
        <v>10</v>
      </c>
      <c r="B12649" s="6">
        <v>236511</v>
      </c>
      <c r="C12649" s="6" t="s">
        <v>68</v>
      </c>
      <c r="D12649" s="6" t="s">
        <v>69</v>
      </c>
      <c r="E12649" s="6">
        <v>11001</v>
      </c>
      <c r="F12649" s="6" t="s">
        <v>18</v>
      </c>
      <c r="G12649" s="6" t="s">
        <v>23567</v>
      </c>
      <c r="H12649" s="6" t="s">
        <v>23568</v>
      </c>
      <c r="I12649" s="7">
        <v>4.6046784000000001</v>
      </c>
      <c r="J12649" s="8">
        <v>-74.105840499999999</v>
      </c>
    </row>
    <row r="12650" spans="1:10" x14ac:dyDescent="0.35">
      <c r="A12650" s="5" t="s">
        <v>10</v>
      </c>
      <c r="B12650" s="6">
        <v>212752</v>
      </c>
      <c r="C12650" s="6" t="s">
        <v>24</v>
      </c>
      <c r="D12650" s="6" t="s">
        <v>85</v>
      </c>
      <c r="E12650" s="6">
        <v>15759</v>
      </c>
      <c r="F12650" s="6" t="s">
        <v>18</v>
      </c>
      <c r="G12650" s="6" t="s">
        <v>23569</v>
      </c>
      <c r="H12650" s="6" t="s">
        <v>23570</v>
      </c>
      <c r="I12650" s="7">
        <v>5.7188623999999999</v>
      </c>
      <c r="J12650" s="8">
        <v>-72.932889699999905</v>
      </c>
    </row>
    <row r="12651" spans="1:10" x14ac:dyDescent="0.35">
      <c r="A12651" s="5" t="s">
        <v>10</v>
      </c>
      <c r="B12651" s="6">
        <v>173388</v>
      </c>
      <c r="C12651" s="6" t="s">
        <v>294</v>
      </c>
      <c r="D12651" s="6" t="s">
        <v>703</v>
      </c>
      <c r="E12651" s="6">
        <v>41001</v>
      </c>
      <c r="F12651" s="6" t="s">
        <v>18</v>
      </c>
      <c r="G12651" s="6" t="s">
        <v>23571</v>
      </c>
      <c r="H12651" s="6" t="s">
        <v>23572</v>
      </c>
      <c r="I12651" s="7">
        <v>2.9231509</v>
      </c>
      <c r="J12651" s="8">
        <v>-75.288837599999994</v>
      </c>
    </row>
    <row r="12652" spans="1:10" x14ac:dyDescent="0.35">
      <c r="A12652" s="5" t="s">
        <v>10</v>
      </c>
      <c r="B12652" s="6">
        <v>230036</v>
      </c>
      <c r="C12652" s="6" t="s">
        <v>68</v>
      </c>
      <c r="D12652" s="6" t="s">
        <v>69</v>
      </c>
      <c r="E12652" s="6">
        <v>11001</v>
      </c>
      <c r="F12652" s="6" t="s">
        <v>18</v>
      </c>
      <c r="G12652" s="6" t="s">
        <v>23573</v>
      </c>
      <c r="H12652" s="6" t="s">
        <v>23574</v>
      </c>
      <c r="I12652" s="7">
        <v>4.6083185999999996</v>
      </c>
      <c r="J12652" s="8">
        <v>-74.159416699999994</v>
      </c>
    </row>
    <row r="12653" spans="1:10" x14ac:dyDescent="0.35">
      <c r="A12653" s="5" t="s">
        <v>10</v>
      </c>
      <c r="B12653" s="6">
        <v>246494</v>
      </c>
      <c r="C12653" s="6" t="s">
        <v>68</v>
      </c>
      <c r="D12653" s="6" t="s">
        <v>69</v>
      </c>
      <c r="E12653" s="6">
        <v>11001</v>
      </c>
      <c r="F12653" s="6" t="s">
        <v>18</v>
      </c>
      <c r="G12653" s="6" t="s">
        <v>23575</v>
      </c>
      <c r="H12653" s="6" t="s">
        <v>23576</v>
      </c>
      <c r="I12653" s="7">
        <v>4.7581481999999999</v>
      </c>
      <c r="J12653" s="8">
        <v>-74.114274800000004</v>
      </c>
    </row>
    <row r="12654" spans="1:10" x14ac:dyDescent="0.35">
      <c r="A12654" s="5" t="s">
        <v>10</v>
      </c>
      <c r="B12654" s="6">
        <v>163727</v>
      </c>
      <c r="C12654" s="6" t="s">
        <v>190</v>
      </c>
      <c r="D12654" s="6" t="s">
        <v>15342</v>
      </c>
      <c r="E12654" s="6">
        <v>5440</v>
      </c>
      <c r="F12654" s="6" t="s">
        <v>18</v>
      </c>
      <c r="G12654" s="6" t="s">
        <v>23577</v>
      </c>
      <c r="H12654" s="6" t="s">
        <v>23578</v>
      </c>
      <c r="I12654" s="7">
        <v>6.1731064</v>
      </c>
      <c r="J12654" s="8">
        <v>-75.337885099999994</v>
      </c>
    </row>
    <row r="12655" spans="1:10" x14ac:dyDescent="0.35">
      <c r="A12655" s="5" t="s">
        <v>10</v>
      </c>
      <c r="B12655" s="6">
        <v>131624</v>
      </c>
      <c r="C12655" s="6" t="s">
        <v>457</v>
      </c>
      <c r="D12655" s="6" t="s">
        <v>13503</v>
      </c>
      <c r="E12655" s="6">
        <v>52411</v>
      </c>
      <c r="F12655" s="6" t="s">
        <v>18</v>
      </c>
      <c r="G12655" s="6" t="s">
        <v>17427</v>
      </c>
      <c r="H12655" s="6" t="s">
        <v>17428</v>
      </c>
      <c r="I12655" s="7">
        <v>1.3509329999999999</v>
      </c>
      <c r="J12655" s="8">
        <v>-77.523870000000002</v>
      </c>
    </row>
    <row r="12656" spans="1:10" x14ac:dyDescent="0.35">
      <c r="A12656" s="5" t="s">
        <v>10</v>
      </c>
      <c r="B12656" s="6">
        <v>230301</v>
      </c>
      <c r="C12656" s="6" t="s">
        <v>117</v>
      </c>
      <c r="D12656" s="6" t="s">
        <v>1334</v>
      </c>
      <c r="E12656" s="6">
        <v>76001</v>
      </c>
      <c r="F12656" s="6" t="s">
        <v>18</v>
      </c>
      <c r="G12656" s="6" t="s">
        <v>23579</v>
      </c>
      <c r="H12656" s="6" t="s">
        <v>23580</v>
      </c>
      <c r="I12656" s="7">
        <v>3.4144649</v>
      </c>
      <c r="J12656" s="8">
        <v>-76.547967999999997</v>
      </c>
    </row>
    <row r="12657" spans="1:10" x14ac:dyDescent="0.35">
      <c r="A12657" s="5" t="s">
        <v>10</v>
      </c>
      <c r="B12657" s="6">
        <v>241161</v>
      </c>
      <c r="C12657" s="6" t="s">
        <v>117</v>
      </c>
      <c r="D12657" s="6" t="s">
        <v>1334</v>
      </c>
      <c r="E12657" s="6">
        <v>76001</v>
      </c>
      <c r="F12657" s="6" t="s">
        <v>18</v>
      </c>
      <c r="G12657" s="6" t="s">
        <v>23581</v>
      </c>
      <c r="H12657" s="6" t="s">
        <v>23582</v>
      </c>
      <c r="I12657" s="7">
        <v>3.4506820999999999</v>
      </c>
      <c r="J12657" s="8">
        <v>-76.534074899999993</v>
      </c>
    </row>
    <row r="12658" spans="1:10" x14ac:dyDescent="0.35">
      <c r="A12658" s="5" t="s">
        <v>10</v>
      </c>
      <c r="B12658" s="6">
        <v>240941</v>
      </c>
      <c r="C12658" s="6" t="s">
        <v>117</v>
      </c>
      <c r="D12658" s="6" t="s">
        <v>4397</v>
      </c>
      <c r="E12658" s="6">
        <v>76147</v>
      </c>
      <c r="F12658" s="6" t="s">
        <v>18</v>
      </c>
      <c r="G12658" s="6" t="s">
        <v>23583</v>
      </c>
      <c r="H12658" s="6" t="s">
        <v>23584</v>
      </c>
      <c r="I12658" s="7">
        <v>4.7537563</v>
      </c>
      <c r="J12658" s="8">
        <v>-75.922760699999998</v>
      </c>
    </row>
    <row r="12659" spans="1:10" x14ac:dyDescent="0.35">
      <c r="A12659" s="5" t="s">
        <v>10</v>
      </c>
      <c r="B12659" s="6">
        <v>246489</v>
      </c>
      <c r="C12659" s="6" t="s">
        <v>117</v>
      </c>
      <c r="D12659" s="6" t="s">
        <v>1334</v>
      </c>
      <c r="E12659" s="6">
        <v>76001</v>
      </c>
      <c r="F12659" s="6" t="s">
        <v>18</v>
      </c>
      <c r="G12659" s="6" t="s">
        <v>23585</v>
      </c>
      <c r="H12659" s="6" t="s">
        <v>23586</v>
      </c>
      <c r="I12659" s="7">
        <v>3.4210322999999998</v>
      </c>
      <c r="J12659" s="8">
        <v>-76.490274499999998</v>
      </c>
    </row>
    <row r="12660" spans="1:10" x14ac:dyDescent="0.35">
      <c r="A12660" s="5" t="s">
        <v>10</v>
      </c>
      <c r="B12660" s="6">
        <v>236655</v>
      </c>
      <c r="C12660" s="6" t="s">
        <v>68</v>
      </c>
      <c r="D12660" s="6" t="s">
        <v>69</v>
      </c>
      <c r="E12660" s="6">
        <v>11001</v>
      </c>
      <c r="F12660" s="6" t="s">
        <v>18</v>
      </c>
      <c r="G12660" s="6" t="s">
        <v>23587</v>
      </c>
      <c r="H12660" s="6" t="s">
        <v>23588</v>
      </c>
      <c r="I12660" s="7">
        <v>4.7405407999999998</v>
      </c>
      <c r="J12660" s="8">
        <v>-74.083573799999996</v>
      </c>
    </row>
    <row r="12661" spans="1:10" x14ac:dyDescent="0.35">
      <c r="A12661" s="5" t="s">
        <v>10</v>
      </c>
      <c r="B12661" s="6">
        <v>146173</v>
      </c>
      <c r="C12661" s="6" t="s">
        <v>24</v>
      </c>
      <c r="D12661" s="6" t="s">
        <v>88</v>
      </c>
      <c r="E12661" s="6">
        <v>15001</v>
      </c>
      <c r="F12661" s="6" t="s">
        <v>18</v>
      </c>
      <c r="G12661" s="6" t="s">
        <v>23589</v>
      </c>
      <c r="H12661" s="6" t="s">
        <v>20258</v>
      </c>
      <c r="I12661" s="7">
        <v>5.5453710000000003</v>
      </c>
      <c r="J12661" s="8">
        <v>-73.356581199999994</v>
      </c>
    </row>
    <row r="12662" spans="1:10" x14ac:dyDescent="0.35">
      <c r="A12662" s="5" t="s">
        <v>10</v>
      </c>
      <c r="B12662" s="6">
        <v>189740</v>
      </c>
      <c r="C12662" s="6" t="s">
        <v>308</v>
      </c>
      <c r="D12662" s="6" t="s">
        <v>309</v>
      </c>
      <c r="E12662" s="6">
        <v>23001</v>
      </c>
      <c r="F12662" s="6" t="s">
        <v>13</v>
      </c>
      <c r="G12662" s="6" t="s">
        <v>23590</v>
      </c>
      <c r="H12662" s="6" t="s">
        <v>23591</v>
      </c>
      <c r="I12662" s="7">
        <v>8.7702773000000001</v>
      </c>
      <c r="J12662" s="8">
        <v>-75.890034400000005</v>
      </c>
    </row>
    <row r="12663" spans="1:10" x14ac:dyDescent="0.35">
      <c r="A12663" s="5" t="s">
        <v>10</v>
      </c>
      <c r="B12663" s="6">
        <v>195870</v>
      </c>
      <c r="C12663" s="6" t="s">
        <v>28</v>
      </c>
      <c r="D12663" s="6" t="s">
        <v>91</v>
      </c>
      <c r="E12663" s="6">
        <v>54874</v>
      </c>
      <c r="F12663" s="6" t="s">
        <v>13</v>
      </c>
      <c r="G12663" s="6" t="s">
        <v>23592</v>
      </c>
      <c r="H12663" s="6" t="s">
        <v>23593</v>
      </c>
      <c r="I12663" s="7">
        <v>7.8334913999999998</v>
      </c>
      <c r="J12663" s="8">
        <v>-72.472991100000002</v>
      </c>
    </row>
    <row r="12664" spans="1:10" x14ac:dyDescent="0.35">
      <c r="A12664" s="5" t="s">
        <v>10</v>
      </c>
      <c r="B12664" s="6">
        <v>189739</v>
      </c>
      <c r="C12664" s="6" t="s">
        <v>308</v>
      </c>
      <c r="D12664" s="6" t="s">
        <v>309</v>
      </c>
      <c r="E12664" s="6">
        <v>23001</v>
      </c>
      <c r="F12664" s="6" t="s">
        <v>13</v>
      </c>
      <c r="G12664" s="6" t="s">
        <v>23594</v>
      </c>
      <c r="H12664" s="6" t="s">
        <v>23595</v>
      </c>
      <c r="I12664" s="7">
        <v>8.7480654999999992</v>
      </c>
      <c r="J12664" s="8">
        <v>-75.884107299999997</v>
      </c>
    </row>
    <row r="12665" spans="1:10" x14ac:dyDescent="0.35">
      <c r="A12665" s="5" t="s">
        <v>10</v>
      </c>
      <c r="B12665" s="6">
        <v>169593</v>
      </c>
      <c r="C12665" s="6" t="s">
        <v>11</v>
      </c>
      <c r="D12665" s="6" t="s">
        <v>513</v>
      </c>
      <c r="E12665" s="6">
        <v>25286</v>
      </c>
      <c r="F12665" s="6" t="s">
        <v>18</v>
      </c>
      <c r="G12665" s="6" t="s">
        <v>14313</v>
      </c>
      <c r="H12665" s="6" t="s">
        <v>14314</v>
      </c>
      <c r="I12665" s="7">
        <v>4.7084070000000002</v>
      </c>
      <c r="J12665" s="8">
        <v>-74.199315999999996</v>
      </c>
    </row>
    <row r="12666" spans="1:10" x14ac:dyDescent="0.35">
      <c r="A12666" s="5" t="s">
        <v>10</v>
      </c>
      <c r="B12666" s="6">
        <v>246451</v>
      </c>
      <c r="C12666" s="6" t="s">
        <v>190</v>
      </c>
      <c r="D12666" s="6" t="s">
        <v>12565</v>
      </c>
      <c r="E12666" s="6">
        <v>5697</v>
      </c>
      <c r="F12666" s="6" t="s">
        <v>18</v>
      </c>
      <c r="G12666" s="6" t="s">
        <v>23596</v>
      </c>
      <c r="H12666" s="6" t="s">
        <v>23597</v>
      </c>
      <c r="I12666" s="7">
        <v>4.8668484999999997</v>
      </c>
      <c r="J12666" s="8">
        <v>-73.877129400000001</v>
      </c>
    </row>
    <row r="12667" spans="1:10" x14ac:dyDescent="0.35">
      <c r="A12667" s="5" t="s">
        <v>10</v>
      </c>
      <c r="B12667" s="6">
        <v>107074</v>
      </c>
      <c r="C12667" s="6" t="s">
        <v>308</v>
      </c>
      <c r="D12667" s="6" t="s">
        <v>7949</v>
      </c>
      <c r="E12667" s="6">
        <v>23182</v>
      </c>
      <c r="F12667" s="6" t="s">
        <v>13</v>
      </c>
      <c r="G12667" s="6" t="s">
        <v>11877</v>
      </c>
      <c r="H12667" s="6" t="s">
        <v>23598</v>
      </c>
      <c r="I12667" s="7">
        <v>9.1059640000000002</v>
      </c>
      <c r="J12667" s="8">
        <v>-75.401527000000002</v>
      </c>
    </row>
    <row r="12668" spans="1:10" x14ac:dyDescent="0.35">
      <c r="A12668" s="5" t="s">
        <v>10</v>
      </c>
      <c r="B12668" s="6">
        <v>107074</v>
      </c>
      <c r="C12668" s="6" t="s">
        <v>308</v>
      </c>
      <c r="D12668" s="6" t="s">
        <v>7949</v>
      </c>
      <c r="E12668" s="6">
        <v>23182</v>
      </c>
      <c r="F12668" s="6" t="s">
        <v>13</v>
      </c>
      <c r="G12668" s="6" t="s">
        <v>11877</v>
      </c>
      <c r="H12668" s="6" t="s">
        <v>23598</v>
      </c>
      <c r="I12668" s="7">
        <v>9.1059640000000002</v>
      </c>
      <c r="J12668" s="8">
        <v>-75.401527000000002</v>
      </c>
    </row>
    <row r="12669" spans="1:10" x14ac:dyDescent="0.35">
      <c r="A12669" s="5" t="s">
        <v>10</v>
      </c>
      <c r="B12669" s="6">
        <v>201775</v>
      </c>
      <c r="C12669" s="6" t="s">
        <v>68</v>
      </c>
      <c r="D12669" s="6" t="s">
        <v>69</v>
      </c>
      <c r="E12669" s="6">
        <v>11001</v>
      </c>
      <c r="F12669" s="6" t="s">
        <v>18</v>
      </c>
      <c r="G12669" s="6" t="s">
        <v>16868</v>
      </c>
      <c r="H12669" s="6" t="s">
        <v>16869</v>
      </c>
      <c r="I12669" s="7">
        <v>4.7161268999999999</v>
      </c>
      <c r="J12669" s="8">
        <v>-74.140709299999997</v>
      </c>
    </row>
    <row r="12670" spans="1:10" x14ac:dyDescent="0.35">
      <c r="A12670" s="5" t="s">
        <v>10</v>
      </c>
      <c r="B12670" s="6">
        <v>246291</v>
      </c>
      <c r="C12670" s="6" t="s">
        <v>68</v>
      </c>
      <c r="D12670" s="6" t="s">
        <v>69</v>
      </c>
      <c r="E12670" s="6">
        <v>11001</v>
      </c>
      <c r="F12670" s="6" t="s">
        <v>18</v>
      </c>
      <c r="G12670" s="6">
        <v>82</v>
      </c>
      <c r="H12670" s="6" t="s">
        <v>23599</v>
      </c>
      <c r="I12670" s="7">
        <v>4.5914671</v>
      </c>
      <c r="J12670" s="8">
        <v>-74.081248500000001</v>
      </c>
    </row>
    <row r="12671" spans="1:10" x14ac:dyDescent="0.35">
      <c r="A12671" s="5" t="s">
        <v>10</v>
      </c>
      <c r="B12671" s="6">
        <v>236605</v>
      </c>
      <c r="C12671" s="6" t="s">
        <v>68</v>
      </c>
      <c r="D12671" s="6" t="s">
        <v>69</v>
      </c>
      <c r="E12671" s="6">
        <v>11001</v>
      </c>
      <c r="F12671" s="6" t="s">
        <v>18</v>
      </c>
      <c r="G12671" s="6" t="s">
        <v>23600</v>
      </c>
      <c r="H12671" s="6" t="s">
        <v>23601</v>
      </c>
      <c r="I12671" s="7">
        <v>4.6059633</v>
      </c>
      <c r="J12671" s="8">
        <v>-74.197921100000002</v>
      </c>
    </row>
    <row r="12672" spans="1:10" x14ac:dyDescent="0.35">
      <c r="A12672" s="5" t="s">
        <v>10</v>
      </c>
      <c r="B12672" s="6">
        <v>237161</v>
      </c>
      <c r="C12672" s="6" t="s">
        <v>68</v>
      </c>
      <c r="D12672" s="6" t="s">
        <v>69</v>
      </c>
      <c r="E12672" s="6">
        <v>11001</v>
      </c>
      <c r="F12672" s="6" t="s">
        <v>18</v>
      </c>
      <c r="G12672" s="6" t="s">
        <v>23602</v>
      </c>
      <c r="H12672" s="6" t="s">
        <v>23603</v>
      </c>
      <c r="I12672" s="7">
        <v>4.7150036000000002</v>
      </c>
      <c r="J12672" s="8">
        <v>-74.117287599999997</v>
      </c>
    </row>
    <row r="12673" spans="1:10" x14ac:dyDescent="0.35">
      <c r="A12673" s="5" t="s">
        <v>10</v>
      </c>
      <c r="B12673" s="6">
        <v>203418</v>
      </c>
      <c r="C12673" s="6" t="s">
        <v>24</v>
      </c>
      <c r="D12673" s="6" t="s">
        <v>85</v>
      </c>
      <c r="E12673" s="6">
        <v>15759</v>
      </c>
      <c r="F12673" s="6" t="s">
        <v>18</v>
      </c>
      <c r="G12673" s="6" t="s">
        <v>23604</v>
      </c>
      <c r="H12673" s="6" t="s">
        <v>23605</v>
      </c>
      <c r="I12673" s="7">
        <v>6.3165119000000001</v>
      </c>
      <c r="J12673" s="8">
        <v>-73.9497827</v>
      </c>
    </row>
    <row r="12674" spans="1:10" x14ac:dyDescent="0.35">
      <c r="A12674" s="5" t="s">
        <v>10</v>
      </c>
      <c r="B12674" s="6">
        <v>198659</v>
      </c>
      <c r="C12674" s="6" t="s">
        <v>28</v>
      </c>
      <c r="D12674" s="6" t="s">
        <v>153</v>
      </c>
      <c r="E12674" s="6">
        <v>54518</v>
      </c>
      <c r="F12674" s="6" t="s">
        <v>13</v>
      </c>
      <c r="G12674" s="6" t="s">
        <v>23606</v>
      </c>
      <c r="H12674" s="6" t="s">
        <v>23607</v>
      </c>
      <c r="I12674" s="7">
        <v>7.3783652000000002</v>
      </c>
      <c r="J12674" s="8">
        <v>-72.6526207</v>
      </c>
    </row>
    <row r="12675" spans="1:10" x14ac:dyDescent="0.35">
      <c r="A12675" s="5" t="s">
        <v>10</v>
      </c>
      <c r="B12675" s="6">
        <v>111668</v>
      </c>
      <c r="C12675" s="6" t="s">
        <v>190</v>
      </c>
      <c r="D12675" s="6" t="s">
        <v>23608</v>
      </c>
      <c r="E12675" s="6">
        <v>5541</v>
      </c>
      <c r="F12675" s="6" t="s">
        <v>18</v>
      </c>
      <c r="G12675" s="6" t="s">
        <v>23609</v>
      </c>
      <c r="H12675" s="6" t="s">
        <v>23610</v>
      </c>
      <c r="I12675" s="7">
        <v>6.2167653999999999</v>
      </c>
      <c r="J12675" s="8">
        <v>-75.244556399999993</v>
      </c>
    </row>
    <row r="12676" spans="1:10" x14ac:dyDescent="0.35">
      <c r="A12676" s="5" t="s">
        <v>10</v>
      </c>
      <c r="B12676" s="6">
        <v>235427</v>
      </c>
      <c r="C12676" s="6" t="s">
        <v>190</v>
      </c>
      <c r="D12676" s="6" t="s">
        <v>438</v>
      </c>
      <c r="E12676" s="6">
        <v>5045</v>
      </c>
      <c r="F12676" s="6" t="s">
        <v>18</v>
      </c>
      <c r="G12676" s="6" t="s">
        <v>23611</v>
      </c>
      <c r="H12676" s="6" t="s">
        <v>23612</v>
      </c>
      <c r="I12676" s="7">
        <v>7.8823458999999998</v>
      </c>
      <c r="J12676" s="8">
        <v>-76.632162100000002</v>
      </c>
    </row>
    <row r="12677" spans="1:10" x14ac:dyDescent="0.35">
      <c r="A12677" s="5" t="s">
        <v>10</v>
      </c>
      <c r="B12677" s="6">
        <v>231276</v>
      </c>
      <c r="C12677" s="6" t="s">
        <v>68</v>
      </c>
      <c r="D12677" s="6" t="s">
        <v>69</v>
      </c>
      <c r="E12677" s="6">
        <v>11001</v>
      </c>
      <c r="F12677" s="6" t="s">
        <v>18</v>
      </c>
      <c r="G12677" s="6" t="s">
        <v>23613</v>
      </c>
      <c r="H12677" s="6" t="s">
        <v>23614</v>
      </c>
      <c r="I12677" s="7">
        <v>4.7020359999999997</v>
      </c>
      <c r="J12677" s="8">
        <v>-74.1145444</v>
      </c>
    </row>
    <row r="12678" spans="1:10" x14ac:dyDescent="0.35">
      <c r="A12678" s="5" t="s">
        <v>10</v>
      </c>
      <c r="B12678" s="6">
        <v>200606</v>
      </c>
      <c r="C12678" s="6" t="s">
        <v>68</v>
      </c>
      <c r="D12678" s="6" t="s">
        <v>69</v>
      </c>
      <c r="E12678" s="6">
        <v>11001</v>
      </c>
      <c r="F12678" s="6" t="s">
        <v>18</v>
      </c>
      <c r="G12678" s="6" t="s">
        <v>23615</v>
      </c>
      <c r="H12678" s="6" t="s">
        <v>23616</v>
      </c>
      <c r="I12678" s="7">
        <v>4.6462835</v>
      </c>
      <c r="J12678" s="8">
        <v>-74.063838899999993</v>
      </c>
    </row>
    <row r="12679" spans="1:10" x14ac:dyDescent="0.35">
      <c r="A12679" s="5" t="s">
        <v>10</v>
      </c>
      <c r="B12679" s="6">
        <v>234181</v>
      </c>
      <c r="C12679" s="6" t="s">
        <v>466</v>
      </c>
      <c r="D12679" s="6" t="s">
        <v>2069</v>
      </c>
      <c r="E12679" s="6">
        <v>81794</v>
      </c>
      <c r="F12679" s="6" t="s">
        <v>13</v>
      </c>
      <c r="G12679" s="6" t="s">
        <v>23617</v>
      </c>
      <c r="H12679" s="6" t="s">
        <v>23618</v>
      </c>
      <c r="I12679" s="7">
        <v>6.4619732000000001</v>
      </c>
      <c r="J12679" s="8">
        <v>-71.732436100000001</v>
      </c>
    </row>
    <row r="12680" spans="1:10" x14ac:dyDescent="0.35">
      <c r="A12680" s="5" t="s">
        <v>10</v>
      </c>
      <c r="B12680" s="6">
        <v>235431</v>
      </c>
      <c r="C12680" s="6" t="s">
        <v>190</v>
      </c>
      <c r="D12680" s="6" t="s">
        <v>438</v>
      </c>
      <c r="E12680" s="6">
        <v>5045</v>
      </c>
      <c r="F12680" s="6" t="s">
        <v>18</v>
      </c>
      <c r="G12680" s="6" t="s">
        <v>23619</v>
      </c>
      <c r="H12680" s="6" t="s">
        <v>23620</v>
      </c>
      <c r="I12680" s="7">
        <v>7.8798273999999999</v>
      </c>
      <c r="J12680" s="8">
        <v>-76.633358099999995</v>
      </c>
    </row>
    <row r="12681" spans="1:10" x14ac:dyDescent="0.35">
      <c r="A12681" s="5" t="s">
        <v>10</v>
      </c>
      <c r="B12681" s="6">
        <v>107142</v>
      </c>
      <c r="C12681" s="6" t="s">
        <v>308</v>
      </c>
      <c r="D12681" s="6" t="s">
        <v>16094</v>
      </c>
      <c r="E12681" s="6">
        <v>23090</v>
      </c>
      <c r="F12681" s="6" t="s">
        <v>13</v>
      </c>
      <c r="G12681" s="6" t="s">
        <v>11877</v>
      </c>
      <c r="H12681" s="6" t="s">
        <v>16095</v>
      </c>
      <c r="I12681" s="7">
        <v>8.7832796999999996</v>
      </c>
      <c r="J12681" s="8">
        <v>-76.2410122</v>
      </c>
    </row>
    <row r="12682" spans="1:10" x14ac:dyDescent="0.35">
      <c r="A12682" s="5" t="s">
        <v>10</v>
      </c>
      <c r="B12682" s="6">
        <v>197788</v>
      </c>
      <c r="C12682" s="6" t="s">
        <v>24</v>
      </c>
      <c r="D12682" s="6" t="s">
        <v>88</v>
      </c>
      <c r="E12682" s="6">
        <v>15001</v>
      </c>
      <c r="F12682" s="6" t="s">
        <v>18</v>
      </c>
      <c r="G12682" s="6" t="s">
        <v>23621</v>
      </c>
      <c r="H12682" s="6" t="s">
        <v>23622</v>
      </c>
      <c r="I12682" s="7">
        <v>5.5716131000000004</v>
      </c>
      <c r="J12682" s="8">
        <v>-73.341451599999999</v>
      </c>
    </row>
    <row r="12683" spans="1:10" x14ac:dyDescent="0.35">
      <c r="A12683" s="5" t="s">
        <v>10</v>
      </c>
      <c r="B12683" s="6">
        <v>205178</v>
      </c>
      <c r="C12683" s="6" t="s">
        <v>68</v>
      </c>
      <c r="D12683" s="6" t="s">
        <v>69</v>
      </c>
      <c r="E12683" s="6">
        <v>11001</v>
      </c>
      <c r="F12683" s="6" t="s">
        <v>18</v>
      </c>
      <c r="G12683" s="6" t="s">
        <v>23623</v>
      </c>
      <c r="H12683" s="6" t="s">
        <v>23624</v>
      </c>
      <c r="I12683" s="7">
        <v>4.6704581999999997</v>
      </c>
      <c r="J12683" s="8">
        <v>-74.069871300000003</v>
      </c>
    </row>
    <row r="12684" spans="1:10" x14ac:dyDescent="0.35">
      <c r="A12684" s="5" t="s">
        <v>10</v>
      </c>
      <c r="B12684" s="6">
        <v>239361</v>
      </c>
      <c r="C12684" s="6" t="s">
        <v>68</v>
      </c>
      <c r="D12684" s="6" t="s">
        <v>69</v>
      </c>
      <c r="E12684" s="6">
        <v>11001</v>
      </c>
      <c r="F12684" s="6" t="s">
        <v>18</v>
      </c>
      <c r="G12684" s="6" t="s">
        <v>23625</v>
      </c>
      <c r="H12684" s="6" t="s">
        <v>23626</v>
      </c>
      <c r="I12684" s="7">
        <v>4.6095761</v>
      </c>
      <c r="J12684" s="8">
        <v>-74.166165399999997</v>
      </c>
    </row>
    <row r="12685" spans="1:10" x14ac:dyDescent="0.35">
      <c r="A12685" s="5" t="s">
        <v>10</v>
      </c>
      <c r="B12685" s="6">
        <v>106151</v>
      </c>
      <c r="C12685" s="6" t="s">
        <v>4364</v>
      </c>
      <c r="D12685" s="6" t="s">
        <v>4365</v>
      </c>
      <c r="E12685" s="6">
        <v>70001</v>
      </c>
      <c r="F12685" s="6" t="s">
        <v>18</v>
      </c>
      <c r="G12685" s="6" t="s">
        <v>23551</v>
      </c>
      <c r="H12685" s="6" t="s">
        <v>23552</v>
      </c>
      <c r="I12685" s="7">
        <v>9.3045773000000001</v>
      </c>
      <c r="J12685" s="8">
        <v>-75.390556699999905</v>
      </c>
    </row>
    <row r="12686" spans="1:10" x14ac:dyDescent="0.35">
      <c r="A12686" s="5" t="s">
        <v>10</v>
      </c>
      <c r="B12686" s="6">
        <v>209027</v>
      </c>
      <c r="C12686" s="6" t="s">
        <v>11</v>
      </c>
      <c r="D12686" s="6" t="s">
        <v>513</v>
      </c>
      <c r="E12686" s="6">
        <v>25286</v>
      </c>
      <c r="F12686" s="6" t="s">
        <v>18</v>
      </c>
      <c r="G12686" s="6" t="s">
        <v>23627</v>
      </c>
      <c r="H12686" s="6" t="s">
        <v>23628</v>
      </c>
      <c r="I12686" s="7">
        <v>4.7078759999999997</v>
      </c>
      <c r="J12686" s="8">
        <v>-74.209050899999994</v>
      </c>
    </row>
    <row r="12687" spans="1:10" x14ac:dyDescent="0.35">
      <c r="A12687" s="5" t="s">
        <v>10</v>
      </c>
      <c r="B12687" s="6">
        <v>236032</v>
      </c>
      <c r="C12687" s="6" t="s">
        <v>117</v>
      </c>
      <c r="D12687" s="6" t="s">
        <v>11867</v>
      </c>
      <c r="E12687" s="6">
        <v>76403</v>
      </c>
      <c r="F12687" s="6" t="s">
        <v>18</v>
      </c>
      <c r="G12687" s="6" t="s">
        <v>22921</v>
      </c>
      <c r="H12687" s="6" t="s">
        <v>22922</v>
      </c>
      <c r="I12687" s="7">
        <v>3.4499631000000002</v>
      </c>
      <c r="J12687" s="8">
        <v>-76.5340554</v>
      </c>
    </row>
    <row r="12688" spans="1:10" x14ac:dyDescent="0.35">
      <c r="A12688" s="5" t="s">
        <v>10</v>
      </c>
      <c r="B12688" s="6">
        <v>246608</v>
      </c>
      <c r="C12688" s="6" t="s">
        <v>68</v>
      </c>
      <c r="D12688" s="6" t="s">
        <v>69</v>
      </c>
      <c r="E12688" s="6">
        <v>11001</v>
      </c>
      <c r="F12688" s="6" t="s">
        <v>18</v>
      </c>
      <c r="G12688" s="6" t="s">
        <v>23629</v>
      </c>
      <c r="H12688" s="6" t="s">
        <v>23630</v>
      </c>
      <c r="I12688" s="7">
        <v>4.7574712000000003</v>
      </c>
      <c r="J12688" s="8">
        <v>-74.047681499999996</v>
      </c>
    </row>
    <row r="12689" spans="1:10" x14ac:dyDescent="0.35">
      <c r="A12689" s="5" t="s">
        <v>10</v>
      </c>
      <c r="B12689" s="6">
        <v>188540</v>
      </c>
      <c r="C12689" s="6" t="s">
        <v>68</v>
      </c>
      <c r="D12689" s="6" t="s">
        <v>69</v>
      </c>
      <c r="E12689" s="6">
        <v>11001</v>
      </c>
      <c r="F12689" s="6" t="s">
        <v>18</v>
      </c>
      <c r="G12689" s="6" t="s">
        <v>23631</v>
      </c>
      <c r="H12689" s="6" t="s">
        <v>23632</v>
      </c>
      <c r="I12689" s="7">
        <v>4.7394619999999996</v>
      </c>
      <c r="J12689" s="8">
        <v>-74.032133999999999</v>
      </c>
    </row>
    <row r="12690" spans="1:10" x14ac:dyDescent="0.35">
      <c r="A12690" s="5" t="s">
        <v>10</v>
      </c>
      <c r="B12690" s="6">
        <v>224097</v>
      </c>
      <c r="C12690" s="6" t="s">
        <v>68</v>
      </c>
      <c r="D12690" s="6" t="s">
        <v>69</v>
      </c>
      <c r="E12690" s="6">
        <v>11001</v>
      </c>
      <c r="F12690" s="6" t="s">
        <v>13</v>
      </c>
      <c r="G12690" s="6" t="s">
        <v>23633</v>
      </c>
      <c r="H12690" s="6" t="s">
        <v>23634</v>
      </c>
      <c r="I12690" s="7">
        <v>4.6271779000000004</v>
      </c>
      <c r="J12690" s="8">
        <v>-74.150675500000006</v>
      </c>
    </row>
    <row r="12691" spans="1:10" x14ac:dyDescent="0.35">
      <c r="A12691" s="5" t="s">
        <v>10</v>
      </c>
      <c r="B12691" s="6">
        <v>184972</v>
      </c>
      <c r="C12691" s="6" t="s">
        <v>109</v>
      </c>
      <c r="D12691" s="6" t="s">
        <v>2830</v>
      </c>
      <c r="E12691" s="6">
        <v>13430</v>
      </c>
      <c r="F12691" s="6" t="s">
        <v>18</v>
      </c>
      <c r="G12691" s="6" t="s">
        <v>23635</v>
      </c>
      <c r="H12691" s="6" t="s">
        <v>23636</v>
      </c>
      <c r="I12691" s="7">
        <v>9.2338280000000008</v>
      </c>
      <c r="J12691" s="8">
        <v>-74.753490400000004</v>
      </c>
    </row>
    <row r="12692" spans="1:10" x14ac:dyDescent="0.35">
      <c r="A12692" s="5" t="s">
        <v>10</v>
      </c>
      <c r="B12692" s="6">
        <v>246218</v>
      </c>
      <c r="C12692" s="6" t="s">
        <v>117</v>
      </c>
      <c r="D12692" s="6" t="s">
        <v>11783</v>
      </c>
      <c r="E12692" s="6">
        <v>76306</v>
      </c>
      <c r="F12692" s="6" t="s">
        <v>18</v>
      </c>
      <c r="G12692" s="6" t="s">
        <v>23637</v>
      </c>
      <c r="H12692" s="6" t="s">
        <v>23638</v>
      </c>
      <c r="I12692" s="7">
        <v>3.7509439000000002</v>
      </c>
      <c r="J12692" s="8">
        <v>-76.233515699999998</v>
      </c>
    </row>
    <row r="12693" spans="1:10" x14ac:dyDescent="0.35">
      <c r="A12693" s="5" t="s">
        <v>10</v>
      </c>
      <c r="B12693" s="6">
        <v>202088</v>
      </c>
      <c r="C12693" s="6" t="s">
        <v>190</v>
      </c>
      <c r="D12693" s="6" t="s">
        <v>62</v>
      </c>
      <c r="E12693" s="6">
        <v>5059</v>
      </c>
      <c r="F12693" s="6" t="s">
        <v>18</v>
      </c>
      <c r="G12693" s="6" t="s">
        <v>23639</v>
      </c>
      <c r="H12693" s="6" t="s">
        <v>23640</v>
      </c>
      <c r="I12693" s="7">
        <v>4.5172699999999999</v>
      </c>
      <c r="J12693" s="8">
        <v>-75.70608</v>
      </c>
    </row>
    <row r="12694" spans="1:10" x14ac:dyDescent="0.35">
      <c r="A12694" s="5" t="s">
        <v>10</v>
      </c>
      <c r="B12694" s="6">
        <v>246481</v>
      </c>
      <c r="C12694" s="6" t="s">
        <v>68</v>
      </c>
      <c r="D12694" s="6" t="s">
        <v>69</v>
      </c>
      <c r="E12694" s="6">
        <v>11001</v>
      </c>
      <c r="F12694" s="6" t="s">
        <v>18</v>
      </c>
      <c r="G12694" s="6" t="s">
        <v>23641</v>
      </c>
      <c r="H12694" s="6" t="s">
        <v>23642</v>
      </c>
      <c r="I12694" s="7">
        <v>4.6025666999999997</v>
      </c>
      <c r="J12694" s="8">
        <v>-74.190364400000007</v>
      </c>
    </row>
    <row r="12695" spans="1:10" x14ac:dyDescent="0.35">
      <c r="A12695" s="5" t="s">
        <v>10</v>
      </c>
      <c r="B12695" s="6">
        <v>240666</v>
      </c>
      <c r="C12695" s="6" t="s">
        <v>190</v>
      </c>
      <c r="D12695" s="6" t="s">
        <v>705</v>
      </c>
      <c r="E12695" s="6">
        <v>5079</v>
      </c>
      <c r="F12695" s="6" t="s">
        <v>18</v>
      </c>
      <c r="G12695" s="6" t="s">
        <v>23643</v>
      </c>
      <c r="H12695" s="6" t="s">
        <v>23644</v>
      </c>
      <c r="I12695" s="7">
        <v>6.4349917999999997</v>
      </c>
      <c r="J12695" s="8">
        <v>-75.329869000000002</v>
      </c>
    </row>
    <row r="12696" spans="1:10" x14ac:dyDescent="0.35">
      <c r="A12696" s="5" t="s">
        <v>10</v>
      </c>
      <c r="B12696" s="6">
        <v>229841</v>
      </c>
      <c r="C12696" s="6" t="s">
        <v>68</v>
      </c>
      <c r="D12696" s="6" t="s">
        <v>69</v>
      </c>
      <c r="E12696" s="6">
        <v>11001</v>
      </c>
      <c r="F12696" s="6" t="s">
        <v>18</v>
      </c>
      <c r="G12696" s="6" t="s">
        <v>23645</v>
      </c>
      <c r="H12696" s="6" t="s">
        <v>23646</v>
      </c>
      <c r="I12696" s="7">
        <v>4.6716569999999997</v>
      </c>
      <c r="J12696" s="8">
        <v>-74.147406599999997</v>
      </c>
    </row>
    <row r="12697" spans="1:10" x14ac:dyDescent="0.35">
      <c r="A12697" s="5" t="s">
        <v>10</v>
      </c>
      <c r="B12697" s="6">
        <v>232475</v>
      </c>
      <c r="C12697" s="6" t="s">
        <v>68</v>
      </c>
      <c r="D12697" s="6" t="s">
        <v>69</v>
      </c>
      <c r="E12697" s="6">
        <v>11001</v>
      </c>
      <c r="F12697" s="6" t="s">
        <v>18</v>
      </c>
      <c r="G12697" s="6" t="s">
        <v>23647</v>
      </c>
      <c r="H12697" s="6" t="s">
        <v>23648</v>
      </c>
      <c r="I12697" s="7">
        <v>4.6134706999999997</v>
      </c>
      <c r="J12697" s="8">
        <v>-74.108093100000005</v>
      </c>
    </row>
    <row r="12698" spans="1:10" x14ac:dyDescent="0.35">
      <c r="A12698" s="5" t="s">
        <v>10</v>
      </c>
      <c r="B12698" s="6">
        <v>189271</v>
      </c>
      <c r="C12698" s="6" t="s">
        <v>294</v>
      </c>
      <c r="D12698" s="6" t="s">
        <v>703</v>
      </c>
      <c r="E12698" s="6">
        <v>41001</v>
      </c>
      <c r="F12698" s="6" t="s">
        <v>13</v>
      </c>
      <c r="G12698" s="6" t="s">
        <v>23649</v>
      </c>
      <c r="H12698" s="6" t="s">
        <v>23650</v>
      </c>
      <c r="I12698" s="7">
        <v>2.9369576999999998</v>
      </c>
      <c r="J12698" s="8">
        <v>-75.285035100000002</v>
      </c>
    </row>
    <row r="12699" spans="1:10" x14ac:dyDescent="0.35">
      <c r="A12699" s="5" t="s">
        <v>10</v>
      </c>
      <c r="B12699" s="6">
        <v>210735</v>
      </c>
      <c r="C12699" s="6" t="s">
        <v>68</v>
      </c>
      <c r="D12699" s="6" t="s">
        <v>69</v>
      </c>
      <c r="E12699" s="6">
        <v>11001</v>
      </c>
      <c r="F12699" s="6" t="s">
        <v>18</v>
      </c>
      <c r="G12699" s="6" t="s">
        <v>23651</v>
      </c>
      <c r="H12699" s="6" t="s">
        <v>23652</v>
      </c>
      <c r="I12699" s="7">
        <v>4.6202179000000001</v>
      </c>
      <c r="J12699" s="8">
        <v>-74.204900699999996</v>
      </c>
    </row>
    <row r="12700" spans="1:10" x14ac:dyDescent="0.35">
      <c r="A12700" s="5" t="s">
        <v>10</v>
      </c>
      <c r="B12700" s="6">
        <v>245626</v>
      </c>
      <c r="C12700" s="6" t="s">
        <v>68</v>
      </c>
      <c r="D12700" s="6" t="s">
        <v>69</v>
      </c>
      <c r="E12700" s="6">
        <v>11001</v>
      </c>
      <c r="F12700" s="6" t="s">
        <v>18</v>
      </c>
      <c r="G12700" s="6" t="s">
        <v>23653</v>
      </c>
      <c r="H12700" s="6" t="s">
        <v>23654</v>
      </c>
      <c r="I12700" s="7">
        <v>4.608403</v>
      </c>
      <c r="J12700" s="8">
        <v>-74.199169999999995</v>
      </c>
    </row>
    <row r="12701" spans="1:10" x14ac:dyDescent="0.35">
      <c r="A12701" s="5" t="s">
        <v>10</v>
      </c>
      <c r="B12701" s="6">
        <v>166692</v>
      </c>
      <c r="C12701" s="6" t="s">
        <v>68</v>
      </c>
      <c r="D12701" s="6" t="s">
        <v>69</v>
      </c>
      <c r="E12701" s="6">
        <v>11001</v>
      </c>
      <c r="F12701" s="6" t="s">
        <v>18</v>
      </c>
      <c r="G12701" s="6" t="s">
        <v>13889</v>
      </c>
      <c r="H12701" s="6" t="s">
        <v>13890</v>
      </c>
      <c r="I12701" s="7">
        <v>4.5882394</v>
      </c>
      <c r="J12701" s="8">
        <v>-74.154138099999997</v>
      </c>
    </row>
    <row r="12702" spans="1:10" x14ac:dyDescent="0.35">
      <c r="A12702" s="5" t="s">
        <v>10</v>
      </c>
      <c r="B12702" s="6">
        <v>246236</v>
      </c>
      <c r="C12702" s="6" t="s">
        <v>68</v>
      </c>
      <c r="D12702" s="6" t="s">
        <v>69</v>
      </c>
      <c r="E12702" s="6">
        <v>11001</v>
      </c>
      <c r="F12702" s="6" t="s">
        <v>18</v>
      </c>
      <c r="G12702" s="6" t="s">
        <v>15478</v>
      </c>
      <c r="H12702" s="6" t="s">
        <v>23655</v>
      </c>
      <c r="I12702" s="7">
        <v>4.7424773</v>
      </c>
      <c r="J12702" s="8">
        <v>-74.100229999999996</v>
      </c>
    </row>
    <row r="12703" spans="1:10" x14ac:dyDescent="0.35">
      <c r="A12703" s="5" t="s">
        <v>10</v>
      </c>
      <c r="B12703" s="6">
        <v>229669</v>
      </c>
      <c r="C12703" s="6" t="s">
        <v>117</v>
      </c>
      <c r="D12703" s="6" t="s">
        <v>1334</v>
      </c>
      <c r="E12703" s="6">
        <v>76001</v>
      </c>
      <c r="F12703" s="6" t="s">
        <v>18</v>
      </c>
      <c r="G12703" s="6" t="s">
        <v>23656</v>
      </c>
      <c r="H12703" s="6" t="s">
        <v>23657</v>
      </c>
      <c r="I12703" s="7">
        <v>3.4513536</v>
      </c>
      <c r="J12703" s="8">
        <v>-76.520804400000003</v>
      </c>
    </row>
    <row r="12704" spans="1:10" x14ac:dyDescent="0.35">
      <c r="A12704" s="5" t="s">
        <v>10</v>
      </c>
      <c r="B12704" s="6">
        <v>107127</v>
      </c>
      <c r="C12704" s="6" t="s">
        <v>4364</v>
      </c>
      <c r="D12704" s="6" t="s">
        <v>4365</v>
      </c>
      <c r="E12704" s="6">
        <v>70001</v>
      </c>
      <c r="F12704" s="6" t="s">
        <v>13</v>
      </c>
      <c r="G12704" s="6" t="s">
        <v>11877</v>
      </c>
      <c r="H12704" s="6" t="s">
        <v>12819</v>
      </c>
      <c r="I12704" s="7">
        <v>9.3027558999999993</v>
      </c>
      <c r="J12704" s="8">
        <v>-75.397791599999906</v>
      </c>
    </row>
    <row r="12705" spans="1:10" x14ac:dyDescent="0.35">
      <c r="A12705" s="5" t="s">
        <v>10</v>
      </c>
      <c r="B12705" s="6">
        <v>246812</v>
      </c>
      <c r="C12705" s="6" t="s">
        <v>68</v>
      </c>
      <c r="D12705" s="6" t="s">
        <v>69</v>
      </c>
      <c r="E12705" s="6">
        <v>11001</v>
      </c>
      <c r="F12705" s="6" t="s">
        <v>18</v>
      </c>
      <c r="G12705" s="6" t="s">
        <v>23658</v>
      </c>
      <c r="H12705" s="6" t="s">
        <v>23659</v>
      </c>
      <c r="I12705" s="7">
        <v>4.7469687</v>
      </c>
      <c r="J12705" s="8">
        <v>-74.114039899999995</v>
      </c>
    </row>
    <row r="12706" spans="1:10" x14ac:dyDescent="0.35">
      <c r="A12706" s="5" t="s">
        <v>10</v>
      </c>
      <c r="B12706" s="6">
        <v>203699</v>
      </c>
      <c r="C12706" s="6" t="s">
        <v>68</v>
      </c>
      <c r="D12706" s="6" t="s">
        <v>69</v>
      </c>
      <c r="E12706" s="6">
        <v>11001</v>
      </c>
      <c r="F12706" s="6" t="s">
        <v>18</v>
      </c>
      <c r="G12706" s="6" t="s">
        <v>23660</v>
      </c>
      <c r="H12706" s="6" t="s">
        <v>23661</v>
      </c>
      <c r="I12706" s="7">
        <v>4.6131529999999996</v>
      </c>
      <c r="J12706" s="8">
        <v>-74.131818199999998</v>
      </c>
    </row>
    <row r="12707" spans="1:10" x14ac:dyDescent="0.35">
      <c r="A12707" s="5" t="s">
        <v>10</v>
      </c>
      <c r="B12707" s="6">
        <v>227720</v>
      </c>
      <c r="C12707" s="6" t="s">
        <v>308</v>
      </c>
      <c r="D12707" s="6" t="s">
        <v>8438</v>
      </c>
      <c r="E12707" s="6">
        <v>23686</v>
      </c>
      <c r="F12707" s="6" t="s">
        <v>13</v>
      </c>
      <c r="G12707" s="6" t="s">
        <v>23662</v>
      </c>
      <c r="H12707" s="6" t="s">
        <v>23663</v>
      </c>
      <c r="I12707" s="7">
        <v>8.9581921999999992</v>
      </c>
      <c r="J12707" s="8">
        <v>-75.838164699999993</v>
      </c>
    </row>
    <row r="12708" spans="1:10" x14ac:dyDescent="0.35">
      <c r="A12708" s="5" t="s">
        <v>10</v>
      </c>
      <c r="B12708" s="6">
        <v>241627</v>
      </c>
      <c r="C12708" s="6" t="s">
        <v>457</v>
      </c>
      <c r="D12708" s="6" t="s">
        <v>23664</v>
      </c>
      <c r="E12708" s="6">
        <v>52258</v>
      </c>
      <c r="F12708" s="6" t="s">
        <v>18</v>
      </c>
      <c r="G12708" s="6" t="s">
        <v>23665</v>
      </c>
      <c r="H12708" s="6" t="s">
        <v>23666</v>
      </c>
      <c r="I12708" s="7">
        <v>1.425937</v>
      </c>
      <c r="J12708" s="8">
        <v>-77.096249099999994</v>
      </c>
    </row>
    <row r="12709" spans="1:10" x14ac:dyDescent="0.35">
      <c r="A12709" s="5" t="s">
        <v>10</v>
      </c>
      <c r="B12709" s="6">
        <v>244720</v>
      </c>
      <c r="C12709" s="6" t="s">
        <v>190</v>
      </c>
      <c r="D12709" s="6" t="s">
        <v>13913</v>
      </c>
      <c r="E12709" s="6">
        <v>5490</v>
      </c>
      <c r="F12709" s="6" t="s">
        <v>18</v>
      </c>
      <c r="G12709" s="6" t="s">
        <v>23667</v>
      </c>
      <c r="H12709" s="6" t="s">
        <v>23668</v>
      </c>
      <c r="I12709" s="7">
        <v>8.4367640999999995</v>
      </c>
      <c r="J12709" s="8">
        <v>-76.780859899999996</v>
      </c>
    </row>
    <row r="12710" spans="1:10" x14ac:dyDescent="0.35">
      <c r="A12710" s="5" t="s">
        <v>10</v>
      </c>
      <c r="B12710" s="6">
        <v>213289</v>
      </c>
      <c r="C12710" s="6" t="s">
        <v>68</v>
      </c>
      <c r="D12710" s="6" t="s">
        <v>69</v>
      </c>
      <c r="E12710" s="6">
        <v>11001</v>
      </c>
      <c r="F12710" s="6" t="s">
        <v>18</v>
      </c>
      <c r="G12710" s="6" t="s">
        <v>12952</v>
      </c>
      <c r="H12710" s="6" t="s">
        <v>23669</v>
      </c>
      <c r="I12710" s="7">
        <v>4.7185394999999897</v>
      </c>
      <c r="J12710" s="8">
        <v>-74.110896400000001</v>
      </c>
    </row>
    <row r="12711" spans="1:10" x14ac:dyDescent="0.35">
      <c r="A12711" s="5" t="s">
        <v>10</v>
      </c>
      <c r="B12711" s="6">
        <v>242262</v>
      </c>
      <c r="C12711" s="6" t="s">
        <v>3325</v>
      </c>
      <c r="D12711" s="6" t="s">
        <v>5991</v>
      </c>
      <c r="E12711" s="6">
        <v>95001</v>
      </c>
      <c r="F12711" s="6" t="s">
        <v>18</v>
      </c>
      <c r="G12711" s="6" t="s">
        <v>23670</v>
      </c>
      <c r="H12711" s="6" t="s">
        <v>23671</v>
      </c>
      <c r="I12711" s="7">
        <v>2.5677606000000002</v>
      </c>
      <c r="J12711" s="8">
        <v>-72.639653499999994</v>
      </c>
    </row>
    <row r="12712" spans="1:10" x14ac:dyDescent="0.35">
      <c r="A12712" s="5" t="s">
        <v>10</v>
      </c>
      <c r="B12712" s="6">
        <v>197469</v>
      </c>
      <c r="C12712" s="6" t="s">
        <v>2130</v>
      </c>
      <c r="D12712" s="6" t="s">
        <v>4238</v>
      </c>
      <c r="E12712" s="6">
        <v>85410</v>
      </c>
      <c r="F12712" s="6" t="s">
        <v>18</v>
      </c>
      <c r="G12712" s="6" t="s">
        <v>23672</v>
      </c>
      <c r="H12712" s="6" t="s">
        <v>23673</v>
      </c>
      <c r="I12712" s="7">
        <v>5.0169937999999998</v>
      </c>
      <c r="J12712" s="8">
        <v>-72.751394099999999</v>
      </c>
    </row>
    <row r="12713" spans="1:10" x14ac:dyDescent="0.35">
      <c r="A12713" s="5" t="s">
        <v>10</v>
      </c>
      <c r="B12713" s="6">
        <v>190187</v>
      </c>
      <c r="C12713" s="6" t="s">
        <v>190</v>
      </c>
      <c r="D12713" s="6" t="s">
        <v>11740</v>
      </c>
      <c r="E12713" s="6">
        <v>5376</v>
      </c>
      <c r="F12713" s="6" t="s">
        <v>18</v>
      </c>
      <c r="G12713" s="6" t="s">
        <v>23674</v>
      </c>
      <c r="H12713" s="6" t="s">
        <v>23675</v>
      </c>
      <c r="I12713" s="7">
        <v>6.0374907999999996</v>
      </c>
      <c r="J12713" s="8">
        <v>-75.4312714</v>
      </c>
    </row>
    <row r="12714" spans="1:10" x14ac:dyDescent="0.35">
      <c r="A12714" s="5" t="s">
        <v>10</v>
      </c>
      <c r="B12714" s="6">
        <v>210410</v>
      </c>
      <c r="C12714" s="6" t="s">
        <v>68</v>
      </c>
      <c r="D12714" s="6" t="s">
        <v>69</v>
      </c>
      <c r="E12714" s="6">
        <v>11001</v>
      </c>
      <c r="F12714" s="6" t="s">
        <v>18</v>
      </c>
      <c r="G12714" s="6" t="s">
        <v>23676</v>
      </c>
      <c r="H12714" s="6" t="s">
        <v>23677</v>
      </c>
      <c r="I12714" s="7">
        <v>4.7109885999999896</v>
      </c>
      <c r="J12714" s="8">
        <v>-74.072091999999998</v>
      </c>
    </row>
    <row r="12715" spans="1:10" x14ac:dyDescent="0.35">
      <c r="A12715" s="5" t="s">
        <v>10</v>
      </c>
      <c r="B12715" s="6">
        <v>229518</v>
      </c>
      <c r="C12715" s="6" t="s">
        <v>68</v>
      </c>
      <c r="D12715" s="6" t="s">
        <v>69</v>
      </c>
      <c r="E12715" s="6">
        <v>11001</v>
      </c>
      <c r="F12715" s="6" t="s">
        <v>18</v>
      </c>
      <c r="G12715" s="6" t="s">
        <v>23678</v>
      </c>
      <c r="H12715" s="6" t="s">
        <v>23679</v>
      </c>
      <c r="I12715" s="7">
        <v>4.7383699000000004</v>
      </c>
      <c r="J12715" s="8">
        <v>-74.074088099999997</v>
      </c>
    </row>
    <row r="12716" spans="1:10" x14ac:dyDescent="0.35">
      <c r="A12716" s="5" t="s">
        <v>10</v>
      </c>
      <c r="B12716" s="6">
        <v>182460</v>
      </c>
      <c r="C12716" s="6" t="s">
        <v>2130</v>
      </c>
      <c r="D12716" s="6" t="s">
        <v>2131</v>
      </c>
      <c r="E12716" s="6">
        <v>85001</v>
      </c>
      <c r="F12716" s="6" t="s">
        <v>18</v>
      </c>
      <c r="G12716" s="6" t="s">
        <v>16712</v>
      </c>
      <c r="H12716" s="6" t="s">
        <v>16713</v>
      </c>
      <c r="I12716" s="7">
        <v>5.348903</v>
      </c>
      <c r="J12716" s="8">
        <v>-72.400522999999893</v>
      </c>
    </row>
    <row r="12717" spans="1:10" x14ac:dyDescent="0.35">
      <c r="A12717" s="5" t="s">
        <v>10</v>
      </c>
      <c r="B12717" s="6">
        <v>195886</v>
      </c>
      <c r="C12717" s="6" t="s">
        <v>190</v>
      </c>
      <c r="D12717" s="6" t="s">
        <v>23680</v>
      </c>
      <c r="E12717" s="6">
        <v>5809</v>
      </c>
      <c r="F12717" s="6" t="s">
        <v>18</v>
      </c>
      <c r="G12717" s="6" t="s">
        <v>23681</v>
      </c>
      <c r="H12717" s="6" t="s">
        <v>23682</v>
      </c>
      <c r="I12717" s="7">
        <v>6.0633238</v>
      </c>
      <c r="J12717" s="8">
        <v>-75.793768</v>
      </c>
    </row>
    <row r="12718" spans="1:10" x14ac:dyDescent="0.35">
      <c r="A12718" s="5" t="s">
        <v>10</v>
      </c>
      <c r="B12718" s="6">
        <v>169619</v>
      </c>
      <c r="C12718" s="6" t="s">
        <v>68</v>
      </c>
      <c r="D12718" s="6" t="s">
        <v>69</v>
      </c>
      <c r="E12718" s="6">
        <v>11001</v>
      </c>
      <c r="F12718" s="6" t="s">
        <v>13</v>
      </c>
      <c r="G12718" s="6" t="s">
        <v>23683</v>
      </c>
      <c r="H12718" s="6" t="s">
        <v>23684</v>
      </c>
      <c r="I12718" s="7">
        <v>4.6623210000000004</v>
      </c>
      <c r="J12718" s="8">
        <v>-74.058905300000006</v>
      </c>
    </row>
    <row r="12719" spans="1:10" x14ac:dyDescent="0.35">
      <c r="A12719" s="5" t="s">
        <v>10</v>
      </c>
      <c r="B12719" s="6">
        <v>243565</v>
      </c>
      <c r="C12719" s="6" t="s">
        <v>117</v>
      </c>
      <c r="D12719" s="6" t="s">
        <v>1334</v>
      </c>
      <c r="E12719" s="6">
        <v>76001</v>
      </c>
      <c r="F12719" s="6" t="s">
        <v>18</v>
      </c>
      <c r="G12719" s="6" t="s">
        <v>23685</v>
      </c>
      <c r="H12719" s="6" t="s">
        <v>23686</v>
      </c>
      <c r="I12719" s="7">
        <v>3.4385308000000001</v>
      </c>
      <c r="J12719" s="8">
        <v>-76.480642900000007</v>
      </c>
    </row>
    <row r="12720" spans="1:10" x14ac:dyDescent="0.35">
      <c r="A12720" s="5" t="s">
        <v>10</v>
      </c>
      <c r="B12720" s="6">
        <v>230678</v>
      </c>
      <c r="C12720" s="6" t="s">
        <v>68</v>
      </c>
      <c r="D12720" s="6" t="s">
        <v>69</v>
      </c>
      <c r="E12720" s="6">
        <v>11001</v>
      </c>
      <c r="F12720" s="6" t="s">
        <v>18</v>
      </c>
      <c r="G12720" s="6" t="s">
        <v>23687</v>
      </c>
      <c r="H12720" s="6" t="s">
        <v>23688</v>
      </c>
      <c r="I12720" s="7">
        <v>4.5782615</v>
      </c>
      <c r="J12720" s="8">
        <v>-74.154357500000003</v>
      </c>
    </row>
    <row r="12721" spans="1:10" x14ac:dyDescent="0.35">
      <c r="A12721" s="5" t="s">
        <v>10</v>
      </c>
      <c r="B12721" s="6">
        <v>224793</v>
      </c>
      <c r="C12721" s="6" t="s">
        <v>68</v>
      </c>
      <c r="D12721" s="6" t="s">
        <v>69</v>
      </c>
      <c r="E12721" s="6">
        <v>11001</v>
      </c>
      <c r="F12721" s="6" t="s">
        <v>18</v>
      </c>
      <c r="G12721" s="6" t="s">
        <v>23689</v>
      </c>
      <c r="H12721" s="6" t="s">
        <v>23690</v>
      </c>
      <c r="I12721" s="7">
        <v>4.5811712999999896</v>
      </c>
      <c r="J12721" s="8">
        <v>-74.119109799999904</v>
      </c>
    </row>
    <row r="12722" spans="1:10" x14ac:dyDescent="0.35">
      <c r="A12722" s="5" t="s">
        <v>10</v>
      </c>
      <c r="B12722" s="6">
        <v>121157</v>
      </c>
      <c r="C12722" s="6" t="s">
        <v>24</v>
      </c>
      <c r="D12722" s="6" t="s">
        <v>88</v>
      </c>
      <c r="E12722" s="6">
        <v>15001</v>
      </c>
      <c r="F12722" s="6" t="s">
        <v>18</v>
      </c>
      <c r="G12722" s="6" t="s">
        <v>23691</v>
      </c>
      <c r="H12722" s="6" t="s">
        <v>5820</v>
      </c>
      <c r="I12722" s="7">
        <v>5.5263358</v>
      </c>
      <c r="J12722" s="8">
        <v>-73.371253600000003</v>
      </c>
    </row>
    <row r="12723" spans="1:10" x14ac:dyDescent="0.35">
      <c r="A12723" s="5" t="s">
        <v>10</v>
      </c>
      <c r="B12723" s="6">
        <v>170919</v>
      </c>
      <c r="C12723" s="6" t="s">
        <v>190</v>
      </c>
      <c r="D12723" s="6" t="s">
        <v>4063</v>
      </c>
      <c r="E12723" s="6">
        <v>5088</v>
      </c>
      <c r="F12723" s="6" t="s">
        <v>18</v>
      </c>
      <c r="G12723" s="6" t="s">
        <v>23692</v>
      </c>
      <c r="H12723" s="6" t="s">
        <v>23693</v>
      </c>
      <c r="I12723" s="7">
        <v>6.3190362999999996</v>
      </c>
      <c r="J12723" s="8">
        <v>-75.552415699999997</v>
      </c>
    </row>
    <row r="12724" spans="1:10" x14ac:dyDescent="0.35">
      <c r="A12724" s="5" t="s">
        <v>10</v>
      </c>
      <c r="B12724" s="6">
        <v>224349</v>
      </c>
      <c r="C12724" s="6" t="s">
        <v>68</v>
      </c>
      <c r="D12724" s="6" t="s">
        <v>69</v>
      </c>
      <c r="E12724" s="6">
        <v>11001</v>
      </c>
      <c r="F12724" s="6" t="s">
        <v>13</v>
      </c>
      <c r="G12724" s="6" t="s">
        <v>23694</v>
      </c>
      <c r="H12724" s="6" t="s">
        <v>23695</v>
      </c>
      <c r="I12724" s="7">
        <v>4.6869339999999999</v>
      </c>
      <c r="J12724" s="8">
        <v>-74.068353700000003</v>
      </c>
    </row>
    <row r="12725" spans="1:10" x14ac:dyDescent="0.35">
      <c r="A12725" s="5" t="s">
        <v>10</v>
      </c>
      <c r="B12725" s="6">
        <v>240229</v>
      </c>
      <c r="C12725" s="6" t="s">
        <v>117</v>
      </c>
      <c r="D12725" s="6" t="s">
        <v>1334</v>
      </c>
      <c r="E12725" s="6">
        <v>76001</v>
      </c>
      <c r="F12725" s="6" t="s">
        <v>18</v>
      </c>
      <c r="G12725" s="6" t="s">
        <v>23696</v>
      </c>
      <c r="H12725" s="6" t="s">
        <v>23697</v>
      </c>
      <c r="I12725" s="7">
        <v>3.4154784999999999</v>
      </c>
      <c r="J12725" s="8">
        <v>-76.559462100000005</v>
      </c>
    </row>
    <row r="12726" spans="1:10" x14ac:dyDescent="0.35">
      <c r="A12726" s="5" t="s">
        <v>10</v>
      </c>
      <c r="B12726" s="6">
        <v>107127</v>
      </c>
      <c r="C12726" s="6" t="s">
        <v>4364</v>
      </c>
      <c r="D12726" s="6" t="s">
        <v>4365</v>
      </c>
      <c r="E12726" s="6">
        <v>70001</v>
      </c>
      <c r="F12726" s="6" t="s">
        <v>13</v>
      </c>
      <c r="G12726" s="6" t="s">
        <v>11877</v>
      </c>
      <c r="H12726" s="6" t="s">
        <v>12819</v>
      </c>
      <c r="I12726" s="7">
        <v>9.3027558999999993</v>
      </c>
      <c r="J12726" s="8">
        <v>-75.397791599999906</v>
      </c>
    </row>
    <row r="12727" spans="1:10" x14ac:dyDescent="0.35">
      <c r="A12727" s="5" t="s">
        <v>10</v>
      </c>
      <c r="B12727" s="6">
        <v>239036</v>
      </c>
      <c r="C12727" s="6" t="s">
        <v>68</v>
      </c>
      <c r="D12727" s="6" t="s">
        <v>69</v>
      </c>
      <c r="E12727" s="6">
        <v>11001</v>
      </c>
      <c r="F12727" s="6" t="s">
        <v>18</v>
      </c>
      <c r="G12727" s="6" t="s">
        <v>23698</v>
      </c>
      <c r="H12727" s="6" t="s">
        <v>23699</v>
      </c>
      <c r="I12727" s="7">
        <v>4.5525868999999997</v>
      </c>
      <c r="J12727" s="8">
        <v>-74.097427300000007</v>
      </c>
    </row>
    <row r="12728" spans="1:10" x14ac:dyDescent="0.35">
      <c r="A12728" s="5" t="s">
        <v>10</v>
      </c>
      <c r="B12728" s="6">
        <v>225033</v>
      </c>
      <c r="C12728" s="6" t="s">
        <v>68</v>
      </c>
      <c r="D12728" s="6" t="s">
        <v>69</v>
      </c>
      <c r="E12728" s="6">
        <v>11001</v>
      </c>
      <c r="F12728" s="6" t="s">
        <v>18</v>
      </c>
      <c r="G12728" s="6" t="s">
        <v>12803</v>
      </c>
      <c r="H12728" s="6" t="s">
        <v>12804</v>
      </c>
      <c r="I12728" s="7">
        <v>4.6227489999999998</v>
      </c>
      <c r="J12728" s="8">
        <v>-74.168227000000002</v>
      </c>
    </row>
    <row r="12729" spans="1:10" x14ac:dyDescent="0.35">
      <c r="A12729" s="5" t="s">
        <v>10</v>
      </c>
      <c r="B12729" s="6">
        <v>189502</v>
      </c>
      <c r="C12729" s="6" t="s">
        <v>68</v>
      </c>
      <c r="D12729" s="6" t="s">
        <v>69</v>
      </c>
      <c r="E12729" s="6">
        <v>11001</v>
      </c>
      <c r="F12729" s="6" t="s">
        <v>13</v>
      </c>
      <c r="G12729" s="6" t="s">
        <v>16997</v>
      </c>
      <c r="H12729" s="6" t="s">
        <v>16998</v>
      </c>
      <c r="I12729" s="7">
        <v>4.6681625999999996</v>
      </c>
      <c r="J12729" s="8">
        <v>-74.073441900000006</v>
      </c>
    </row>
    <row r="12730" spans="1:10" x14ac:dyDescent="0.35">
      <c r="A12730" s="5" t="s">
        <v>10</v>
      </c>
      <c r="B12730" s="6">
        <v>204088</v>
      </c>
      <c r="C12730" s="6" t="s">
        <v>117</v>
      </c>
      <c r="D12730" s="6" t="s">
        <v>1334</v>
      </c>
      <c r="E12730" s="6">
        <v>76001</v>
      </c>
      <c r="F12730" s="6" t="s">
        <v>18</v>
      </c>
      <c r="G12730" s="6" t="s">
        <v>23700</v>
      </c>
      <c r="H12730" s="6" t="s">
        <v>23701</v>
      </c>
      <c r="I12730" s="7">
        <v>3.4228964</v>
      </c>
      <c r="J12730" s="8">
        <v>-76.541664799999893</v>
      </c>
    </row>
    <row r="12731" spans="1:10" x14ac:dyDescent="0.35">
      <c r="A12731" s="5" t="s">
        <v>10</v>
      </c>
      <c r="B12731" s="6">
        <v>242469</v>
      </c>
      <c r="C12731" s="6" t="s">
        <v>68</v>
      </c>
      <c r="D12731" s="6" t="s">
        <v>69</v>
      </c>
      <c r="E12731" s="6">
        <v>11001</v>
      </c>
      <c r="F12731" s="6" t="s">
        <v>18</v>
      </c>
      <c r="G12731" s="6" t="s">
        <v>23702</v>
      </c>
      <c r="H12731" s="6" t="s">
        <v>23703</v>
      </c>
      <c r="I12731" s="7">
        <v>4.7482087999999996</v>
      </c>
      <c r="J12731" s="8">
        <v>-74.100455800000006</v>
      </c>
    </row>
    <row r="12732" spans="1:10" x14ac:dyDescent="0.35">
      <c r="A12732" s="5" t="s">
        <v>10</v>
      </c>
      <c r="B12732" s="6">
        <v>200603</v>
      </c>
      <c r="C12732" s="6" t="s">
        <v>24</v>
      </c>
      <c r="D12732" s="6" t="s">
        <v>1596</v>
      </c>
      <c r="E12732" s="6">
        <v>15542</v>
      </c>
      <c r="F12732" s="6" t="s">
        <v>18</v>
      </c>
      <c r="G12732" s="6" t="s">
        <v>4691</v>
      </c>
      <c r="H12732" s="6" t="s">
        <v>23704</v>
      </c>
      <c r="I12732" s="7">
        <v>5.5588829999999998</v>
      </c>
      <c r="J12732" s="8">
        <v>-73.050630999999996</v>
      </c>
    </row>
    <row r="12733" spans="1:10" x14ac:dyDescent="0.35">
      <c r="A12733" s="5" t="s">
        <v>10</v>
      </c>
      <c r="B12733" s="6">
        <v>94604</v>
      </c>
      <c r="C12733" s="6" t="s">
        <v>2130</v>
      </c>
      <c r="D12733" s="6" t="s">
        <v>3979</v>
      </c>
      <c r="E12733" s="6">
        <v>85010</v>
      </c>
      <c r="F12733" s="6" t="s">
        <v>18</v>
      </c>
      <c r="G12733" s="6" t="s">
        <v>23705</v>
      </c>
      <c r="H12733" s="6" t="s">
        <v>23706</v>
      </c>
      <c r="I12733" s="7">
        <v>5.1667500000000004</v>
      </c>
      <c r="J12733" s="8">
        <v>-72.383339999999905</v>
      </c>
    </row>
    <row r="12734" spans="1:10" x14ac:dyDescent="0.35">
      <c r="A12734" s="5" t="s">
        <v>10</v>
      </c>
      <c r="B12734" s="6">
        <v>212928</v>
      </c>
      <c r="C12734" s="6" t="s">
        <v>551</v>
      </c>
      <c r="D12734" s="6" t="s">
        <v>977</v>
      </c>
      <c r="E12734" s="6">
        <v>20011</v>
      </c>
      <c r="F12734" s="6" t="s">
        <v>13</v>
      </c>
      <c r="G12734" s="6" t="s">
        <v>23707</v>
      </c>
      <c r="H12734" s="6" t="s">
        <v>23708</v>
      </c>
      <c r="I12734" s="7">
        <v>8.3047120999999997</v>
      </c>
      <c r="J12734" s="8">
        <v>-73.617963799999998</v>
      </c>
    </row>
    <row r="12735" spans="1:10" x14ac:dyDescent="0.35">
      <c r="A12735" s="5" t="s">
        <v>10</v>
      </c>
      <c r="B12735" s="6">
        <v>244802</v>
      </c>
      <c r="C12735" s="6" t="s">
        <v>117</v>
      </c>
      <c r="D12735" s="6" t="s">
        <v>7405</v>
      </c>
      <c r="E12735" s="6">
        <v>76890</v>
      </c>
      <c r="F12735" s="6" t="s">
        <v>18</v>
      </c>
      <c r="G12735" s="6" t="s">
        <v>23709</v>
      </c>
      <c r="H12735" s="6" t="s">
        <v>23710</v>
      </c>
      <c r="I12735" s="7">
        <v>3.8602729999999998</v>
      </c>
      <c r="J12735" s="8">
        <v>-76.384630000000001</v>
      </c>
    </row>
    <row r="12736" spans="1:10" x14ac:dyDescent="0.35">
      <c r="A12736" s="5" t="s">
        <v>10</v>
      </c>
      <c r="B12736" s="6">
        <v>229888</v>
      </c>
      <c r="C12736" s="6" t="s">
        <v>117</v>
      </c>
      <c r="D12736" s="6" t="s">
        <v>3860</v>
      </c>
      <c r="E12736" s="6">
        <v>76130</v>
      </c>
      <c r="F12736" s="6" t="s">
        <v>18</v>
      </c>
      <c r="G12736" s="6" t="s">
        <v>23711</v>
      </c>
      <c r="H12736" s="6" t="s">
        <v>23712</v>
      </c>
      <c r="I12736" s="7">
        <v>3.4035584000000001</v>
      </c>
      <c r="J12736" s="8">
        <v>-76.347950400000002</v>
      </c>
    </row>
    <row r="12737" spans="1:10" x14ac:dyDescent="0.35">
      <c r="A12737" s="5" t="s">
        <v>10</v>
      </c>
      <c r="B12737" s="6">
        <v>246564</v>
      </c>
      <c r="C12737" s="6" t="s">
        <v>190</v>
      </c>
      <c r="D12737" s="6" t="s">
        <v>191</v>
      </c>
      <c r="E12737" s="6">
        <v>5001</v>
      </c>
      <c r="F12737" s="6" t="s">
        <v>18</v>
      </c>
      <c r="G12737" s="6" t="s">
        <v>23713</v>
      </c>
      <c r="H12737" s="6" t="s">
        <v>23714</v>
      </c>
      <c r="I12737" s="7">
        <v>6.2144076999999998</v>
      </c>
      <c r="J12737" s="8">
        <v>-75.594106400000001</v>
      </c>
    </row>
    <row r="12738" spans="1:10" x14ac:dyDescent="0.35">
      <c r="A12738" s="5" t="s">
        <v>10</v>
      </c>
      <c r="B12738" s="6">
        <v>171027</v>
      </c>
      <c r="C12738" s="6" t="s">
        <v>68</v>
      </c>
      <c r="D12738" s="6" t="s">
        <v>69</v>
      </c>
      <c r="E12738" s="6">
        <v>11001</v>
      </c>
      <c r="F12738" s="6" t="s">
        <v>18</v>
      </c>
      <c r="G12738" s="6" t="s">
        <v>12720</v>
      </c>
      <c r="H12738" s="6" t="s">
        <v>12721</v>
      </c>
      <c r="I12738" s="7">
        <v>4.5692088000000002</v>
      </c>
      <c r="J12738" s="8">
        <v>-74.129975799999997</v>
      </c>
    </row>
    <row r="12739" spans="1:10" x14ac:dyDescent="0.35">
      <c r="A12739" s="5" t="s">
        <v>10</v>
      </c>
      <c r="B12739" s="6">
        <v>239358</v>
      </c>
      <c r="C12739" s="6" t="s">
        <v>68</v>
      </c>
      <c r="D12739" s="6" t="s">
        <v>69</v>
      </c>
      <c r="E12739" s="6">
        <v>11001</v>
      </c>
      <c r="F12739" s="6" t="s">
        <v>18</v>
      </c>
      <c r="G12739" s="6" t="s">
        <v>23715</v>
      </c>
      <c r="H12739" s="6" t="s">
        <v>23716</v>
      </c>
      <c r="I12739" s="7">
        <v>4.7338075999999996</v>
      </c>
      <c r="J12739" s="8">
        <v>-74.030789600000006</v>
      </c>
    </row>
    <row r="12740" spans="1:10" x14ac:dyDescent="0.35">
      <c r="A12740" s="5" t="s">
        <v>10</v>
      </c>
      <c r="B12740" s="6">
        <v>246694</v>
      </c>
      <c r="C12740" s="6" t="s">
        <v>68</v>
      </c>
      <c r="D12740" s="6" t="s">
        <v>69</v>
      </c>
      <c r="E12740" s="6">
        <v>11001</v>
      </c>
      <c r="F12740" s="6" t="s">
        <v>18</v>
      </c>
      <c r="G12740" s="6" t="s">
        <v>23717</v>
      </c>
      <c r="H12740" s="6" t="s">
        <v>23718</v>
      </c>
      <c r="I12740" s="7">
        <v>4.6901799999999998</v>
      </c>
      <c r="J12740" s="8">
        <v>-74.085378899999995</v>
      </c>
    </row>
    <row r="12741" spans="1:10" x14ac:dyDescent="0.35">
      <c r="A12741" s="5" t="s">
        <v>10</v>
      </c>
      <c r="B12741" s="6">
        <v>233191</v>
      </c>
      <c r="C12741" s="6" t="s">
        <v>68</v>
      </c>
      <c r="D12741" s="6" t="s">
        <v>69</v>
      </c>
      <c r="E12741" s="6">
        <v>11001</v>
      </c>
      <c r="F12741" s="6" t="s">
        <v>18</v>
      </c>
      <c r="G12741" s="6" t="s">
        <v>23719</v>
      </c>
      <c r="H12741" s="6" t="s">
        <v>23720</v>
      </c>
      <c r="I12741" s="7">
        <v>4.6869699999999996</v>
      </c>
      <c r="J12741" s="8">
        <v>-74.072280000000006</v>
      </c>
    </row>
    <row r="12742" spans="1:10" x14ac:dyDescent="0.35">
      <c r="A12742" s="5" t="s">
        <v>10</v>
      </c>
      <c r="B12742" s="6">
        <v>209930</v>
      </c>
      <c r="C12742" s="6" t="s">
        <v>68</v>
      </c>
      <c r="D12742" s="6" t="s">
        <v>69</v>
      </c>
      <c r="E12742" s="6">
        <v>11001</v>
      </c>
      <c r="F12742" s="6" t="s">
        <v>18</v>
      </c>
      <c r="G12742" s="6" t="s">
        <v>23721</v>
      </c>
      <c r="H12742" s="6" t="s">
        <v>23722</v>
      </c>
      <c r="I12742" s="7">
        <v>4.6081051000000004</v>
      </c>
      <c r="J12742" s="8">
        <v>-74.144348899999997</v>
      </c>
    </row>
    <row r="12743" spans="1:10" x14ac:dyDescent="0.35">
      <c r="A12743" s="5" t="s">
        <v>10</v>
      </c>
      <c r="B12743" s="6">
        <v>234301</v>
      </c>
      <c r="C12743" s="6" t="s">
        <v>2130</v>
      </c>
      <c r="D12743" s="6" t="s">
        <v>3979</v>
      </c>
      <c r="E12743" s="6">
        <v>85010</v>
      </c>
      <c r="F12743" s="6" t="s">
        <v>18</v>
      </c>
      <c r="G12743" s="6" t="s">
        <v>23723</v>
      </c>
      <c r="H12743" s="6" t="s">
        <v>23724</v>
      </c>
      <c r="I12743" s="7">
        <v>5.1678595999999999</v>
      </c>
      <c r="J12743" s="8">
        <v>-72.544425799999999</v>
      </c>
    </row>
    <row r="12744" spans="1:10" x14ac:dyDescent="0.35">
      <c r="A12744" s="5" t="s">
        <v>10</v>
      </c>
      <c r="B12744" s="6">
        <v>190300</v>
      </c>
      <c r="C12744" s="6" t="s">
        <v>190</v>
      </c>
      <c r="D12744" s="6" t="s">
        <v>11740</v>
      </c>
      <c r="E12744" s="6">
        <v>5376</v>
      </c>
      <c r="F12744" s="6" t="s">
        <v>18</v>
      </c>
      <c r="G12744" s="6" t="s">
        <v>23725</v>
      </c>
      <c r="H12744" s="6" t="s">
        <v>23726</v>
      </c>
      <c r="I12744" s="7">
        <v>6.0363271999999997</v>
      </c>
      <c r="J12744" s="8">
        <v>-75.428370299999997</v>
      </c>
    </row>
    <row r="12745" spans="1:10" x14ac:dyDescent="0.35">
      <c r="A12745" s="5" t="s">
        <v>10</v>
      </c>
      <c r="B12745" s="6">
        <v>241188</v>
      </c>
      <c r="C12745" s="6" t="s">
        <v>117</v>
      </c>
      <c r="D12745" s="6" t="s">
        <v>1334</v>
      </c>
      <c r="E12745" s="6">
        <v>76001</v>
      </c>
      <c r="F12745" s="6" t="s">
        <v>18</v>
      </c>
      <c r="G12745" s="6" t="s">
        <v>23727</v>
      </c>
      <c r="H12745" s="6" t="s">
        <v>23728</v>
      </c>
      <c r="I12745" s="7">
        <v>3.3889111999999999</v>
      </c>
      <c r="J12745" s="8">
        <v>-76.551871199999994</v>
      </c>
    </row>
    <row r="12746" spans="1:10" x14ac:dyDescent="0.35">
      <c r="A12746" s="5" t="s">
        <v>10</v>
      </c>
      <c r="B12746" s="6">
        <v>107127</v>
      </c>
      <c r="C12746" s="6" t="s">
        <v>4364</v>
      </c>
      <c r="D12746" s="6" t="s">
        <v>4365</v>
      </c>
      <c r="E12746" s="6">
        <v>70001</v>
      </c>
      <c r="F12746" s="6" t="s">
        <v>13</v>
      </c>
      <c r="G12746" s="6" t="s">
        <v>11877</v>
      </c>
      <c r="H12746" s="6" t="s">
        <v>12819</v>
      </c>
      <c r="I12746" s="7">
        <v>9.3027558999999993</v>
      </c>
      <c r="J12746" s="8">
        <v>-75.397791599999906</v>
      </c>
    </row>
    <row r="12747" spans="1:10" x14ac:dyDescent="0.35">
      <c r="A12747" s="5" t="s">
        <v>10</v>
      </c>
      <c r="B12747" s="6">
        <v>231337</v>
      </c>
      <c r="C12747" s="6" t="s">
        <v>68</v>
      </c>
      <c r="D12747" s="6" t="s">
        <v>69</v>
      </c>
      <c r="E12747" s="6">
        <v>11001</v>
      </c>
      <c r="F12747" s="6" t="s">
        <v>18</v>
      </c>
      <c r="G12747" s="6" t="s">
        <v>23729</v>
      </c>
      <c r="H12747" s="6" t="s">
        <v>23730</v>
      </c>
      <c r="I12747" s="7">
        <v>4.6368577999999996</v>
      </c>
      <c r="J12747" s="8">
        <v>-74.206672900000001</v>
      </c>
    </row>
    <row r="12748" spans="1:10" x14ac:dyDescent="0.35">
      <c r="A12748" s="5" t="s">
        <v>10</v>
      </c>
      <c r="B12748" s="6">
        <v>218808</v>
      </c>
      <c r="C12748" s="6" t="s">
        <v>2130</v>
      </c>
      <c r="D12748" s="6" t="s">
        <v>2131</v>
      </c>
      <c r="E12748" s="6">
        <v>85001</v>
      </c>
      <c r="F12748" s="6" t="s">
        <v>18</v>
      </c>
      <c r="G12748" s="6" t="s">
        <v>23731</v>
      </c>
      <c r="H12748" s="6" t="s">
        <v>23732</v>
      </c>
      <c r="I12748" s="7">
        <v>5.3342611999999896</v>
      </c>
      <c r="J12748" s="8">
        <v>-72.393378099999893</v>
      </c>
    </row>
    <row r="12749" spans="1:10" x14ac:dyDescent="0.35">
      <c r="A12749" s="5" t="s">
        <v>10</v>
      </c>
      <c r="B12749" s="6">
        <v>205828</v>
      </c>
      <c r="C12749" s="6" t="s">
        <v>190</v>
      </c>
      <c r="D12749" s="6" t="s">
        <v>4063</v>
      </c>
      <c r="E12749" s="6">
        <v>5088</v>
      </c>
      <c r="F12749" s="6" t="s">
        <v>18</v>
      </c>
      <c r="G12749" s="6" t="s">
        <v>23733</v>
      </c>
      <c r="H12749" s="6" t="s">
        <v>23734</v>
      </c>
      <c r="I12749" s="7">
        <v>6.3092907</v>
      </c>
      <c r="J12749" s="8">
        <v>-75.546628400000003</v>
      </c>
    </row>
    <row r="12750" spans="1:10" x14ac:dyDescent="0.35">
      <c r="A12750" s="5" t="s">
        <v>10</v>
      </c>
      <c r="B12750" s="6">
        <v>212182</v>
      </c>
      <c r="C12750" s="6" t="s">
        <v>551</v>
      </c>
      <c r="D12750" s="6" t="s">
        <v>977</v>
      </c>
      <c r="E12750" s="6">
        <v>20011</v>
      </c>
      <c r="F12750" s="6" t="s">
        <v>13</v>
      </c>
      <c r="G12750" s="6" t="s">
        <v>23735</v>
      </c>
      <c r="H12750" s="6" t="s">
        <v>23736</v>
      </c>
      <c r="I12750" s="7">
        <v>8.3110900000000001</v>
      </c>
      <c r="J12750" s="8">
        <v>-73.622690000000006</v>
      </c>
    </row>
    <row r="12751" spans="1:10" x14ac:dyDescent="0.35">
      <c r="A12751" s="5" t="s">
        <v>10</v>
      </c>
      <c r="B12751" s="6">
        <v>246893</v>
      </c>
      <c r="C12751" s="6" t="s">
        <v>68</v>
      </c>
      <c r="D12751" s="6" t="s">
        <v>69</v>
      </c>
      <c r="E12751" s="6">
        <v>11001</v>
      </c>
      <c r="F12751" s="6" t="s">
        <v>18</v>
      </c>
      <c r="G12751" s="6" t="s">
        <v>23737</v>
      </c>
      <c r="H12751" s="6" t="s">
        <v>23738</v>
      </c>
      <c r="I12751" s="7">
        <v>4.6194673000000002</v>
      </c>
      <c r="J12751" s="8">
        <v>-74.173861299999999</v>
      </c>
    </row>
    <row r="12752" spans="1:10" x14ac:dyDescent="0.35">
      <c r="A12752" s="5" t="s">
        <v>10</v>
      </c>
      <c r="B12752" s="6">
        <v>210343</v>
      </c>
      <c r="C12752" s="6" t="s">
        <v>68</v>
      </c>
      <c r="D12752" s="6" t="s">
        <v>69</v>
      </c>
      <c r="E12752" s="6">
        <v>11001</v>
      </c>
      <c r="F12752" s="6" t="s">
        <v>18</v>
      </c>
      <c r="G12752" s="6" t="s">
        <v>16525</v>
      </c>
      <c r="H12752" s="6" t="s">
        <v>16526</v>
      </c>
      <c r="I12752" s="7">
        <v>4.5639728000000002</v>
      </c>
      <c r="J12752" s="8">
        <v>-74.098977599999998</v>
      </c>
    </row>
    <row r="12753" spans="1:10" x14ac:dyDescent="0.35">
      <c r="A12753" s="5" t="s">
        <v>10</v>
      </c>
      <c r="B12753" s="6">
        <v>237207</v>
      </c>
      <c r="C12753" s="6" t="s">
        <v>68</v>
      </c>
      <c r="D12753" s="6" t="s">
        <v>69</v>
      </c>
      <c r="E12753" s="6">
        <v>11001</v>
      </c>
      <c r="F12753" s="6" t="s">
        <v>18</v>
      </c>
      <c r="G12753" s="6" t="s">
        <v>10892</v>
      </c>
      <c r="H12753" s="6" t="s">
        <v>23739</v>
      </c>
      <c r="I12753" s="7">
        <v>4.5967098999999996</v>
      </c>
      <c r="J12753" s="8">
        <v>-74.136406800000003</v>
      </c>
    </row>
    <row r="12754" spans="1:10" x14ac:dyDescent="0.35">
      <c r="A12754" s="5" t="s">
        <v>10</v>
      </c>
      <c r="B12754" s="6">
        <v>192267</v>
      </c>
      <c r="C12754" s="6" t="s">
        <v>68</v>
      </c>
      <c r="D12754" s="6" t="s">
        <v>69</v>
      </c>
      <c r="E12754" s="6">
        <v>11001</v>
      </c>
      <c r="F12754" s="6" t="s">
        <v>18</v>
      </c>
      <c r="G12754" s="6" t="s">
        <v>23740</v>
      </c>
      <c r="H12754" s="6" t="s">
        <v>23741</v>
      </c>
      <c r="I12754" s="7">
        <v>4.7645046000000004</v>
      </c>
      <c r="J12754" s="8">
        <v>-74.037038799999905</v>
      </c>
    </row>
    <row r="12755" spans="1:10" x14ac:dyDescent="0.35">
      <c r="A12755" s="5" t="s">
        <v>10</v>
      </c>
      <c r="B12755" s="6">
        <v>165397</v>
      </c>
      <c r="C12755" s="6" t="s">
        <v>366</v>
      </c>
      <c r="D12755" s="6" t="s">
        <v>7555</v>
      </c>
      <c r="E12755" s="6">
        <v>44078</v>
      </c>
      <c r="F12755" s="6" t="s">
        <v>13</v>
      </c>
      <c r="G12755" s="6" t="s">
        <v>23742</v>
      </c>
      <c r="H12755" s="6" t="s">
        <v>23743</v>
      </c>
      <c r="I12755" s="7">
        <v>10.9556419</v>
      </c>
      <c r="J12755" s="8">
        <v>-72.795542999999995</v>
      </c>
    </row>
    <row r="12756" spans="1:10" x14ac:dyDescent="0.35">
      <c r="A12756" s="5" t="s">
        <v>10</v>
      </c>
      <c r="B12756" s="6">
        <v>189502</v>
      </c>
      <c r="C12756" s="6" t="s">
        <v>68</v>
      </c>
      <c r="D12756" s="6" t="s">
        <v>69</v>
      </c>
      <c r="E12756" s="6">
        <v>11001</v>
      </c>
      <c r="F12756" s="6" t="s">
        <v>13</v>
      </c>
      <c r="G12756" s="6" t="s">
        <v>16997</v>
      </c>
      <c r="H12756" s="6" t="s">
        <v>16998</v>
      </c>
      <c r="I12756" s="7">
        <v>4.6681625999999996</v>
      </c>
      <c r="J12756" s="8">
        <v>-74.073441900000006</v>
      </c>
    </row>
    <row r="12757" spans="1:10" x14ac:dyDescent="0.35">
      <c r="A12757" s="5" t="s">
        <v>10</v>
      </c>
      <c r="B12757" s="6">
        <v>229876</v>
      </c>
      <c r="C12757" s="6" t="s">
        <v>117</v>
      </c>
      <c r="D12757" s="6" t="s">
        <v>3860</v>
      </c>
      <c r="E12757" s="6">
        <v>76130</v>
      </c>
      <c r="F12757" s="6" t="s">
        <v>18</v>
      </c>
      <c r="G12757" s="6" t="s">
        <v>23744</v>
      </c>
      <c r="H12757" s="6" t="s">
        <v>23745</v>
      </c>
      <c r="I12757" s="7">
        <v>3.4023690000000002</v>
      </c>
      <c r="J12757" s="8">
        <v>-76.381930199999999</v>
      </c>
    </row>
    <row r="12758" spans="1:10" x14ac:dyDescent="0.35">
      <c r="A12758" s="5" t="s">
        <v>10</v>
      </c>
      <c r="B12758" s="6">
        <v>245955</v>
      </c>
      <c r="C12758" s="6" t="s">
        <v>190</v>
      </c>
      <c r="D12758" s="6" t="s">
        <v>191</v>
      </c>
      <c r="E12758" s="6">
        <v>5001</v>
      </c>
      <c r="F12758" s="6" t="s">
        <v>18</v>
      </c>
      <c r="G12758" s="6" t="s">
        <v>23746</v>
      </c>
      <c r="H12758" s="6" t="s">
        <v>23747</v>
      </c>
      <c r="I12758" s="7">
        <v>6.2325046000000004</v>
      </c>
      <c r="J12758" s="8">
        <v>-75.530092400000001</v>
      </c>
    </row>
    <row r="12759" spans="1:10" x14ac:dyDescent="0.35">
      <c r="A12759" s="5" t="s">
        <v>10</v>
      </c>
      <c r="B12759" s="6">
        <v>107127</v>
      </c>
      <c r="C12759" s="6" t="s">
        <v>4364</v>
      </c>
      <c r="D12759" s="6" t="s">
        <v>4365</v>
      </c>
      <c r="E12759" s="6">
        <v>70001</v>
      </c>
      <c r="F12759" s="6" t="s">
        <v>13</v>
      </c>
      <c r="G12759" s="6" t="s">
        <v>11877</v>
      </c>
      <c r="H12759" s="6" t="s">
        <v>12819</v>
      </c>
      <c r="I12759" s="7">
        <v>9.3027558999999993</v>
      </c>
      <c r="J12759" s="8">
        <v>-75.397791599999906</v>
      </c>
    </row>
    <row r="12760" spans="1:10" x14ac:dyDescent="0.35">
      <c r="A12760" s="5" t="s">
        <v>10</v>
      </c>
      <c r="B12760" s="6">
        <v>237904</v>
      </c>
      <c r="C12760" s="6" t="s">
        <v>68</v>
      </c>
      <c r="D12760" s="6" t="s">
        <v>69</v>
      </c>
      <c r="E12760" s="6">
        <v>11001</v>
      </c>
      <c r="F12760" s="6" t="s">
        <v>18</v>
      </c>
      <c r="G12760" s="6" t="s">
        <v>23748</v>
      </c>
      <c r="H12760" s="6" t="s">
        <v>23749</v>
      </c>
      <c r="I12760" s="7">
        <v>4.5436756000000003</v>
      </c>
      <c r="J12760" s="8">
        <v>-74.088057800000001</v>
      </c>
    </row>
    <row r="12761" spans="1:10" x14ac:dyDescent="0.35">
      <c r="A12761" s="5" t="s">
        <v>10</v>
      </c>
      <c r="B12761" s="6">
        <v>246726</v>
      </c>
      <c r="C12761" s="6" t="s">
        <v>68</v>
      </c>
      <c r="D12761" s="6" t="s">
        <v>69</v>
      </c>
      <c r="E12761" s="6">
        <v>11001</v>
      </c>
      <c r="F12761" s="6" t="s">
        <v>18</v>
      </c>
      <c r="G12761" s="6" t="s">
        <v>23750</v>
      </c>
      <c r="H12761" s="6" t="s">
        <v>23751</v>
      </c>
      <c r="I12761" s="7">
        <v>4.6005703999999996</v>
      </c>
      <c r="J12761" s="8">
        <v>-74.131559600000003</v>
      </c>
    </row>
    <row r="12762" spans="1:10" x14ac:dyDescent="0.35">
      <c r="A12762" s="5" t="s">
        <v>10</v>
      </c>
      <c r="B12762" s="6">
        <v>85997</v>
      </c>
      <c r="C12762" s="6" t="s">
        <v>2130</v>
      </c>
      <c r="D12762" s="6" t="s">
        <v>23752</v>
      </c>
      <c r="E12762" s="6">
        <v>85136</v>
      </c>
      <c r="F12762" s="6" t="s">
        <v>18</v>
      </c>
      <c r="G12762" s="6" t="s">
        <v>23753</v>
      </c>
      <c r="H12762" s="6" t="s">
        <v>23754</v>
      </c>
      <c r="I12762" s="7">
        <v>6.1281064000000001</v>
      </c>
      <c r="J12762" s="8">
        <v>-72.334347800000003</v>
      </c>
    </row>
    <row r="12763" spans="1:10" x14ac:dyDescent="0.35">
      <c r="A12763" s="5" t="s">
        <v>10</v>
      </c>
      <c r="B12763" s="6">
        <v>232144</v>
      </c>
      <c r="C12763" s="6" t="s">
        <v>366</v>
      </c>
      <c r="D12763" s="6" t="s">
        <v>8296</v>
      </c>
      <c r="E12763" s="6">
        <v>44001</v>
      </c>
      <c r="F12763" s="6" t="s">
        <v>13</v>
      </c>
      <c r="G12763" s="6" t="s">
        <v>23755</v>
      </c>
      <c r="H12763" s="6" t="s">
        <v>23756</v>
      </c>
      <c r="I12763" s="7">
        <v>11.5424106</v>
      </c>
      <c r="J12763" s="8">
        <v>-72.906002299999997</v>
      </c>
    </row>
    <row r="12764" spans="1:10" x14ac:dyDescent="0.35">
      <c r="A12764" s="5" t="s">
        <v>10</v>
      </c>
      <c r="B12764" s="6">
        <v>241082</v>
      </c>
      <c r="C12764" s="6" t="s">
        <v>117</v>
      </c>
      <c r="D12764" s="6" t="s">
        <v>1334</v>
      </c>
      <c r="E12764" s="6">
        <v>76001</v>
      </c>
      <c r="F12764" s="6" t="s">
        <v>18</v>
      </c>
      <c r="G12764" s="6" t="s">
        <v>23757</v>
      </c>
      <c r="H12764" s="6" t="s">
        <v>23758</v>
      </c>
      <c r="I12764" s="7">
        <v>3.4468551999999999</v>
      </c>
      <c r="J12764" s="8">
        <v>-76.534241600000001</v>
      </c>
    </row>
    <row r="12765" spans="1:10" x14ac:dyDescent="0.35">
      <c r="A12765" s="5" t="s">
        <v>10</v>
      </c>
      <c r="B12765" s="6">
        <v>240690</v>
      </c>
      <c r="C12765" s="6" t="s">
        <v>190</v>
      </c>
      <c r="D12765" s="6" t="s">
        <v>191</v>
      </c>
      <c r="E12765" s="6">
        <v>5001</v>
      </c>
      <c r="F12765" s="6" t="s">
        <v>18</v>
      </c>
      <c r="G12765" s="6" t="s">
        <v>23759</v>
      </c>
      <c r="H12765" s="6" t="s">
        <v>23760</v>
      </c>
      <c r="I12765" s="7">
        <v>6.2638154999999998</v>
      </c>
      <c r="J12765" s="8">
        <v>-75.543222799999995</v>
      </c>
    </row>
    <row r="12766" spans="1:10" x14ac:dyDescent="0.35">
      <c r="A12766" s="5" t="s">
        <v>10</v>
      </c>
      <c r="B12766" s="6">
        <v>107120</v>
      </c>
      <c r="C12766" s="6" t="s">
        <v>4364</v>
      </c>
      <c r="D12766" s="6" t="s">
        <v>8019</v>
      </c>
      <c r="E12766" s="6">
        <v>70670</v>
      </c>
      <c r="F12766" s="6" t="s">
        <v>13</v>
      </c>
      <c r="G12766" s="6" t="s">
        <v>11877</v>
      </c>
      <c r="H12766" s="6" t="s">
        <v>23239</v>
      </c>
      <c r="I12766" s="7">
        <v>9.1835699999999996</v>
      </c>
      <c r="J12766" s="8">
        <v>-75.381105000000005</v>
      </c>
    </row>
    <row r="12767" spans="1:10" x14ac:dyDescent="0.35">
      <c r="A12767" s="5" t="s">
        <v>10</v>
      </c>
      <c r="B12767" s="6">
        <v>219801</v>
      </c>
      <c r="C12767" s="6" t="s">
        <v>68</v>
      </c>
      <c r="D12767" s="6" t="s">
        <v>69</v>
      </c>
      <c r="E12767" s="6">
        <v>11001</v>
      </c>
      <c r="F12767" s="6" t="s">
        <v>18</v>
      </c>
      <c r="G12767" s="6" t="s">
        <v>23761</v>
      </c>
      <c r="H12767" s="6" t="s">
        <v>23762</v>
      </c>
      <c r="I12767" s="7">
        <v>4.7170163999999897</v>
      </c>
      <c r="J12767" s="8">
        <v>-74.138941399999993</v>
      </c>
    </row>
    <row r="12768" spans="1:10" x14ac:dyDescent="0.35">
      <c r="A12768" s="5" t="s">
        <v>10</v>
      </c>
      <c r="B12768" s="6">
        <v>232880</v>
      </c>
      <c r="C12768" s="6" t="s">
        <v>68</v>
      </c>
      <c r="D12768" s="6" t="s">
        <v>69</v>
      </c>
      <c r="E12768" s="6">
        <v>11001</v>
      </c>
      <c r="F12768" s="6" t="s">
        <v>18</v>
      </c>
      <c r="G12768" s="6" t="s">
        <v>23763</v>
      </c>
      <c r="H12768" s="6" t="s">
        <v>23764</v>
      </c>
      <c r="I12768" s="7">
        <v>4.7128199999999998</v>
      </c>
      <c r="J12768" s="8">
        <v>-74.140640000000005</v>
      </c>
    </row>
    <row r="12769" spans="1:10" x14ac:dyDescent="0.35">
      <c r="A12769" s="5" t="s">
        <v>10</v>
      </c>
      <c r="B12769" s="6">
        <v>101755</v>
      </c>
      <c r="C12769" s="6" t="s">
        <v>2130</v>
      </c>
      <c r="D12769" s="6" t="s">
        <v>13091</v>
      </c>
      <c r="E12769" s="6">
        <v>85325</v>
      </c>
      <c r="F12769" s="6" t="s">
        <v>18</v>
      </c>
      <c r="G12769" s="6" t="s">
        <v>23765</v>
      </c>
      <c r="H12769" s="6" t="s">
        <v>23766</v>
      </c>
      <c r="I12769" s="7">
        <v>5.4202819999999896</v>
      </c>
      <c r="J12769" s="8">
        <v>-71.730860999999905</v>
      </c>
    </row>
    <row r="12770" spans="1:10" x14ac:dyDescent="0.35">
      <c r="A12770" s="5" t="s">
        <v>10</v>
      </c>
      <c r="B12770" s="6">
        <v>203684</v>
      </c>
      <c r="C12770" s="6" t="s">
        <v>457</v>
      </c>
      <c r="D12770" s="6" t="s">
        <v>22780</v>
      </c>
      <c r="E12770" s="6">
        <v>52540</v>
      </c>
      <c r="F12770" s="6" t="s">
        <v>18</v>
      </c>
      <c r="G12770" s="6" t="s">
        <v>23767</v>
      </c>
      <c r="H12770" s="6" t="s">
        <v>23768</v>
      </c>
      <c r="I12770" s="7">
        <v>1.6280905999999999</v>
      </c>
      <c r="J12770" s="8">
        <v>-77.459194499999995</v>
      </c>
    </row>
    <row r="12771" spans="1:10" x14ac:dyDescent="0.35">
      <c r="A12771" s="5" t="s">
        <v>10</v>
      </c>
      <c r="B12771" s="6">
        <v>241572</v>
      </c>
      <c r="C12771" s="6" t="s">
        <v>457</v>
      </c>
      <c r="D12771" s="6" t="s">
        <v>4400</v>
      </c>
      <c r="E12771" s="6">
        <v>52001</v>
      </c>
      <c r="F12771" s="6" t="s">
        <v>18</v>
      </c>
      <c r="G12771" s="6" t="s">
        <v>23769</v>
      </c>
      <c r="H12771" s="6" t="s">
        <v>23770</v>
      </c>
      <c r="I12771" s="7">
        <v>1.2094503999999999</v>
      </c>
      <c r="J12771" s="8">
        <v>-77.276454400000006</v>
      </c>
    </row>
    <row r="12772" spans="1:10" x14ac:dyDescent="0.35">
      <c r="A12772" s="5" t="s">
        <v>10</v>
      </c>
      <c r="B12772" s="6">
        <v>112894</v>
      </c>
      <c r="C12772" s="6" t="s">
        <v>190</v>
      </c>
      <c r="D12772" s="6" t="s">
        <v>11860</v>
      </c>
      <c r="E12772" s="6">
        <v>5209</v>
      </c>
      <c r="F12772" s="6" t="s">
        <v>18</v>
      </c>
      <c r="G12772" s="6" t="s">
        <v>23771</v>
      </c>
      <c r="H12772" s="6" t="s">
        <v>23772</v>
      </c>
      <c r="I12772" s="7">
        <v>6.0462651999999997</v>
      </c>
      <c r="J12772" s="8">
        <v>-75.906715800000001</v>
      </c>
    </row>
    <row r="12773" spans="1:10" x14ac:dyDescent="0.35">
      <c r="A12773" s="5" t="s">
        <v>10</v>
      </c>
      <c r="B12773" s="6">
        <v>107127</v>
      </c>
      <c r="C12773" s="6" t="s">
        <v>4364</v>
      </c>
      <c r="D12773" s="6" t="s">
        <v>4365</v>
      </c>
      <c r="E12773" s="6">
        <v>70001</v>
      </c>
      <c r="F12773" s="6" t="s">
        <v>13</v>
      </c>
      <c r="G12773" s="6" t="s">
        <v>11877</v>
      </c>
      <c r="H12773" s="6" t="s">
        <v>12819</v>
      </c>
      <c r="I12773" s="7">
        <v>9.3027558999999993</v>
      </c>
      <c r="J12773" s="8">
        <v>-75.397791599999906</v>
      </c>
    </row>
    <row r="12774" spans="1:10" x14ac:dyDescent="0.35">
      <c r="A12774" s="5" t="s">
        <v>10</v>
      </c>
      <c r="B12774" s="6">
        <v>220273</v>
      </c>
      <c r="C12774" s="6" t="s">
        <v>68</v>
      </c>
      <c r="D12774" s="6" t="s">
        <v>69</v>
      </c>
      <c r="E12774" s="6">
        <v>11001</v>
      </c>
      <c r="F12774" s="6" t="s">
        <v>18</v>
      </c>
      <c r="G12774" s="6" t="s">
        <v>23773</v>
      </c>
      <c r="H12774" s="6" t="s">
        <v>23774</v>
      </c>
      <c r="I12774" s="7">
        <v>4.7391129999999997</v>
      </c>
      <c r="J12774" s="8">
        <v>-74.093439799999999</v>
      </c>
    </row>
    <row r="12775" spans="1:10" x14ac:dyDescent="0.35">
      <c r="A12775" s="5" t="s">
        <v>10</v>
      </c>
      <c r="B12775" s="6">
        <v>246142</v>
      </c>
      <c r="C12775" s="6" t="s">
        <v>68</v>
      </c>
      <c r="D12775" s="6" t="s">
        <v>69</v>
      </c>
      <c r="E12775" s="6">
        <v>11001</v>
      </c>
      <c r="F12775" s="6" t="s">
        <v>18</v>
      </c>
      <c r="G12775" s="6" t="s">
        <v>23775</v>
      </c>
      <c r="H12775" s="6" t="s">
        <v>23776</v>
      </c>
      <c r="I12775" s="7">
        <v>4.7155363000000001</v>
      </c>
      <c r="J12775" s="8">
        <v>-74.122889799999996</v>
      </c>
    </row>
    <row r="12776" spans="1:10" x14ac:dyDescent="0.35">
      <c r="A12776" s="5" t="s">
        <v>10</v>
      </c>
      <c r="B12776" s="6">
        <v>91364</v>
      </c>
      <c r="C12776" s="6" t="s">
        <v>2130</v>
      </c>
      <c r="D12776" s="6" t="s">
        <v>2131</v>
      </c>
      <c r="E12776" s="6">
        <v>85001</v>
      </c>
      <c r="F12776" s="6" t="s">
        <v>18</v>
      </c>
      <c r="G12776" s="6" t="s">
        <v>23777</v>
      </c>
      <c r="H12776" s="6" t="s">
        <v>23778</v>
      </c>
      <c r="I12776" s="7">
        <v>5.3284001999999999</v>
      </c>
      <c r="J12776" s="8">
        <v>-72.410974899999999</v>
      </c>
    </row>
    <row r="12777" spans="1:10" x14ac:dyDescent="0.35">
      <c r="A12777" s="5" t="s">
        <v>10</v>
      </c>
      <c r="B12777" s="6">
        <v>186418</v>
      </c>
      <c r="C12777" s="6" t="s">
        <v>466</v>
      </c>
      <c r="D12777" s="6" t="s">
        <v>467</v>
      </c>
      <c r="E12777" s="6">
        <v>81736</v>
      </c>
      <c r="F12777" s="6" t="s">
        <v>18</v>
      </c>
      <c r="G12777" s="6" t="s">
        <v>22842</v>
      </c>
      <c r="H12777" s="6" t="s">
        <v>22843</v>
      </c>
      <c r="I12777" s="7">
        <v>6.9512856999999997</v>
      </c>
      <c r="J12777" s="8">
        <v>-71.872697500000001</v>
      </c>
    </row>
    <row r="12778" spans="1:10" x14ac:dyDescent="0.35">
      <c r="A12778" s="5" t="s">
        <v>10</v>
      </c>
      <c r="B12778" s="6">
        <v>219473</v>
      </c>
      <c r="C12778" s="6" t="s">
        <v>117</v>
      </c>
      <c r="D12778" s="6" t="s">
        <v>1334</v>
      </c>
      <c r="E12778" s="6">
        <v>76001</v>
      </c>
      <c r="F12778" s="6" t="s">
        <v>18</v>
      </c>
      <c r="G12778" s="6" t="s">
        <v>23779</v>
      </c>
      <c r="H12778" s="6" t="s">
        <v>23780</v>
      </c>
      <c r="I12778" s="7">
        <v>3.4655752999999998</v>
      </c>
      <c r="J12778" s="8">
        <v>-76.508375599999994</v>
      </c>
    </row>
    <row r="12779" spans="1:10" x14ac:dyDescent="0.35">
      <c r="A12779" s="5" t="s">
        <v>10</v>
      </c>
      <c r="B12779" s="6">
        <v>218126</v>
      </c>
      <c r="C12779" s="6" t="s">
        <v>190</v>
      </c>
      <c r="D12779" s="6" t="s">
        <v>4362</v>
      </c>
      <c r="E12779" s="6">
        <v>5360</v>
      </c>
      <c r="F12779" s="6" t="s">
        <v>18</v>
      </c>
      <c r="G12779" s="6" t="s">
        <v>23781</v>
      </c>
      <c r="H12779" s="6" t="s">
        <v>23782</v>
      </c>
      <c r="I12779" s="7">
        <v>6.1725810000000001</v>
      </c>
      <c r="J12779" s="8">
        <v>-75.613813100000002</v>
      </c>
    </row>
    <row r="12780" spans="1:10" x14ac:dyDescent="0.35">
      <c r="A12780" s="5" t="s">
        <v>10</v>
      </c>
      <c r="B12780" s="6">
        <v>220698</v>
      </c>
      <c r="C12780" s="6" t="s">
        <v>68</v>
      </c>
      <c r="D12780" s="6" t="s">
        <v>69</v>
      </c>
      <c r="E12780" s="6">
        <v>11001</v>
      </c>
      <c r="F12780" s="6" t="s">
        <v>18</v>
      </c>
      <c r="G12780" s="6" t="s">
        <v>23783</v>
      </c>
      <c r="H12780" s="6" t="s">
        <v>23784</v>
      </c>
      <c r="I12780" s="7">
        <v>4.7340631000000002</v>
      </c>
      <c r="J12780" s="8">
        <v>-74.101335699999893</v>
      </c>
    </row>
    <row r="12781" spans="1:10" x14ac:dyDescent="0.35">
      <c r="A12781" s="5" t="s">
        <v>10</v>
      </c>
      <c r="B12781" s="6">
        <v>231947</v>
      </c>
      <c r="C12781" s="6" t="s">
        <v>68</v>
      </c>
      <c r="D12781" s="6" t="s">
        <v>69</v>
      </c>
      <c r="E12781" s="6">
        <v>11001</v>
      </c>
      <c r="F12781" s="6" t="s">
        <v>18</v>
      </c>
      <c r="G12781" s="6" t="s">
        <v>23785</v>
      </c>
      <c r="H12781" s="6" t="s">
        <v>23786</v>
      </c>
      <c r="I12781" s="7">
        <v>4.6505944000000001</v>
      </c>
      <c r="J12781" s="8">
        <v>-74.093657300000004</v>
      </c>
    </row>
    <row r="12782" spans="1:10" x14ac:dyDescent="0.35">
      <c r="A12782" s="5" t="s">
        <v>10</v>
      </c>
      <c r="B12782" s="6">
        <v>202581</v>
      </c>
      <c r="C12782" s="6" t="s">
        <v>11</v>
      </c>
      <c r="D12782" s="6" t="s">
        <v>21</v>
      </c>
      <c r="E12782" s="6">
        <v>25386</v>
      </c>
      <c r="F12782" s="6" t="s">
        <v>18</v>
      </c>
      <c r="G12782" s="6" t="s">
        <v>23476</v>
      </c>
      <c r="H12782" s="6" t="s">
        <v>23477</v>
      </c>
      <c r="I12782" s="7">
        <v>4.7018559999999896</v>
      </c>
      <c r="J12782" s="8">
        <v>-74.417217199999996</v>
      </c>
    </row>
    <row r="12783" spans="1:10" x14ac:dyDescent="0.35">
      <c r="A12783" s="5" t="s">
        <v>10</v>
      </c>
      <c r="B12783" s="6">
        <v>217361</v>
      </c>
      <c r="C12783" s="6" t="s">
        <v>24</v>
      </c>
      <c r="D12783" s="6" t="s">
        <v>85</v>
      </c>
      <c r="E12783" s="6">
        <v>15759</v>
      </c>
      <c r="F12783" s="6" t="s">
        <v>18</v>
      </c>
      <c r="G12783" s="6" t="s">
        <v>23787</v>
      </c>
      <c r="H12783" s="6" t="s">
        <v>23788</v>
      </c>
      <c r="I12783" s="7">
        <v>5.7017419999999897</v>
      </c>
      <c r="J12783" s="8">
        <v>-72.939825299999995</v>
      </c>
    </row>
    <row r="12784" spans="1:10" x14ac:dyDescent="0.35">
      <c r="A12784" s="5" t="s">
        <v>10</v>
      </c>
      <c r="B12784" s="6">
        <v>143577</v>
      </c>
      <c r="C12784" s="6" t="s">
        <v>117</v>
      </c>
      <c r="D12784" s="6" t="s">
        <v>1334</v>
      </c>
      <c r="E12784" s="6">
        <v>76001</v>
      </c>
      <c r="F12784" s="6" t="s">
        <v>18</v>
      </c>
      <c r="G12784" s="6" t="s">
        <v>23789</v>
      </c>
      <c r="H12784" s="6" t="s">
        <v>23790</v>
      </c>
      <c r="I12784" s="7">
        <v>3.4768078999999998</v>
      </c>
      <c r="J12784" s="8">
        <v>-76.520136199999996</v>
      </c>
    </row>
    <row r="12785" spans="1:10" x14ac:dyDescent="0.35">
      <c r="A12785" s="5" t="s">
        <v>10</v>
      </c>
      <c r="B12785" s="6">
        <v>207307</v>
      </c>
      <c r="C12785" s="6" t="s">
        <v>2130</v>
      </c>
      <c r="D12785" s="6" t="s">
        <v>2131</v>
      </c>
      <c r="E12785" s="6">
        <v>85001</v>
      </c>
      <c r="F12785" s="6" t="s">
        <v>18</v>
      </c>
      <c r="G12785" s="6" t="s">
        <v>23791</v>
      </c>
      <c r="H12785" s="6" t="s">
        <v>23792</v>
      </c>
      <c r="I12785" s="7">
        <v>5.3181295999999998</v>
      </c>
      <c r="J12785" s="8">
        <v>-72.399098600000002</v>
      </c>
    </row>
    <row r="12786" spans="1:10" x14ac:dyDescent="0.35">
      <c r="A12786" s="5" t="s">
        <v>10</v>
      </c>
      <c r="B12786" s="6">
        <v>239111</v>
      </c>
      <c r="C12786" s="6" t="s">
        <v>117</v>
      </c>
      <c r="D12786" s="6" t="s">
        <v>3402</v>
      </c>
      <c r="E12786" s="6">
        <v>76364</v>
      </c>
      <c r="F12786" s="6" t="s">
        <v>18</v>
      </c>
      <c r="G12786" s="6" t="s">
        <v>23793</v>
      </c>
      <c r="H12786" s="6" t="s">
        <v>23794</v>
      </c>
      <c r="I12786" s="7">
        <v>3.2585468</v>
      </c>
      <c r="J12786" s="8">
        <v>-76.537270500000005</v>
      </c>
    </row>
    <row r="12787" spans="1:10" x14ac:dyDescent="0.35">
      <c r="A12787" s="5" t="s">
        <v>10</v>
      </c>
      <c r="B12787" s="6">
        <v>121863</v>
      </c>
      <c r="C12787" s="6" t="s">
        <v>190</v>
      </c>
      <c r="D12787" s="6" t="s">
        <v>11860</v>
      </c>
      <c r="E12787" s="6">
        <v>5209</v>
      </c>
      <c r="F12787" s="6" t="s">
        <v>18</v>
      </c>
      <c r="G12787" s="6" t="s">
        <v>23795</v>
      </c>
      <c r="H12787" s="6" t="s">
        <v>23796</v>
      </c>
      <c r="I12787" s="7">
        <v>6.0591680999999999</v>
      </c>
      <c r="J12787" s="8">
        <v>-75.984696600000007</v>
      </c>
    </row>
    <row r="12788" spans="1:10" x14ac:dyDescent="0.35">
      <c r="A12788" s="5" t="s">
        <v>10</v>
      </c>
      <c r="B12788" s="6">
        <v>238378</v>
      </c>
      <c r="C12788" s="6" t="s">
        <v>68</v>
      </c>
      <c r="D12788" s="6" t="s">
        <v>69</v>
      </c>
      <c r="E12788" s="6">
        <v>11001</v>
      </c>
      <c r="F12788" s="6" t="s">
        <v>18</v>
      </c>
      <c r="G12788" s="6" t="s">
        <v>23797</v>
      </c>
      <c r="H12788" s="6" t="s">
        <v>23798</v>
      </c>
      <c r="I12788" s="7">
        <v>4.5876815999999998</v>
      </c>
      <c r="J12788" s="8">
        <v>-74.167837500000005</v>
      </c>
    </row>
    <row r="12789" spans="1:10" x14ac:dyDescent="0.35">
      <c r="A12789" s="5" t="s">
        <v>10</v>
      </c>
      <c r="B12789" s="6">
        <v>183840</v>
      </c>
      <c r="C12789" s="6" t="s">
        <v>24</v>
      </c>
      <c r="D12789" s="6" t="s">
        <v>578</v>
      </c>
      <c r="E12789" s="6">
        <v>15047</v>
      </c>
      <c r="F12789" s="6" t="s">
        <v>18</v>
      </c>
      <c r="G12789" s="6" t="s">
        <v>3392</v>
      </c>
      <c r="H12789" s="6" t="s">
        <v>23799</v>
      </c>
      <c r="I12789" s="7">
        <v>5.5193960000000004</v>
      </c>
      <c r="J12789" s="8">
        <v>-72.882829200000003</v>
      </c>
    </row>
    <row r="12790" spans="1:10" x14ac:dyDescent="0.35">
      <c r="A12790" s="5" t="s">
        <v>10</v>
      </c>
      <c r="B12790" s="6">
        <v>170174</v>
      </c>
      <c r="C12790" s="6" t="s">
        <v>190</v>
      </c>
      <c r="D12790" s="6" t="s">
        <v>191</v>
      </c>
      <c r="E12790" s="6">
        <v>5001</v>
      </c>
      <c r="F12790" s="6" t="s">
        <v>13</v>
      </c>
      <c r="G12790" s="6" t="s">
        <v>23800</v>
      </c>
      <c r="H12790" s="6" t="s">
        <v>23801</v>
      </c>
      <c r="I12790" s="7">
        <v>6.2677569000000002</v>
      </c>
      <c r="J12790" s="8">
        <v>-75.558406000000005</v>
      </c>
    </row>
    <row r="12791" spans="1:10" x14ac:dyDescent="0.35">
      <c r="A12791" s="5" t="s">
        <v>10</v>
      </c>
      <c r="B12791" s="6">
        <v>144966</v>
      </c>
      <c r="C12791" s="6" t="s">
        <v>109</v>
      </c>
      <c r="D12791" s="6" t="s">
        <v>2830</v>
      </c>
      <c r="E12791" s="6">
        <v>13430</v>
      </c>
      <c r="F12791" s="6" t="s">
        <v>18</v>
      </c>
      <c r="G12791" s="6" t="s">
        <v>23802</v>
      </c>
      <c r="H12791" s="6" t="s">
        <v>23803</v>
      </c>
      <c r="I12791" s="7">
        <v>9.2785679999999999</v>
      </c>
      <c r="J12791" s="8">
        <v>-74.839847300000002</v>
      </c>
    </row>
    <row r="12792" spans="1:10" x14ac:dyDescent="0.35">
      <c r="A12792" s="5" t="s">
        <v>10</v>
      </c>
      <c r="B12792" s="6">
        <v>190091</v>
      </c>
      <c r="C12792" s="6" t="s">
        <v>55</v>
      </c>
      <c r="D12792" s="6" t="s">
        <v>1162</v>
      </c>
      <c r="E12792" s="6">
        <v>73411</v>
      </c>
      <c r="F12792" s="6" t="s">
        <v>13</v>
      </c>
      <c r="G12792" s="6" t="s">
        <v>12374</v>
      </c>
      <c r="H12792" s="6" t="s">
        <v>15836</v>
      </c>
      <c r="I12792" s="7">
        <v>4.9226194000000003</v>
      </c>
      <c r="J12792" s="8">
        <v>-75.065552699999998</v>
      </c>
    </row>
    <row r="12793" spans="1:10" x14ac:dyDescent="0.35">
      <c r="A12793" s="5" t="s">
        <v>10</v>
      </c>
      <c r="B12793" s="6">
        <v>229466</v>
      </c>
      <c r="C12793" s="6" t="s">
        <v>117</v>
      </c>
      <c r="D12793" s="6" t="s">
        <v>1334</v>
      </c>
      <c r="E12793" s="6">
        <v>76001</v>
      </c>
      <c r="F12793" s="6" t="s">
        <v>18</v>
      </c>
      <c r="G12793" s="6" t="s">
        <v>15098</v>
      </c>
      <c r="H12793" s="6" t="s">
        <v>15099</v>
      </c>
      <c r="I12793" s="7">
        <v>3.4191275000000001</v>
      </c>
      <c r="J12793" s="8">
        <v>-76.5271987</v>
      </c>
    </row>
    <row r="12794" spans="1:10" x14ac:dyDescent="0.35">
      <c r="A12794" s="5" t="s">
        <v>10</v>
      </c>
      <c r="B12794" s="6">
        <v>245936</v>
      </c>
      <c r="C12794" s="6" t="s">
        <v>457</v>
      </c>
      <c r="D12794" s="6" t="s">
        <v>14113</v>
      </c>
      <c r="E12794" s="6">
        <v>52418</v>
      </c>
      <c r="F12794" s="6" t="s">
        <v>18</v>
      </c>
      <c r="G12794" s="6" t="s">
        <v>23804</v>
      </c>
      <c r="H12794" s="6" t="s">
        <v>23805</v>
      </c>
      <c r="I12794" s="7">
        <v>1.4937224</v>
      </c>
      <c r="J12794" s="8">
        <v>-77.521322699999999</v>
      </c>
    </row>
    <row r="12795" spans="1:10" x14ac:dyDescent="0.35">
      <c r="A12795" s="5" t="s">
        <v>10</v>
      </c>
      <c r="B12795" s="6">
        <v>201365</v>
      </c>
      <c r="C12795" s="6" t="s">
        <v>190</v>
      </c>
      <c r="D12795" s="6" t="s">
        <v>191</v>
      </c>
      <c r="E12795" s="6">
        <v>5001</v>
      </c>
      <c r="F12795" s="6" t="s">
        <v>18</v>
      </c>
      <c r="G12795" s="6" t="s">
        <v>23806</v>
      </c>
      <c r="H12795" s="6" t="s">
        <v>23807</v>
      </c>
      <c r="I12795" s="7">
        <v>6.2379556999999997</v>
      </c>
      <c r="J12795" s="8">
        <v>-75.556187600000001</v>
      </c>
    </row>
    <row r="12796" spans="1:10" x14ac:dyDescent="0.35">
      <c r="A12796" s="5" t="s">
        <v>10</v>
      </c>
      <c r="B12796" s="6">
        <v>222459</v>
      </c>
      <c r="C12796" s="6" t="s">
        <v>68</v>
      </c>
      <c r="D12796" s="6" t="s">
        <v>69</v>
      </c>
      <c r="E12796" s="6">
        <v>11001</v>
      </c>
      <c r="F12796" s="6" t="s">
        <v>18</v>
      </c>
      <c r="G12796" s="6" t="s">
        <v>23808</v>
      </c>
      <c r="H12796" s="6" t="s">
        <v>23809</v>
      </c>
      <c r="I12796" s="7">
        <v>4.7025743000000002</v>
      </c>
      <c r="J12796" s="8">
        <v>-74.089948399999997</v>
      </c>
    </row>
    <row r="12797" spans="1:10" x14ac:dyDescent="0.35">
      <c r="A12797" s="5" t="s">
        <v>10</v>
      </c>
      <c r="B12797" s="6">
        <v>243647</v>
      </c>
      <c r="C12797" s="6" t="s">
        <v>68</v>
      </c>
      <c r="D12797" s="6" t="s">
        <v>69</v>
      </c>
      <c r="E12797" s="6">
        <v>11001</v>
      </c>
      <c r="F12797" s="6" t="s">
        <v>18</v>
      </c>
      <c r="G12797" s="6" t="s">
        <v>23810</v>
      </c>
      <c r="H12797" s="6" t="s">
        <v>23811</v>
      </c>
      <c r="I12797" s="7">
        <v>4.6926109</v>
      </c>
      <c r="J12797" s="8">
        <v>-74.044108499999993</v>
      </c>
    </row>
    <row r="12798" spans="1:10" x14ac:dyDescent="0.35">
      <c r="A12798" s="5" t="s">
        <v>10</v>
      </c>
      <c r="B12798" s="6">
        <v>195950</v>
      </c>
      <c r="C12798" s="6" t="s">
        <v>68</v>
      </c>
      <c r="D12798" s="6" t="s">
        <v>69</v>
      </c>
      <c r="E12798" s="6">
        <v>11001</v>
      </c>
      <c r="F12798" s="6" t="s">
        <v>18</v>
      </c>
      <c r="G12798" s="6" t="s">
        <v>23812</v>
      </c>
      <c r="H12798" s="6" t="s">
        <v>23813</v>
      </c>
      <c r="I12798" s="7">
        <v>4.6096845000000002</v>
      </c>
      <c r="J12798" s="8">
        <v>-74.160545400000004</v>
      </c>
    </row>
    <row r="12799" spans="1:10" x14ac:dyDescent="0.35">
      <c r="A12799" s="5" t="s">
        <v>10</v>
      </c>
      <c r="B12799" s="6">
        <v>182797</v>
      </c>
      <c r="C12799" s="6" t="s">
        <v>308</v>
      </c>
      <c r="D12799" s="6" t="s">
        <v>309</v>
      </c>
      <c r="E12799" s="6">
        <v>23001</v>
      </c>
      <c r="F12799" s="6" t="s">
        <v>18</v>
      </c>
      <c r="G12799" s="6" t="s">
        <v>23814</v>
      </c>
      <c r="H12799" s="6" t="s">
        <v>23815</v>
      </c>
      <c r="I12799" s="7">
        <v>8.7455151999999998</v>
      </c>
      <c r="J12799" s="8">
        <v>-75.896130799999995</v>
      </c>
    </row>
    <row r="12800" spans="1:10" x14ac:dyDescent="0.35">
      <c r="A12800" s="5" t="s">
        <v>10</v>
      </c>
      <c r="B12800" s="6">
        <v>235015</v>
      </c>
      <c r="C12800" s="6" t="s">
        <v>16</v>
      </c>
      <c r="D12800" s="6" t="s">
        <v>4693</v>
      </c>
      <c r="E12800" s="6">
        <v>68190</v>
      </c>
      <c r="F12800" s="6" t="s">
        <v>13</v>
      </c>
      <c r="G12800" s="6" t="s">
        <v>23816</v>
      </c>
      <c r="H12800" s="6" t="s">
        <v>23817</v>
      </c>
      <c r="I12800" s="7">
        <v>6.4777744000000004</v>
      </c>
      <c r="J12800" s="8">
        <v>-74.394373900000005</v>
      </c>
    </row>
    <row r="12801" spans="1:10" x14ac:dyDescent="0.35">
      <c r="A12801" s="5" t="s">
        <v>10</v>
      </c>
      <c r="B12801" s="6">
        <v>239805</v>
      </c>
      <c r="C12801" s="6" t="s">
        <v>190</v>
      </c>
      <c r="D12801" s="6" t="s">
        <v>23608</v>
      </c>
      <c r="E12801" s="6">
        <v>5541</v>
      </c>
      <c r="F12801" s="6" t="s">
        <v>18</v>
      </c>
      <c r="G12801" s="6" t="s">
        <v>23818</v>
      </c>
      <c r="H12801" s="6" t="s">
        <v>23819</v>
      </c>
      <c r="I12801" s="7">
        <v>6.2196254</v>
      </c>
      <c r="J12801" s="8">
        <v>-75.243699199999995</v>
      </c>
    </row>
    <row r="12802" spans="1:10" x14ac:dyDescent="0.35">
      <c r="A12802" s="5" t="s">
        <v>10</v>
      </c>
      <c r="B12802" s="6">
        <v>208423</v>
      </c>
      <c r="C12802" s="6" t="s">
        <v>68</v>
      </c>
      <c r="D12802" s="6" t="s">
        <v>69</v>
      </c>
      <c r="E12802" s="6">
        <v>11001</v>
      </c>
      <c r="F12802" s="6" t="s">
        <v>18</v>
      </c>
      <c r="G12802" s="6" t="s">
        <v>23820</v>
      </c>
      <c r="H12802" s="6" t="s">
        <v>23821</v>
      </c>
      <c r="I12802" s="7">
        <v>4.7219215999999999</v>
      </c>
      <c r="J12802" s="8">
        <v>-74.085857099999998</v>
      </c>
    </row>
    <row r="12803" spans="1:10" x14ac:dyDescent="0.35">
      <c r="A12803" s="5" t="s">
        <v>10</v>
      </c>
      <c r="B12803" s="6">
        <v>229683</v>
      </c>
      <c r="C12803" s="6" t="s">
        <v>68</v>
      </c>
      <c r="D12803" s="6" t="s">
        <v>69</v>
      </c>
      <c r="E12803" s="6">
        <v>11001</v>
      </c>
      <c r="F12803" s="6" t="s">
        <v>18</v>
      </c>
      <c r="G12803" s="6" t="s">
        <v>23822</v>
      </c>
      <c r="H12803" s="6" t="s">
        <v>23823</v>
      </c>
      <c r="I12803" s="7">
        <v>4.6338322999999999</v>
      </c>
      <c r="J12803" s="8">
        <v>-74.160801800000002</v>
      </c>
    </row>
    <row r="12804" spans="1:10" x14ac:dyDescent="0.35">
      <c r="A12804" s="5" t="s">
        <v>10</v>
      </c>
      <c r="B12804" s="6">
        <v>246571</v>
      </c>
      <c r="C12804" s="6" t="s">
        <v>117</v>
      </c>
      <c r="D12804" s="6" t="s">
        <v>1334</v>
      </c>
      <c r="E12804" s="6">
        <v>76001</v>
      </c>
      <c r="F12804" s="6" t="s">
        <v>18</v>
      </c>
      <c r="G12804" s="6" t="s">
        <v>23824</v>
      </c>
      <c r="H12804" s="6" t="s">
        <v>23825</v>
      </c>
      <c r="I12804" s="7">
        <v>3.3667764999999998</v>
      </c>
      <c r="J12804" s="8">
        <v>-76.508486300000001</v>
      </c>
    </row>
    <row r="12805" spans="1:10" x14ac:dyDescent="0.35">
      <c r="A12805" s="5" t="s">
        <v>10</v>
      </c>
      <c r="B12805" s="6">
        <v>239596</v>
      </c>
      <c r="C12805" s="6" t="s">
        <v>117</v>
      </c>
      <c r="D12805" s="6" t="s">
        <v>7405</v>
      </c>
      <c r="E12805" s="6">
        <v>76890</v>
      </c>
      <c r="F12805" s="6" t="s">
        <v>18</v>
      </c>
      <c r="G12805" s="6" t="s">
        <v>23826</v>
      </c>
      <c r="H12805" s="6" t="s">
        <v>23827</v>
      </c>
      <c r="I12805" s="7">
        <v>3.8602729999999998</v>
      </c>
      <c r="J12805" s="8">
        <v>-76.384630000000001</v>
      </c>
    </row>
    <row r="12806" spans="1:10" x14ac:dyDescent="0.35">
      <c r="A12806" s="5" t="s">
        <v>10</v>
      </c>
      <c r="B12806" s="6">
        <v>238665</v>
      </c>
      <c r="C12806" s="6" t="s">
        <v>68</v>
      </c>
      <c r="D12806" s="6" t="s">
        <v>69</v>
      </c>
      <c r="E12806" s="6">
        <v>11001</v>
      </c>
      <c r="F12806" s="6" t="s">
        <v>18</v>
      </c>
      <c r="G12806" s="6" t="s">
        <v>23828</v>
      </c>
      <c r="H12806" s="6" t="s">
        <v>23829</v>
      </c>
      <c r="I12806" s="7">
        <v>4.6355304999999998</v>
      </c>
      <c r="J12806" s="8">
        <v>-74.201134699999997</v>
      </c>
    </row>
    <row r="12807" spans="1:10" x14ac:dyDescent="0.35">
      <c r="A12807" s="5" t="s">
        <v>10</v>
      </c>
      <c r="B12807" s="6">
        <v>229961</v>
      </c>
      <c r="C12807" s="6" t="s">
        <v>117</v>
      </c>
      <c r="D12807" s="6" t="s">
        <v>1334</v>
      </c>
      <c r="E12807" s="6">
        <v>76001</v>
      </c>
      <c r="F12807" s="6" t="s">
        <v>18</v>
      </c>
      <c r="G12807" s="6" t="s">
        <v>23830</v>
      </c>
      <c r="H12807" s="6" t="s">
        <v>23831</v>
      </c>
      <c r="I12807" s="7">
        <v>3.4447847</v>
      </c>
      <c r="J12807" s="8">
        <v>-76.527379699999997</v>
      </c>
    </row>
    <row r="12808" spans="1:10" x14ac:dyDescent="0.35">
      <c r="A12808" s="5" t="s">
        <v>10</v>
      </c>
      <c r="B12808" s="6">
        <v>178063</v>
      </c>
      <c r="C12808" s="6" t="s">
        <v>68</v>
      </c>
      <c r="D12808" s="6" t="s">
        <v>69</v>
      </c>
      <c r="E12808" s="6">
        <v>11001</v>
      </c>
      <c r="F12808" s="6" t="s">
        <v>18</v>
      </c>
      <c r="G12808" s="6" t="s">
        <v>17271</v>
      </c>
      <c r="H12808" s="6" t="s">
        <v>17272</v>
      </c>
      <c r="I12808" s="7">
        <v>4.5408314000000001</v>
      </c>
      <c r="J12808" s="8">
        <v>-74.148014699999905</v>
      </c>
    </row>
    <row r="12809" spans="1:10" x14ac:dyDescent="0.35">
      <c r="A12809" s="5" t="s">
        <v>10</v>
      </c>
      <c r="B12809" s="6">
        <v>246423</v>
      </c>
      <c r="C12809" s="6" t="s">
        <v>68</v>
      </c>
      <c r="D12809" s="6" t="s">
        <v>69</v>
      </c>
      <c r="E12809" s="6">
        <v>11001</v>
      </c>
      <c r="F12809" s="6" t="s">
        <v>18</v>
      </c>
      <c r="G12809" s="6" t="s">
        <v>23832</v>
      </c>
      <c r="H12809" s="6" t="s">
        <v>23833</v>
      </c>
      <c r="I12809" s="7">
        <v>4.6317826999999996</v>
      </c>
      <c r="J12809" s="8">
        <v>-74.066615299999995</v>
      </c>
    </row>
    <row r="12810" spans="1:10" x14ac:dyDescent="0.35">
      <c r="A12810" s="5" t="s">
        <v>10</v>
      </c>
      <c r="B12810" s="6">
        <v>146968</v>
      </c>
      <c r="C12810" s="6" t="s">
        <v>2130</v>
      </c>
      <c r="D12810" s="6" t="s">
        <v>14731</v>
      </c>
      <c r="E12810" s="6">
        <v>85015</v>
      </c>
      <c r="F12810" s="6" t="s">
        <v>18</v>
      </c>
      <c r="G12810" s="6" t="s">
        <v>23834</v>
      </c>
      <c r="H12810" s="6" t="s">
        <v>23835</v>
      </c>
      <c r="I12810" s="7">
        <v>5.2133367000000002</v>
      </c>
      <c r="J12810" s="8">
        <v>-72.870383599999997</v>
      </c>
    </row>
    <row r="12811" spans="1:10" x14ac:dyDescent="0.35">
      <c r="A12811" s="5" t="s">
        <v>10</v>
      </c>
      <c r="B12811" s="6">
        <v>201376</v>
      </c>
      <c r="C12811" s="6" t="s">
        <v>68</v>
      </c>
      <c r="D12811" s="6" t="s">
        <v>69</v>
      </c>
      <c r="E12811" s="6">
        <v>11001</v>
      </c>
      <c r="F12811" s="6" t="s">
        <v>18</v>
      </c>
      <c r="G12811" s="6" t="s">
        <v>12144</v>
      </c>
      <c r="H12811" s="6" t="s">
        <v>12145</v>
      </c>
      <c r="I12811" s="7">
        <v>4.7108188000000002</v>
      </c>
      <c r="J12811" s="8">
        <v>-74.124742299999994</v>
      </c>
    </row>
    <row r="12812" spans="1:10" x14ac:dyDescent="0.35">
      <c r="A12812" s="5" t="s">
        <v>10</v>
      </c>
      <c r="B12812" s="6">
        <v>242697</v>
      </c>
      <c r="C12812" s="6" t="s">
        <v>68</v>
      </c>
      <c r="D12812" s="6" t="s">
        <v>69</v>
      </c>
      <c r="E12812" s="6">
        <v>11001</v>
      </c>
      <c r="F12812" s="6" t="s">
        <v>18</v>
      </c>
      <c r="G12812" s="6" t="s">
        <v>23836</v>
      </c>
      <c r="H12812" s="6" t="s">
        <v>23837</v>
      </c>
      <c r="I12812" s="7">
        <v>4.7567203999999998</v>
      </c>
      <c r="J12812" s="8">
        <v>-74.113561399999995</v>
      </c>
    </row>
    <row r="12813" spans="1:10" x14ac:dyDescent="0.35">
      <c r="A12813" s="5" t="s">
        <v>10</v>
      </c>
      <c r="B12813" s="6">
        <v>239347</v>
      </c>
      <c r="C12813" s="6" t="s">
        <v>68</v>
      </c>
      <c r="D12813" s="6" t="s">
        <v>69</v>
      </c>
      <c r="E12813" s="6">
        <v>11001</v>
      </c>
      <c r="F12813" s="6" t="s">
        <v>2161</v>
      </c>
      <c r="G12813" s="6" t="s">
        <v>23838</v>
      </c>
      <c r="H12813" s="6" t="s">
        <v>23839</v>
      </c>
      <c r="I12813" s="7">
        <v>4.6321469999999998</v>
      </c>
      <c r="J12813" s="8">
        <v>-74.463014000000001</v>
      </c>
    </row>
    <row r="12814" spans="1:10" x14ac:dyDescent="0.35">
      <c r="A12814" s="5" t="s">
        <v>10</v>
      </c>
      <c r="B12814" s="6">
        <v>208685</v>
      </c>
      <c r="C12814" s="6" t="s">
        <v>24</v>
      </c>
      <c r="D12814" s="6" t="s">
        <v>85</v>
      </c>
      <c r="E12814" s="6">
        <v>15759</v>
      </c>
      <c r="F12814" s="6" t="s">
        <v>18</v>
      </c>
      <c r="G12814" s="6" t="s">
        <v>23840</v>
      </c>
      <c r="H12814" s="6" t="s">
        <v>23841</v>
      </c>
      <c r="I12814" s="7">
        <v>5.7160848</v>
      </c>
      <c r="J12814" s="8">
        <v>-72.931128899999905</v>
      </c>
    </row>
    <row r="12815" spans="1:10" x14ac:dyDescent="0.35">
      <c r="A12815" s="5" t="s">
        <v>10</v>
      </c>
      <c r="B12815" s="6">
        <v>186418</v>
      </c>
      <c r="C12815" s="6" t="s">
        <v>466</v>
      </c>
      <c r="D12815" s="6" t="s">
        <v>467</v>
      </c>
      <c r="E12815" s="6">
        <v>81736</v>
      </c>
      <c r="F12815" s="6" t="s">
        <v>18</v>
      </c>
      <c r="G12815" s="6" t="s">
        <v>22842</v>
      </c>
      <c r="H12815" s="6" t="s">
        <v>22843</v>
      </c>
      <c r="I12815" s="7">
        <v>6.9512856999999997</v>
      </c>
      <c r="J12815" s="8">
        <v>-71.872697500000001</v>
      </c>
    </row>
    <row r="12816" spans="1:10" x14ac:dyDescent="0.35">
      <c r="A12816" s="5" t="s">
        <v>10</v>
      </c>
      <c r="B12816" s="6">
        <v>239013</v>
      </c>
      <c r="C12816" s="6" t="s">
        <v>117</v>
      </c>
      <c r="D12816" s="6" t="s">
        <v>1334</v>
      </c>
      <c r="E12816" s="6">
        <v>76001</v>
      </c>
      <c r="F12816" s="6" t="s">
        <v>18</v>
      </c>
      <c r="G12816" s="6" t="s">
        <v>23842</v>
      </c>
      <c r="H12816" s="6" t="s">
        <v>23843</v>
      </c>
      <c r="I12816" s="7">
        <v>3.4537643</v>
      </c>
      <c r="J12816" s="8">
        <v>-76.544815700000001</v>
      </c>
    </row>
    <row r="12817" spans="1:10" x14ac:dyDescent="0.35">
      <c r="A12817" s="5" t="s">
        <v>10</v>
      </c>
      <c r="B12817" s="6">
        <v>223250</v>
      </c>
      <c r="C12817" s="6" t="s">
        <v>190</v>
      </c>
      <c r="D12817" s="6" t="s">
        <v>3689</v>
      </c>
      <c r="E12817" s="6">
        <v>5266</v>
      </c>
      <c r="F12817" s="6" t="s">
        <v>18</v>
      </c>
      <c r="G12817" s="6" t="s">
        <v>23844</v>
      </c>
      <c r="H12817" s="6" t="s">
        <v>23845</v>
      </c>
      <c r="I12817" s="7">
        <v>6.1701915999999999</v>
      </c>
      <c r="J12817" s="8">
        <v>-75.584853999999893</v>
      </c>
    </row>
    <row r="12818" spans="1:10" x14ac:dyDescent="0.35">
      <c r="A12818" s="5" t="s">
        <v>10</v>
      </c>
      <c r="B12818" s="6">
        <v>233048</v>
      </c>
      <c r="C12818" s="6" t="s">
        <v>68</v>
      </c>
      <c r="D12818" s="6" t="s">
        <v>69</v>
      </c>
      <c r="E12818" s="6">
        <v>11001</v>
      </c>
      <c r="F12818" s="6" t="s">
        <v>18</v>
      </c>
      <c r="G12818" s="6" t="s">
        <v>23846</v>
      </c>
      <c r="H12818" s="6" t="s">
        <v>23847</v>
      </c>
      <c r="I12818" s="7">
        <v>4.7436699999999998</v>
      </c>
      <c r="J12818" s="8">
        <v>-74.107150000000004</v>
      </c>
    </row>
    <row r="12819" spans="1:10" x14ac:dyDescent="0.35">
      <c r="A12819" s="5" t="s">
        <v>10</v>
      </c>
      <c r="B12819" s="6">
        <v>232299</v>
      </c>
      <c r="C12819" s="6" t="s">
        <v>109</v>
      </c>
      <c r="D12819" s="6" t="s">
        <v>227</v>
      </c>
      <c r="E12819" s="6">
        <v>13001</v>
      </c>
      <c r="F12819" s="6" t="s">
        <v>18</v>
      </c>
      <c r="G12819" s="6" t="s">
        <v>23848</v>
      </c>
      <c r="H12819" s="6" t="s">
        <v>23849</v>
      </c>
      <c r="I12819" s="7">
        <v>10.3766234</v>
      </c>
      <c r="J12819" s="8">
        <v>-75.491799599999993</v>
      </c>
    </row>
    <row r="12820" spans="1:10" x14ac:dyDescent="0.35">
      <c r="A12820" s="5" t="s">
        <v>10</v>
      </c>
      <c r="B12820" s="6">
        <v>204898</v>
      </c>
      <c r="C12820" s="6" t="s">
        <v>16</v>
      </c>
      <c r="D12820" s="6" t="s">
        <v>1401</v>
      </c>
      <c r="E12820" s="6">
        <v>68307</v>
      </c>
      <c r="F12820" s="6" t="s">
        <v>13</v>
      </c>
      <c r="G12820" s="6" t="s">
        <v>14496</v>
      </c>
      <c r="H12820" s="6" t="s">
        <v>14497</v>
      </c>
      <c r="I12820" s="7">
        <v>7.0778030999999997</v>
      </c>
      <c r="J12820" s="8">
        <v>-73.173421500000003</v>
      </c>
    </row>
    <row r="12821" spans="1:10" x14ac:dyDescent="0.35">
      <c r="A12821" s="5" t="s">
        <v>10</v>
      </c>
      <c r="B12821" s="6">
        <v>189502</v>
      </c>
      <c r="C12821" s="6" t="s">
        <v>68</v>
      </c>
      <c r="D12821" s="6" t="s">
        <v>69</v>
      </c>
      <c r="E12821" s="6">
        <v>11001</v>
      </c>
      <c r="F12821" s="6" t="s">
        <v>13</v>
      </c>
      <c r="G12821" s="6" t="s">
        <v>16997</v>
      </c>
      <c r="H12821" s="6" t="s">
        <v>16998</v>
      </c>
      <c r="I12821" s="7">
        <v>4.6681625999999996</v>
      </c>
      <c r="J12821" s="8">
        <v>-74.073441900000006</v>
      </c>
    </row>
    <row r="12822" spans="1:10" x14ac:dyDescent="0.35">
      <c r="A12822" s="5" t="s">
        <v>10</v>
      </c>
      <c r="B12822" s="6">
        <v>245922</v>
      </c>
      <c r="C12822" s="6" t="s">
        <v>117</v>
      </c>
      <c r="D12822" s="6" t="s">
        <v>1334</v>
      </c>
      <c r="E12822" s="6">
        <v>76001</v>
      </c>
      <c r="F12822" s="6" t="s">
        <v>18</v>
      </c>
      <c r="G12822" s="6" t="s">
        <v>23850</v>
      </c>
      <c r="H12822" s="6" t="s">
        <v>23851</v>
      </c>
      <c r="I12822" s="7">
        <v>3.4369746000000001</v>
      </c>
      <c r="J12822" s="8">
        <v>-76.469220199999995</v>
      </c>
    </row>
    <row r="12823" spans="1:10" x14ac:dyDescent="0.35">
      <c r="A12823" s="5" t="s">
        <v>10</v>
      </c>
      <c r="B12823" s="6">
        <v>237674</v>
      </c>
      <c r="C12823" s="6" t="s">
        <v>190</v>
      </c>
      <c r="D12823" s="6" t="s">
        <v>438</v>
      </c>
      <c r="E12823" s="6">
        <v>5045</v>
      </c>
      <c r="F12823" s="6" t="s">
        <v>18</v>
      </c>
      <c r="G12823" s="6" t="s">
        <v>23852</v>
      </c>
      <c r="H12823" s="6" t="s">
        <v>23853</v>
      </c>
      <c r="I12823" s="7">
        <v>7.8829073999999997</v>
      </c>
      <c r="J12823" s="8">
        <v>-76.633819500000001</v>
      </c>
    </row>
    <row r="12824" spans="1:10" x14ac:dyDescent="0.35">
      <c r="A12824" s="5" t="s">
        <v>10</v>
      </c>
      <c r="B12824" s="6">
        <v>238265</v>
      </c>
      <c r="C12824" s="6" t="s">
        <v>190</v>
      </c>
      <c r="D12824" s="6" t="s">
        <v>191</v>
      </c>
      <c r="E12824" s="6">
        <v>5001</v>
      </c>
      <c r="F12824" s="6" t="s">
        <v>18</v>
      </c>
      <c r="G12824" s="6" t="s">
        <v>23854</v>
      </c>
      <c r="H12824" s="6" t="s">
        <v>23855</v>
      </c>
      <c r="I12824" s="7">
        <v>6.2540659999999999</v>
      </c>
      <c r="J12824" s="8">
        <v>-75.565971700000006</v>
      </c>
    </row>
    <row r="12825" spans="1:10" x14ac:dyDescent="0.35">
      <c r="A12825" s="5" t="s">
        <v>10</v>
      </c>
      <c r="B12825" s="6">
        <v>202206</v>
      </c>
      <c r="C12825" s="6" t="s">
        <v>68</v>
      </c>
      <c r="D12825" s="6" t="s">
        <v>69</v>
      </c>
      <c r="E12825" s="6">
        <v>11001</v>
      </c>
      <c r="F12825" s="6" t="s">
        <v>18</v>
      </c>
      <c r="G12825" s="6" t="s">
        <v>23856</v>
      </c>
      <c r="H12825" s="6" t="s">
        <v>23857</v>
      </c>
      <c r="I12825" s="7">
        <v>4.7036707999999896</v>
      </c>
      <c r="J12825" s="8">
        <v>-74.105114</v>
      </c>
    </row>
    <row r="12826" spans="1:10" x14ac:dyDescent="0.35">
      <c r="A12826" s="5" t="s">
        <v>10</v>
      </c>
      <c r="B12826" s="6">
        <v>241170</v>
      </c>
      <c r="C12826" s="6" t="s">
        <v>117</v>
      </c>
      <c r="D12826" s="6" t="s">
        <v>5316</v>
      </c>
      <c r="E12826" s="6">
        <v>76109</v>
      </c>
      <c r="F12826" s="6" t="s">
        <v>18</v>
      </c>
      <c r="G12826" s="6" t="s">
        <v>23858</v>
      </c>
      <c r="H12826" s="6" t="s">
        <v>23859</v>
      </c>
      <c r="I12826" s="7">
        <v>3.8784415999999999</v>
      </c>
      <c r="J12826" s="8">
        <v>-76.997711800000005</v>
      </c>
    </row>
    <row r="12827" spans="1:10" x14ac:dyDescent="0.35">
      <c r="A12827" s="5" t="s">
        <v>10</v>
      </c>
      <c r="B12827" s="6">
        <v>234365</v>
      </c>
      <c r="C12827" s="6" t="s">
        <v>190</v>
      </c>
      <c r="D12827" s="6" t="s">
        <v>191</v>
      </c>
      <c r="E12827" s="6">
        <v>5001</v>
      </c>
      <c r="F12827" s="6" t="s">
        <v>18</v>
      </c>
      <c r="G12827" s="6" t="s">
        <v>23860</v>
      </c>
      <c r="H12827" s="6" t="s">
        <v>23861</v>
      </c>
      <c r="I12827" s="7">
        <v>6.2147784000000001</v>
      </c>
      <c r="J12827" s="8">
        <v>-75.576691800000006</v>
      </c>
    </row>
    <row r="12828" spans="1:10" x14ac:dyDescent="0.35">
      <c r="A12828" s="5" t="s">
        <v>10</v>
      </c>
      <c r="B12828" s="6">
        <v>107131</v>
      </c>
      <c r="C12828" s="6" t="s">
        <v>4364</v>
      </c>
      <c r="D12828" s="6" t="s">
        <v>4365</v>
      </c>
      <c r="E12828" s="6">
        <v>70001</v>
      </c>
      <c r="F12828" s="6" t="s">
        <v>13</v>
      </c>
      <c r="G12828" s="6" t="s">
        <v>11877</v>
      </c>
      <c r="H12828" s="6" t="s">
        <v>22804</v>
      </c>
      <c r="I12828" s="7">
        <v>9.2480499999999992</v>
      </c>
      <c r="J12828" s="8">
        <v>-75.3435688</v>
      </c>
    </row>
    <row r="12829" spans="1:10" x14ac:dyDescent="0.35">
      <c r="A12829" s="5" t="s">
        <v>10</v>
      </c>
      <c r="B12829" s="6">
        <v>222510</v>
      </c>
      <c r="C12829" s="6" t="s">
        <v>68</v>
      </c>
      <c r="D12829" s="6" t="s">
        <v>69</v>
      </c>
      <c r="E12829" s="6">
        <v>11001</v>
      </c>
      <c r="F12829" s="6" t="s">
        <v>18</v>
      </c>
      <c r="G12829" s="6" t="s">
        <v>23862</v>
      </c>
      <c r="H12829" s="6" t="s">
        <v>23863</v>
      </c>
      <c r="I12829" s="7">
        <v>4.7285444999999999</v>
      </c>
      <c r="J12829" s="8">
        <v>-74.090528699999993</v>
      </c>
    </row>
    <row r="12830" spans="1:10" x14ac:dyDescent="0.35">
      <c r="A12830" s="5" t="s">
        <v>10</v>
      </c>
      <c r="B12830" s="6">
        <v>185563</v>
      </c>
      <c r="C12830" s="6" t="s">
        <v>68</v>
      </c>
      <c r="D12830" s="6" t="s">
        <v>69</v>
      </c>
      <c r="E12830" s="6">
        <v>11001</v>
      </c>
      <c r="F12830" s="6" t="s">
        <v>18</v>
      </c>
      <c r="G12830" s="6" t="s">
        <v>15987</v>
      </c>
      <c r="H12830" s="6" t="s">
        <v>15988</v>
      </c>
      <c r="I12830" s="7">
        <v>4.7109885999999896</v>
      </c>
      <c r="J12830" s="8">
        <v>-74.072091999999998</v>
      </c>
    </row>
    <row r="12831" spans="1:10" x14ac:dyDescent="0.35">
      <c r="A12831" s="5" t="s">
        <v>10</v>
      </c>
      <c r="B12831" s="6">
        <v>211561</v>
      </c>
      <c r="C12831" s="6" t="s">
        <v>68</v>
      </c>
      <c r="D12831" s="6" t="s">
        <v>69</v>
      </c>
      <c r="E12831" s="6">
        <v>11001</v>
      </c>
      <c r="F12831" s="6" t="s">
        <v>18</v>
      </c>
      <c r="G12831" s="6" t="s">
        <v>23864</v>
      </c>
      <c r="H12831" s="6" t="s">
        <v>23865</v>
      </c>
      <c r="I12831" s="7">
        <v>4.7504659</v>
      </c>
      <c r="J12831" s="8">
        <v>-74.048685599999999</v>
      </c>
    </row>
    <row r="12832" spans="1:10" x14ac:dyDescent="0.35">
      <c r="A12832" s="5" t="s">
        <v>10</v>
      </c>
      <c r="B12832" s="6">
        <v>208470</v>
      </c>
      <c r="C12832" s="6" t="s">
        <v>28</v>
      </c>
      <c r="D12832" s="6" t="s">
        <v>91</v>
      </c>
      <c r="E12832" s="6">
        <v>54874</v>
      </c>
      <c r="F12832" s="6" t="s">
        <v>13</v>
      </c>
      <c r="G12832" s="6" t="s">
        <v>23289</v>
      </c>
      <c r="H12832" s="6" t="s">
        <v>23290</v>
      </c>
      <c r="I12832" s="7">
        <v>7.8182656000000001</v>
      </c>
      <c r="J12832" s="8">
        <v>-72.455480800000004</v>
      </c>
    </row>
    <row r="12833" spans="1:10" x14ac:dyDescent="0.35">
      <c r="A12833" s="5" t="s">
        <v>10</v>
      </c>
      <c r="B12833" s="6">
        <v>212840</v>
      </c>
      <c r="C12833" s="6" t="s">
        <v>28</v>
      </c>
      <c r="D12833" s="6" t="s">
        <v>29</v>
      </c>
      <c r="E12833" s="6">
        <v>54001</v>
      </c>
      <c r="F12833" s="6" t="s">
        <v>13</v>
      </c>
      <c r="G12833" s="6" t="s">
        <v>23866</v>
      </c>
      <c r="H12833" s="6" t="s">
        <v>23867</v>
      </c>
      <c r="I12833" s="7">
        <v>7.9139857999999998</v>
      </c>
      <c r="J12833" s="8">
        <v>-72.509543600000001</v>
      </c>
    </row>
    <row r="12834" spans="1:10" x14ac:dyDescent="0.35">
      <c r="A12834" s="5" t="s">
        <v>10</v>
      </c>
      <c r="B12834" s="6">
        <v>113306</v>
      </c>
      <c r="C12834" s="6" t="s">
        <v>109</v>
      </c>
      <c r="D12834" s="6" t="s">
        <v>22997</v>
      </c>
      <c r="E12834" s="6">
        <v>13549</v>
      </c>
      <c r="F12834" s="6" t="s">
        <v>18</v>
      </c>
      <c r="G12834" s="6" t="s">
        <v>23222</v>
      </c>
      <c r="H12834" s="6" t="s">
        <v>23223</v>
      </c>
      <c r="I12834" s="7">
        <v>8.9985999999999997</v>
      </c>
      <c r="J12834" s="8">
        <v>-74.459918299999998</v>
      </c>
    </row>
    <row r="12835" spans="1:10" x14ac:dyDescent="0.35">
      <c r="A12835" s="5" t="s">
        <v>10</v>
      </c>
      <c r="B12835" s="6">
        <v>208790</v>
      </c>
      <c r="C12835" s="6" t="s">
        <v>109</v>
      </c>
      <c r="D12835" s="6" t="s">
        <v>227</v>
      </c>
      <c r="E12835" s="6">
        <v>13001</v>
      </c>
      <c r="F12835" s="6" t="s">
        <v>18</v>
      </c>
      <c r="G12835" s="6" t="s">
        <v>23868</v>
      </c>
      <c r="H12835" s="6" t="s">
        <v>23869</v>
      </c>
      <c r="I12835" s="7">
        <v>10.2849735</v>
      </c>
      <c r="J12835" s="8">
        <v>-75.518282299999996</v>
      </c>
    </row>
    <row r="12836" spans="1:10" x14ac:dyDescent="0.35">
      <c r="A12836" s="5" t="s">
        <v>10</v>
      </c>
      <c r="B12836" s="6">
        <v>153884</v>
      </c>
      <c r="C12836" s="6" t="s">
        <v>2130</v>
      </c>
      <c r="D12836" s="6" t="s">
        <v>2131</v>
      </c>
      <c r="E12836" s="6">
        <v>85001</v>
      </c>
      <c r="F12836" s="6" t="s">
        <v>18</v>
      </c>
      <c r="G12836" s="6" t="s">
        <v>23870</v>
      </c>
      <c r="H12836" s="6" t="s">
        <v>23871</v>
      </c>
      <c r="I12836" s="7">
        <v>5.3309438</v>
      </c>
      <c r="J12836" s="8">
        <v>-72.408577100000002</v>
      </c>
    </row>
    <row r="12837" spans="1:10" x14ac:dyDescent="0.35">
      <c r="A12837" s="5" t="s">
        <v>10</v>
      </c>
      <c r="B12837" s="6">
        <v>208470</v>
      </c>
      <c r="C12837" s="6" t="s">
        <v>28</v>
      </c>
      <c r="D12837" s="6" t="s">
        <v>91</v>
      </c>
      <c r="E12837" s="6">
        <v>54874</v>
      </c>
      <c r="F12837" s="6" t="s">
        <v>13</v>
      </c>
      <c r="G12837" s="6" t="s">
        <v>23289</v>
      </c>
      <c r="H12837" s="6" t="s">
        <v>23290</v>
      </c>
      <c r="I12837" s="7">
        <v>7.8182656000000001</v>
      </c>
      <c r="J12837" s="8">
        <v>-72.455480800000004</v>
      </c>
    </row>
    <row r="12838" spans="1:10" x14ac:dyDescent="0.35">
      <c r="A12838" s="5" t="s">
        <v>10</v>
      </c>
      <c r="B12838" s="6">
        <v>220016</v>
      </c>
      <c r="C12838" s="6" t="s">
        <v>117</v>
      </c>
      <c r="D12838" s="6" t="s">
        <v>1291</v>
      </c>
      <c r="E12838" s="6">
        <v>76834</v>
      </c>
      <c r="F12838" s="6" t="s">
        <v>18</v>
      </c>
      <c r="G12838" s="6" t="s">
        <v>23872</v>
      </c>
      <c r="H12838" s="6" t="s">
        <v>23873</v>
      </c>
      <c r="I12838" s="7">
        <v>4.0830978</v>
      </c>
      <c r="J12838" s="8">
        <v>-76.189601799999906</v>
      </c>
    </row>
    <row r="12839" spans="1:10" x14ac:dyDescent="0.35">
      <c r="A12839" s="5" t="s">
        <v>10</v>
      </c>
      <c r="B12839" s="6">
        <v>229610</v>
      </c>
      <c r="C12839" s="6" t="s">
        <v>117</v>
      </c>
      <c r="D12839" s="6" t="s">
        <v>992</v>
      </c>
      <c r="E12839" s="6">
        <v>76736</v>
      </c>
      <c r="F12839" s="6" t="s">
        <v>18</v>
      </c>
      <c r="G12839" s="6" t="s">
        <v>23874</v>
      </c>
      <c r="H12839" s="6" t="s">
        <v>23875</v>
      </c>
      <c r="I12839" s="7">
        <v>4.2663925999999996</v>
      </c>
      <c r="J12839" s="8">
        <v>-75.932254400000005</v>
      </c>
    </row>
    <row r="12840" spans="1:10" x14ac:dyDescent="0.35">
      <c r="A12840" s="5" t="s">
        <v>10</v>
      </c>
      <c r="B12840" s="6">
        <v>201365</v>
      </c>
      <c r="C12840" s="6" t="s">
        <v>190</v>
      </c>
      <c r="D12840" s="6" t="s">
        <v>191</v>
      </c>
      <c r="E12840" s="6">
        <v>5001</v>
      </c>
      <c r="F12840" s="6" t="s">
        <v>18</v>
      </c>
      <c r="G12840" s="6" t="s">
        <v>23806</v>
      </c>
      <c r="H12840" s="6" t="s">
        <v>23807</v>
      </c>
      <c r="I12840" s="7">
        <v>6.2379556999999997</v>
      </c>
      <c r="J12840" s="8">
        <v>-75.556187600000001</v>
      </c>
    </row>
    <row r="12841" spans="1:10" x14ac:dyDescent="0.35">
      <c r="A12841" s="5" t="s">
        <v>10</v>
      </c>
      <c r="B12841" s="6">
        <v>189502</v>
      </c>
      <c r="C12841" s="6" t="s">
        <v>68</v>
      </c>
      <c r="D12841" s="6" t="s">
        <v>69</v>
      </c>
      <c r="E12841" s="6">
        <v>11001</v>
      </c>
      <c r="F12841" s="6" t="s">
        <v>13</v>
      </c>
      <c r="G12841" s="6" t="s">
        <v>16997</v>
      </c>
      <c r="H12841" s="6" t="s">
        <v>16998</v>
      </c>
      <c r="I12841" s="7">
        <v>4.6681625999999996</v>
      </c>
      <c r="J12841" s="8">
        <v>-74.073441900000006</v>
      </c>
    </row>
    <row r="12842" spans="1:10" x14ac:dyDescent="0.35">
      <c r="A12842" s="5" t="s">
        <v>10</v>
      </c>
      <c r="B12842" s="6">
        <v>207454</v>
      </c>
      <c r="C12842" s="6" t="s">
        <v>457</v>
      </c>
      <c r="D12842" s="6" t="s">
        <v>7370</v>
      </c>
      <c r="E12842" s="6">
        <v>52835</v>
      </c>
      <c r="F12842" s="6" t="s">
        <v>18</v>
      </c>
      <c r="G12842" s="6" t="s">
        <v>23876</v>
      </c>
      <c r="H12842" s="6" t="s">
        <v>23877</v>
      </c>
      <c r="I12842" s="7">
        <v>2.49709</v>
      </c>
      <c r="J12842" s="8">
        <v>-78.109299999999905</v>
      </c>
    </row>
    <row r="12843" spans="1:10" x14ac:dyDescent="0.35">
      <c r="A12843" s="5" t="s">
        <v>10</v>
      </c>
      <c r="B12843" s="6">
        <v>232774</v>
      </c>
      <c r="C12843" s="6" t="s">
        <v>117</v>
      </c>
      <c r="D12843" s="6" t="s">
        <v>1334</v>
      </c>
      <c r="E12843" s="6">
        <v>76001</v>
      </c>
      <c r="F12843" s="6" t="s">
        <v>18</v>
      </c>
      <c r="G12843" s="6" t="s">
        <v>23878</v>
      </c>
      <c r="H12843" s="6" t="s">
        <v>23879</v>
      </c>
      <c r="I12843" s="7">
        <v>3.4535938000000002</v>
      </c>
      <c r="J12843" s="8">
        <v>-76.520103599999999</v>
      </c>
    </row>
    <row r="12844" spans="1:10" x14ac:dyDescent="0.35">
      <c r="A12844" s="5" t="s">
        <v>10</v>
      </c>
      <c r="B12844" s="6">
        <v>107120</v>
      </c>
      <c r="C12844" s="6" t="s">
        <v>4364</v>
      </c>
      <c r="D12844" s="6" t="s">
        <v>8019</v>
      </c>
      <c r="E12844" s="6">
        <v>70670</v>
      </c>
      <c r="F12844" s="6" t="s">
        <v>13</v>
      </c>
      <c r="G12844" s="6" t="s">
        <v>11877</v>
      </c>
      <c r="H12844" s="6" t="s">
        <v>23239</v>
      </c>
      <c r="I12844" s="7">
        <v>9.1835699999999996</v>
      </c>
      <c r="J12844" s="8">
        <v>-75.381105000000005</v>
      </c>
    </row>
    <row r="12845" spans="1:10" x14ac:dyDescent="0.35">
      <c r="A12845" s="5" t="s">
        <v>10</v>
      </c>
      <c r="B12845" s="6">
        <v>229872</v>
      </c>
      <c r="C12845" s="6" t="s">
        <v>68</v>
      </c>
      <c r="D12845" s="6" t="s">
        <v>69</v>
      </c>
      <c r="E12845" s="6">
        <v>11001</v>
      </c>
      <c r="F12845" s="6" t="s">
        <v>18</v>
      </c>
      <c r="G12845" s="6" t="s">
        <v>23880</v>
      </c>
      <c r="H12845" s="6" t="s">
        <v>23881</v>
      </c>
      <c r="I12845" s="7">
        <v>4.7572621000000002</v>
      </c>
      <c r="J12845" s="8">
        <v>-74.088758499999997</v>
      </c>
    </row>
    <row r="12846" spans="1:10" x14ac:dyDescent="0.35">
      <c r="A12846" s="5" t="s">
        <v>10</v>
      </c>
      <c r="B12846" s="6">
        <v>203920</v>
      </c>
      <c r="C12846" s="6" t="s">
        <v>68</v>
      </c>
      <c r="D12846" s="6" t="s">
        <v>69</v>
      </c>
      <c r="E12846" s="6">
        <v>11001</v>
      </c>
      <c r="F12846" s="6" t="s">
        <v>18</v>
      </c>
      <c r="G12846" s="6" t="s">
        <v>12496</v>
      </c>
      <c r="H12846" s="6" t="s">
        <v>12497</v>
      </c>
      <c r="I12846" s="7">
        <v>4.7661791999999998</v>
      </c>
      <c r="J12846" s="8">
        <v>-74.027077300000002</v>
      </c>
    </row>
    <row r="12847" spans="1:10" x14ac:dyDescent="0.35">
      <c r="A12847" s="5" t="s">
        <v>10</v>
      </c>
      <c r="B12847" s="6">
        <v>207660</v>
      </c>
      <c r="C12847" s="6" t="s">
        <v>68</v>
      </c>
      <c r="D12847" s="6" t="s">
        <v>69</v>
      </c>
      <c r="E12847" s="6">
        <v>11001</v>
      </c>
      <c r="F12847" s="6" t="s">
        <v>18</v>
      </c>
      <c r="G12847" s="6" t="s">
        <v>1940</v>
      </c>
      <c r="H12847" s="6" t="s">
        <v>23882</v>
      </c>
      <c r="I12847" s="7">
        <v>4.5485217000000002</v>
      </c>
      <c r="J12847" s="8">
        <v>-74.093075499999998</v>
      </c>
    </row>
    <row r="12848" spans="1:10" x14ac:dyDescent="0.35">
      <c r="A12848" s="5" t="s">
        <v>10</v>
      </c>
      <c r="B12848" s="6">
        <v>242692</v>
      </c>
      <c r="C12848" s="6" t="s">
        <v>68</v>
      </c>
      <c r="D12848" s="6" t="s">
        <v>69</v>
      </c>
      <c r="E12848" s="6">
        <v>11001</v>
      </c>
      <c r="F12848" s="6" t="s">
        <v>18</v>
      </c>
      <c r="G12848" s="6" t="s">
        <v>23883</v>
      </c>
      <c r="H12848" s="6" t="s">
        <v>23884</v>
      </c>
      <c r="I12848" s="7">
        <v>4.7312456999999997</v>
      </c>
      <c r="J12848" s="8">
        <v>-74.094401399999995</v>
      </c>
    </row>
    <row r="12849" spans="1:10" x14ac:dyDescent="0.35">
      <c r="A12849" s="5" t="s">
        <v>10</v>
      </c>
      <c r="B12849" s="6">
        <v>188988</v>
      </c>
      <c r="C12849" s="6" t="s">
        <v>28</v>
      </c>
      <c r="D12849" s="6" t="s">
        <v>49</v>
      </c>
      <c r="E12849" s="6">
        <v>54498</v>
      </c>
      <c r="F12849" s="6" t="s">
        <v>13</v>
      </c>
      <c r="G12849" s="6" t="s">
        <v>23885</v>
      </c>
      <c r="H12849" s="6" t="s">
        <v>23886</v>
      </c>
      <c r="I12849" s="7">
        <v>8.2678624999999997</v>
      </c>
      <c r="J12849" s="8">
        <v>-73.3631283</v>
      </c>
    </row>
    <row r="12850" spans="1:10" x14ac:dyDescent="0.35">
      <c r="A12850" s="5" t="s">
        <v>10</v>
      </c>
      <c r="B12850" s="6">
        <v>246125</v>
      </c>
      <c r="C12850" s="6" t="s">
        <v>117</v>
      </c>
      <c r="D12850" s="6" t="s">
        <v>3686</v>
      </c>
      <c r="E12850" s="6">
        <v>76111</v>
      </c>
      <c r="F12850" s="6" t="s">
        <v>18</v>
      </c>
      <c r="G12850" s="6" t="s">
        <v>23887</v>
      </c>
      <c r="H12850" s="6" t="s">
        <v>23888</v>
      </c>
      <c r="I12850" s="7">
        <v>3.9106462</v>
      </c>
      <c r="J12850" s="8">
        <v>-76.307736199999994</v>
      </c>
    </row>
    <row r="12851" spans="1:10" x14ac:dyDescent="0.35">
      <c r="A12851" s="5" t="s">
        <v>10</v>
      </c>
      <c r="B12851" s="6">
        <v>107127</v>
      </c>
      <c r="C12851" s="6" t="s">
        <v>4364</v>
      </c>
      <c r="D12851" s="6" t="s">
        <v>4365</v>
      </c>
      <c r="E12851" s="6">
        <v>70001</v>
      </c>
      <c r="F12851" s="6" t="s">
        <v>13</v>
      </c>
      <c r="G12851" s="6" t="s">
        <v>11877</v>
      </c>
      <c r="H12851" s="6" t="s">
        <v>12819</v>
      </c>
      <c r="I12851" s="7">
        <v>9.3027558999999993</v>
      </c>
      <c r="J12851" s="8">
        <v>-75.397791599999906</v>
      </c>
    </row>
    <row r="12852" spans="1:10" x14ac:dyDescent="0.35">
      <c r="A12852" s="5" t="s">
        <v>10</v>
      </c>
      <c r="B12852" s="6">
        <v>244940</v>
      </c>
      <c r="C12852" s="6" t="s">
        <v>68</v>
      </c>
      <c r="D12852" s="6" t="s">
        <v>69</v>
      </c>
      <c r="E12852" s="6">
        <v>11001</v>
      </c>
      <c r="F12852" s="6" t="s">
        <v>18</v>
      </c>
      <c r="G12852" s="6" t="s">
        <v>23889</v>
      </c>
      <c r="H12852" s="6" t="s">
        <v>23890</v>
      </c>
      <c r="I12852" s="7">
        <v>4.7299857000000003</v>
      </c>
      <c r="J12852" s="8">
        <v>-74.091155599999993</v>
      </c>
    </row>
    <row r="12853" spans="1:10" x14ac:dyDescent="0.35">
      <c r="A12853" s="5" t="s">
        <v>10</v>
      </c>
      <c r="B12853" s="6">
        <v>246000</v>
      </c>
      <c r="C12853" s="6" t="s">
        <v>68</v>
      </c>
      <c r="D12853" s="6" t="s">
        <v>69</v>
      </c>
      <c r="E12853" s="6">
        <v>11001</v>
      </c>
      <c r="F12853" s="6" t="s">
        <v>18</v>
      </c>
      <c r="G12853" s="6" t="s">
        <v>23891</v>
      </c>
      <c r="H12853" s="6" t="s">
        <v>23892</v>
      </c>
      <c r="I12853" s="7">
        <v>4.5970553000000001</v>
      </c>
      <c r="J12853" s="8">
        <v>-74.088001500000004</v>
      </c>
    </row>
    <row r="12854" spans="1:10" x14ac:dyDescent="0.35">
      <c r="A12854" s="5" t="s">
        <v>10</v>
      </c>
      <c r="B12854" s="6">
        <v>205175</v>
      </c>
      <c r="C12854" s="6" t="s">
        <v>24</v>
      </c>
      <c r="D12854" s="6" t="s">
        <v>25</v>
      </c>
      <c r="E12854" s="6">
        <v>15322</v>
      </c>
      <c r="F12854" s="6" t="s">
        <v>18</v>
      </c>
      <c r="G12854" s="6" t="s">
        <v>23893</v>
      </c>
      <c r="H12854" s="6" t="s">
        <v>23894</v>
      </c>
      <c r="I12854" s="7">
        <v>5.0063849999999999</v>
      </c>
      <c r="J12854" s="8">
        <v>-73.471423000000001</v>
      </c>
    </row>
    <row r="12855" spans="1:10" x14ac:dyDescent="0.35">
      <c r="A12855" s="5" t="s">
        <v>10</v>
      </c>
      <c r="B12855" s="6">
        <v>245247</v>
      </c>
      <c r="C12855" s="6" t="s">
        <v>117</v>
      </c>
      <c r="D12855" s="6" t="s">
        <v>13668</v>
      </c>
      <c r="E12855" s="6">
        <v>76828</v>
      </c>
      <c r="F12855" s="6" t="s">
        <v>18</v>
      </c>
      <c r="G12855" s="6" t="s">
        <v>23895</v>
      </c>
      <c r="H12855" s="6" t="s">
        <v>23896</v>
      </c>
      <c r="I12855" s="7">
        <v>3.45757</v>
      </c>
      <c r="J12855" s="8">
        <v>-76.524159999999995</v>
      </c>
    </row>
    <row r="12856" spans="1:10" x14ac:dyDescent="0.35">
      <c r="A12856" s="5" t="s">
        <v>10</v>
      </c>
      <c r="B12856" s="6">
        <v>215326</v>
      </c>
      <c r="C12856" s="6" t="s">
        <v>68</v>
      </c>
      <c r="D12856" s="6" t="s">
        <v>69</v>
      </c>
      <c r="E12856" s="6">
        <v>11001</v>
      </c>
      <c r="F12856" s="6" t="s">
        <v>18</v>
      </c>
      <c r="G12856" s="6" t="s">
        <v>113</v>
      </c>
      <c r="H12856" s="6" t="s">
        <v>15080</v>
      </c>
      <c r="I12856" s="7">
        <v>4.6076765000000002</v>
      </c>
      <c r="J12856" s="8">
        <v>-74.220867299999995</v>
      </c>
    </row>
    <row r="12857" spans="1:10" x14ac:dyDescent="0.35">
      <c r="A12857" s="5" t="s">
        <v>10</v>
      </c>
      <c r="B12857" s="6">
        <v>143577</v>
      </c>
      <c r="C12857" s="6" t="s">
        <v>117</v>
      </c>
      <c r="D12857" s="6" t="s">
        <v>1334</v>
      </c>
      <c r="E12857" s="6">
        <v>76001</v>
      </c>
      <c r="F12857" s="6" t="s">
        <v>18</v>
      </c>
      <c r="G12857" s="6" t="s">
        <v>23789</v>
      </c>
      <c r="H12857" s="6" t="s">
        <v>23790</v>
      </c>
      <c r="I12857" s="7">
        <v>3.4768078999999998</v>
      </c>
      <c r="J12857" s="8">
        <v>-76.520136199999996</v>
      </c>
    </row>
    <row r="12858" spans="1:10" x14ac:dyDescent="0.35">
      <c r="A12858" s="5" t="s">
        <v>10</v>
      </c>
      <c r="B12858" s="6">
        <v>244000</v>
      </c>
      <c r="C12858" s="6" t="s">
        <v>68</v>
      </c>
      <c r="D12858" s="6" t="s">
        <v>69</v>
      </c>
      <c r="E12858" s="6">
        <v>11001</v>
      </c>
      <c r="F12858" s="6" t="s">
        <v>18</v>
      </c>
      <c r="G12858" s="6" t="s">
        <v>23897</v>
      </c>
      <c r="H12858" s="6" t="s">
        <v>23898</v>
      </c>
      <c r="I12858" s="7">
        <v>4.6836452</v>
      </c>
      <c r="J12858" s="8">
        <v>-74.059027099999994</v>
      </c>
    </row>
    <row r="12859" spans="1:10" x14ac:dyDescent="0.35">
      <c r="A12859" s="5" t="s">
        <v>10</v>
      </c>
      <c r="B12859" s="6">
        <v>205711</v>
      </c>
      <c r="C12859" s="6" t="s">
        <v>68</v>
      </c>
      <c r="D12859" s="6" t="s">
        <v>69</v>
      </c>
      <c r="E12859" s="6">
        <v>11001</v>
      </c>
      <c r="F12859" s="6" t="s">
        <v>18</v>
      </c>
      <c r="G12859" s="6" t="s">
        <v>23899</v>
      </c>
      <c r="H12859" s="6" t="s">
        <v>23900</v>
      </c>
      <c r="I12859" s="7">
        <v>4.5973499999999996</v>
      </c>
      <c r="J12859" s="8">
        <v>-74.088728799999998</v>
      </c>
    </row>
    <row r="12860" spans="1:10" x14ac:dyDescent="0.35">
      <c r="A12860" s="5" t="s">
        <v>10</v>
      </c>
      <c r="B12860" s="6">
        <v>225007</v>
      </c>
      <c r="C12860" s="6" t="s">
        <v>68</v>
      </c>
      <c r="D12860" s="6" t="s">
        <v>69</v>
      </c>
      <c r="E12860" s="6">
        <v>11001</v>
      </c>
      <c r="F12860" s="6" t="s">
        <v>18</v>
      </c>
      <c r="G12860" s="6" t="s">
        <v>23901</v>
      </c>
      <c r="H12860" s="6" t="s">
        <v>23902</v>
      </c>
      <c r="I12860" s="7">
        <v>4.5692534</v>
      </c>
      <c r="J12860" s="8">
        <v>-74.123478199999994</v>
      </c>
    </row>
    <row r="12861" spans="1:10" x14ac:dyDescent="0.35">
      <c r="A12861" s="5" t="s">
        <v>10</v>
      </c>
      <c r="B12861" s="6">
        <v>192078</v>
      </c>
      <c r="C12861" s="6" t="s">
        <v>24</v>
      </c>
      <c r="D12861" s="6" t="s">
        <v>19729</v>
      </c>
      <c r="E12861" s="6">
        <v>15377</v>
      </c>
      <c r="F12861" s="6" t="s">
        <v>18</v>
      </c>
      <c r="G12861" s="6" t="s">
        <v>186</v>
      </c>
      <c r="H12861" s="6" t="s">
        <v>23903</v>
      </c>
      <c r="I12861" s="7">
        <v>5.5627629999999897</v>
      </c>
      <c r="J12861" s="8">
        <v>-72.577627999999905</v>
      </c>
    </row>
    <row r="12862" spans="1:10" x14ac:dyDescent="0.35">
      <c r="A12862" s="5" t="s">
        <v>10</v>
      </c>
      <c r="B12862" s="6">
        <v>206986</v>
      </c>
      <c r="C12862" s="6" t="s">
        <v>68</v>
      </c>
      <c r="D12862" s="6" t="s">
        <v>69</v>
      </c>
      <c r="E12862" s="6">
        <v>11001</v>
      </c>
      <c r="F12862" s="6" t="s">
        <v>18</v>
      </c>
      <c r="G12862" s="6" t="s">
        <v>23904</v>
      </c>
      <c r="H12862" s="6" t="s">
        <v>23905</v>
      </c>
      <c r="I12862" s="7">
        <v>4.6054010999999999</v>
      </c>
      <c r="J12862" s="8">
        <v>-74.090732599999996</v>
      </c>
    </row>
    <row r="12863" spans="1:10" x14ac:dyDescent="0.35">
      <c r="A12863" s="5" t="s">
        <v>10</v>
      </c>
      <c r="B12863" s="6">
        <v>231595</v>
      </c>
      <c r="C12863" s="6" t="s">
        <v>68</v>
      </c>
      <c r="D12863" s="6" t="s">
        <v>69</v>
      </c>
      <c r="E12863" s="6">
        <v>11001</v>
      </c>
      <c r="F12863" s="6" t="s">
        <v>18</v>
      </c>
      <c r="G12863" s="6" t="s">
        <v>23906</v>
      </c>
      <c r="H12863" s="6" t="s">
        <v>23907</v>
      </c>
      <c r="I12863" s="7">
        <v>4.7455480000000003</v>
      </c>
      <c r="J12863" s="8">
        <v>-74.1234185</v>
      </c>
    </row>
    <row r="12864" spans="1:10" x14ac:dyDescent="0.35">
      <c r="A12864" s="5" t="s">
        <v>10</v>
      </c>
      <c r="B12864" s="6">
        <v>210090</v>
      </c>
      <c r="C12864" s="6" t="s">
        <v>68</v>
      </c>
      <c r="D12864" s="6" t="s">
        <v>69</v>
      </c>
      <c r="E12864" s="6">
        <v>11001</v>
      </c>
      <c r="F12864" s="6" t="s">
        <v>18</v>
      </c>
      <c r="G12864" s="6" t="s">
        <v>23908</v>
      </c>
      <c r="H12864" s="6" t="s">
        <v>23909</v>
      </c>
      <c r="I12864" s="7">
        <v>4.7498084</v>
      </c>
      <c r="J12864" s="8">
        <v>-74.112532700000003</v>
      </c>
    </row>
    <row r="12865" spans="1:10" x14ac:dyDescent="0.35">
      <c r="A12865" s="5" t="s">
        <v>10</v>
      </c>
      <c r="B12865" s="6">
        <v>191000</v>
      </c>
      <c r="C12865" s="6" t="s">
        <v>28</v>
      </c>
      <c r="D12865" s="6" t="s">
        <v>49</v>
      </c>
      <c r="E12865" s="6">
        <v>54498</v>
      </c>
      <c r="F12865" s="6" t="s">
        <v>13</v>
      </c>
      <c r="G12865" s="6" t="s">
        <v>23910</v>
      </c>
      <c r="H12865" s="6" t="s">
        <v>23911</v>
      </c>
      <c r="I12865" s="7">
        <v>8.2520500000000006</v>
      </c>
      <c r="J12865" s="8">
        <v>-73.353219899999999</v>
      </c>
    </row>
    <row r="12866" spans="1:10" x14ac:dyDescent="0.35">
      <c r="A12866" s="5" t="s">
        <v>10</v>
      </c>
      <c r="B12866" s="6">
        <v>241149</v>
      </c>
      <c r="C12866" s="6" t="s">
        <v>117</v>
      </c>
      <c r="D12866" s="6" t="s">
        <v>1334</v>
      </c>
      <c r="E12866" s="6">
        <v>76001</v>
      </c>
      <c r="F12866" s="6" t="s">
        <v>18</v>
      </c>
      <c r="G12866" s="6" t="s">
        <v>23912</v>
      </c>
      <c r="H12866" s="6" t="s">
        <v>23913</v>
      </c>
      <c r="I12866" s="7">
        <v>3.4146112999999998</v>
      </c>
      <c r="J12866" s="8">
        <v>-76.508669999999995</v>
      </c>
    </row>
    <row r="12867" spans="1:10" x14ac:dyDescent="0.35">
      <c r="A12867" s="5" t="s">
        <v>10</v>
      </c>
      <c r="B12867" s="6">
        <v>230144</v>
      </c>
      <c r="C12867" s="6" t="s">
        <v>457</v>
      </c>
      <c r="D12867" s="6" t="s">
        <v>23914</v>
      </c>
      <c r="E12867" s="6">
        <v>52224</v>
      </c>
      <c r="F12867" s="6" t="s">
        <v>18</v>
      </c>
      <c r="G12867" s="6" t="s">
        <v>23915</v>
      </c>
      <c r="H12867" s="6" t="s">
        <v>23916</v>
      </c>
      <c r="I12867" s="7">
        <v>0.86306249999999995</v>
      </c>
      <c r="J12867" s="8">
        <v>-77.728141399999998</v>
      </c>
    </row>
    <row r="12868" spans="1:10" x14ac:dyDescent="0.35">
      <c r="A12868" s="5" t="s">
        <v>10</v>
      </c>
      <c r="B12868" s="6">
        <v>227356</v>
      </c>
      <c r="C12868" s="6" t="s">
        <v>68</v>
      </c>
      <c r="D12868" s="6" t="s">
        <v>69</v>
      </c>
      <c r="E12868" s="6">
        <v>11001</v>
      </c>
      <c r="F12868" s="6" t="s">
        <v>18</v>
      </c>
      <c r="G12868" s="6" t="s">
        <v>23917</v>
      </c>
      <c r="H12868" s="6" t="s">
        <v>23918</v>
      </c>
      <c r="I12868" s="7">
        <v>4.7054722999999896</v>
      </c>
      <c r="J12868" s="8">
        <v>-74.118314900000001</v>
      </c>
    </row>
    <row r="12869" spans="1:10" x14ac:dyDescent="0.35">
      <c r="A12869" s="5" t="s">
        <v>10</v>
      </c>
      <c r="B12869" s="6">
        <v>242071</v>
      </c>
      <c r="C12869" s="6" t="s">
        <v>68</v>
      </c>
      <c r="D12869" s="6" t="s">
        <v>69</v>
      </c>
      <c r="E12869" s="6">
        <v>11001</v>
      </c>
      <c r="F12869" s="6" t="s">
        <v>18</v>
      </c>
      <c r="G12869" s="6" t="s">
        <v>23919</v>
      </c>
      <c r="H12869" s="6" t="s">
        <v>23920</v>
      </c>
      <c r="I12869" s="7">
        <v>4.6798799000000004</v>
      </c>
      <c r="J12869" s="8">
        <v>-74.093323299999994</v>
      </c>
    </row>
    <row r="12870" spans="1:10" x14ac:dyDescent="0.35">
      <c r="A12870" s="5" t="s">
        <v>10</v>
      </c>
      <c r="B12870" s="6">
        <v>242429</v>
      </c>
      <c r="C12870" s="6" t="s">
        <v>68</v>
      </c>
      <c r="D12870" s="6" t="s">
        <v>69</v>
      </c>
      <c r="E12870" s="6">
        <v>11001</v>
      </c>
      <c r="F12870" s="6" t="s">
        <v>18</v>
      </c>
      <c r="G12870" s="6" t="s">
        <v>23921</v>
      </c>
      <c r="H12870" s="6" t="s">
        <v>23922</v>
      </c>
      <c r="I12870" s="7">
        <v>4.6794729999999998</v>
      </c>
      <c r="J12870" s="8">
        <v>-74.052318999999997</v>
      </c>
    </row>
    <row r="12871" spans="1:10" x14ac:dyDescent="0.35">
      <c r="A12871" s="5" t="s">
        <v>10</v>
      </c>
      <c r="B12871" s="6">
        <v>246036</v>
      </c>
      <c r="C12871" s="6" t="s">
        <v>68</v>
      </c>
      <c r="D12871" s="6" t="s">
        <v>69</v>
      </c>
      <c r="E12871" s="6">
        <v>11001</v>
      </c>
      <c r="F12871" s="6" t="s">
        <v>18</v>
      </c>
      <c r="G12871" s="6" t="s">
        <v>113</v>
      </c>
      <c r="H12871" s="6" t="s">
        <v>23923</v>
      </c>
      <c r="I12871" s="7">
        <v>4.5889905999999998</v>
      </c>
      <c r="J12871" s="8">
        <v>-74.167424699999998</v>
      </c>
    </row>
    <row r="12872" spans="1:10" x14ac:dyDescent="0.35">
      <c r="A12872" s="5" t="s">
        <v>10</v>
      </c>
      <c r="B12872" s="6">
        <v>148359</v>
      </c>
      <c r="C12872" s="6" t="s">
        <v>190</v>
      </c>
      <c r="D12872" s="6" t="s">
        <v>11740</v>
      </c>
      <c r="E12872" s="6">
        <v>5376</v>
      </c>
      <c r="F12872" s="6" t="s">
        <v>18</v>
      </c>
      <c r="G12872" s="6" t="s">
        <v>23924</v>
      </c>
      <c r="H12872" s="6" t="s">
        <v>23925</v>
      </c>
      <c r="I12872" s="7">
        <v>6.0238003999999998</v>
      </c>
      <c r="J12872" s="8">
        <v>-75.437037799999999</v>
      </c>
    </row>
    <row r="12873" spans="1:10" x14ac:dyDescent="0.35">
      <c r="A12873" s="5" t="s">
        <v>10</v>
      </c>
      <c r="B12873" s="6">
        <v>189502</v>
      </c>
      <c r="C12873" s="6" t="s">
        <v>68</v>
      </c>
      <c r="D12873" s="6" t="s">
        <v>69</v>
      </c>
      <c r="E12873" s="6">
        <v>11001</v>
      </c>
      <c r="F12873" s="6" t="s">
        <v>13</v>
      </c>
      <c r="G12873" s="6" t="s">
        <v>16997</v>
      </c>
      <c r="H12873" s="6" t="s">
        <v>16998</v>
      </c>
      <c r="I12873" s="7">
        <v>4.6681625999999996</v>
      </c>
      <c r="J12873" s="8">
        <v>-74.073441900000006</v>
      </c>
    </row>
    <row r="12874" spans="1:10" x14ac:dyDescent="0.35">
      <c r="A12874" s="5" t="s">
        <v>10</v>
      </c>
      <c r="B12874" s="6">
        <v>240434</v>
      </c>
      <c r="C12874" s="6" t="s">
        <v>190</v>
      </c>
      <c r="D12874" s="6" t="s">
        <v>4063</v>
      </c>
      <c r="E12874" s="6">
        <v>5088</v>
      </c>
      <c r="F12874" s="6" t="s">
        <v>18</v>
      </c>
      <c r="G12874" s="6" t="s">
        <v>23926</v>
      </c>
      <c r="H12874" s="6" t="s">
        <v>23927</v>
      </c>
      <c r="I12874" s="7">
        <v>6.345243</v>
      </c>
      <c r="J12874" s="8">
        <v>-75.540048400000003</v>
      </c>
    </row>
    <row r="12875" spans="1:10" x14ac:dyDescent="0.35">
      <c r="A12875" s="5" t="s">
        <v>10</v>
      </c>
      <c r="B12875" s="6">
        <v>205783</v>
      </c>
      <c r="C12875" s="6" t="s">
        <v>68</v>
      </c>
      <c r="D12875" s="6" t="s">
        <v>69</v>
      </c>
      <c r="E12875" s="6">
        <v>11001</v>
      </c>
      <c r="F12875" s="6" t="s">
        <v>18</v>
      </c>
      <c r="G12875" s="6" t="s">
        <v>23928</v>
      </c>
      <c r="H12875" s="6" t="s">
        <v>23929</v>
      </c>
      <c r="I12875" s="7">
        <v>4.6293249999999997</v>
      </c>
      <c r="J12875" s="8">
        <v>-74.180548899999906</v>
      </c>
    </row>
    <row r="12876" spans="1:10" x14ac:dyDescent="0.35">
      <c r="A12876" s="5" t="s">
        <v>10</v>
      </c>
      <c r="B12876" s="6">
        <v>205931</v>
      </c>
      <c r="C12876" s="6" t="s">
        <v>68</v>
      </c>
      <c r="D12876" s="6" t="s">
        <v>69</v>
      </c>
      <c r="E12876" s="6">
        <v>11001</v>
      </c>
      <c r="F12876" s="6" t="s">
        <v>18</v>
      </c>
      <c r="G12876" s="6" t="s">
        <v>23930</v>
      </c>
      <c r="H12876" s="6" t="s">
        <v>23931</v>
      </c>
      <c r="I12876" s="7">
        <v>4.6008893999999998</v>
      </c>
      <c r="J12876" s="8">
        <v>-74.190284599999998</v>
      </c>
    </row>
    <row r="12877" spans="1:10" x14ac:dyDescent="0.35">
      <c r="A12877" s="5" t="s">
        <v>10</v>
      </c>
      <c r="B12877" s="6">
        <v>245918</v>
      </c>
      <c r="C12877" s="6" t="s">
        <v>117</v>
      </c>
      <c r="D12877" s="6" t="s">
        <v>12447</v>
      </c>
      <c r="E12877" s="6">
        <v>76248</v>
      </c>
      <c r="F12877" s="6" t="s">
        <v>18</v>
      </c>
      <c r="G12877" s="6" t="s">
        <v>15525</v>
      </c>
      <c r="H12877" s="6" t="s">
        <v>23932</v>
      </c>
      <c r="I12877" s="7">
        <v>3.6840839999999999</v>
      </c>
      <c r="J12877" s="8">
        <v>-76.312995999999998</v>
      </c>
    </row>
    <row r="12878" spans="1:10" x14ac:dyDescent="0.35">
      <c r="A12878" s="5" t="s">
        <v>10</v>
      </c>
      <c r="B12878" s="6">
        <v>229945</v>
      </c>
      <c r="C12878" s="6" t="s">
        <v>117</v>
      </c>
      <c r="D12878" s="6" t="s">
        <v>7467</v>
      </c>
      <c r="E12878" s="6">
        <v>76126</v>
      </c>
      <c r="F12878" s="6" t="s">
        <v>18</v>
      </c>
      <c r="G12878" s="6" t="s">
        <v>23933</v>
      </c>
      <c r="H12878" s="6" t="s">
        <v>23934</v>
      </c>
      <c r="I12878" s="7">
        <v>3.4878304</v>
      </c>
      <c r="J12878" s="8">
        <v>-76.500898199999995</v>
      </c>
    </row>
    <row r="12879" spans="1:10" x14ac:dyDescent="0.35">
      <c r="A12879" s="5" t="s">
        <v>10</v>
      </c>
      <c r="B12879" s="6">
        <v>236862</v>
      </c>
      <c r="C12879" s="6" t="s">
        <v>68</v>
      </c>
      <c r="D12879" s="6" t="s">
        <v>69</v>
      </c>
      <c r="E12879" s="6">
        <v>11001</v>
      </c>
      <c r="F12879" s="6" t="s">
        <v>18</v>
      </c>
      <c r="G12879" s="6" t="s">
        <v>23935</v>
      </c>
      <c r="H12879" s="6" t="s">
        <v>23936</v>
      </c>
      <c r="I12879" s="7">
        <v>4.5882049</v>
      </c>
      <c r="J12879" s="8">
        <v>-74.105875999999995</v>
      </c>
    </row>
    <row r="12880" spans="1:10" x14ac:dyDescent="0.35">
      <c r="A12880" s="5" t="s">
        <v>10</v>
      </c>
      <c r="B12880" s="6">
        <v>235514</v>
      </c>
      <c r="C12880" s="6" t="s">
        <v>68</v>
      </c>
      <c r="D12880" s="6" t="s">
        <v>69</v>
      </c>
      <c r="E12880" s="6">
        <v>11001</v>
      </c>
      <c r="F12880" s="6" t="s">
        <v>18</v>
      </c>
      <c r="G12880" s="6" t="s">
        <v>23937</v>
      </c>
      <c r="H12880" s="6" t="s">
        <v>23938</v>
      </c>
      <c r="I12880" s="7">
        <v>4.5766875999999996</v>
      </c>
      <c r="J12880" s="8">
        <v>-74.130668400000005</v>
      </c>
    </row>
    <row r="12881" spans="1:10" x14ac:dyDescent="0.35">
      <c r="A12881" s="5" t="s">
        <v>10</v>
      </c>
      <c r="B12881" s="6">
        <v>208977</v>
      </c>
      <c r="C12881" s="6" t="s">
        <v>68</v>
      </c>
      <c r="D12881" s="6" t="s">
        <v>69</v>
      </c>
      <c r="E12881" s="6">
        <v>11001</v>
      </c>
      <c r="F12881" s="6" t="s">
        <v>18</v>
      </c>
      <c r="G12881" s="6" t="s">
        <v>23939</v>
      </c>
      <c r="H12881" s="6" t="s">
        <v>23940</v>
      </c>
      <c r="I12881" s="7">
        <v>4.7520522999999999</v>
      </c>
      <c r="J12881" s="8">
        <v>-74.117588999999995</v>
      </c>
    </row>
    <row r="12882" spans="1:10" x14ac:dyDescent="0.35">
      <c r="A12882" s="5" t="s">
        <v>10</v>
      </c>
      <c r="B12882" s="6">
        <v>230491</v>
      </c>
      <c r="C12882" s="6" t="s">
        <v>68</v>
      </c>
      <c r="D12882" s="6" t="s">
        <v>69</v>
      </c>
      <c r="E12882" s="6">
        <v>11001</v>
      </c>
      <c r="F12882" s="6" t="s">
        <v>18</v>
      </c>
      <c r="G12882" s="6" t="s">
        <v>14149</v>
      </c>
      <c r="H12882" s="6" t="s">
        <v>15681</v>
      </c>
      <c r="I12882" s="7">
        <v>4.6229481999999997</v>
      </c>
      <c r="J12882" s="8">
        <v>-74.148664099999905</v>
      </c>
    </row>
    <row r="12883" spans="1:10" x14ac:dyDescent="0.35">
      <c r="A12883" s="5" t="s">
        <v>10</v>
      </c>
      <c r="B12883" s="6">
        <v>242056</v>
      </c>
      <c r="C12883" s="6" t="s">
        <v>68</v>
      </c>
      <c r="D12883" s="6" t="s">
        <v>69</v>
      </c>
      <c r="E12883" s="6">
        <v>11001</v>
      </c>
      <c r="F12883" s="6" t="s">
        <v>18</v>
      </c>
      <c r="G12883" s="6" t="s">
        <v>23941</v>
      </c>
      <c r="H12883" s="6" t="s">
        <v>23942</v>
      </c>
      <c r="I12883" s="7">
        <v>4.7354292999999998</v>
      </c>
      <c r="J12883" s="8">
        <v>-74.101965300000003</v>
      </c>
    </row>
    <row r="12884" spans="1:10" x14ac:dyDescent="0.35">
      <c r="A12884" s="5" t="s">
        <v>10</v>
      </c>
      <c r="B12884" s="6">
        <v>96287</v>
      </c>
      <c r="C12884" s="6" t="s">
        <v>24</v>
      </c>
      <c r="D12884" s="6" t="s">
        <v>2412</v>
      </c>
      <c r="E12884" s="6">
        <v>15442</v>
      </c>
      <c r="F12884" s="6" t="s">
        <v>18</v>
      </c>
      <c r="G12884" s="6" t="s">
        <v>2461</v>
      </c>
      <c r="H12884" s="6" t="s">
        <v>23943</v>
      </c>
      <c r="I12884" s="7">
        <v>5.5496230000000004</v>
      </c>
      <c r="J12884" s="8">
        <v>-74.0046909</v>
      </c>
    </row>
    <row r="12885" spans="1:10" x14ac:dyDescent="0.35">
      <c r="A12885" s="5" t="s">
        <v>10</v>
      </c>
      <c r="B12885" s="6">
        <v>211181</v>
      </c>
      <c r="C12885" s="6" t="s">
        <v>24</v>
      </c>
      <c r="D12885" s="6" t="s">
        <v>85</v>
      </c>
      <c r="E12885" s="6">
        <v>15759</v>
      </c>
      <c r="F12885" s="6" t="s">
        <v>18</v>
      </c>
      <c r="G12885" s="6" t="s">
        <v>23944</v>
      </c>
      <c r="H12885" s="6" t="s">
        <v>23945</v>
      </c>
      <c r="I12885" s="7">
        <v>5.7100131999999997</v>
      </c>
      <c r="J12885" s="8">
        <v>-72.9357294</v>
      </c>
    </row>
    <row r="12886" spans="1:10" x14ac:dyDescent="0.35">
      <c r="A12886" s="5" t="s">
        <v>10</v>
      </c>
      <c r="B12886" s="6">
        <v>188975</v>
      </c>
      <c r="C12886" s="6" t="s">
        <v>28</v>
      </c>
      <c r="D12886" s="6" t="s">
        <v>29</v>
      </c>
      <c r="E12886" s="6">
        <v>54001</v>
      </c>
      <c r="F12886" s="6" t="s">
        <v>13</v>
      </c>
      <c r="G12886" s="6" t="s">
        <v>23946</v>
      </c>
      <c r="H12886" s="6" t="s">
        <v>23947</v>
      </c>
      <c r="I12886" s="7">
        <v>7.9990619000000001</v>
      </c>
      <c r="J12886" s="8">
        <v>-72.425474300000005</v>
      </c>
    </row>
    <row r="12887" spans="1:10" x14ac:dyDescent="0.35">
      <c r="A12887" s="5" t="s">
        <v>10</v>
      </c>
      <c r="B12887" s="6">
        <v>245915</v>
      </c>
      <c r="C12887" s="6" t="s">
        <v>190</v>
      </c>
      <c r="D12887" s="6" t="s">
        <v>12565</v>
      </c>
      <c r="E12887" s="6">
        <v>5697</v>
      </c>
      <c r="F12887" s="6" t="s">
        <v>18</v>
      </c>
      <c r="G12887" s="6" t="s">
        <v>23948</v>
      </c>
      <c r="H12887" s="6" t="s">
        <v>23949</v>
      </c>
      <c r="I12887" s="7">
        <v>4.8674954000000001</v>
      </c>
      <c r="J12887" s="8">
        <v>-73.878239199999996</v>
      </c>
    </row>
    <row r="12888" spans="1:10" x14ac:dyDescent="0.35">
      <c r="A12888" s="5" t="s">
        <v>10</v>
      </c>
      <c r="B12888" s="6">
        <v>238611</v>
      </c>
      <c r="C12888" s="6" t="s">
        <v>68</v>
      </c>
      <c r="D12888" s="6" t="s">
        <v>69</v>
      </c>
      <c r="E12888" s="6">
        <v>11001</v>
      </c>
      <c r="F12888" s="6" t="s">
        <v>18</v>
      </c>
      <c r="G12888" s="6" t="s">
        <v>23950</v>
      </c>
      <c r="H12888" s="6" t="s">
        <v>23951</v>
      </c>
      <c r="I12888" s="7">
        <v>4.5208294999999996</v>
      </c>
      <c r="J12888" s="8">
        <v>-74.117644799999994</v>
      </c>
    </row>
    <row r="12889" spans="1:10" x14ac:dyDescent="0.35">
      <c r="A12889" s="5" t="s">
        <v>10</v>
      </c>
      <c r="B12889" s="6">
        <v>213264</v>
      </c>
      <c r="C12889" s="6" t="s">
        <v>117</v>
      </c>
      <c r="D12889" s="6" t="s">
        <v>3402</v>
      </c>
      <c r="E12889" s="6">
        <v>76364</v>
      </c>
      <c r="F12889" s="6" t="s">
        <v>18</v>
      </c>
      <c r="G12889" s="6" t="s">
        <v>23952</v>
      </c>
      <c r="H12889" s="6" t="s">
        <v>23953</v>
      </c>
      <c r="I12889" s="7">
        <v>3.2554135</v>
      </c>
      <c r="J12889" s="8">
        <v>-76.5456267</v>
      </c>
    </row>
    <row r="12890" spans="1:10" x14ac:dyDescent="0.35">
      <c r="A12890" s="5" t="s">
        <v>10</v>
      </c>
      <c r="B12890" s="6">
        <v>246851</v>
      </c>
      <c r="C12890" s="6" t="s">
        <v>68</v>
      </c>
      <c r="D12890" s="6" t="s">
        <v>69</v>
      </c>
      <c r="E12890" s="6">
        <v>11001</v>
      </c>
      <c r="F12890" s="6" t="s">
        <v>18</v>
      </c>
      <c r="G12890" s="6" t="s">
        <v>23954</v>
      </c>
      <c r="H12890" s="6" t="s">
        <v>23955</v>
      </c>
      <c r="I12890" s="7">
        <v>4.5900803999999997</v>
      </c>
      <c r="J12890" s="8">
        <v>-74.107408699999993</v>
      </c>
    </row>
    <row r="12891" spans="1:10" x14ac:dyDescent="0.35">
      <c r="A12891" s="5" t="s">
        <v>10</v>
      </c>
      <c r="B12891" s="6">
        <v>219727</v>
      </c>
      <c r="C12891" s="6" t="s">
        <v>11</v>
      </c>
      <c r="D12891" s="6" t="s">
        <v>334</v>
      </c>
      <c r="E12891" s="6">
        <v>25754</v>
      </c>
      <c r="F12891" s="6" t="s">
        <v>13</v>
      </c>
      <c r="G12891" s="6" t="s">
        <v>23956</v>
      </c>
      <c r="H12891" s="6" t="s">
        <v>23957</v>
      </c>
      <c r="I12891" s="7">
        <v>4.5826374999999997</v>
      </c>
      <c r="J12891" s="8">
        <v>-74.217437799999999</v>
      </c>
    </row>
    <row r="12892" spans="1:10" x14ac:dyDescent="0.35">
      <c r="A12892" s="5" t="s">
        <v>10</v>
      </c>
      <c r="B12892" s="6">
        <v>189502</v>
      </c>
      <c r="C12892" s="6" t="s">
        <v>68</v>
      </c>
      <c r="D12892" s="6" t="s">
        <v>69</v>
      </c>
      <c r="E12892" s="6">
        <v>11001</v>
      </c>
      <c r="F12892" s="6" t="s">
        <v>13</v>
      </c>
      <c r="G12892" s="6" t="s">
        <v>16997</v>
      </c>
      <c r="H12892" s="6" t="s">
        <v>16998</v>
      </c>
      <c r="I12892" s="7">
        <v>4.6681625999999996</v>
      </c>
      <c r="J12892" s="8">
        <v>-74.073441900000006</v>
      </c>
    </row>
    <row r="12893" spans="1:10" x14ac:dyDescent="0.35">
      <c r="A12893" s="5" t="s">
        <v>10</v>
      </c>
      <c r="B12893" s="6">
        <v>203074</v>
      </c>
      <c r="C12893" s="6" t="s">
        <v>68</v>
      </c>
      <c r="D12893" s="6" t="s">
        <v>69</v>
      </c>
      <c r="E12893" s="6">
        <v>11001</v>
      </c>
      <c r="F12893" s="6" t="s">
        <v>18</v>
      </c>
      <c r="G12893" s="6" t="s">
        <v>23958</v>
      </c>
      <c r="H12893" s="6" t="s">
        <v>23959</v>
      </c>
      <c r="I12893" s="7">
        <v>4.6106672999999896</v>
      </c>
      <c r="J12893" s="8">
        <v>-74.194130799999996</v>
      </c>
    </row>
    <row r="12894" spans="1:10" x14ac:dyDescent="0.35">
      <c r="A12894" s="5" t="s">
        <v>10</v>
      </c>
      <c r="B12894" s="6">
        <v>209856</v>
      </c>
      <c r="C12894" s="6" t="s">
        <v>68</v>
      </c>
      <c r="D12894" s="6" t="s">
        <v>69</v>
      </c>
      <c r="E12894" s="6">
        <v>11001</v>
      </c>
      <c r="F12894" s="6" t="s">
        <v>18</v>
      </c>
      <c r="G12894" s="6" t="s">
        <v>23960</v>
      </c>
      <c r="H12894" s="6" t="s">
        <v>23961</v>
      </c>
      <c r="I12894" s="7">
        <v>4.5614515000000004</v>
      </c>
      <c r="J12894" s="8">
        <v>-74.145889699999998</v>
      </c>
    </row>
    <row r="12895" spans="1:10" x14ac:dyDescent="0.35">
      <c r="A12895" s="5" t="s">
        <v>10</v>
      </c>
      <c r="B12895" s="6">
        <v>230513</v>
      </c>
      <c r="C12895" s="6" t="s">
        <v>68</v>
      </c>
      <c r="D12895" s="6" t="s">
        <v>69</v>
      </c>
      <c r="E12895" s="6">
        <v>11001</v>
      </c>
      <c r="F12895" s="6" t="s">
        <v>18</v>
      </c>
      <c r="G12895" s="6" t="s">
        <v>13740</v>
      </c>
      <c r="H12895" s="6" t="s">
        <v>13741</v>
      </c>
      <c r="I12895" s="7">
        <v>4.6020284</v>
      </c>
      <c r="J12895" s="8">
        <v>-74.109498099999996</v>
      </c>
    </row>
    <row r="12896" spans="1:10" x14ac:dyDescent="0.35">
      <c r="A12896" s="5" t="s">
        <v>10</v>
      </c>
      <c r="B12896" s="6">
        <v>234110</v>
      </c>
      <c r="C12896" s="6" t="s">
        <v>68</v>
      </c>
      <c r="D12896" s="6" t="s">
        <v>69</v>
      </c>
      <c r="E12896" s="6">
        <v>11001</v>
      </c>
      <c r="F12896" s="6" t="s">
        <v>18</v>
      </c>
      <c r="G12896" s="6" t="s">
        <v>23962</v>
      </c>
      <c r="H12896" s="6" t="s">
        <v>23963</v>
      </c>
      <c r="I12896" s="7">
        <v>4.6439421000000003</v>
      </c>
      <c r="J12896" s="8">
        <v>-74.165644</v>
      </c>
    </row>
    <row r="12897" spans="1:10" x14ac:dyDescent="0.35">
      <c r="A12897" s="5" t="s">
        <v>10</v>
      </c>
      <c r="B12897" s="6">
        <v>236810</v>
      </c>
      <c r="C12897" s="6" t="s">
        <v>190</v>
      </c>
      <c r="D12897" s="6" t="s">
        <v>4063</v>
      </c>
      <c r="E12897" s="6">
        <v>5088</v>
      </c>
      <c r="F12897" s="6" t="s">
        <v>18</v>
      </c>
      <c r="G12897" s="6" t="s">
        <v>23964</v>
      </c>
      <c r="H12897" s="6" t="s">
        <v>23965</v>
      </c>
      <c r="I12897" s="7">
        <v>6.3115376999999997</v>
      </c>
      <c r="J12897" s="8">
        <v>-75.572038899999995</v>
      </c>
    </row>
    <row r="12898" spans="1:10" x14ac:dyDescent="0.35">
      <c r="A12898" s="5" t="s">
        <v>10</v>
      </c>
      <c r="B12898" s="6">
        <v>204912</v>
      </c>
      <c r="C12898" s="6" t="s">
        <v>68</v>
      </c>
      <c r="D12898" s="6" t="s">
        <v>69</v>
      </c>
      <c r="E12898" s="6">
        <v>11001</v>
      </c>
      <c r="F12898" s="6" t="s">
        <v>18</v>
      </c>
      <c r="G12898" s="6" t="s">
        <v>22655</v>
      </c>
      <c r="H12898" s="6" t="s">
        <v>22656</v>
      </c>
      <c r="I12898" s="7">
        <v>4.6502261999999996</v>
      </c>
      <c r="J12898" s="8">
        <v>-74.058339599999996</v>
      </c>
    </row>
    <row r="12899" spans="1:10" x14ac:dyDescent="0.35">
      <c r="A12899" s="5" t="s">
        <v>10</v>
      </c>
      <c r="B12899" s="6">
        <v>207917</v>
      </c>
      <c r="C12899" s="6" t="s">
        <v>68</v>
      </c>
      <c r="D12899" s="6" t="s">
        <v>69</v>
      </c>
      <c r="E12899" s="6">
        <v>11001</v>
      </c>
      <c r="F12899" s="6" t="s">
        <v>18</v>
      </c>
      <c r="G12899" s="6" t="s">
        <v>23966</v>
      </c>
      <c r="H12899" s="6" t="s">
        <v>23967</v>
      </c>
      <c r="I12899" s="7">
        <v>4.5753512000000001</v>
      </c>
      <c r="J12899" s="8">
        <v>-74.1022727</v>
      </c>
    </row>
    <row r="12900" spans="1:10" x14ac:dyDescent="0.35">
      <c r="A12900" s="5" t="s">
        <v>10</v>
      </c>
      <c r="B12900" s="6">
        <v>219987</v>
      </c>
      <c r="C12900" s="6" t="s">
        <v>68</v>
      </c>
      <c r="D12900" s="6" t="s">
        <v>69</v>
      </c>
      <c r="E12900" s="6">
        <v>11001</v>
      </c>
      <c r="F12900" s="6" t="s">
        <v>18</v>
      </c>
      <c r="G12900" s="6" t="s">
        <v>23968</v>
      </c>
      <c r="H12900" s="6" t="s">
        <v>23969</v>
      </c>
      <c r="I12900" s="7">
        <v>4.6248053000000002</v>
      </c>
      <c r="J12900" s="8">
        <v>-74.209013400000003</v>
      </c>
    </row>
    <row r="12901" spans="1:10" x14ac:dyDescent="0.35">
      <c r="A12901" s="5" t="s">
        <v>10</v>
      </c>
      <c r="B12901" s="6">
        <v>68242</v>
      </c>
      <c r="C12901" s="6" t="s">
        <v>2130</v>
      </c>
      <c r="D12901" s="6" t="s">
        <v>2131</v>
      </c>
      <c r="E12901" s="6">
        <v>85001</v>
      </c>
      <c r="F12901" s="6" t="s">
        <v>18</v>
      </c>
      <c r="G12901" s="6" t="s">
        <v>23479</v>
      </c>
      <c r="H12901" s="6" t="s">
        <v>23480</v>
      </c>
      <c r="I12901" s="7">
        <v>5.348903</v>
      </c>
      <c r="J12901" s="8">
        <v>-72.400522999999893</v>
      </c>
    </row>
    <row r="12902" spans="1:10" x14ac:dyDescent="0.35">
      <c r="A12902" s="5" t="s">
        <v>10</v>
      </c>
      <c r="B12902" s="6">
        <v>189085</v>
      </c>
      <c r="C12902" s="6" t="s">
        <v>28</v>
      </c>
      <c r="D12902" s="6" t="s">
        <v>352</v>
      </c>
      <c r="E12902" s="6">
        <v>54261</v>
      </c>
      <c r="F12902" s="6" t="s">
        <v>13</v>
      </c>
      <c r="G12902" s="6" t="s">
        <v>23970</v>
      </c>
      <c r="H12902" s="6" t="s">
        <v>23971</v>
      </c>
      <c r="I12902" s="7">
        <v>7.9399864999999998</v>
      </c>
      <c r="J12902" s="8">
        <v>-72.605270500000003</v>
      </c>
    </row>
    <row r="12903" spans="1:10" x14ac:dyDescent="0.35">
      <c r="A12903" s="5" t="s">
        <v>10</v>
      </c>
      <c r="B12903" s="6">
        <v>246210</v>
      </c>
      <c r="C12903" s="6" t="s">
        <v>117</v>
      </c>
      <c r="D12903" s="6" t="s">
        <v>3686</v>
      </c>
      <c r="E12903" s="6">
        <v>76111</v>
      </c>
      <c r="F12903" s="6" t="s">
        <v>18</v>
      </c>
      <c r="G12903" s="6" t="s">
        <v>23972</v>
      </c>
      <c r="H12903" s="6" t="s">
        <v>23973</v>
      </c>
      <c r="I12903" s="7">
        <v>3.9000773</v>
      </c>
      <c r="J12903" s="8">
        <v>-76.3111447</v>
      </c>
    </row>
    <row r="12904" spans="1:10" x14ac:dyDescent="0.35">
      <c r="A12904" s="5" t="s">
        <v>10</v>
      </c>
      <c r="B12904" s="6">
        <v>204198</v>
      </c>
      <c r="C12904" s="6" t="s">
        <v>68</v>
      </c>
      <c r="D12904" s="6" t="s">
        <v>69</v>
      </c>
      <c r="E12904" s="6">
        <v>11001</v>
      </c>
      <c r="F12904" s="6" t="s">
        <v>18</v>
      </c>
      <c r="G12904" s="6" t="s">
        <v>16222</v>
      </c>
      <c r="H12904" s="6" t="s">
        <v>16223</v>
      </c>
      <c r="I12904" s="7">
        <v>4.5708399999999996</v>
      </c>
      <c r="J12904" s="8">
        <v>-74.164528199999907</v>
      </c>
    </row>
    <row r="12905" spans="1:10" x14ac:dyDescent="0.35">
      <c r="A12905" s="5" t="s">
        <v>10</v>
      </c>
      <c r="B12905" s="6">
        <v>120899</v>
      </c>
      <c r="C12905" s="6" t="s">
        <v>4364</v>
      </c>
      <c r="D12905" s="6" t="s">
        <v>4365</v>
      </c>
      <c r="E12905" s="6">
        <v>70001</v>
      </c>
      <c r="F12905" s="6" t="s">
        <v>18</v>
      </c>
      <c r="G12905" s="6" t="s">
        <v>22840</v>
      </c>
      <c r="H12905" s="6" t="s">
        <v>22841</v>
      </c>
      <c r="I12905" s="7">
        <v>9.2766769999999994</v>
      </c>
      <c r="J12905" s="8">
        <v>-75.408085999999997</v>
      </c>
    </row>
    <row r="12906" spans="1:10" x14ac:dyDescent="0.35">
      <c r="A12906" s="5" t="s">
        <v>10</v>
      </c>
      <c r="B12906" s="6">
        <v>222286</v>
      </c>
      <c r="C12906" s="6" t="s">
        <v>117</v>
      </c>
      <c r="D12906" s="6" t="s">
        <v>1334</v>
      </c>
      <c r="E12906" s="6">
        <v>76001</v>
      </c>
      <c r="F12906" s="6" t="s">
        <v>18</v>
      </c>
      <c r="G12906" s="6" t="s">
        <v>23974</v>
      </c>
      <c r="H12906" s="6" t="s">
        <v>23975</v>
      </c>
      <c r="I12906" s="7">
        <v>3.4305587000000002</v>
      </c>
      <c r="J12906" s="8">
        <v>-76.484640400000004</v>
      </c>
    </row>
    <row r="12907" spans="1:10" x14ac:dyDescent="0.35">
      <c r="A12907" s="5" t="s">
        <v>10</v>
      </c>
      <c r="B12907" s="6">
        <v>241104</v>
      </c>
      <c r="C12907" s="6" t="s">
        <v>117</v>
      </c>
      <c r="D12907" s="6" t="s">
        <v>23976</v>
      </c>
      <c r="E12907" s="6">
        <v>76243</v>
      </c>
      <c r="F12907" s="6" t="s">
        <v>18</v>
      </c>
      <c r="G12907" s="6" t="s">
        <v>23977</v>
      </c>
      <c r="H12907" s="6" t="s">
        <v>23978</v>
      </c>
      <c r="I12907" s="7">
        <v>3.4682002000000001</v>
      </c>
      <c r="J12907" s="8">
        <v>-76.502443099999994</v>
      </c>
    </row>
    <row r="12908" spans="1:10" x14ac:dyDescent="0.35">
      <c r="A12908" s="5" t="s">
        <v>10</v>
      </c>
      <c r="B12908" s="6">
        <v>240441</v>
      </c>
      <c r="C12908" s="6" t="s">
        <v>190</v>
      </c>
      <c r="D12908" s="6" t="s">
        <v>23431</v>
      </c>
      <c r="E12908" s="6">
        <v>5250</v>
      </c>
      <c r="F12908" s="6" t="s">
        <v>18</v>
      </c>
      <c r="G12908" s="6" t="s">
        <v>23432</v>
      </c>
      <c r="H12908" s="6" t="s">
        <v>23979</v>
      </c>
      <c r="I12908" s="7">
        <v>0</v>
      </c>
      <c r="J12908" s="8">
        <v>0</v>
      </c>
    </row>
    <row r="12909" spans="1:10" x14ac:dyDescent="0.35">
      <c r="A12909" s="5" t="s">
        <v>10</v>
      </c>
      <c r="B12909" s="6">
        <v>237169</v>
      </c>
      <c r="C12909" s="6" t="s">
        <v>190</v>
      </c>
      <c r="D12909" s="6" t="s">
        <v>4063</v>
      </c>
      <c r="E12909" s="6">
        <v>5088</v>
      </c>
      <c r="F12909" s="6" t="s">
        <v>18</v>
      </c>
      <c r="G12909" s="6" t="s">
        <v>23980</v>
      </c>
      <c r="H12909" s="6" t="s">
        <v>23981</v>
      </c>
      <c r="I12909" s="7">
        <v>6.3079388999999999</v>
      </c>
      <c r="J12909" s="8">
        <v>-75.545503699999998</v>
      </c>
    </row>
    <row r="12910" spans="1:10" x14ac:dyDescent="0.35">
      <c r="A12910" s="5" t="s">
        <v>10</v>
      </c>
      <c r="B12910" s="6">
        <v>180964</v>
      </c>
      <c r="C12910" s="6" t="s">
        <v>4364</v>
      </c>
      <c r="D12910" s="6" t="s">
        <v>4365</v>
      </c>
      <c r="E12910" s="6">
        <v>70001</v>
      </c>
      <c r="F12910" s="6" t="s">
        <v>13</v>
      </c>
      <c r="G12910" s="6" t="s">
        <v>11877</v>
      </c>
      <c r="H12910" s="6" t="s">
        <v>23982</v>
      </c>
      <c r="I12910" s="7">
        <v>9.2953650000000003</v>
      </c>
      <c r="J12910" s="8">
        <v>-75.403914999999998</v>
      </c>
    </row>
    <row r="12911" spans="1:10" x14ac:dyDescent="0.35">
      <c r="A12911" s="5" t="s">
        <v>10</v>
      </c>
      <c r="B12911" s="6">
        <v>229576</v>
      </c>
      <c r="C12911" s="6" t="s">
        <v>68</v>
      </c>
      <c r="D12911" s="6" t="s">
        <v>69</v>
      </c>
      <c r="E12911" s="6">
        <v>11001</v>
      </c>
      <c r="F12911" s="6" t="s">
        <v>18</v>
      </c>
      <c r="G12911" s="6" t="s">
        <v>9804</v>
      </c>
      <c r="H12911" s="6" t="s">
        <v>23983</v>
      </c>
      <c r="I12911" s="7">
        <v>4.7035837999999996</v>
      </c>
      <c r="J12911" s="8">
        <v>-74.064701999999997</v>
      </c>
    </row>
    <row r="12912" spans="1:10" x14ac:dyDescent="0.35">
      <c r="A12912" s="5" t="s">
        <v>10</v>
      </c>
      <c r="B12912" s="6">
        <v>231140</v>
      </c>
      <c r="C12912" s="6" t="s">
        <v>68</v>
      </c>
      <c r="D12912" s="6" t="s">
        <v>69</v>
      </c>
      <c r="E12912" s="6">
        <v>11001</v>
      </c>
      <c r="F12912" s="6" t="s">
        <v>18</v>
      </c>
      <c r="G12912" s="6" t="s">
        <v>23984</v>
      </c>
      <c r="H12912" s="6" t="s">
        <v>23985</v>
      </c>
      <c r="I12912" s="7">
        <v>4.6320211999999996</v>
      </c>
      <c r="J12912" s="8">
        <v>-74.119870000000006</v>
      </c>
    </row>
    <row r="12913" spans="1:10" x14ac:dyDescent="0.35">
      <c r="A12913" s="5" t="s">
        <v>10</v>
      </c>
      <c r="B12913" s="6">
        <v>234032</v>
      </c>
      <c r="C12913" s="6" t="s">
        <v>68</v>
      </c>
      <c r="D12913" s="6" t="s">
        <v>69</v>
      </c>
      <c r="E12913" s="6">
        <v>11001</v>
      </c>
      <c r="F12913" s="6" t="s">
        <v>18</v>
      </c>
      <c r="G12913" s="6" t="s">
        <v>23986</v>
      </c>
      <c r="H12913" s="6" t="s">
        <v>23987</v>
      </c>
      <c r="I12913" s="7">
        <v>4.6199013000000004</v>
      </c>
      <c r="J12913" s="8">
        <v>-74.161563999999998</v>
      </c>
    </row>
    <row r="12914" spans="1:10" x14ac:dyDescent="0.35">
      <c r="A12914" s="5" t="s">
        <v>10</v>
      </c>
      <c r="B12914" s="6">
        <v>237616</v>
      </c>
      <c r="C12914" s="6" t="s">
        <v>68</v>
      </c>
      <c r="D12914" s="6" t="s">
        <v>69</v>
      </c>
      <c r="E12914" s="6">
        <v>11001</v>
      </c>
      <c r="F12914" s="6" t="s">
        <v>18</v>
      </c>
      <c r="G12914" s="6" t="s">
        <v>23988</v>
      </c>
      <c r="H12914" s="6" t="s">
        <v>23989</v>
      </c>
      <c r="I12914" s="7">
        <v>4.5553686999999998</v>
      </c>
      <c r="J12914" s="8">
        <v>-74.097379000000004</v>
      </c>
    </row>
    <row r="12915" spans="1:10" x14ac:dyDescent="0.35">
      <c r="A12915" s="5" t="s">
        <v>10</v>
      </c>
      <c r="B12915" s="6">
        <v>204432</v>
      </c>
      <c r="C12915" s="6" t="s">
        <v>68</v>
      </c>
      <c r="D12915" s="6" t="s">
        <v>69</v>
      </c>
      <c r="E12915" s="6">
        <v>11001</v>
      </c>
      <c r="F12915" s="6" t="s">
        <v>18</v>
      </c>
      <c r="G12915" s="6" t="s">
        <v>23990</v>
      </c>
      <c r="H12915" s="6" t="s">
        <v>23991</v>
      </c>
      <c r="I12915" s="7">
        <v>4.6245786000000004</v>
      </c>
      <c r="J12915" s="8">
        <v>-74.197729600000002</v>
      </c>
    </row>
    <row r="12916" spans="1:10" x14ac:dyDescent="0.35">
      <c r="A12916" s="5" t="s">
        <v>10</v>
      </c>
      <c r="B12916" s="6">
        <v>209612</v>
      </c>
      <c r="C12916" s="6" t="s">
        <v>68</v>
      </c>
      <c r="D12916" s="6" t="s">
        <v>69</v>
      </c>
      <c r="E12916" s="6">
        <v>11001</v>
      </c>
      <c r="F12916" s="6" t="s">
        <v>18</v>
      </c>
      <c r="G12916" s="6" t="s">
        <v>12767</v>
      </c>
      <c r="H12916" s="6" t="s">
        <v>12768</v>
      </c>
      <c r="I12916" s="7">
        <v>4.5654804000000002</v>
      </c>
      <c r="J12916" s="8">
        <v>-74.130977599999994</v>
      </c>
    </row>
    <row r="12917" spans="1:10" x14ac:dyDescent="0.35">
      <c r="A12917" s="5" t="s">
        <v>10</v>
      </c>
      <c r="B12917" s="6">
        <v>213534</v>
      </c>
      <c r="C12917" s="6" t="s">
        <v>68</v>
      </c>
      <c r="D12917" s="6" t="s">
        <v>69</v>
      </c>
      <c r="E12917" s="6">
        <v>11001</v>
      </c>
      <c r="F12917" s="6" t="s">
        <v>18</v>
      </c>
      <c r="G12917" s="6" t="s">
        <v>23992</v>
      </c>
      <c r="H12917" s="6" t="s">
        <v>23993</v>
      </c>
      <c r="I12917" s="7">
        <v>4.6085520999999998</v>
      </c>
      <c r="J12917" s="8">
        <v>-74.091017500000007</v>
      </c>
    </row>
    <row r="12918" spans="1:10" x14ac:dyDescent="0.35">
      <c r="A12918" s="5" t="s">
        <v>10</v>
      </c>
      <c r="B12918" s="6">
        <v>203978</v>
      </c>
      <c r="C12918" s="6" t="s">
        <v>68</v>
      </c>
      <c r="D12918" s="6" t="s">
        <v>69</v>
      </c>
      <c r="E12918" s="6">
        <v>11001</v>
      </c>
      <c r="F12918" s="6" t="s">
        <v>18</v>
      </c>
      <c r="G12918" s="6" t="s">
        <v>23994</v>
      </c>
      <c r="H12918" s="6" t="s">
        <v>23995</v>
      </c>
      <c r="I12918" s="7">
        <v>4.5832157000000002</v>
      </c>
      <c r="J12918" s="8">
        <v>-74.079375900000002</v>
      </c>
    </row>
    <row r="12919" spans="1:10" x14ac:dyDescent="0.35">
      <c r="A12919" s="5" t="s">
        <v>10</v>
      </c>
      <c r="B12919" s="6">
        <v>214368</v>
      </c>
      <c r="C12919" s="6" t="s">
        <v>68</v>
      </c>
      <c r="D12919" s="6" t="s">
        <v>69</v>
      </c>
      <c r="E12919" s="6">
        <v>11001</v>
      </c>
      <c r="F12919" s="6" t="s">
        <v>18</v>
      </c>
      <c r="G12919" s="6" t="s">
        <v>23996</v>
      </c>
      <c r="H12919" s="6" t="s">
        <v>23997</v>
      </c>
      <c r="I12919" s="7">
        <v>4.7515052000000004</v>
      </c>
      <c r="J12919" s="8">
        <v>-74.102146399999995</v>
      </c>
    </row>
    <row r="12920" spans="1:10" x14ac:dyDescent="0.35">
      <c r="A12920" s="5" t="s">
        <v>10</v>
      </c>
      <c r="B12920" s="6">
        <v>188682</v>
      </c>
      <c r="C12920" s="6" t="s">
        <v>28</v>
      </c>
      <c r="D12920" s="6" t="s">
        <v>29</v>
      </c>
      <c r="E12920" s="6">
        <v>54001</v>
      </c>
      <c r="F12920" s="6" t="s">
        <v>13</v>
      </c>
      <c r="G12920" s="6" t="s">
        <v>14311</v>
      </c>
      <c r="H12920" s="6" t="s">
        <v>14312</v>
      </c>
      <c r="I12920" s="7">
        <v>7.9147987999999998</v>
      </c>
      <c r="J12920" s="8">
        <v>-72.492836800000006</v>
      </c>
    </row>
    <row r="12921" spans="1:10" x14ac:dyDescent="0.35">
      <c r="A12921" s="5" t="s">
        <v>10</v>
      </c>
      <c r="B12921" s="6">
        <v>189502</v>
      </c>
      <c r="C12921" s="6" t="s">
        <v>68</v>
      </c>
      <c r="D12921" s="6" t="s">
        <v>69</v>
      </c>
      <c r="E12921" s="6">
        <v>11001</v>
      </c>
      <c r="F12921" s="6" t="s">
        <v>13</v>
      </c>
      <c r="G12921" s="6" t="s">
        <v>16997</v>
      </c>
      <c r="H12921" s="6" t="s">
        <v>16998</v>
      </c>
      <c r="I12921" s="7">
        <v>4.6681625999999996</v>
      </c>
      <c r="J12921" s="8">
        <v>-74.073441900000006</v>
      </c>
    </row>
    <row r="12922" spans="1:10" x14ac:dyDescent="0.35">
      <c r="A12922" s="5" t="s">
        <v>10</v>
      </c>
      <c r="B12922" s="6">
        <v>239385</v>
      </c>
      <c r="C12922" s="6" t="s">
        <v>117</v>
      </c>
      <c r="D12922" s="6" t="s">
        <v>3402</v>
      </c>
      <c r="E12922" s="6">
        <v>76364</v>
      </c>
      <c r="F12922" s="6" t="s">
        <v>18</v>
      </c>
      <c r="G12922" s="6" t="s">
        <v>23998</v>
      </c>
      <c r="H12922" s="6" t="s">
        <v>23999</v>
      </c>
      <c r="I12922" s="7">
        <v>3.2598669999999998</v>
      </c>
      <c r="J12922" s="8">
        <v>-76.538275400000003</v>
      </c>
    </row>
    <row r="12923" spans="1:10" x14ac:dyDescent="0.35">
      <c r="A12923" s="5" t="s">
        <v>10</v>
      </c>
      <c r="B12923" s="6">
        <v>219491</v>
      </c>
      <c r="C12923" s="6" t="s">
        <v>68</v>
      </c>
      <c r="D12923" s="6" t="s">
        <v>69</v>
      </c>
      <c r="E12923" s="6">
        <v>11001</v>
      </c>
      <c r="F12923" s="6" t="s">
        <v>18</v>
      </c>
      <c r="G12923" s="6" t="s">
        <v>24000</v>
      </c>
      <c r="H12923" s="6" t="s">
        <v>24001</v>
      </c>
      <c r="I12923" s="7">
        <v>4.6746917999999997</v>
      </c>
      <c r="J12923" s="8">
        <v>-74.144482499999995</v>
      </c>
    </row>
    <row r="12924" spans="1:10" x14ac:dyDescent="0.35">
      <c r="A12924" s="5" t="s">
        <v>10</v>
      </c>
      <c r="B12924" s="6">
        <v>107127</v>
      </c>
      <c r="C12924" s="6" t="s">
        <v>4364</v>
      </c>
      <c r="D12924" s="6" t="s">
        <v>4365</v>
      </c>
      <c r="E12924" s="6">
        <v>70001</v>
      </c>
      <c r="F12924" s="6" t="s">
        <v>13</v>
      </c>
      <c r="G12924" s="6" t="s">
        <v>11877</v>
      </c>
      <c r="H12924" s="6" t="s">
        <v>12819</v>
      </c>
      <c r="I12924" s="7">
        <v>9.3027558999999993</v>
      </c>
      <c r="J12924" s="8">
        <v>-75.397791599999906</v>
      </c>
    </row>
    <row r="12925" spans="1:10" x14ac:dyDescent="0.35">
      <c r="A12925" s="5" t="s">
        <v>10</v>
      </c>
      <c r="B12925" s="6">
        <v>94829</v>
      </c>
      <c r="C12925" s="6" t="s">
        <v>4364</v>
      </c>
      <c r="D12925" s="6" t="s">
        <v>13121</v>
      </c>
      <c r="E12925" s="6">
        <v>70124</v>
      </c>
      <c r="F12925" s="6" t="s">
        <v>18</v>
      </c>
      <c r="G12925" s="6" t="s">
        <v>13122</v>
      </c>
      <c r="H12925" s="6" t="s">
        <v>13123</v>
      </c>
      <c r="I12925" s="7">
        <v>8.79066879999999</v>
      </c>
      <c r="J12925" s="8">
        <v>-75.117151800000002</v>
      </c>
    </row>
    <row r="12926" spans="1:10" x14ac:dyDescent="0.35">
      <c r="A12926" s="5" t="s">
        <v>10</v>
      </c>
      <c r="B12926" s="6">
        <v>143059</v>
      </c>
      <c r="C12926" s="6" t="s">
        <v>109</v>
      </c>
      <c r="D12926" s="6" t="s">
        <v>19084</v>
      </c>
      <c r="E12926" s="6">
        <v>13744</v>
      </c>
      <c r="F12926" s="6" t="s">
        <v>18</v>
      </c>
      <c r="G12926" s="6" t="s">
        <v>9642</v>
      </c>
      <c r="H12926" s="6" t="s">
        <v>24002</v>
      </c>
      <c r="I12926" s="7">
        <v>7.9571509999999996</v>
      </c>
      <c r="J12926" s="8">
        <v>-73.946404000000001</v>
      </c>
    </row>
    <row r="12927" spans="1:10" x14ac:dyDescent="0.35">
      <c r="A12927" s="5" t="s">
        <v>10</v>
      </c>
      <c r="B12927" s="6">
        <v>236877</v>
      </c>
      <c r="C12927" s="6" t="s">
        <v>190</v>
      </c>
      <c r="D12927" s="6" t="s">
        <v>191</v>
      </c>
      <c r="E12927" s="6">
        <v>5001</v>
      </c>
      <c r="F12927" s="6" t="s">
        <v>18</v>
      </c>
      <c r="G12927" s="6" t="s">
        <v>24003</v>
      </c>
      <c r="H12927" s="6" t="s">
        <v>24004</v>
      </c>
      <c r="I12927" s="7">
        <v>6.2772642000000003</v>
      </c>
      <c r="J12927" s="8">
        <v>-75.554573399999995</v>
      </c>
    </row>
    <row r="12928" spans="1:10" x14ac:dyDescent="0.35">
      <c r="A12928" s="5" t="s">
        <v>10</v>
      </c>
      <c r="B12928" s="6">
        <v>240642</v>
      </c>
      <c r="C12928" s="6" t="s">
        <v>190</v>
      </c>
      <c r="D12928" s="6" t="s">
        <v>191</v>
      </c>
      <c r="E12928" s="6">
        <v>5001</v>
      </c>
      <c r="F12928" s="6" t="s">
        <v>18</v>
      </c>
      <c r="G12928" s="6" t="s">
        <v>24005</v>
      </c>
      <c r="H12928" s="6" t="s">
        <v>24006</v>
      </c>
      <c r="I12928" s="7">
        <v>6.2918127999999998</v>
      </c>
      <c r="J12928" s="8">
        <v>-75.560543800000005</v>
      </c>
    </row>
    <row r="12929" spans="1:10" x14ac:dyDescent="0.35">
      <c r="A12929" s="5" t="s">
        <v>10</v>
      </c>
      <c r="B12929" s="6">
        <v>107127</v>
      </c>
      <c r="C12929" s="6" t="s">
        <v>4364</v>
      </c>
      <c r="D12929" s="6" t="s">
        <v>4365</v>
      </c>
      <c r="E12929" s="6">
        <v>70001</v>
      </c>
      <c r="F12929" s="6" t="s">
        <v>13</v>
      </c>
      <c r="G12929" s="6" t="s">
        <v>11877</v>
      </c>
      <c r="H12929" s="6" t="s">
        <v>12819</v>
      </c>
      <c r="I12929" s="7">
        <v>9.3027558999999993</v>
      </c>
      <c r="J12929" s="8">
        <v>-75.397791599999906</v>
      </c>
    </row>
    <row r="12930" spans="1:10" x14ac:dyDescent="0.35">
      <c r="A12930" s="5" t="s">
        <v>10</v>
      </c>
      <c r="B12930" s="6">
        <v>239894</v>
      </c>
      <c r="C12930" s="6" t="s">
        <v>68</v>
      </c>
      <c r="D12930" s="6" t="s">
        <v>69</v>
      </c>
      <c r="E12930" s="6">
        <v>11001</v>
      </c>
      <c r="F12930" s="6" t="s">
        <v>18</v>
      </c>
      <c r="G12930" s="6" t="s">
        <v>24007</v>
      </c>
      <c r="H12930" s="6" t="s">
        <v>24008</v>
      </c>
      <c r="I12930" s="7">
        <v>4.7618109999999998</v>
      </c>
      <c r="J12930" s="8">
        <v>-74.037527999999995</v>
      </c>
    </row>
    <row r="12931" spans="1:10" x14ac:dyDescent="0.35">
      <c r="A12931" s="5" t="s">
        <v>10</v>
      </c>
      <c r="B12931" s="6">
        <v>107096</v>
      </c>
      <c r="C12931" s="6" t="s">
        <v>308</v>
      </c>
      <c r="D12931" s="6" t="s">
        <v>8338</v>
      </c>
      <c r="E12931" s="6">
        <v>23555</v>
      </c>
      <c r="F12931" s="6" t="s">
        <v>13</v>
      </c>
      <c r="G12931" s="6" t="s">
        <v>11877</v>
      </c>
      <c r="H12931" s="6" t="s">
        <v>16432</v>
      </c>
      <c r="I12931" s="7">
        <v>8.4127489999999998</v>
      </c>
      <c r="J12931" s="8">
        <v>-75.584047999999996</v>
      </c>
    </row>
    <row r="12932" spans="1:10" x14ac:dyDescent="0.35">
      <c r="A12932" s="5" t="s">
        <v>10</v>
      </c>
      <c r="B12932" s="6">
        <v>198497</v>
      </c>
      <c r="C12932" s="6" t="s">
        <v>278</v>
      </c>
      <c r="D12932" s="6" t="s">
        <v>3651</v>
      </c>
      <c r="E12932" s="6">
        <v>50313</v>
      </c>
      <c r="F12932" s="6" t="s">
        <v>13</v>
      </c>
      <c r="G12932" s="6" t="s">
        <v>24009</v>
      </c>
      <c r="H12932" s="6" t="s">
        <v>24010</v>
      </c>
      <c r="I12932" s="7">
        <v>3.5433591999999998</v>
      </c>
      <c r="J12932" s="8">
        <v>-73.706190000000007</v>
      </c>
    </row>
    <row r="12933" spans="1:10" x14ac:dyDescent="0.35">
      <c r="A12933" s="5" t="s">
        <v>10</v>
      </c>
      <c r="B12933" s="6">
        <v>189502</v>
      </c>
      <c r="C12933" s="6" t="s">
        <v>68</v>
      </c>
      <c r="D12933" s="6" t="s">
        <v>69</v>
      </c>
      <c r="E12933" s="6">
        <v>11001</v>
      </c>
      <c r="F12933" s="6" t="s">
        <v>13</v>
      </c>
      <c r="G12933" s="6" t="s">
        <v>16997</v>
      </c>
      <c r="H12933" s="6" t="s">
        <v>16998</v>
      </c>
      <c r="I12933" s="7">
        <v>4.6681625999999996</v>
      </c>
      <c r="J12933" s="8">
        <v>-74.073441900000006</v>
      </c>
    </row>
    <row r="12934" spans="1:10" x14ac:dyDescent="0.35">
      <c r="A12934" s="5" t="s">
        <v>10</v>
      </c>
      <c r="B12934" s="6">
        <v>244107</v>
      </c>
      <c r="C12934" s="6" t="s">
        <v>190</v>
      </c>
      <c r="D12934" s="6" t="s">
        <v>15603</v>
      </c>
      <c r="E12934" s="6">
        <v>5353</v>
      </c>
      <c r="F12934" s="6" t="s">
        <v>18</v>
      </c>
      <c r="G12934" s="6" t="s">
        <v>24011</v>
      </c>
      <c r="H12934" s="6" t="s">
        <v>24012</v>
      </c>
      <c r="I12934" s="7">
        <v>5.7990550000000001</v>
      </c>
      <c r="J12934" s="8">
        <v>-75.908415099999999</v>
      </c>
    </row>
    <row r="12935" spans="1:10" x14ac:dyDescent="0.35">
      <c r="A12935" s="5" t="s">
        <v>10</v>
      </c>
      <c r="B12935" s="6">
        <v>234632</v>
      </c>
      <c r="C12935" s="6" t="s">
        <v>457</v>
      </c>
      <c r="D12935" s="6" t="s">
        <v>4400</v>
      </c>
      <c r="E12935" s="6">
        <v>52001</v>
      </c>
      <c r="F12935" s="6" t="s">
        <v>18</v>
      </c>
      <c r="G12935" s="6" t="s">
        <v>18936</v>
      </c>
      <c r="H12935" s="6" t="s">
        <v>24013</v>
      </c>
      <c r="I12935" s="7">
        <v>1.2008312999999999</v>
      </c>
      <c r="J12935" s="8">
        <v>-77.269356500000001</v>
      </c>
    </row>
    <row r="12936" spans="1:10" x14ac:dyDescent="0.35">
      <c r="A12936" s="5" t="s">
        <v>10</v>
      </c>
      <c r="B12936" s="6">
        <v>219235</v>
      </c>
      <c r="C12936" s="6" t="s">
        <v>117</v>
      </c>
      <c r="D12936" s="6" t="s">
        <v>3686</v>
      </c>
      <c r="E12936" s="6">
        <v>76111</v>
      </c>
      <c r="F12936" s="6" t="s">
        <v>18</v>
      </c>
      <c r="G12936" s="6" t="s">
        <v>24014</v>
      </c>
      <c r="H12936" s="6" t="s">
        <v>24015</v>
      </c>
      <c r="I12936" s="7">
        <v>3.9003814999999999</v>
      </c>
      <c r="J12936" s="8">
        <v>-76.301921100000001</v>
      </c>
    </row>
    <row r="12937" spans="1:10" x14ac:dyDescent="0.35">
      <c r="A12937" s="5" t="s">
        <v>10</v>
      </c>
      <c r="B12937" s="6">
        <v>234969</v>
      </c>
      <c r="C12937" s="6" t="s">
        <v>68</v>
      </c>
      <c r="D12937" s="6" t="s">
        <v>69</v>
      </c>
      <c r="E12937" s="6">
        <v>11001</v>
      </c>
      <c r="F12937" s="6" t="s">
        <v>18</v>
      </c>
      <c r="G12937" s="6" t="s">
        <v>24016</v>
      </c>
      <c r="H12937" s="6" t="s">
        <v>24017</v>
      </c>
      <c r="I12937" s="7">
        <v>4.6235258000000004</v>
      </c>
      <c r="J12937" s="8">
        <v>-74.1183044</v>
      </c>
    </row>
    <row r="12938" spans="1:10" x14ac:dyDescent="0.35">
      <c r="A12938" s="5" t="s">
        <v>10</v>
      </c>
      <c r="B12938" s="6">
        <v>199139</v>
      </c>
      <c r="C12938" s="6" t="s">
        <v>68</v>
      </c>
      <c r="D12938" s="6" t="s">
        <v>69</v>
      </c>
      <c r="E12938" s="6">
        <v>11001</v>
      </c>
      <c r="F12938" s="6" t="s">
        <v>18</v>
      </c>
      <c r="G12938" s="6" t="s">
        <v>24018</v>
      </c>
      <c r="H12938" s="6" t="s">
        <v>24019</v>
      </c>
      <c r="I12938" s="7">
        <v>4.6034809000000001</v>
      </c>
      <c r="J12938" s="8">
        <v>-74.097720799999905</v>
      </c>
    </row>
    <row r="12939" spans="1:10" x14ac:dyDescent="0.35">
      <c r="A12939" s="5" t="s">
        <v>10</v>
      </c>
      <c r="B12939" s="6">
        <v>240425</v>
      </c>
      <c r="C12939" s="6" t="s">
        <v>117</v>
      </c>
      <c r="D12939" s="6" t="s">
        <v>118</v>
      </c>
      <c r="E12939" s="6">
        <v>76400</v>
      </c>
      <c r="F12939" s="6" t="s">
        <v>18</v>
      </c>
      <c r="G12939" s="6" t="s">
        <v>24020</v>
      </c>
      <c r="H12939" s="6" t="s">
        <v>24021</v>
      </c>
      <c r="I12939" s="7">
        <v>4.5332091999999999</v>
      </c>
      <c r="J12939" s="8">
        <v>-76.103337100000005</v>
      </c>
    </row>
    <row r="12940" spans="1:10" x14ac:dyDescent="0.35">
      <c r="A12940" s="5" t="s">
        <v>10</v>
      </c>
      <c r="B12940" s="6">
        <v>246149</v>
      </c>
      <c r="C12940" s="6" t="s">
        <v>117</v>
      </c>
      <c r="D12940" s="6" t="s">
        <v>12447</v>
      </c>
      <c r="E12940" s="6">
        <v>76248</v>
      </c>
      <c r="F12940" s="6" t="s">
        <v>18</v>
      </c>
      <c r="G12940" s="6" t="s">
        <v>24022</v>
      </c>
      <c r="H12940" s="6" t="s">
        <v>24023</v>
      </c>
      <c r="I12940" s="7">
        <v>3.6815597000000002</v>
      </c>
      <c r="J12940" s="8">
        <v>-76.307692599999996</v>
      </c>
    </row>
    <row r="12941" spans="1:10" x14ac:dyDescent="0.35">
      <c r="A12941" s="5" t="s">
        <v>10</v>
      </c>
      <c r="B12941" s="6">
        <v>107102</v>
      </c>
      <c r="C12941" s="6" t="s">
        <v>308</v>
      </c>
      <c r="D12941" s="6" t="s">
        <v>13199</v>
      </c>
      <c r="E12941" s="6">
        <v>23672</v>
      </c>
      <c r="F12941" s="6" t="s">
        <v>13</v>
      </c>
      <c r="G12941" s="6" t="s">
        <v>11877</v>
      </c>
      <c r="H12941" s="6" t="s">
        <v>24024</v>
      </c>
      <c r="I12941" s="7">
        <v>9.3740965000000003</v>
      </c>
      <c r="J12941" s="8">
        <v>-75.759243999999995</v>
      </c>
    </row>
    <row r="12942" spans="1:10" x14ac:dyDescent="0.35">
      <c r="A12942" s="5" t="s">
        <v>10</v>
      </c>
      <c r="B12942" s="6">
        <v>201574</v>
      </c>
      <c r="C12942" s="6" t="s">
        <v>2130</v>
      </c>
      <c r="D12942" s="6" t="s">
        <v>3979</v>
      </c>
      <c r="E12942" s="6">
        <v>85010</v>
      </c>
      <c r="F12942" s="6" t="s">
        <v>18</v>
      </c>
      <c r="G12942" s="6" t="s">
        <v>24025</v>
      </c>
      <c r="H12942" s="6" t="s">
        <v>24026</v>
      </c>
      <c r="I12942" s="7">
        <v>5.1665580999999996</v>
      </c>
      <c r="J12942" s="8">
        <v>-72.547424199999995</v>
      </c>
    </row>
    <row r="12943" spans="1:10" x14ac:dyDescent="0.35">
      <c r="A12943" s="5" t="s">
        <v>10</v>
      </c>
      <c r="B12943" s="6">
        <v>238969</v>
      </c>
      <c r="C12943" s="6" t="s">
        <v>190</v>
      </c>
      <c r="D12943" s="6" t="s">
        <v>14841</v>
      </c>
      <c r="E12943" s="6">
        <v>5854</v>
      </c>
      <c r="F12943" s="6" t="s">
        <v>18</v>
      </c>
      <c r="G12943" s="6" t="s">
        <v>24027</v>
      </c>
      <c r="H12943" s="6" t="s">
        <v>24028</v>
      </c>
      <c r="I12943" s="7">
        <v>7.1645431999999998</v>
      </c>
      <c r="J12943" s="8">
        <v>-75.439342100000005</v>
      </c>
    </row>
    <row r="12944" spans="1:10" x14ac:dyDescent="0.35">
      <c r="A12944" s="5" t="s">
        <v>10</v>
      </c>
      <c r="B12944" s="6">
        <v>240471</v>
      </c>
      <c r="C12944" s="6" t="s">
        <v>190</v>
      </c>
      <c r="D12944" s="6" t="s">
        <v>6084</v>
      </c>
      <c r="E12944" s="6">
        <v>5154</v>
      </c>
      <c r="F12944" s="6" t="s">
        <v>18</v>
      </c>
      <c r="G12944" s="6" t="s">
        <v>24029</v>
      </c>
      <c r="H12944" s="6" t="s">
        <v>24030</v>
      </c>
      <c r="I12944" s="7">
        <v>7.9821524999999998</v>
      </c>
      <c r="J12944" s="8">
        <v>-75.198861500000007</v>
      </c>
    </row>
    <row r="12945" spans="1:10" x14ac:dyDescent="0.35">
      <c r="A12945" s="5" t="s">
        <v>10</v>
      </c>
      <c r="B12945" s="6">
        <v>107131</v>
      </c>
      <c r="C12945" s="6" t="s">
        <v>4364</v>
      </c>
      <c r="D12945" s="6" t="s">
        <v>4365</v>
      </c>
      <c r="E12945" s="6">
        <v>70001</v>
      </c>
      <c r="F12945" s="6" t="s">
        <v>13</v>
      </c>
      <c r="G12945" s="6" t="s">
        <v>11877</v>
      </c>
      <c r="H12945" s="6" t="s">
        <v>22804</v>
      </c>
      <c r="I12945" s="7">
        <v>9.2480499999999992</v>
      </c>
      <c r="J12945" s="8">
        <v>-75.3435688</v>
      </c>
    </row>
    <row r="12946" spans="1:10" x14ac:dyDescent="0.35">
      <c r="A12946" s="5" t="s">
        <v>10</v>
      </c>
      <c r="B12946" s="6">
        <v>239097</v>
      </c>
      <c r="C12946" s="6" t="s">
        <v>68</v>
      </c>
      <c r="D12946" s="6" t="s">
        <v>69</v>
      </c>
      <c r="E12946" s="6">
        <v>11001</v>
      </c>
      <c r="F12946" s="6" t="s">
        <v>18</v>
      </c>
      <c r="G12946" s="6" t="s">
        <v>24031</v>
      </c>
      <c r="H12946" s="6" t="s">
        <v>24032</v>
      </c>
      <c r="I12946" s="7">
        <v>4.5881604999999999</v>
      </c>
      <c r="J12946" s="8">
        <v>-74.078512900000007</v>
      </c>
    </row>
    <row r="12947" spans="1:10" x14ac:dyDescent="0.35">
      <c r="A12947" s="5" t="s">
        <v>10</v>
      </c>
      <c r="B12947" s="6">
        <v>246912</v>
      </c>
      <c r="C12947" s="6" t="s">
        <v>68</v>
      </c>
      <c r="D12947" s="6" t="s">
        <v>69</v>
      </c>
      <c r="E12947" s="6">
        <v>11001</v>
      </c>
      <c r="F12947" s="6" t="s">
        <v>18</v>
      </c>
      <c r="G12947" s="6" t="s">
        <v>24033</v>
      </c>
      <c r="H12947" s="6" t="s">
        <v>24034</v>
      </c>
      <c r="I12947" s="7">
        <v>4.5820609000000001</v>
      </c>
      <c r="J12947" s="8">
        <v>-74.117218800000003</v>
      </c>
    </row>
    <row r="12948" spans="1:10" x14ac:dyDescent="0.35">
      <c r="A12948" s="5" t="s">
        <v>10</v>
      </c>
      <c r="B12948" s="6">
        <v>208839</v>
      </c>
      <c r="C12948" s="6" t="s">
        <v>68</v>
      </c>
      <c r="D12948" s="6" t="s">
        <v>69</v>
      </c>
      <c r="E12948" s="6">
        <v>11001</v>
      </c>
      <c r="F12948" s="6" t="s">
        <v>18</v>
      </c>
      <c r="G12948" s="6" t="s">
        <v>24035</v>
      </c>
      <c r="H12948" s="6" t="s">
        <v>24036</v>
      </c>
      <c r="I12948" s="7">
        <v>4.6991394</v>
      </c>
      <c r="J12948" s="8">
        <v>-74.074091699999997</v>
      </c>
    </row>
    <row r="12949" spans="1:10" x14ac:dyDescent="0.35">
      <c r="A12949" s="5" t="s">
        <v>10</v>
      </c>
      <c r="B12949" s="6">
        <v>162040</v>
      </c>
      <c r="C12949" s="6" t="s">
        <v>278</v>
      </c>
      <c r="D12949" s="6" t="s">
        <v>279</v>
      </c>
      <c r="E12949" s="6">
        <v>50001</v>
      </c>
      <c r="F12949" s="6" t="s">
        <v>18</v>
      </c>
      <c r="G12949" s="6" t="s">
        <v>24037</v>
      </c>
      <c r="H12949" s="6" t="s">
        <v>24038</v>
      </c>
      <c r="I12949" s="7">
        <v>4.1435512000000001</v>
      </c>
      <c r="J12949" s="8">
        <v>-73.610133199999893</v>
      </c>
    </row>
    <row r="12950" spans="1:10" x14ac:dyDescent="0.35">
      <c r="A12950" s="5" t="s">
        <v>10</v>
      </c>
      <c r="B12950" s="6">
        <v>143119</v>
      </c>
      <c r="C12950" s="6" t="s">
        <v>109</v>
      </c>
      <c r="D12950" s="6" t="s">
        <v>110</v>
      </c>
      <c r="E12950" s="6">
        <v>13810</v>
      </c>
      <c r="F12950" s="6" t="s">
        <v>18</v>
      </c>
      <c r="G12950" s="6" t="s">
        <v>13528</v>
      </c>
      <c r="H12950" s="6" t="s">
        <v>24039</v>
      </c>
      <c r="I12950" s="7">
        <v>10.431011700000001</v>
      </c>
      <c r="J12950" s="8">
        <v>-75.525122400000001</v>
      </c>
    </row>
    <row r="12951" spans="1:10" x14ac:dyDescent="0.35">
      <c r="A12951" s="5" t="s">
        <v>10</v>
      </c>
      <c r="B12951" s="6">
        <v>210774</v>
      </c>
      <c r="C12951" s="6" t="s">
        <v>68</v>
      </c>
      <c r="D12951" s="6" t="s">
        <v>69</v>
      </c>
      <c r="E12951" s="6">
        <v>11001</v>
      </c>
      <c r="F12951" s="6" t="s">
        <v>18</v>
      </c>
      <c r="G12951" s="6" t="s">
        <v>24040</v>
      </c>
      <c r="H12951" s="6" t="s">
        <v>24041</v>
      </c>
      <c r="I12951" s="7">
        <v>4.5033240999999897</v>
      </c>
      <c r="J12951" s="8">
        <v>-74.110867799999994</v>
      </c>
    </row>
    <row r="12952" spans="1:10" x14ac:dyDescent="0.35">
      <c r="A12952" s="5" t="s">
        <v>10</v>
      </c>
      <c r="B12952" s="6">
        <v>216379</v>
      </c>
      <c r="C12952" s="6" t="s">
        <v>11</v>
      </c>
      <c r="D12952" s="6" t="s">
        <v>513</v>
      </c>
      <c r="E12952" s="6">
        <v>25286</v>
      </c>
      <c r="F12952" s="6" t="s">
        <v>18</v>
      </c>
      <c r="G12952" s="6" t="s">
        <v>24042</v>
      </c>
      <c r="H12952" s="6" t="s">
        <v>24043</v>
      </c>
      <c r="I12952" s="7">
        <v>4.7043330000000001</v>
      </c>
      <c r="J12952" s="8">
        <v>-74.211606399999994</v>
      </c>
    </row>
    <row r="12953" spans="1:10" x14ac:dyDescent="0.35">
      <c r="A12953" s="5" t="s">
        <v>10</v>
      </c>
      <c r="B12953" s="6">
        <v>234706</v>
      </c>
      <c r="C12953" s="6" t="s">
        <v>117</v>
      </c>
      <c r="D12953" s="6" t="s">
        <v>1334</v>
      </c>
      <c r="E12953" s="6">
        <v>76001</v>
      </c>
      <c r="F12953" s="6" t="s">
        <v>18</v>
      </c>
      <c r="G12953" s="6" t="s">
        <v>24044</v>
      </c>
      <c r="H12953" s="6" t="s">
        <v>24045</v>
      </c>
      <c r="I12953" s="7">
        <v>3.4702378</v>
      </c>
      <c r="J12953" s="8">
        <v>-76.484255300000001</v>
      </c>
    </row>
    <row r="12954" spans="1:10" x14ac:dyDescent="0.35">
      <c r="A12954" s="5" t="s">
        <v>10</v>
      </c>
      <c r="B12954" s="6">
        <v>181002</v>
      </c>
      <c r="C12954" s="6" t="s">
        <v>68</v>
      </c>
      <c r="D12954" s="6" t="s">
        <v>69</v>
      </c>
      <c r="E12954" s="6">
        <v>11001</v>
      </c>
      <c r="F12954" s="6" t="s">
        <v>18</v>
      </c>
      <c r="G12954" s="6" t="s">
        <v>12609</v>
      </c>
      <c r="H12954" s="6" t="s">
        <v>12610</v>
      </c>
      <c r="I12954" s="7">
        <v>4.5359882999999996</v>
      </c>
      <c r="J12954" s="8">
        <v>-74.087347800000003</v>
      </c>
    </row>
    <row r="12955" spans="1:10" x14ac:dyDescent="0.35">
      <c r="A12955" s="5" t="s">
        <v>10</v>
      </c>
      <c r="B12955" s="6">
        <v>236684</v>
      </c>
      <c r="C12955" s="6" t="s">
        <v>68</v>
      </c>
      <c r="D12955" s="6" t="s">
        <v>69</v>
      </c>
      <c r="E12955" s="6">
        <v>11001</v>
      </c>
      <c r="F12955" s="6" t="s">
        <v>18</v>
      </c>
      <c r="G12955" s="6" t="s">
        <v>24046</v>
      </c>
      <c r="H12955" s="6" t="s">
        <v>24047</v>
      </c>
      <c r="I12955" s="7">
        <v>4.9559252999999996</v>
      </c>
      <c r="J12955" s="8">
        <v>-73.936487799999995</v>
      </c>
    </row>
    <row r="12956" spans="1:10" x14ac:dyDescent="0.35">
      <c r="A12956" s="5" t="s">
        <v>10</v>
      </c>
      <c r="B12956" s="6">
        <v>231529</v>
      </c>
      <c r="C12956" s="6" t="s">
        <v>2130</v>
      </c>
      <c r="D12956" s="6" t="s">
        <v>6498</v>
      </c>
      <c r="E12956" s="6">
        <v>85139</v>
      </c>
      <c r="F12956" s="6" t="s">
        <v>18</v>
      </c>
      <c r="G12956" s="6" t="s">
        <v>24048</v>
      </c>
      <c r="H12956" s="6" t="s">
        <v>24049</v>
      </c>
      <c r="I12956" s="7">
        <v>4.8170250000000001</v>
      </c>
      <c r="J12956" s="8">
        <v>-72.282709999999994</v>
      </c>
    </row>
    <row r="12957" spans="1:10" x14ac:dyDescent="0.35">
      <c r="A12957" s="5" t="s">
        <v>10</v>
      </c>
      <c r="B12957" s="6">
        <v>167462</v>
      </c>
      <c r="C12957" s="6" t="s">
        <v>190</v>
      </c>
      <c r="D12957" s="6" t="s">
        <v>12565</v>
      </c>
      <c r="E12957" s="6">
        <v>5697</v>
      </c>
      <c r="F12957" s="6" t="s">
        <v>18</v>
      </c>
      <c r="G12957" s="6" t="s">
        <v>22971</v>
      </c>
      <c r="H12957" s="6" t="s">
        <v>22972</v>
      </c>
      <c r="I12957" s="7">
        <v>6.1381042999999904</v>
      </c>
      <c r="J12957" s="8">
        <v>-75.262940099999994</v>
      </c>
    </row>
    <row r="12958" spans="1:10" x14ac:dyDescent="0.35">
      <c r="A12958" s="5" t="s">
        <v>10</v>
      </c>
      <c r="B12958" s="6">
        <v>241600</v>
      </c>
      <c r="C12958" s="6" t="s">
        <v>190</v>
      </c>
      <c r="D12958" s="6" t="s">
        <v>118</v>
      </c>
      <c r="E12958" s="6">
        <v>5400</v>
      </c>
      <c r="F12958" s="6" t="s">
        <v>18</v>
      </c>
      <c r="G12958" s="6" t="s">
        <v>24050</v>
      </c>
      <c r="H12958" s="6" t="s">
        <v>24051</v>
      </c>
      <c r="I12958" s="7">
        <v>1.1956230000000001</v>
      </c>
      <c r="J12958" s="8">
        <v>-77.266645100000005</v>
      </c>
    </row>
    <row r="12959" spans="1:10" x14ac:dyDescent="0.35">
      <c r="A12959" s="5" t="s">
        <v>10</v>
      </c>
      <c r="B12959" s="6">
        <v>239030</v>
      </c>
      <c r="C12959" s="6" t="s">
        <v>190</v>
      </c>
      <c r="D12959" s="6" t="s">
        <v>24052</v>
      </c>
      <c r="E12959" s="6">
        <v>5030</v>
      </c>
      <c r="F12959" s="6" t="s">
        <v>18</v>
      </c>
      <c r="G12959" s="6" t="s">
        <v>24053</v>
      </c>
      <c r="H12959" s="6" t="s">
        <v>24054</v>
      </c>
      <c r="I12959" s="7">
        <v>6.0373561999999996</v>
      </c>
      <c r="J12959" s="8">
        <v>-75.702191099999993</v>
      </c>
    </row>
    <row r="12960" spans="1:10" x14ac:dyDescent="0.35">
      <c r="A12960" s="5" t="s">
        <v>10</v>
      </c>
      <c r="B12960" s="6">
        <v>239031</v>
      </c>
      <c r="C12960" s="6" t="s">
        <v>190</v>
      </c>
      <c r="D12960" s="6" t="s">
        <v>438</v>
      </c>
      <c r="E12960" s="6">
        <v>5045</v>
      </c>
      <c r="F12960" s="6" t="s">
        <v>18</v>
      </c>
      <c r="G12960" s="6" t="s">
        <v>113</v>
      </c>
      <c r="H12960" s="6" t="s">
        <v>24055</v>
      </c>
      <c r="I12960" s="7">
        <v>7.8787070000000003</v>
      </c>
      <c r="J12960" s="8">
        <v>-76.634627800000004</v>
      </c>
    </row>
    <row r="12961" spans="1:10" x14ac:dyDescent="0.35">
      <c r="A12961" s="5" t="s">
        <v>10</v>
      </c>
      <c r="B12961" s="6">
        <v>171435</v>
      </c>
      <c r="C12961" s="6" t="s">
        <v>4364</v>
      </c>
      <c r="D12961" s="6" t="s">
        <v>8441</v>
      </c>
      <c r="E12961" s="6">
        <v>70708</v>
      </c>
      <c r="F12961" s="6" t="s">
        <v>13</v>
      </c>
      <c r="G12961" s="6" t="s">
        <v>24056</v>
      </c>
      <c r="H12961" s="6" t="s">
        <v>24057</v>
      </c>
      <c r="I12961" s="7">
        <v>8.6610777999999993</v>
      </c>
      <c r="J12961" s="8">
        <v>-75.135061399999998</v>
      </c>
    </row>
    <row r="12962" spans="1:10" x14ac:dyDescent="0.35">
      <c r="A12962" s="5" t="s">
        <v>10</v>
      </c>
      <c r="B12962" s="6">
        <v>238866</v>
      </c>
      <c r="C12962" s="6" t="s">
        <v>68</v>
      </c>
      <c r="D12962" s="6" t="s">
        <v>69</v>
      </c>
      <c r="E12962" s="6">
        <v>11001</v>
      </c>
      <c r="F12962" s="6" t="s">
        <v>18</v>
      </c>
      <c r="G12962" s="6" t="s">
        <v>24058</v>
      </c>
      <c r="H12962" s="6" t="s">
        <v>24059</v>
      </c>
      <c r="I12962" s="7">
        <v>4.6684545000000002</v>
      </c>
      <c r="J12962" s="8">
        <v>-74.070404600000003</v>
      </c>
    </row>
    <row r="12963" spans="1:10" x14ac:dyDescent="0.35">
      <c r="A12963" s="5" t="s">
        <v>10</v>
      </c>
      <c r="B12963" s="6">
        <v>231508</v>
      </c>
      <c r="C12963" s="6" t="s">
        <v>302</v>
      </c>
      <c r="D12963" s="6" t="s">
        <v>359</v>
      </c>
      <c r="E12963" s="6">
        <v>8001</v>
      </c>
      <c r="F12963" s="6" t="s">
        <v>13</v>
      </c>
      <c r="G12963" s="6" t="s">
        <v>24060</v>
      </c>
      <c r="H12963" s="6" t="s">
        <v>24061</v>
      </c>
      <c r="I12963" s="7">
        <v>10.946120000000001</v>
      </c>
      <c r="J12963" s="8">
        <v>-74.802558000000005</v>
      </c>
    </row>
    <row r="12964" spans="1:10" x14ac:dyDescent="0.35">
      <c r="A12964" s="5" t="s">
        <v>10</v>
      </c>
      <c r="B12964" s="6">
        <v>246198</v>
      </c>
      <c r="C12964" s="6" t="s">
        <v>117</v>
      </c>
      <c r="D12964" s="6" t="s">
        <v>1334</v>
      </c>
      <c r="E12964" s="6">
        <v>76001</v>
      </c>
      <c r="F12964" s="6" t="s">
        <v>18</v>
      </c>
      <c r="G12964" s="6" t="s">
        <v>113</v>
      </c>
      <c r="H12964" s="6" t="s">
        <v>24062</v>
      </c>
      <c r="I12964" s="7">
        <v>3.4038618999999999</v>
      </c>
      <c r="J12964" s="8">
        <v>-76.511264999999995</v>
      </c>
    </row>
    <row r="12965" spans="1:10" x14ac:dyDescent="0.35">
      <c r="A12965" s="5" t="s">
        <v>10</v>
      </c>
      <c r="B12965" s="6">
        <v>244782</v>
      </c>
      <c r="C12965" s="6" t="s">
        <v>190</v>
      </c>
      <c r="D12965" s="6" t="s">
        <v>24063</v>
      </c>
      <c r="E12965" s="6">
        <v>5656</v>
      </c>
      <c r="F12965" s="6" t="s">
        <v>18</v>
      </c>
      <c r="G12965" s="6" t="s">
        <v>24064</v>
      </c>
      <c r="H12965" s="6" t="s">
        <v>24065</v>
      </c>
      <c r="I12965" s="7">
        <v>6.4404453000000004</v>
      </c>
      <c r="J12965" s="8">
        <v>-75.726295500000006</v>
      </c>
    </row>
    <row r="12966" spans="1:10" x14ac:dyDescent="0.35">
      <c r="A12966" s="5" t="s">
        <v>10</v>
      </c>
      <c r="B12966" s="6">
        <v>242476</v>
      </c>
      <c r="C12966" s="6" t="s">
        <v>68</v>
      </c>
      <c r="D12966" s="6" t="s">
        <v>69</v>
      </c>
      <c r="E12966" s="6">
        <v>11001</v>
      </c>
      <c r="F12966" s="6" t="s">
        <v>18</v>
      </c>
      <c r="G12966" s="6" t="s">
        <v>24066</v>
      </c>
      <c r="H12966" s="6" t="s">
        <v>24067</v>
      </c>
      <c r="I12966" s="7">
        <v>4.6640512999999997</v>
      </c>
      <c r="J12966" s="8">
        <v>-74.054951900000006</v>
      </c>
    </row>
    <row r="12967" spans="1:10" x14ac:dyDescent="0.35">
      <c r="A12967" s="5" t="s">
        <v>10</v>
      </c>
      <c r="B12967" s="6">
        <v>191045</v>
      </c>
      <c r="C12967" s="6" t="s">
        <v>117</v>
      </c>
      <c r="D12967" s="6" t="s">
        <v>1334</v>
      </c>
      <c r="E12967" s="6">
        <v>76001</v>
      </c>
      <c r="F12967" s="6" t="s">
        <v>13</v>
      </c>
      <c r="G12967" s="6" t="s">
        <v>24068</v>
      </c>
      <c r="H12967" s="6" t="s">
        <v>24069</v>
      </c>
      <c r="I12967" s="7">
        <v>3.4373632000000001</v>
      </c>
      <c r="J12967" s="8">
        <v>-76.479139099999998</v>
      </c>
    </row>
    <row r="12968" spans="1:10" x14ac:dyDescent="0.35">
      <c r="A12968" s="5" t="s">
        <v>10</v>
      </c>
      <c r="B12968" s="6">
        <v>232100</v>
      </c>
      <c r="C12968" s="6" t="s">
        <v>190</v>
      </c>
      <c r="D12968" s="6" t="s">
        <v>24052</v>
      </c>
      <c r="E12968" s="6">
        <v>5030</v>
      </c>
      <c r="F12968" s="6" t="s">
        <v>18</v>
      </c>
      <c r="G12968" s="6" t="s">
        <v>24070</v>
      </c>
      <c r="H12968" s="6" t="s">
        <v>24071</v>
      </c>
      <c r="I12968" s="7">
        <v>6.0399240000000001</v>
      </c>
      <c r="J12968" s="8">
        <v>-75.703611199999997</v>
      </c>
    </row>
    <row r="12969" spans="1:10" x14ac:dyDescent="0.35">
      <c r="A12969" s="5" t="s">
        <v>10</v>
      </c>
      <c r="B12969" s="6">
        <v>206467</v>
      </c>
      <c r="C12969" s="6" t="s">
        <v>68</v>
      </c>
      <c r="D12969" s="6" t="s">
        <v>69</v>
      </c>
      <c r="E12969" s="6">
        <v>11001</v>
      </c>
      <c r="F12969" s="6" t="s">
        <v>18</v>
      </c>
      <c r="G12969" s="6" t="s">
        <v>113</v>
      </c>
      <c r="H12969" s="6" t="s">
        <v>12393</v>
      </c>
      <c r="I12969" s="7">
        <v>4.6106413000000002</v>
      </c>
      <c r="J12969" s="8">
        <v>-74.119017999999997</v>
      </c>
    </row>
    <row r="12970" spans="1:10" x14ac:dyDescent="0.35">
      <c r="A12970" s="5" t="s">
        <v>10</v>
      </c>
      <c r="B12970" s="6">
        <v>236725</v>
      </c>
      <c r="C12970" s="6" t="s">
        <v>109</v>
      </c>
      <c r="D12970" s="6" t="s">
        <v>227</v>
      </c>
      <c r="E12970" s="6">
        <v>13001</v>
      </c>
      <c r="F12970" s="6" t="s">
        <v>18</v>
      </c>
      <c r="G12970" s="6" t="s">
        <v>24072</v>
      </c>
      <c r="H12970" s="6" t="s">
        <v>24073</v>
      </c>
      <c r="I12970" s="7">
        <v>10.3824688</v>
      </c>
      <c r="J12970" s="8">
        <v>-75.459803600000001</v>
      </c>
    </row>
    <row r="12971" spans="1:10" x14ac:dyDescent="0.35">
      <c r="A12971" s="5" t="s">
        <v>10</v>
      </c>
      <c r="B12971" s="6">
        <v>209971</v>
      </c>
      <c r="C12971" s="6" t="s">
        <v>68</v>
      </c>
      <c r="D12971" s="6" t="s">
        <v>69</v>
      </c>
      <c r="E12971" s="6">
        <v>11001</v>
      </c>
      <c r="F12971" s="6" t="s">
        <v>18</v>
      </c>
      <c r="G12971" s="6" t="s">
        <v>24074</v>
      </c>
      <c r="H12971" s="6" t="s">
        <v>24075</v>
      </c>
      <c r="I12971" s="7">
        <v>4.5756395999999997</v>
      </c>
      <c r="J12971" s="8">
        <v>-74.123794799999999</v>
      </c>
    </row>
    <row r="12972" spans="1:10" x14ac:dyDescent="0.35">
      <c r="A12972" s="5" t="s">
        <v>10</v>
      </c>
      <c r="B12972" s="6">
        <v>248711</v>
      </c>
      <c r="C12972" s="6" t="s">
        <v>117</v>
      </c>
      <c r="D12972" s="6" t="s">
        <v>3860</v>
      </c>
      <c r="E12972" s="6">
        <v>76130</v>
      </c>
      <c r="F12972" s="6" t="s">
        <v>18</v>
      </c>
      <c r="G12972" s="6" t="s">
        <v>24076</v>
      </c>
      <c r="H12972" s="6" t="s">
        <v>24077</v>
      </c>
      <c r="I12972" s="7">
        <v>3.4443503</v>
      </c>
      <c r="J12972" s="8">
        <v>-76.521503800000005</v>
      </c>
    </row>
    <row r="12973" spans="1:10" x14ac:dyDescent="0.35">
      <c r="A12973" s="5" t="s">
        <v>10</v>
      </c>
      <c r="B12973" s="6">
        <v>248781</v>
      </c>
      <c r="C12973" s="6" t="s">
        <v>42</v>
      </c>
      <c r="D12973" s="6" t="s">
        <v>275</v>
      </c>
      <c r="E12973" s="6">
        <v>17614</v>
      </c>
      <c r="F12973" s="6" t="s">
        <v>18</v>
      </c>
      <c r="G12973" s="6" t="s">
        <v>24078</v>
      </c>
      <c r="H12973" s="6" t="s">
        <v>24079</v>
      </c>
      <c r="I12973" s="7">
        <v>5.4210817999999996</v>
      </c>
      <c r="J12973" s="8">
        <v>-75.702214299999994</v>
      </c>
    </row>
    <row r="12974" spans="1:10" x14ac:dyDescent="0.35">
      <c r="A12974" s="5" t="s">
        <v>10</v>
      </c>
      <c r="B12974" s="6">
        <v>249792</v>
      </c>
      <c r="C12974" s="6" t="s">
        <v>55</v>
      </c>
      <c r="D12974" s="6" t="s">
        <v>56</v>
      </c>
      <c r="E12974" s="6">
        <v>73001</v>
      </c>
      <c r="F12974" s="6" t="s">
        <v>18</v>
      </c>
      <c r="G12974" s="6" t="s">
        <v>24080</v>
      </c>
      <c r="H12974" s="6" t="s">
        <v>24081</v>
      </c>
      <c r="I12974" s="7">
        <v>4.4466811999999996</v>
      </c>
      <c r="J12974" s="8">
        <v>-75.245262100000005</v>
      </c>
    </row>
    <row r="12975" spans="1:10" x14ac:dyDescent="0.35">
      <c r="A12975" s="5" t="s">
        <v>10</v>
      </c>
      <c r="B12975" s="6">
        <v>41280</v>
      </c>
      <c r="C12975" s="6" t="s">
        <v>308</v>
      </c>
      <c r="D12975" s="6" t="s">
        <v>309</v>
      </c>
      <c r="E12975" s="6">
        <v>23001</v>
      </c>
      <c r="F12975" s="6" t="s">
        <v>13</v>
      </c>
      <c r="G12975" s="6" t="s">
        <v>24082</v>
      </c>
      <c r="H12975" s="6" t="s">
        <v>24083</v>
      </c>
      <c r="I12975" s="7">
        <v>8.7612375999999994</v>
      </c>
      <c r="J12975" s="8">
        <v>-75.864013700000001</v>
      </c>
    </row>
    <row r="12976" spans="1:10" x14ac:dyDescent="0.35">
      <c r="A12976" s="5" t="s">
        <v>10</v>
      </c>
      <c r="B12976" s="6">
        <v>68407</v>
      </c>
      <c r="C12976" s="6" t="s">
        <v>16</v>
      </c>
      <c r="D12976" s="6" t="s">
        <v>17</v>
      </c>
      <c r="E12976" s="6">
        <v>68679</v>
      </c>
      <c r="F12976" s="6" t="s">
        <v>18</v>
      </c>
      <c r="G12976" s="6" t="s">
        <v>2517</v>
      </c>
      <c r="H12976" s="6" t="s">
        <v>2518</v>
      </c>
      <c r="I12976" s="7">
        <v>6.554824</v>
      </c>
      <c r="J12976" s="8">
        <v>-73.134119999999996</v>
      </c>
    </row>
    <row r="12977" spans="1:10" x14ac:dyDescent="0.35">
      <c r="A12977" s="5" t="s">
        <v>10</v>
      </c>
      <c r="B12977" s="6">
        <v>163142</v>
      </c>
      <c r="C12977" s="6" t="s">
        <v>68</v>
      </c>
      <c r="D12977" s="6" t="s">
        <v>69</v>
      </c>
      <c r="E12977" s="6">
        <v>11001</v>
      </c>
      <c r="F12977" s="6" t="s">
        <v>18</v>
      </c>
      <c r="G12977" s="6" t="s">
        <v>17728</v>
      </c>
      <c r="H12977" s="6" t="s">
        <v>17729</v>
      </c>
      <c r="I12977" s="7">
        <v>4.6858886999999996</v>
      </c>
      <c r="J12977" s="8">
        <v>-74.052908599999995</v>
      </c>
    </row>
    <row r="12978" spans="1:10" x14ac:dyDescent="0.35">
      <c r="A12978" s="5" t="s">
        <v>10</v>
      </c>
      <c r="B12978" s="6">
        <v>191443</v>
      </c>
      <c r="C12978" s="6" t="s">
        <v>11</v>
      </c>
      <c r="D12978" s="6" t="s">
        <v>513</v>
      </c>
      <c r="E12978" s="6">
        <v>25286</v>
      </c>
      <c r="F12978" s="6" t="s">
        <v>18</v>
      </c>
      <c r="G12978" s="6" t="s">
        <v>10642</v>
      </c>
      <c r="H12978" s="6" t="s">
        <v>24084</v>
      </c>
      <c r="I12978" s="7">
        <v>4.7106186999999897</v>
      </c>
      <c r="J12978" s="8">
        <v>-74.213479399999997</v>
      </c>
    </row>
    <row r="12979" spans="1:10" x14ac:dyDescent="0.35">
      <c r="A12979" s="5" t="s">
        <v>10</v>
      </c>
      <c r="B12979" s="6">
        <v>198497</v>
      </c>
      <c r="C12979" s="6" t="s">
        <v>278</v>
      </c>
      <c r="D12979" s="6" t="s">
        <v>3651</v>
      </c>
      <c r="E12979" s="6">
        <v>50313</v>
      </c>
      <c r="F12979" s="6" t="s">
        <v>13</v>
      </c>
      <c r="G12979" s="6" t="s">
        <v>24009</v>
      </c>
      <c r="H12979" s="6" t="s">
        <v>24010</v>
      </c>
      <c r="I12979" s="7">
        <v>3.5433591999999998</v>
      </c>
      <c r="J12979" s="8">
        <v>-73.706190000000007</v>
      </c>
    </row>
    <row r="12980" spans="1:10" x14ac:dyDescent="0.35">
      <c r="A12980" s="5" t="s">
        <v>10</v>
      </c>
      <c r="B12980" s="6">
        <v>198587</v>
      </c>
      <c r="C12980" s="6" t="s">
        <v>551</v>
      </c>
      <c r="D12980" s="6" t="s">
        <v>4203</v>
      </c>
      <c r="E12980" s="6">
        <v>20228</v>
      </c>
      <c r="F12980" s="6" t="s">
        <v>13</v>
      </c>
      <c r="G12980" s="6" t="s">
        <v>16881</v>
      </c>
      <c r="H12980" s="6" t="s">
        <v>16882</v>
      </c>
      <c r="I12980" s="7">
        <v>9.2000426999999991</v>
      </c>
      <c r="J12980" s="8">
        <v>-73.540940399999997</v>
      </c>
    </row>
    <row r="12981" spans="1:10" x14ac:dyDescent="0.35">
      <c r="A12981" s="5" t="s">
        <v>10</v>
      </c>
      <c r="B12981" s="6">
        <v>201067</v>
      </c>
      <c r="C12981" s="6" t="s">
        <v>24</v>
      </c>
      <c r="D12981" s="6" t="s">
        <v>1028</v>
      </c>
      <c r="E12981" s="6">
        <v>15299</v>
      </c>
      <c r="F12981" s="6" t="s">
        <v>18</v>
      </c>
      <c r="G12981" s="6" t="s">
        <v>6416</v>
      </c>
      <c r="H12981" s="6" t="s">
        <v>6417</v>
      </c>
      <c r="I12981" s="7">
        <v>5.0911917999999998</v>
      </c>
      <c r="J12981" s="8">
        <v>-73.362965500000001</v>
      </c>
    </row>
    <row r="12982" spans="1:10" x14ac:dyDescent="0.35">
      <c r="A12982" s="5" t="s">
        <v>10</v>
      </c>
      <c r="B12982" s="6">
        <v>201491</v>
      </c>
      <c r="C12982" s="6" t="s">
        <v>11</v>
      </c>
      <c r="D12982" s="6" t="s">
        <v>334</v>
      </c>
      <c r="E12982" s="6">
        <v>25754</v>
      </c>
      <c r="F12982" s="6" t="s">
        <v>18</v>
      </c>
      <c r="G12982" s="6" t="s">
        <v>7115</v>
      </c>
      <c r="H12982" s="6" t="s">
        <v>7116</v>
      </c>
      <c r="I12982" s="7">
        <v>4.5753883999999996</v>
      </c>
      <c r="J12982" s="8">
        <v>-74.226162599999995</v>
      </c>
    </row>
    <row r="12983" spans="1:10" x14ac:dyDescent="0.35">
      <c r="A12983" s="5" t="s">
        <v>10</v>
      </c>
      <c r="B12983" s="6">
        <v>201524</v>
      </c>
      <c r="C12983" s="6" t="s">
        <v>68</v>
      </c>
      <c r="D12983" s="6" t="s">
        <v>69</v>
      </c>
      <c r="E12983" s="6">
        <v>11001</v>
      </c>
      <c r="F12983" s="6" t="s">
        <v>18</v>
      </c>
      <c r="G12983" s="6" t="s">
        <v>16850</v>
      </c>
      <c r="H12983" s="6" t="s">
        <v>16851</v>
      </c>
      <c r="I12983" s="7">
        <v>4.5050241</v>
      </c>
      <c r="J12983" s="8">
        <v>-74.112493700000002</v>
      </c>
    </row>
    <row r="12984" spans="1:10" x14ac:dyDescent="0.35">
      <c r="A12984" s="5" t="s">
        <v>10</v>
      </c>
      <c r="B12984" s="6">
        <v>201605</v>
      </c>
      <c r="C12984" s="6" t="s">
        <v>11</v>
      </c>
      <c r="D12984" s="6" t="s">
        <v>106</v>
      </c>
      <c r="E12984" s="6">
        <v>25843</v>
      </c>
      <c r="F12984" s="6" t="s">
        <v>18</v>
      </c>
      <c r="G12984" s="6" t="s">
        <v>5617</v>
      </c>
      <c r="H12984" s="6" t="s">
        <v>24085</v>
      </c>
      <c r="I12984" s="7">
        <v>5.3120240000000001</v>
      </c>
      <c r="J12984" s="8">
        <v>-73.818221999999906</v>
      </c>
    </row>
    <row r="12985" spans="1:10" x14ac:dyDescent="0.35">
      <c r="A12985" s="5" t="s">
        <v>10</v>
      </c>
      <c r="B12985" s="6">
        <v>208184</v>
      </c>
      <c r="C12985" s="6" t="s">
        <v>308</v>
      </c>
      <c r="D12985" s="6" t="s">
        <v>309</v>
      </c>
      <c r="E12985" s="6">
        <v>23001</v>
      </c>
      <c r="F12985" s="6" t="s">
        <v>13</v>
      </c>
      <c r="G12985" s="6" t="s">
        <v>24086</v>
      </c>
      <c r="H12985" s="6" t="s">
        <v>24087</v>
      </c>
      <c r="I12985" s="7">
        <v>8.7390609999999995</v>
      </c>
      <c r="J12985" s="8">
        <v>-75.882795099999996</v>
      </c>
    </row>
    <row r="12986" spans="1:10" x14ac:dyDescent="0.35">
      <c r="A12986" s="5" t="s">
        <v>10</v>
      </c>
      <c r="B12986" s="6">
        <v>218327</v>
      </c>
      <c r="C12986" s="6" t="s">
        <v>68</v>
      </c>
      <c r="D12986" s="6" t="s">
        <v>69</v>
      </c>
      <c r="E12986" s="6">
        <v>11001</v>
      </c>
      <c r="F12986" s="6" t="s">
        <v>18</v>
      </c>
      <c r="G12986" s="6" t="s">
        <v>24088</v>
      </c>
      <c r="H12986" s="6" t="s">
        <v>24089</v>
      </c>
      <c r="I12986" s="7">
        <v>4.6295956999999897</v>
      </c>
      <c r="J12986" s="8">
        <v>-74.143080699999999</v>
      </c>
    </row>
    <row r="12987" spans="1:10" x14ac:dyDescent="0.35">
      <c r="A12987" s="5" t="s">
        <v>10</v>
      </c>
      <c r="B12987" s="6">
        <v>234452</v>
      </c>
      <c r="C12987" s="6" t="s">
        <v>11</v>
      </c>
      <c r="D12987" s="6" t="s">
        <v>3054</v>
      </c>
      <c r="E12987" s="6">
        <v>25269</v>
      </c>
      <c r="F12987" s="6" t="s">
        <v>18</v>
      </c>
      <c r="G12987" s="6" t="s">
        <v>9122</v>
      </c>
      <c r="H12987" s="6" t="s">
        <v>9123</v>
      </c>
      <c r="I12987" s="7">
        <v>4.809984</v>
      </c>
      <c r="J12987" s="8">
        <v>-74.354009000000005</v>
      </c>
    </row>
    <row r="12988" spans="1:10" x14ac:dyDescent="0.35">
      <c r="A12988" s="5" t="s">
        <v>10</v>
      </c>
      <c r="B12988" s="6">
        <v>234835</v>
      </c>
      <c r="C12988" s="6" t="s">
        <v>68</v>
      </c>
      <c r="D12988" s="6" t="s">
        <v>69</v>
      </c>
      <c r="E12988" s="6">
        <v>11001</v>
      </c>
      <c r="F12988" s="6" t="s">
        <v>18</v>
      </c>
      <c r="G12988" s="6" t="s">
        <v>24090</v>
      </c>
      <c r="H12988" s="6" t="s">
        <v>24091</v>
      </c>
      <c r="I12988" s="7">
        <v>4.6154069</v>
      </c>
      <c r="J12988" s="8">
        <v>-74.084757400000001</v>
      </c>
    </row>
    <row r="12989" spans="1:10" x14ac:dyDescent="0.35">
      <c r="A12989" s="5" t="s">
        <v>10</v>
      </c>
      <c r="B12989" s="6">
        <v>232383</v>
      </c>
      <c r="C12989" s="6" t="s">
        <v>278</v>
      </c>
      <c r="D12989" s="6" t="s">
        <v>279</v>
      </c>
      <c r="E12989" s="6">
        <v>50001</v>
      </c>
      <c r="F12989" s="6" t="s">
        <v>18</v>
      </c>
      <c r="G12989" s="6" t="s">
        <v>24092</v>
      </c>
      <c r="H12989" s="6" t="s">
        <v>24093</v>
      </c>
      <c r="I12989" s="7">
        <v>4.1478437000000001</v>
      </c>
      <c r="J12989" s="8">
        <v>-73.612460600000006</v>
      </c>
    </row>
    <row r="12990" spans="1:10" x14ac:dyDescent="0.35">
      <c r="A12990" s="5" t="s">
        <v>10</v>
      </c>
      <c r="B12990" s="6">
        <v>203090</v>
      </c>
      <c r="C12990" s="6" t="s">
        <v>278</v>
      </c>
      <c r="D12990" s="6" t="s">
        <v>279</v>
      </c>
      <c r="E12990" s="6">
        <v>50001</v>
      </c>
      <c r="F12990" s="6" t="s">
        <v>18</v>
      </c>
      <c r="G12990" s="6" t="s">
        <v>4251</v>
      </c>
      <c r="H12990" s="6" t="s">
        <v>4252</v>
      </c>
      <c r="I12990" s="7">
        <v>4.0827644999999997</v>
      </c>
      <c r="J12990" s="8">
        <v>-73.668986899999993</v>
      </c>
    </row>
    <row r="12991" spans="1:10" x14ac:dyDescent="0.35">
      <c r="A12991" s="5" t="s">
        <v>10</v>
      </c>
      <c r="B12991" s="6">
        <v>190922</v>
      </c>
      <c r="C12991" s="6" t="s">
        <v>38</v>
      </c>
      <c r="D12991" s="6" t="s">
        <v>7839</v>
      </c>
      <c r="E12991" s="6">
        <v>19573</v>
      </c>
      <c r="F12991" s="6" t="s">
        <v>18</v>
      </c>
      <c r="G12991" s="6" t="s">
        <v>20195</v>
      </c>
      <c r="H12991" s="6" t="s">
        <v>20196</v>
      </c>
      <c r="I12991" s="7">
        <v>3.2205900000000001</v>
      </c>
      <c r="J12991" s="8">
        <v>-76.415464999999998</v>
      </c>
    </row>
    <row r="12992" spans="1:10" x14ac:dyDescent="0.35">
      <c r="A12992" s="5" t="s">
        <v>10</v>
      </c>
      <c r="B12992" s="6">
        <v>234576</v>
      </c>
      <c r="C12992" s="6" t="s">
        <v>68</v>
      </c>
      <c r="D12992" s="6" t="s">
        <v>69</v>
      </c>
      <c r="E12992" s="6">
        <v>11001</v>
      </c>
      <c r="F12992" s="6" t="s">
        <v>18</v>
      </c>
      <c r="G12992" s="6" t="s">
        <v>24094</v>
      </c>
      <c r="H12992" s="6" t="s">
        <v>24095</v>
      </c>
      <c r="I12992" s="7">
        <v>4.5432915999999999</v>
      </c>
      <c r="J12992" s="8">
        <v>-74.093667699999997</v>
      </c>
    </row>
    <row r="12993" spans="1:10" x14ac:dyDescent="0.35">
      <c r="A12993" s="5" t="s">
        <v>10</v>
      </c>
      <c r="B12993" s="6">
        <v>237168</v>
      </c>
      <c r="C12993" s="6" t="s">
        <v>24</v>
      </c>
      <c r="D12993" s="6" t="s">
        <v>168</v>
      </c>
      <c r="E12993" s="6">
        <v>15572</v>
      </c>
      <c r="F12993" s="6" t="s">
        <v>18</v>
      </c>
      <c r="G12993" s="6" t="s">
        <v>24096</v>
      </c>
      <c r="H12993" s="6" t="s">
        <v>24097</v>
      </c>
      <c r="I12993" s="7">
        <v>5.9746050000000004</v>
      </c>
      <c r="J12993" s="8">
        <v>-74.582555999999997</v>
      </c>
    </row>
    <row r="12994" spans="1:10" x14ac:dyDescent="0.35">
      <c r="A12994" s="5" t="s">
        <v>10</v>
      </c>
      <c r="B12994" s="6">
        <v>237378</v>
      </c>
      <c r="C12994" s="6" t="s">
        <v>38</v>
      </c>
      <c r="D12994" s="6" t="s">
        <v>7839</v>
      </c>
      <c r="E12994" s="6">
        <v>19573</v>
      </c>
      <c r="F12994" s="6" t="s">
        <v>18</v>
      </c>
      <c r="G12994" s="6" t="s">
        <v>24098</v>
      </c>
      <c r="H12994" s="6" t="s">
        <v>24099</v>
      </c>
      <c r="I12994" s="7">
        <v>3.2181435999999999</v>
      </c>
      <c r="J12994" s="8">
        <v>-76.412858799999995</v>
      </c>
    </row>
    <row r="12995" spans="1:10" x14ac:dyDescent="0.35">
      <c r="A12995" s="5" t="s">
        <v>10</v>
      </c>
      <c r="B12995" s="6">
        <v>237466</v>
      </c>
      <c r="C12995" s="6" t="s">
        <v>68</v>
      </c>
      <c r="D12995" s="6" t="s">
        <v>69</v>
      </c>
      <c r="E12995" s="6">
        <v>11001</v>
      </c>
      <c r="F12995" s="6" t="s">
        <v>18</v>
      </c>
      <c r="G12995" s="6" t="s">
        <v>24100</v>
      </c>
      <c r="H12995" s="6" t="s">
        <v>24101</v>
      </c>
      <c r="I12995" s="7">
        <v>4.6202281000000003</v>
      </c>
      <c r="J12995" s="8">
        <v>-74.141924500000002</v>
      </c>
    </row>
    <row r="12996" spans="1:10" x14ac:dyDescent="0.35">
      <c r="A12996" s="5" t="s">
        <v>10</v>
      </c>
      <c r="B12996" s="6">
        <v>237508</v>
      </c>
      <c r="C12996" s="6" t="s">
        <v>11</v>
      </c>
      <c r="D12996" s="6" t="s">
        <v>12</v>
      </c>
      <c r="E12996" s="6">
        <v>25899</v>
      </c>
      <c r="F12996" s="6" t="s">
        <v>18</v>
      </c>
      <c r="G12996" s="6" t="s">
        <v>24102</v>
      </c>
      <c r="H12996" s="6" t="s">
        <v>24103</v>
      </c>
      <c r="I12996" s="7">
        <v>5.0365210999999999</v>
      </c>
      <c r="J12996" s="8">
        <v>-73.998125200000004</v>
      </c>
    </row>
    <row r="12997" spans="1:10" x14ac:dyDescent="0.35">
      <c r="A12997" s="5" t="s">
        <v>10</v>
      </c>
      <c r="B12997" s="6">
        <v>237756</v>
      </c>
      <c r="C12997" s="6" t="s">
        <v>11</v>
      </c>
      <c r="D12997" s="6" t="s">
        <v>106</v>
      </c>
      <c r="E12997" s="6">
        <v>25843</v>
      </c>
      <c r="F12997" s="6" t="s">
        <v>18</v>
      </c>
      <c r="G12997" s="6" t="s">
        <v>24104</v>
      </c>
      <c r="H12997" s="6" t="s">
        <v>24105</v>
      </c>
      <c r="I12997" s="7">
        <v>5.3093529000000004</v>
      </c>
      <c r="J12997" s="8">
        <v>-73.814238200000005</v>
      </c>
    </row>
    <row r="12998" spans="1:10" x14ac:dyDescent="0.35">
      <c r="A12998" s="5" t="s">
        <v>10</v>
      </c>
      <c r="B12998" s="6">
        <v>237802</v>
      </c>
      <c r="C12998" s="6" t="s">
        <v>68</v>
      </c>
      <c r="D12998" s="6" t="s">
        <v>69</v>
      </c>
      <c r="E12998" s="6">
        <v>11001</v>
      </c>
      <c r="F12998" s="6" t="s">
        <v>18</v>
      </c>
      <c r="G12998" s="6" t="s">
        <v>24106</v>
      </c>
      <c r="H12998" s="6" t="s">
        <v>24107</v>
      </c>
      <c r="I12998" s="7">
        <v>4.7585525999999998</v>
      </c>
      <c r="J12998" s="8">
        <v>-74.034392600000004</v>
      </c>
    </row>
    <row r="12999" spans="1:10" x14ac:dyDescent="0.35">
      <c r="A12999" s="5" t="s">
        <v>10</v>
      </c>
      <c r="B12999" s="6">
        <v>237923</v>
      </c>
      <c r="C12999" s="6" t="s">
        <v>551</v>
      </c>
      <c r="D12999" s="6" t="s">
        <v>977</v>
      </c>
      <c r="E12999" s="6">
        <v>20011</v>
      </c>
      <c r="F12999" s="6" t="s">
        <v>18</v>
      </c>
      <c r="G12999" s="6" t="s">
        <v>24108</v>
      </c>
      <c r="H12999" s="6" t="s">
        <v>24109</v>
      </c>
      <c r="I12999" s="7">
        <v>8.3101146999999997</v>
      </c>
      <c r="J12999" s="8">
        <v>-73.627122999999997</v>
      </c>
    </row>
    <row r="13000" spans="1:10" x14ac:dyDescent="0.35">
      <c r="A13000" s="5" t="s">
        <v>10</v>
      </c>
      <c r="B13000" s="6">
        <v>238051</v>
      </c>
      <c r="C13000" s="6" t="s">
        <v>24</v>
      </c>
      <c r="D13000" s="6" t="s">
        <v>88</v>
      </c>
      <c r="E13000" s="6">
        <v>15001</v>
      </c>
      <c r="F13000" s="6" t="s">
        <v>18</v>
      </c>
      <c r="G13000" s="6" t="s">
        <v>24110</v>
      </c>
      <c r="H13000" s="6" t="s">
        <v>24111</v>
      </c>
      <c r="I13000" s="7">
        <v>5.5465134000000003</v>
      </c>
      <c r="J13000" s="8">
        <v>-73.347788100000002</v>
      </c>
    </row>
    <row r="13001" spans="1:10" x14ac:dyDescent="0.35">
      <c r="A13001" s="5" t="s">
        <v>10</v>
      </c>
      <c r="B13001" s="6">
        <v>238150</v>
      </c>
      <c r="C13001" s="6" t="s">
        <v>24</v>
      </c>
      <c r="D13001" s="6" t="s">
        <v>24112</v>
      </c>
      <c r="E13001" s="6">
        <v>15212</v>
      </c>
      <c r="F13001" s="6" t="s">
        <v>18</v>
      </c>
      <c r="G13001" s="6" t="s">
        <v>24113</v>
      </c>
      <c r="H13001" s="6" t="s">
        <v>24114</v>
      </c>
      <c r="I13001" s="7">
        <v>5.4744953000000001</v>
      </c>
      <c r="J13001" s="8">
        <v>-74.044448399999993</v>
      </c>
    </row>
    <row r="13002" spans="1:10" x14ac:dyDescent="0.35">
      <c r="A13002" s="5" t="s">
        <v>10</v>
      </c>
      <c r="B13002" s="6">
        <v>238279</v>
      </c>
      <c r="C13002" s="6" t="s">
        <v>11</v>
      </c>
      <c r="D13002" s="6" t="s">
        <v>334</v>
      </c>
      <c r="E13002" s="6">
        <v>25754</v>
      </c>
      <c r="F13002" s="6" t="s">
        <v>18</v>
      </c>
      <c r="G13002" s="6" t="s">
        <v>24115</v>
      </c>
      <c r="H13002" s="6" t="s">
        <v>24116</v>
      </c>
      <c r="I13002" s="7">
        <v>4.5782518999999997</v>
      </c>
      <c r="J13002" s="8">
        <v>-74.230328099999994</v>
      </c>
    </row>
    <row r="13003" spans="1:10" x14ac:dyDescent="0.35">
      <c r="A13003" s="5" t="s">
        <v>10</v>
      </c>
      <c r="B13003" s="6">
        <v>238530</v>
      </c>
      <c r="C13003" s="6" t="s">
        <v>24</v>
      </c>
      <c r="D13003" s="6" t="s">
        <v>24117</v>
      </c>
      <c r="E13003" s="6">
        <v>15296</v>
      </c>
      <c r="F13003" s="6" t="s">
        <v>18</v>
      </c>
      <c r="G13003" s="6" t="s">
        <v>24118</v>
      </c>
      <c r="H13003" s="6" t="s">
        <v>24119</v>
      </c>
      <c r="I13003" s="7">
        <v>5.5149588999999999</v>
      </c>
      <c r="J13003" s="8">
        <v>-73.359308200000001</v>
      </c>
    </row>
    <row r="13004" spans="1:10" x14ac:dyDescent="0.35">
      <c r="A13004" s="5" t="s">
        <v>10</v>
      </c>
      <c r="B13004" s="6">
        <v>238547</v>
      </c>
      <c r="C13004" s="6" t="s">
        <v>16</v>
      </c>
      <c r="D13004" s="6" t="s">
        <v>1257</v>
      </c>
      <c r="E13004" s="6">
        <v>68770</v>
      </c>
      <c r="F13004" s="6" t="s">
        <v>18</v>
      </c>
      <c r="G13004" s="6" t="s">
        <v>24120</v>
      </c>
      <c r="H13004" s="6" t="s">
        <v>24121</v>
      </c>
      <c r="I13004" s="7">
        <v>6.1206683000000002</v>
      </c>
      <c r="J13004" s="8">
        <v>-73.347290099999995</v>
      </c>
    </row>
    <row r="13005" spans="1:10" x14ac:dyDescent="0.35">
      <c r="A13005" s="5" t="s">
        <v>10</v>
      </c>
      <c r="B13005" s="6">
        <v>238569</v>
      </c>
      <c r="C13005" s="6" t="s">
        <v>42</v>
      </c>
      <c r="D13005" s="6" t="s">
        <v>1182</v>
      </c>
      <c r="E13005" s="6">
        <v>17541</v>
      </c>
      <c r="F13005" s="6" t="s">
        <v>18</v>
      </c>
      <c r="G13005" s="6" t="s">
        <v>24122</v>
      </c>
      <c r="H13005" s="6" t="s">
        <v>24123</v>
      </c>
      <c r="I13005" s="7">
        <v>5.3821668999999996</v>
      </c>
      <c r="J13005" s="8">
        <v>-75.161941200000001</v>
      </c>
    </row>
    <row r="13006" spans="1:10" x14ac:dyDescent="0.35">
      <c r="A13006" s="5" t="s">
        <v>10</v>
      </c>
      <c r="B13006" s="6">
        <v>238914</v>
      </c>
      <c r="C13006" s="6" t="s">
        <v>68</v>
      </c>
      <c r="D13006" s="6" t="s">
        <v>69</v>
      </c>
      <c r="E13006" s="6">
        <v>11001</v>
      </c>
      <c r="F13006" s="6" t="s">
        <v>18</v>
      </c>
      <c r="G13006" s="6" t="s">
        <v>24124</v>
      </c>
      <c r="H13006" s="6" t="s">
        <v>24125</v>
      </c>
      <c r="I13006" s="7">
        <v>4.6205780000000001</v>
      </c>
      <c r="J13006" s="8">
        <v>-74.198432499999996</v>
      </c>
    </row>
    <row r="13007" spans="1:10" x14ac:dyDescent="0.35">
      <c r="A13007" s="5" t="s">
        <v>10</v>
      </c>
      <c r="B13007" s="6">
        <v>238963</v>
      </c>
      <c r="C13007" s="6" t="s">
        <v>109</v>
      </c>
      <c r="D13007" s="6" t="s">
        <v>1445</v>
      </c>
      <c r="E13007" s="6">
        <v>13688</v>
      </c>
      <c r="F13007" s="6" t="s">
        <v>18</v>
      </c>
      <c r="G13007" s="6" t="s">
        <v>24126</v>
      </c>
      <c r="H13007" s="6" t="s">
        <v>24127</v>
      </c>
      <c r="I13007" s="7">
        <v>7.9630637999999996</v>
      </c>
      <c r="J13007" s="8">
        <v>-74.050974800000006</v>
      </c>
    </row>
    <row r="13008" spans="1:10" x14ac:dyDescent="0.35">
      <c r="A13008" s="5" t="s">
        <v>10</v>
      </c>
      <c r="B13008" s="6">
        <v>240313</v>
      </c>
      <c r="C13008" s="6" t="s">
        <v>68</v>
      </c>
      <c r="D13008" s="6" t="s">
        <v>69</v>
      </c>
      <c r="E13008" s="6">
        <v>11001</v>
      </c>
      <c r="F13008" s="6" t="s">
        <v>18</v>
      </c>
      <c r="G13008" s="6" t="s">
        <v>24128</v>
      </c>
      <c r="H13008" s="6" t="s">
        <v>24129</v>
      </c>
      <c r="I13008" s="7">
        <v>4.6036171000000001</v>
      </c>
      <c r="J13008" s="8">
        <v>-74.1854376</v>
      </c>
    </row>
    <row r="13009" spans="1:10" x14ac:dyDescent="0.35">
      <c r="A13009" s="5" t="s">
        <v>10</v>
      </c>
      <c r="B13009" s="6">
        <v>244072</v>
      </c>
      <c r="C13009" s="6" t="s">
        <v>16</v>
      </c>
      <c r="D13009" s="6" t="s">
        <v>2825</v>
      </c>
      <c r="E13009" s="6">
        <v>68276</v>
      </c>
      <c r="F13009" s="6" t="s">
        <v>18</v>
      </c>
      <c r="G13009" s="6" t="s">
        <v>24130</v>
      </c>
      <c r="H13009" s="6" t="s">
        <v>8770</v>
      </c>
      <c r="I13009" s="7">
        <v>7.1250663000000003</v>
      </c>
      <c r="J13009" s="8">
        <v>-73.125452100000004</v>
      </c>
    </row>
    <row r="13010" spans="1:10" x14ac:dyDescent="0.35">
      <c r="A13010" s="5" t="s">
        <v>10</v>
      </c>
      <c r="B13010" s="6">
        <v>244331</v>
      </c>
      <c r="C13010" s="6" t="s">
        <v>4364</v>
      </c>
      <c r="D13010" s="6" t="s">
        <v>10337</v>
      </c>
      <c r="E13010" s="6">
        <v>70823</v>
      </c>
      <c r="F13010" s="6" t="s">
        <v>18</v>
      </c>
      <c r="G13010" s="6" t="s">
        <v>24131</v>
      </c>
      <c r="H13010" s="6" t="s">
        <v>24132</v>
      </c>
      <c r="I13010" s="7">
        <v>9.450018</v>
      </c>
      <c r="J13010" s="8">
        <v>-75.437663599999993</v>
      </c>
    </row>
    <row r="13011" spans="1:10" x14ac:dyDescent="0.35">
      <c r="A13011" s="5" t="s">
        <v>10</v>
      </c>
      <c r="B13011" s="6">
        <v>234645</v>
      </c>
      <c r="C13011" s="6" t="s">
        <v>11</v>
      </c>
      <c r="D13011" s="6" t="s">
        <v>334</v>
      </c>
      <c r="E13011" s="6">
        <v>25754</v>
      </c>
      <c r="F13011" s="6" t="s">
        <v>18</v>
      </c>
      <c r="G13011" s="6" t="s">
        <v>24133</v>
      </c>
      <c r="H13011" s="6" t="s">
        <v>24134</v>
      </c>
      <c r="I13011" s="7">
        <v>4.5836391000000001</v>
      </c>
      <c r="J13011" s="8">
        <v>-74.205154800000003</v>
      </c>
    </row>
    <row r="13012" spans="1:10" x14ac:dyDescent="0.35">
      <c r="A13012" s="5" t="s">
        <v>10</v>
      </c>
      <c r="B13012" s="6">
        <v>234690</v>
      </c>
      <c r="C13012" s="6" t="s">
        <v>28</v>
      </c>
      <c r="D13012" s="6" t="s">
        <v>29</v>
      </c>
      <c r="E13012" s="6">
        <v>54001</v>
      </c>
      <c r="F13012" s="6" t="s">
        <v>18</v>
      </c>
      <c r="G13012" s="6" t="s">
        <v>24135</v>
      </c>
      <c r="H13012" s="6" t="s">
        <v>2291</v>
      </c>
      <c r="I13012" s="7">
        <v>7.9064027000000001</v>
      </c>
      <c r="J13012" s="8">
        <v>-72.522984100000002</v>
      </c>
    </row>
    <row r="13013" spans="1:10" x14ac:dyDescent="0.35">
      <c r="A13013" s="5" t="s">
        <v>10</v>
      </c>
      <c r="B13013" s="6">
        <v>234701</v>
      </c>
      <c r="C13013" s="6" t="s">
        <v>16</v>
      </c>
      <c r="D13013" s="6" t="s">
        <v>1401</v>
      </c>
      <c r="E13013" s="6">
        <v>68307</v>
      </c>
      <c r="F13013" s="6" t="s">
        <v>18</v>
      </c>
      <c r="G13013" s="6" t="s">
        <v>24136</v>
      </c>
      <c r="H13013" s="6" t="s">
        <v>24137</v>
      </c>
      <c r="I13013" s="7">
        <v>7.0739678000000001</v>
      </c>
      <c r="J13013" s="8">
        <v>-73.169265199999998</v>
      </c>
    </row>
    <row r="13014" spans="1:10" x14ac:dyDescent="0.35">
      <c r="A13014" s="5" t="s">
        <v>10</v>
      </c>
      <c r="B13014" s="6">
        <v>234711</v>
      </c>
      <c r="C13014" s="6" t="s">
        <v>2130</v>
      </c>
      <c r="D13014" s="6" t="s">
        <v>3816</v>
      </c>
      <c r="E13014" s="6">
        <v>85162</v>
      </c>
      <c r="F13014" s="6" t="s">
        <v>18</v>
      </c>
      <c r="G13014" s="6" t="s">
        <v>24138</v>
      </c>
      <c r="H13014" s="6" t="s">
        <v>24139</v>
      </c>
      <c r="I13014" s="7">
        <v>4.8833099000000004</v>
      </c>
      <c r="J13014" s="8">
        <v>-72.894466199999997</v>
      </c>
    </row>
    <row r="13015" spans="1:10" x14ac:dyDescent="0.35">
      <c r="A13015" s="5" t="s">
        <v>10</v>
      </c>
      <c r="B13015" s="6">
        <v>234735</v>
      </c>
      <c r="C13015" s="6" t="s">
        <v>190</v>
      </c>
      <c r="D13015" s="6" t="s">
        <v>15438</v>
      </c>
      <c r="E13015" s="6">
        <v>5148</v>
      </c>
      <c r="F13015" s="6" t="s">
        <v>18</v>
      </c>
      <c r="G13015" s="6" t="s">
        <v>24140</v>
      </c>
      <c r="H13015" s="6" t="s">
        <v>24141</v>
      </c>
      <c r="I13015" s="7">
        <v>6.0759723000000001</v>
      </c>
      <c r="J13015" s="8">
        <v>-75.331455399999996</v>
      </c>
    </row>
    <row r="13016" spans="1:10" x14ac:dyDescent="0.35">
      <c r="A13016" s="5" t="s">
        <v>10</v>
      </c>
      <c r="B13016" s="6">
        <v>234766</v>
      </c>
      <c r="C13016" s="6" t="s">
        <v>68</v>
      </c>
      <c r="D13016" s="6" t="s">
        <v>69</v>
      </c>
      <c r="E13016" s="6">
        <v>11001</v>
      </c>
      <c r="F13016" s="6" t="s">
        <v>18</v>
      </c>
      <c r="G13016" s="6" t="s">
        <v>19437</v>
      </c>
      <c r="H13016" s="6" t="s">
        <v>24142</v>
      </c>
      <c r="I13016" s="7">
        <v>4.5572324999999996</v>
      </c>
      <c r="J13016" s="8">
        <v>-74.089034699999999</v>
      </c>
    </row>
    <row r="13017" spans="1:10" x14ac:dyDescent="0.35">
      <c r="A13017" s="5" t="s">
        <v>10</v>
      </c>
      <c r="B13017" s="6">
        <v>234792</v>
      </c>
      <c r="C13017" s="6" t="s">
        <v>16</v>
      </c>
      <c r="D13017" s="6" t="s">
        <v>510</v>
      </c>
      <c r="E13017" s="6">
        <v>68547</v>
      </c>
      <c r="F13017" s="6" t="s">
        <v>18</v>
      </c>
      <c r="G13017" s="6" t="s">
        <v>24143</v>
      </c>
      <c r="H13017" s="6" t="s">
        <v>24144</v>
      </c>
      <c r="I13017" s="7">
        <v>6.9926801999999997</v>
      </c>
      <c r="J13017" s="8">
        <v>-73.049239999999998</v>
      </c>
    </row>
    <row r="13018" spans="1:10" x14ac:dyDescent="0.35">
      <c r="A13018" s="5" t="s">
        <v>10</v>
      </c>
      <c r="B13018" s="6">
        <v>234815</v>
      </c>
      <c r="C13018" s="6" t="s">
        <v>55</v>
      </c>
      <c r="D13018" s="6" t="s">
        <v>56</v>
      </c>
      <c r="E13018" s="6">
        <v>73001</v>
      </c>
      <c r="F13018" s="6" t="s">
        <v>18</v>
      </c>
      <c r="G13018" s="6" t="s">
        <v>24145</v>
      </c>
      <c r="H13018" s="6" t="s">
        <v>958</v>
      </c>
      <c r="I13018" s="7">
        <v>4.4389816</v>
      </c>
      <c r="J13018" s="8">
        <v>-75.162422899999996</v>
      </c>
    </row>
    <row r="13019" spans="1:10" x14ac:dyDescent="0.35">
      <c r="A13019" s="5" t="s">
        <v>10</v>
      </c>
      <c r="B13019" s="6">
        <v>234860</v>
      </c>
      <c r="C13019" s="6" t="s">
        <v>11</v>
      </c>
      <c r="D13019" s="6" t="s">
        <v>12</v>
      </c>
      <c r="E13019" s="6">
        <v>25899</v>
      </c>
      <c r="F13019" s="6" t="s">
        <v>18</v>
      </c>
      <c r="G13019" s="6" t="s">
        <v>24146</v>
      </c>
      <c r="H13019" s="6" t="s">
        <v>24147</v>
      </c>
      <c r="I13019" s="7">
        <v>5.0205219000000003</v>
      </c>
      <c r="J13019" s="8">
        <v>-73.998809100000003</v>
      </c>
    </row>
    <row r="13020" spans="1:10" x14ac:dyDescent="0.35">
      <c r="A13020" s="5" t="s">
        <v>10</v>
      </c>
      <c r="B13020" s="6">
        <v>234920</v>
      </c>
      <c r="C13020" s="6" t="s">
        <v>2130</v>
      </c>
      <c r="D13020" s="6" t="s">
        <v>2131</v>
      </c>
      <c r="E13020" s="6">
        <v>85001</v>
      </c>
      <c r="F13020" s="6" t="s">
        <v>18</v>
      </c>
      <c r="G13020" s="6" t="s">
        <v>24148</v>
      </c>
      <c r="H13020" s="6" t="s">
        <v>24149</v>
      </c>
      <c r="I13020" s="7">
        <v>5.3317370999999998</v>
      </c>
      <c r="J13020" s="8">
        <v>-72.398697600000006</v>
      </c>
    </row>
    <row r="13021" spans="1:10" x14ac:dyDescent="0.35">
      <c r="A13021" s="5" t="s">
        <v>10</v>
      </c>
      <c r="B13021" s="6">
        <v>234921</v>
      </c>
      <c r="C13021" s="6" t="s">
        <v>28</v>
      </c>
      <c r="D13021" s="6" t="s">
        <v>29</v>
      </c>
      <c r="E13021" s="6">
        <v>54001</v>
      </c>
      <c r="F13021" s="6" t="s">
        <v>18</v>
      </c>
      <c r="G13021" s="6" t="s">
        <v>24150</v>
      </c>
      <c r="H13021" s="6" t="s">
        <v>24151</v>
      </c>
      <c r="I13021" s="7">
        <v>7.8816109000000001</v>
      </c>
      <c r="J13021" s="8">
        <v>-72.513484399999996</v>
      </c>
    </row>
    <row r="13022" spans="1:10" x14ac:dyDescent="0.35">
      <c r="A13022" s="5" t="s">
        <v>10</v>
      </c>
      <c r="B13022" s="6">
        <v>234926</v>
      </c>
      <c r="C13022" s="6" t="s">
        <v>294</v>
      </c>
      <c r="D13022" s="6" t="s">
        <v>3777</v>
      </c>
      <c r="E13022" s="6">
        <v>41132</v>
      </c>
      <c r="F13022" s="6" t="s">
        <v>18</v>
      </c>
      <c r="G13022" s="6" t="s">
        <v>24152</v>
      </c>
      <c r="H13022" s="6" t="s">
        <v>24153</v>
      </c>
      <c r="I13022" s="7">
        <v>2.6847463</v>
      </c>
      <c r="J13022" s="8">
        <v>-75.326114500000003</v>
      </c>
    </row>
    <row r="13023" spans="1:10" x14ac:dyDescent="0.35">
      <c r="A13023" s="5" t="s">
        <v>10</v>
      </c>
      <c r="B13023" s="6">
        <v>234928</v>
      </c>
      <c r="C13023" s="6" t="s">
        <v>68</v>
      </c>
      <c r="D13023" s="6" t="s">
        <v>69</v>
      </c>
      <c r="E13023" s="6">
        <v>11001</v>
      </c>
      <c r="F13023" s="6" t="s">
        <v>18</v>
      </c>
      <c r="G13023" s="6" t="s">
        <v>24154</v>
      </c>
      <c r="H13023" s="6" t="s">
        <v>24155</v>
      </c>
      <c r="I13023" s="7">
        <v>4.6283152000000003</v>
      </c>
      <c r="J13023" s="8">
        <v>-74.165524599999998</v>
      </c>
    </row>
    <row r="13024" spans="1:10" x14ac:dyDescent="0.35">
      <c r="A13024" s="5" t="s">
        <v>10</v>
      </c>
      <c r="B13024" s="6">
        <v>234933</v>
      </c>
      <c r="C13024" s="6" t="s">
        <v>551</v>
      </c>
      <c r="D13024" s="6" t="s">
        <v>3868</v>
      </c>
      <c r="E13024" s="6">
        <v>20001</v>
      </c>
      <c r="F13024" s="6" t="s">
        <v>18</v>
      </c>
      <c r="G13024" s="6" t="s">
        <v>24156</v>
      </c>
      <c r="H13024" s="6" t="s">
        <v>24157</v>
      </c>
      <c r="I13024" s="7">
        <v>10.453876299999999</v>
      </c>
      <c r="J13024" s="8">
        <v>-73.272058099999995</v>
      </c>
    </row>
    <row r="13025" spans="1:10" x14ac:dyDescent="0.35">
      <c r="A13025" s="5" t="s">
        <v>10</v>
      </c>
      <c r="B13025" s="6">
        <v>234973</v>
      </c>
      <c r="C13025" s="6" t="s">
        <v>68</v>
      </c>
      <c r="D13025" s="6" t="s">
        <v>69</v>
      </c>
      <c r="E13025" s="6">
        <v>11001</v>
      </c>
      <c r="F13025" s="6" t="s">
        <v>18</v>
      </c>
      <c r="G13025" s="6" t="s">
        <v>855</v>
      </c>
      <c r="H13025" s="6" t="s">
        <v>24158</v>
      </c>
      <c r="I13025" s="7">
        <v>4.7481529</v>
      </c>
      <c r="J13025" s="8">
        <v>-74.087172300000006</v>
      </c>
    </row>
    <row r="13026" spans="1:10" x14ac:dyDescent="0.35">
      <c r="A13026" s="5" t="s">
        <v>10</v>
      </c>
      <c r="B13026" s="6">
        <v>235001</v>
      </c>
      <c r="C13026" s="6" t="s">
        <v>16</v>
      </c>
      <c r="D13026" s="6" t="s">
        <v>78</v>
      </c>
      <c r="E13026" s="6">
        <v>68001</v>
      </c>
      <c r="F13026" s="6" t="s">
        <v>18</v>
      </c>
      <c r="G13026" s="6" t="s">
        <v>24159</v>
      </c>
      <c r="H13026" s="6" t="s">
        <v>24160</v>
      </c>
      <c r="I13026" s="7">
        <v>7.0940478999999996</v>
      </c>
      <c r="J13026" s="8">
        <v>-73.125740100000002</v>
      </c>
    </row>
    <row r="13027" spans="1:10" x14ac:dyDescent="0.35">
      <c r="A13027" s="5" t="s">
        <v>10</v>
      </c>
      <c r="B13027" s="6">
        <v>235008</v>
      </c>
      <c r="C13027" s="6" t="s">
        <v>68</v>
      </c>
      <c r="D13027" s="6" t="s">
        <v>69</v>
      </c>
      <c r="E13027" s="6">
        <v>11001</v>
      </c>
      <c r="F13027" s="6" t="s">
        <v>18</v>
      </c>
      <c r="G13027" s="6" t="s">
        <v>24161</v>
      </c>
      <c r="H13027" s="6" t="s">
        <v>24162</v>
      </c>
      <c r="I13027" s="7">
        <v>4.6325143999999998</v>
      </c>
      <c r="J13027" s="8">
        <v>-74.172161700000004</v>
      </c>
    </row>
    <row r="13028" spans="1:10" x14ac:dyDescent="0.35">
      <c r="A13028" s="5" t="s">
        <v>10</v>
      </c>
      <c r="B13028" s="6">
        <v>235009</v>
      </c>
      <c r="C13028" s="6" t="s">
        <v>302</v>
      </c>
      <c r="D13028" s="6" t="s">
        <v>303</v>
      </c>
      <c r="E13028" s="6">
        <v>8638</v>
      </c>
      <c r="F13028" s="6" t="s">
        <v>18</v>
      </c>
      <c r="G13028" s="6" t="s">
        <v>24163</v>
      </c>
      <c r="H13028" s="6" t="s">
        <v>24164</v>
      </c>
      <c r="I13028" s="7">
        <v>10.6420633</v>
      </c>
      <c r="J13028" s="8">
        <v>-74.931309400000004</v>
      </c>
    </row>
    <row r="13029" spans="1:10" x14ac:dyDescent="0.35">
      <c r="A13029" s="5" t="s">
        <v>10</v>
      </c>
      <c r="B13029" s="6">
        <v>235024</v>
      </c>
      <c r="C13029" s="6" t="s">
        <v>16</v>
      </c>
      <c r="D13029" s="6" t="s">
        <v>2825</v>
      </c>
      <c r="E13029" s="6">
        <v>68276</v>
      </c>
      <c r="F13029" s="6" t="s">
        <v>18</v>
      </c>
      <c r="G13029" s="6" t="s">
        <v>24165</v>
      </c>
      <c r="H13029" s="6" t="s">
        <v>24166</v>
      </c>
      <c r="I13029" s="7">
        <v>7.0682174</v>
      </c>
      <c r="J13029" s="8">
        <v>-73.093471800000003</v>
      </c>
    </row>
    <row r="13030" spans="1:10" x14ac:dyDescent="0.35">
      <c r="A13030" s="5" t="s">
        <v>10</v>
      </c>
      <c r="B13030" s="6">
        <v>235029</v>
      </c>
      <c r="C13030" s="6" t="s">
        <v>278</v>
      </c>
      <c r="D13030" s="6" t="s">
        <v>1524</v>
      </c>
      <c r="E13030" s="6">
        <v>50318</v>
      </c>
      <c r="F13030" s="6" t="s">
        <v>18</v>
      </c>
      <c r="G13030" s="6" t="s">
        <v>24167</v>
      </c>
      <c r="H13030" s="6" t="s">
        <v>24168</v>
      </c>
      <c r="I13030" s="7">
        <v>3.8815876</v>
      </c>
      <c r="J13030" s="8">
        <v>-73.770525300000003</v>
      </c>
    </row>
    <row r="13031" spans="1:10" x14ac:dyDescent="0.35">
      <c r="A13031" s="5" t="s">
        <v>10</v>
      </c>
      <c r="B13031" s="6">
        <v>235051</v>
      </c>
      <c r="C13031" s="6" t="s">
        <v>302</v>
      </c>
      <c r="D13031" s="6" t="s">
        <v>4041</v>
      </c>
      <c r="E13031" s="6">
        <v>8758</v>
      </c>
      <c r="F13031" s="6" t="s">
        <v>18</v>
      </c>
      <c r="G13031" s="6" t="s">
        <v>24169</v>
      </c>
      <c r="H13031" s="6" t="s">
        <v>9536</v>
      </c>
      <c r="I13031" s="7">
        <v>10.9047471</v>
      </c>
      <c r="J13031" s="8">
        <v>-74.809432799999996</v>
      </c>
    </row>
    <row r="13032" spans="1:10" x14ac:dyDescent="0.35">
      <c r="A13032" s="5" t="s">
        <v>10</v>
      </c>
      <c r="B13032" s="6">
        <v>235054</v>
      </c>
      <c r="C13032" s="6" t="s">
        <v>68</v>
      </c>
      <c r="D13032" s="6" t="s">
        <v>69</v>
      </c>
      <c r="E13032" s="6">
        <v>11001</v>
      </c>
      <c r="F13032" s="6" t="s">
        <v>18</v>
      </c>
      <c r="G13032" s="6" t="s">
        <v>24170</v>
      </c>
      <c r="H13032" s="6" t="s">
        <v>24171</v>
      </c>
      <c r="I13032" s="7">
        <v>4.5502788000000001</v>
      </c>
      <c r="J13032" s="8">
        <v>-74.162352299999995</v>
      </c>
    </row>
    <row r="13033" spans="1:10" x14ac:dyDescent="0.35">
      <c r="A13033" s="5" t="s">
        <v>10</v>
      </c>
      <c r="B13033" s="6">
        <v>235060</v>
      </c>
      <c r="C13033" s="6" t="s">
        <v>68</v>
      </c>
      <c r="D13033" s="6" t="s">
        <v>69</v>
      </c>
      <c r="E13033" s="6">
        <v>11001</v>
      </c>
      <c r="F13033" s="6" t="s">
        <v>18</v>
      </c>
      <c r="G13033" s="6" t="s">
        <v>24172</v>
      </c>
      <c r="H13033" s="6" t="s">
        <v>24173</v>
      </c>
      <c r="I13033" s="7">
        <v>4.5580083</v>
      </c>
      <c r="J13033" s="8">
        <v>-74.137479299999995</v>
      </c>
    </row>
    <row r="13034" spans="1:10" x14ac:dyDescent="0.35">
      <c r="A13034" s="5" t="s">
        <v>10</v>
      </c>
      <c r="B13034" s="6">
        <v>235169</v>
      </c>
      <c r="C13034" s="6" t="s">
        <v>2821</v>
      </c>
      <c r="D13034" s="6" t="s">
        <v>20846</v>
      </c>
      <c r="E13034" s="6">
        <v>47555</v>
      </c>
      <c r="F13034" s="6" t="s">
        <v>18</v>
      </c>
      <c r="G13034" s="6" t="s">
        <v>24174</v>
      </c>
      <c r="H13034" s="6" t="s">
        <v>24175</v>
      </c>
      <c r="I13034" s="7">
        <v>9.7887184999999999</v>
      </c>
      <c r="J13034" s="8">
        <v>-74.787841299999997</v>
      </c>
    </row>
    <row r="13035" spans="1:10" x14ac:dyDescent="0.35">
      <c r="A13035" s="5" t="s">
        <v>10</v>
      </c>
      <c r="B13035" s="6">
        <v>235175</v>
      </c>
      <c r="C13035" s="6" t="s">
        <v>28</v>
      </c>
      <c r="D13035" s="6" t="s">
        <v>322</v>
      </c>
      <c r="E13035" s="6">
        <v>54405</v>
      </c>
      <c r="F13035" s="6" t="s">
        <v>18</v>
      </c>
      <c r="G13035" s="6" t="s">
        <v>24176</v>
      </c>
      <c r="H13035" s="6" t="s">
        <v>24177</v>
      </c>
      <c r="I13035" s="7">
        <v>7.8331989999999996</v>
      </c>
      <c r="J13035" s="8">
        <v>-72.504391999999996</v>
      </c>
    </row>
    <row r="13036" spans="1:10" x14ac:dyDescent="0.35">
      <c r="A13036" s="5" t="s">
        <v>10</v>
      </c>
      <c r="B13036" s="6">
        <v>235192</v>
      </c>
      <c r="C13036" s="6" t="s">
        <v>68</v>
      </c>
      <c r="D13036" s="6" t="s">
        <v>69</v>
      </c>
      <c r="E13036" s="6">
        <v>11001</v>
      </c>
      <c r="F13036" s="6" t="s">
        <v>18</v>
      </c>
      <c r="G13036" s="6" t="s">
        <v>24178</v>
      </c>
      <c r="H13036" s="6" t="s">
        <v>24179</v>
      </c>
      <c r="I13036" s="7">
        <v>4.6010464000000004</v>
      </c>
      <c r="J13036" s="8">
        <v>-74.077149800000001</v>
      </c>
    </row>
    <row r="13037" spans="1:10" x14ac:dyDescent="0.35">
      <c r="A13037" s="5" t="s">
        <v>10</v>
      </c>
      <c r="B13037" s="6">
        <v>235198</v>
      </c>
      <c r="C13037" s="6" t="s">
        <v>190</v>
      </c>
      <c r="D13037" s="6" t="s">
        <v>191</v>
      </c>
      <c r="E13037" s="6">
        <v>5001</v>
      </c>
      <c r="F13037" s="6" t="s">
        <v>18</v>
      </c>
      <c r="G13037" s="6" t="s">
        <v>24180</v>
      </c>
      <c r="H13037" s="6" t="s">
        <v>24181</v>
      </c>
      <c r="I13037" s="7">
        <v>6.0395056</v>
      </c>
      <c r="J13037" s="8">
        <v>-75.702894799999996</v>
      </c>
    </row>
    <row r="13038" spans="1:10" x14ac:dyDescent="0.35">
      <c r="A13038" s="5" t="s">
        <v>10</v>
      </c>
      <c r="B13038" s="6">
        <v>235245</v>
      </c>
      <c r="C13038" s="6" t="s">
        <v>16</v>
      </c>
      <c r="D13038" s="6" t="s">
        <v>1348</v>
      </c>
      <c r="E13038" s="6">
        <v>68167</v>
      </c>
      <c r="F13038" s="6" t="s">
        <v>18</v>
      </c>
      <c r="G13038" s="6" t="s">
        <v>24182</v>
      </c>
      <c r="H13038" s="6" t="s">
        <v>24183</v>
      </c>
      <c r="I13038" s="7">
        <v>6.2871144000000001</v>
      </c>
      <c r="J13038" s="8">
        <v>-73.146200300000004</v>
      </c>
    </row>
    <row r="13039" spans="1:10" x14ac:dyDescent="0.35">
      <c r="A13039" s="5" t="s">
        <v>10</v>
      </c>
      <c r="B13039" s="6">
        <v>235256</v>
      </c>
      <c r="C13039" s="6" t="s">
        <v>28</v>
      </c>
      <c r="D13039" s="6" t="s">
        <v>29</v>
      </c>
      <c r="E13039" s="6">
        <v>54001</v>
      </c>
      <c r="F13039" s="6" t="s">
        <v>18</v>
      </c>
      <c r="G13039" s="6" t="s">
        <v>24184</v>
      </c>
      <c r="H13039" s="6" t="s">
        <v>24185</v>
      </c>
      <c r="I13039" s="7">
        <v>7.8866075999999996</v>
      </c>
      <c r="J13039" s="8">
        <v>-72.499617400000005</v>
      </c>
    </row>
    <row r="13040" spans="1:10" x14ac:dyDescent="0.35">
      <c r="A13040" s="5" t="s">
        <v>10</v>
      </c>
      <c r="B13040" s="6">
        <v>235260</v>
      </c>
      <c r="C13040" s="6" t="s">
        <v>190</v>
      </c>
      <c r="D13040" s="6" t="s">
        <v>12276</v>
      </c>
      <c r="E13040" s="6">
        <v>5051</v>
      </c>
      <c r="F13040" s="6" t="s">
        <v>18</v>
      </c>
      <c r="G13040" s="6" t="s">
        <v>24186</v>
      </c>
      <c r="H13040" s="6" t="s">
        <v>24187</v>
      </c>
      <c r="I13040" s="7">
        <v>8.8503948999999995</v>
      </c>
      <c r="J13040" s="8">
        <v>-76.419369599999996</v>
      </c>
    </row>
    <row r="13041" spans="1:10" x14ac:dyDescent="0.35">
      <c r="A13041" s="5" t="s">
        <v>10</v>
      </c>
      <c r="B13041" s="6">
        <v>235326</v>
      </c>
      <c r="C13041" s="6" t="s">
        <v>28</v>
      </c>
      <c r="D13041" s="6" t="s">
        <v>29</v>
      </c>
      <c r="E13041" s="6">
        <v>54001</v>
      </c>
      <c r="F13041" s="6" t="s">
        <v>18</v>
      </c>
      <c r="G13041" s="6" t="s">
        <v>24188</v>
      </c>
      <c r="H13041" s="6" t="s">
        <v>24189</v>
      </c>
      <c r="I13041" s="7">
        <v>7.8890970999999999</v>
      </c>
      <c r="J13041" s="8">
        <v>-72.496689599999996</v>
      </c>
    </row>
    <row r="13042" spans="1:10" x14ac:dyDescent="0.35">
      <c r="A13042" s="5" t="s">
        <v>10</v>
      </c>
      <c r="B13042" s="6">
        <v>235339</v>
      </c>
      <c r="C13042" s="6" t="s">
        <v>68</v>
      </c>
      <c r="D13042" s="6" t="s">
        <v>69</v>
      </c>
      <c r="E13042" s="6">
        <v>11001</v>
      </c>
      <c r="F13042" s="6" t="s">
        <v>18</v>
      </c>
      <c r="G13042" s="6" t="s">
        <v>24190</v>
      </c>
      <c r="H13042" s="6" t="s">
        <v>24191</v>
      </c>
      <c r="I13042" s="7">
        <v>4.6052787999999998</v>
      </c>
      <c r="J13042" s="8">
        <v>-74.200563799999998</v>
      </c>
    </row>
    <row r="13043" spans="1:10" x14ac:dyDescent="0.35">
      <c r="A13043" s="5" t="s">
        <v>10</v>
      </c>
      <c r="B13043" s="6">
        <v>235377</v>
      </c>
      <c r="C13043" s="6" t="s">
        <v>117</v>
      </c>
      <c r="D13043" s="6" t="s">
        <v>1334</v>
      </c>
      <c r="E13043" s="6">
        <v>76001</v>
      </c>
      <c r="F13043" s="6" t="s">
        <v>18</v>
      </c>
      <c r="G13043" s="6" t="s">
        <v>24192</v>
      </c>
      <c r="H13043" s="6" t="s">
        <v>24193</v>
      </c>
      <c r="I13043" s="7">
        <v>3.3903658000000001</v>
      </c>
      <c r="J13043" s="8">
        <v>-76.555383599999999</v>
      </c>
    </row>
    <row r="13044" spans="1:10" x14ac:dyDescent="0.35">
      <c r="A13044" s="5" t="s">
        <v>10</v>
      </c>
      <c r="B13044" s="6">
        <v>235384</v>
      </c>
      <c r="C13044" s="6" t="s">
        <v>68</v>
      </c>
      <c r="D13044" s="6" t="s">
        <v>69</v>
      </c>
      <c r="E13044" s="6">
        <v>11001</v>
      </c>
      <c r="F13044" s="6" t="s">
        <v>18</v>
      </c>
      <c r="G13044" s="6" t="s">
        <v>24194</v>
      </c>
      <c r="H13044" s="6" t="s">
        <v>24195</v>
      </c>
      <c r="I13044" s="7">
        <v>4.5630002999999997</v>
      </c>
      <c r="J13044" s="8">
        <v>-74.107422900000003</v>
      </c>
    </row>
    <row r="13045" spans="1:10" x14ac:dyDescent="0.35">
      <c r="A13045" s="5" t="s">
        <v>10</v>
      </c>
      <c r="B13045" s="6">
        <v>235391</v>
      </c>
      <c r="C13045" s="6" t="s">
        <v>24</v>
      </c>
      <c r="D13045" s="6" t="s">
        <v>2409</v>
      </c>
      <c r="E13045" s="6">
        <v>15753</v>
      </c>
      <c r="F13045" s="6" t="s">
        <v>18</v>
      </c>
      <c r="G13045" s="6" t="s">
        <v>24196</v>
      </c>
      <c r="H13045" s="6" t="s">
        <v>24197</v>
      </c>
      <c r="I13045" s="7">
        <v>6.3339544999999999</v>
      </c>
      <c r="J13045" s="8">
        <v>-72.682807100000005</v>
      </c>
    </row>
    <row r="13046" spans="1:10" x14ac:dyDescent="0.35">
      <c r="A13046" s="5" t="s">
        <v>10</v>
      </c>
      <c r="B13046" s="6">
        <v>235416</v>
      </c>
      <c r="C13046" s="6" t="s">
        <v>117</v>
      </c>
      <c r="D13046" s="6" t="s">
        <v>4931</v>
      </c>
      <c r="E13046" s="6">
        <v>76892</v>
      </c>
      <c r="F13046" s="6" t="s">
        <v>18</v>
      </c>
      <c r="G13046" s="6" t="s">
        <v>24198</v>
      </c>
      <c r="H13046" s="6" t="s">
        <v>24199</v>
      </c>
      <c r="I13046" s="7">
        <v>3.5626905999999998</v>
      </c>
      <c r="J13046" s="8">
        <v>-76.494712399999997</v>
      </c>
    </row>
    <row r="13047" spans="1:10" x14ac:dyDescent="0.35">
      <c r="A13047" s="5" t="s">
        <v>10</v>
      </c>
      <c r="B13047" s="6">
        <v>235442</v>
      </c>
      <c r="C13047" s="6" t="s">
        <v>551</v>
      </c>
      <c r="D13047" s="6" t="s">
        <v>3868</v>
      </c>
      <c r="E13047" s="6">
        <v>20001</v>
      </c>
      <c r="F13047" s="6" t="s">
        <v>18</v>
      </c>
      <c r="G13047" s="6">
        <v>3245887770</v>
      </c>
      <c r="H13047" s="6" t="s">
        <v>24200</v>
      </c>
      <c r="I13047" s="7">
        <v>10.4752452</v>
      </c>
      <c r="J13047" s="8">
        <v>-73.274278199999998</v>
      </c>
    </row>
    <row r="13048" spans="1:10" x14ac:dyDescent="0.35">
      <c r="A13048" s="5" t="s">
        <v>10</v>
      </c>
      <c r="B13048" s="6">
        <v>235479</v>
      </c>
      <c r="C13048" s="6" t="s">
        <v>16</v>
      </c>
      <c r="D13048" s="6" t="s">
        <v>510</v>
      </c>
      <c r="E13048" s="6">
        <v>68547</v>
      </c>
      <c r="F13048" s="6" t="s">
        <v>18</v>
      </c>
      <c r="G13048" s="6" t="s">
        <v>24201</v>
      </c>
      <c r="H13048" s="6" t="s">
        <v>24202</v>
      </c>
      <c r="I13048" s="7">
        <v>6.9976063999999996</v>
      </c>
      <c r="J13048" s="8">
        <v>-73.053784699999994</v>
      </c>
    </row>
    <row r="13049" spans="1:10" x14ac:dyDescent="0.35">
      <c r="A13049" s="5" t="s">
        <v>10</v>
      </c>
      <c r="B13049" s="6">
        <v>235530</v>
      </c>
      <c r="C13049" s="6" t="s">
        <v>302</v>
      </c>
      <c r="D13049" s="6" t="s">
        <v>4041</v>
      </c>
      <c r="E13049" s="6">
        <v>8758</v>
      </c>
      <c r="F13049" s="6" t="s">
        <v>18</v>
      </c>
      <c r="G13049" s="6" t="s">
        <v>24203</v>
      </c>
      <c r="H13049" s="6" t="s">
        <v>24204</v>
      </c>
      <c r="I13049" s="7">
        <v>10.9172034</v>
      </c>
      <c r="J13049" s="8">
        <v>-74.799467300000003</v>
      </c>
    </row>
    <row r="13050" spans="1:10" x14ac:dyDescent="0.35">
      <c r="A13050" s="5" t="s">
        <v>10</v>
      </c>
      <c r="B13050" s="6">
        <v>235544</v>
      </c>
      <c r="C13050" s="6" t="s">
        <v>68</v>
      </c>
      <c r="D13050" s="6" t="s">
        <v>69</v>
      </c>
      <c r="E13050" s="6">
        <v>11001</v>
      </c>
      <c r="F13050" s="6" t="s">
        <v>18</v>
      </c>
      <c r="G13050" s="6" t="s">
        <v>24205</v>
      </c>
      <c r="H13050" s="6" t="s">
        <v>24206</v>
      </c>
      <c r="I13050" s="7">
        <v>4.6902150000000002</v>
      </c>
      <c r="J13050" s="8">
        <v>-74.147302699999997</v>
      </c>
    </row>
    <row r="13051" spans="1:10" x14ac:dyDescent="0.35">
      <c r="A13051" s="5" t="s">
        <v>10</v>
      </c>
      <c r="B13051" s="6">
        <v>235548</v>
      </c>
      <c r="C13051" s="6" t="s">
        <v>24</v>
      </c>
      <c r="D13051" s="6" t="s">
        <v>137</v>
      </c>
      <c r="E13051" s="6">
        <v>15238</v>
      </c>
      <c r="F13051" s="6" t="s">
        <v>18</v>
      </c>
      <c r="G13051" s="6" t="s">
        <v>24207</v>
      </c>
      <c r="H13051" s="6" t="s">
        <v>24208</v>
      </c>
      <c r="I13051" s="7">
        <v>5.8292929999999998</v>
      </c>
      <c r="J13051" s="8">
        <v>-73.0339551</v>
      </c>
    </row>
    <row r="13052" spans="1:10" x14ac:dyDescent="0.35">
      <c r="A13052" s="5" t="s">
        <v>10</v>
      </c>
      <c r="B13052" s="6">
        <v>235557</v>
      </c>
      <c r="C13052" s="6" t="s">
        <v>16</v>
      </c>
      <c r="D13052" s="6" t="s">
        <v>1266</v>
      </c>
      <c r="E13052" s="6">
        <v>68081</v>
      </c>
      <c r="F13052" s="6" t="s">
        <v>18</v>
      </c>
      <c r="G13052" s="6" t="s">
        <v>24209</v>
      </c>
      <c r="H13052" s="6" t="s">
        <v>24210</v>
      </c>
      <c r="I13052" s="7">
        <v>7.0528879</v>
      </c>
      <c r="J13052" s="8">
        <v>-73.824782600000006</v>
      </c>
    </row>
    <row r="13053" spans="1:10" x14ac:dyDescent="0.35">
      <c r="A13053" s="5" t="s">
        <v>10</v>
      </c>
      <c r="B13053" s="6">
        <v>235577</v>
      </c>
      <c r="C13053" s="6" t="s">
        <v>551</v>
      </c>
      <c r="D13053" s="6" t="s">
        <v>3868</v>
      </c>
      <c r="E13053" s="6">
        <v>20001</v>
      </c>
      <c r="F13053" s="6" t="s">
        <v>18</v>
      </c>
      <c r="G13053" s="6" t="s">
        <v>24211</v>
      </c>
      <c r="H13053" s="6" t="s">
        <v>24212</v>
      </c>
      <c r="I13053" s="7">
        <v>10.4720596</v>
      </c>
      <c r="J13053" s="8">
        <v>-73.2559021</v>
      </c>
    </row>
    <row r="13054" spans="1:10" x14ac:dyDescent="0.35">
      <c r="A13054" s="5" t="s">
        <v>10</v>
      </c>
      <c r="B13054" s="6">
        <v>235626</v>
      </c>
      <c r="C13054" s="6" t="s">
        <v>16</v>
      </c>
      <c r="D13054" s="6" t="s">
        <v>78</v>
      </c>
      <c r="E13054" s="6">
        <v>68001</v>
      </c>
      <c r="F13054" s="6" t="s">
        <v>18</v>
      </c>
      <c r="G13054" s="6">
        <v>6312</v>
      </c>
      <c r="H13054" s="6" t="s">
        <v>24213</v>
      </c>
      <c r="I13054" s="7">
        <v>7.1280450000000002</v>
      </c>
      <c r="J13054" s="8">
        <v>-73.112186100000002</v>
      </c>
    </row>
    <row r="13055" spans="1:10" x14ac:dyDescent="0.35">
      <c r="A13055" s="5" t="s">
        <v>10</v>
      </c>
      <c r="B13055" s="6">
        <v>235646</v>
      </c>
      <c r="C13055" s="6" t="s">
        <v>68</v>
      </c>
      <c r="D13055" s="6" t="s">
        <v>69</v>
      </c>
      <c r="E13055" s="6">
        <v>11001</v>
      </c>
      <c r="F13055" s="6" t="s">
        <v>18</v>
      </c>
      <c r="G13055" s="6" t="s">
        <v>24214</v>
      </c>
      <c r="H13055" s="6" t="s">
        <v>24215</v>
      </c>
      <c r="I13055" s="7">
        <v>4.7314141000000003</v>
      </c>
      <c r="J13055" s="8">
        <v>-74.101148600000002</v>
      </c>
    </row>
    <row r="13056" spans="1:10" x14ac:dyDescent="0.35">
      <c r="A13056" s="5" t="s">
        <v>10</v>
      </c>
      <c r="B13056" s="6">
        <v>235647</v>
      </c>
      <c r="C13056" s="6" t="s">
        <v>302</v>
      </c>
      <c r="D13056" s="6" t="s">
        <v>359</v>
      </c>
      <c r="E13056" s="6">
        <v>8001</v>
      </c>
      <c r="F13056" s="6" t="s">
        <v>18</v>
      </c>
      <c r="G13056" s="6" t="s">
        <v>24216</v>
      </c>
      <c r="H13056" s="6" t="s">
        <v>24217</v>
      </c>
      <c r="I13056" s="7">
        <v>10.980984400000001</v>
      </c>
      <c r="J13056" s="8">
        <v>-74.7755674</v>
      </c>
    </row>
    <row r="13057" spans="1:10" x14ac:dyDescent="0.35">
      <c r="A13057" s="5" t="s">
        <v>10</v>
      </c>
      <c r="B13057" s="6">
        <v>235654</v>
      </c>
      <c r="C13057" s="6" t="s">
        <v>190</v>
      </c>
      <c r="D13057" s="6" t="s">
        <v>14322</v>
      </c>
      <c r="E13057" s="6">
        <v>5893</v>
      </c>
      <c r="F13057" s="6" t="s">
        <v>18</v>
      </c>
      <c r="G13057" s="6" t="s">
        <v>24218</v>
      </c>
      <c r="H13057" s="6" t="s">
        <v>24219</v>
      </c>
      <c r="I13057" s="7">
        <v>7.0076036999999998</v>
      </c>
      <c r="J13057" s="8">
        <v>-73.9096598</v>
      </c>
    </row>
    <row r="13058" spans="1:10" x14ac:dyDescent="0.35">
      <c r="A13058" s="5" t="s">
        <v>10</v>
      </c>
      <c r="B13058" s="6">
        <v>235703</v>
      </c>
      <c r="C13058" s="6" t="s">
        <v>109</v>
      </c>
      <c r="D13058" s="6" t="s">
        <v>19084</v>
      </c>
      <c r="E13058" s="6">
        <v>13744</v>
      </c>
      <c r="F13058" s="6" t="s">
        <v>18</v>
      </c>
      <c r="G13058" s="6" t="s">
        <v>24220</v>
      </c>
      <c r="H13058" s="6" t="s">
        <v>24221</v>
      </c>
      <c r="I13058" s="7">
        <v>7.9521639999999998</v>
      </c>
      <c r="J13058" s="8">
        <v>-73.945865999999995</v>
      </c>
    </row>
    <row r="13059" spans="1:10" x14ac:dyDescent="0.35">
      <c r="A13059" s="5" t="s">
        <v>10</v>
      </c>
      <c r="B13059" s="6">
        <v>235739</v>
      </c>
      <c r="C13059" s="6" t="s">
        <v>190</v>
      </c>
      <c r="D13059" s="6" t="s">
        <v>12190</v>
      </c>
      <c r="E13059" s="6">
        <v>5264</v>
      </c>
      <c r="F13059" s="6" t="s">
        <v>18</v>
      </c>
      <c r="G13059" s="6" t="s">
        <v>24222</v>
      </c>
      <c r="H13059" s="6" t="s">
        <v>24223</v>
      </c>
      <c r="I13059" s="7">
        <v>6.5661459999999998</v>
      </c>
      <c r="J13059" s="8">
        <v>-75.516908000000001</v>
      </c>
    </row>
    <row r="13060" spans="1:10" x14ac:dyDescent="0.35">
      <c r="A13060" s="5" t="s">
        <v>10</v>
      </c>
      <c r="B13060" s="6">
        <v>235743</v>
      </c>
      <c r="C13060" s="6" t="s">
        <v>68</v>
      </c>
      <c r="D13060" s="6" t="s">
        <v>69</v>
      </c>
      <c r="E13060" s="6">
        <v>11001</v>
      </c>
      <c r="F13060" s="6" t="s">
        <v>18</v>
      </c>
      <c r="G13060" s="6" t="s">
        <v>24224</v>
      </c>
      <c r="H13060" s="6" t="s">
        <v>24225</v>
      </c>
      <c r="I13060" s="7">
        <v>4.6793259999999997</v>
      </c>
      <c r="J13060" s="8">
        <v>-74.109627599999996</v>
      </c>
    </row>
    <row r="13061" spans="1:10" x14ac:dyDescent="0.35">
      <c r="A13061" s="5" t="s">
        <v>10</v>
      </c>
      <c r="B13061" s="6">
        <v>235817</v>
      </c>
      <c r="C13061" s="6" t="s">
        <v>68</v>
      </c>
      <c r="D13061" s="6" t="s">
        <v>69</v>
      </c>
      <c r="E13061" s="6">
        <v>11001</v>
      </c>
      <c r="F13061" s="6" t="s">
        <v>18</v>
      </c>
      <c r="G13061" s="6" t="s">
        <v>24226</v>
      </c>
      <c r="H13061" s="6" t="s">
        <v>24227</v>
      </c>
      <c r="I13061" s="7">
        <v>4.6805681999999997</v>
      </c>
      <c r="J13061" s="8">
        <v>-74.151815999999997</v>
      </c>
    </row>
    <row r="13062" spans="1:10" x14ac:dyDescent="0.35">
      <c r="A13062" s="5" t="s">
        <v>10</v>
      </c>
      <c r="B13062" s="6">
        <v>235842</v>
      </c>
      <c r="C13062" s="6" t="s">
        <v>68</v>
      </c>
      <c r="D13062" s="6" t="s">
        <v>69</v>
      </c>
      <c r="E13062" s="6">
        <v>11001</v>
      </c>
      <c r="F13062" s="6" t="s">
        <v>18</v>
      </c>
      <c r="G13062" s="6" t="s">
        <v>24228</v>
      </c>
      <c r="H13062" s="6" t="s">
        <v>24229</v>
      </c>
      <c r="I13062" s="7">
        <v>4.6073632</v>
      </c>
      <c r="J13062" s="8">
        <v>-74.199041100000002</v>
      </c>
    </row>
    <row r="13063" spans="1:10" x14ac:dyDescent="0.35">
      <c r="A13063" s="5" t="s">
        <v>10</v>
      </c>
      <c r="B13063" s="6">
        <v>235843</v>
      </c>
      <c r="C13063" s="6" t="s">
        <v>2821</v>
      </c>
      <c r="D13063" s="6" t="s">
        <v>2822</v>
      </c>
      <c r="E13063" s="6">
        <v>47001</v>
      </c>
      <c r="F13063" s="6" t="s">
        <v>18</v>
      </c>
      <c r="G13063" s="6" t="s">
        <v>24230</v>
      </c>
      <c r="H13063" s="6" t="s">
        <v>24231</v>
      </c>
      <c r="I13063" s="7">
        <v>11.2123834</v>
      </c>
      <c r="J13063" s="8">
        <v>-74.160210199999995</v>
      </c>
    </row>
    <row r="13064" spans="1:10" x14ac:dyDescent="0.35">
      <c r="A13064" s="5" t="s">
        <v>10</v>
      </c>
      <c r="B13064" s="6">
        <v>235850</v>
      </c>
      <c r="C13064" s="6" t="s">
        <v>11</v>
      </c>
      <c r="D13064" s="6" t="s">
        <v>337</v>
      </c>
      <c r="E13064" s="6">
        <v>25290</v>
      </c>
      <c r="F13064" s="6" t="s">
        <v>18</v>
      </c>
      <c r="G13064" s="6" t="s">
        <v>24232</v>
      </c>
      <c r="H13064" s="6" t="s">
        <v>24233</v>
      </c>
      <c r="I13064" s="7">
        <v>4.3473487999999998</v>
      </c>
      <c r="J13064" s="8">
        <v>-74.353617700000001</v>
      </c>
    </row>
    <row r="13065" spans="1:10" x14ac:dyDescent="0.35">
      <c r="A13065" s="5" t="s">
        <v>10</v>
      </c>
      <c r="B13065" s="6">
        <v>235870</v>
      </c>
      <c r="C13065" s="6" t="s">
        <v>55</v>
      </c>
      <c r="D13065" s="6" t="s">
        <v>56</v>
      </c>
      <c r="E13065" s="6">
        <v>73001</v>
      </c>
      <c r="F13065" s="6" t="s">
        <v>18</v>
      </c>
      <c r="G13065" s="6" t="s">
        <v>24234</v>
      </c>
      <c r="H13065" s="6" t="s">
        <v>24235</v>
      </c>
      <c r="I13065" s="7">
        <v>4.4507371999999998</v>
      </c>
      <c r="J13065" s="8">
        <v>-75.240615000000005</v>
      </c>
    </row>
    <row r="13066" spans="1:10" x14ac:dyDescent="0.35">
      <c r="A13066" s="5" t="s">
        <v>10</v>
      </c>
      <c r="B13066" s="6">
        <v>235871</v>
      </c>
      <c r="C13066" s="6" t="s">
        <v>28</v>
      </c>
      <c r="D13066" s="6" t="s">
        <v>2306</v>
      </c>
      <c r="E13066" s="6">
        <v>54174</v>
      </c>
      <c r="F13066" s="6" t="s">
        <v>18</v>
      </c>
      <c r="G13066" s="6" t="s">
        <v>24236</v>
      </c>
      <c r="H13066" s="6" t="s">
        <v>24237</v>
      </c>
      <c r="I13066" s="7">
        <v>7.1374293</v>
      </c>
      <c r="J13066" s="8">
        <v>-72.662178499999996</v>
      </c>
    </row>
    <row r="13067" spans="1:10" x14ac:dyDescent="0.35">
      <c r="A13067" s="5" t="s">
        <v>10</v>
      </c>
      <c r="B13067" s="6">
        <v>235906</v>
      </c>
      <c r="C13067" s="6" t="s">
        <v>42</v>
      </c>
      <c r="D13067" s="6" t="s">
        <v>1697</v>
      </c>
      <c r="E13067" s="6">
        <v>17433</v>
      </c>
      <c r="F13067" s="6" t="s">
        <v>18</v>
      </c>
      <c r="G13067" s="6" t="s">
        <v>24238</v>
      </c>
      <c r="H13067" s="6" t="s">
        <v>24239</v>
      </c>
      <c r="I13067" s="7">
        <v>5.2542669000000002</v>
      </c>
      <c r="J13067" s="8">
        <v>-75.152095899999907</v>
      </c>
    </row>
    <row r="13068" spans="1:10" x14ac:dyDescent="0.35">
      <c r="A13068" s="5" t="s">
        <v>10</v>
      </c>
      <c r="B13068" s="6">
        <v>235921</v>
      </c>
      <c r="C13068" s="6" t="s">
        <v>11</v>
      </c>
      <c r="D13068" s="6" t="s">
        <v>334</v>
      </c>
      <c r="E13068" s="6">
        <v>25754</v>
      </c>
      <c r="F13068" s="6" t="s">
        <v>18</v>
      </c>
      <c r="G13068" s="6" t="s">
        <v>24240</v>
      </c>
      <c r="H13068" s="6" t="s">
        <v>24241</v>
      </c>
      <c r="I13068" s="7">
        <v>4.5765229999999999</v>
      </c>
      <c r="J13068" s="8">
        <v>-74.2165708</v>
      </c>
    </row>
    <row r="13069" spans="1:10" x14ac:dyDescent="0.35">
      <c r="A13069" s="5" t="s">
        <v>10</v>
      </c>
      <c r="B13069" s="6">
        <v>235927</v>
      </c>
      <c r="C13069" s="6" t="s">
        <v>2821</v>
      </c>
      <c r="D13069" s="6" t="s">
        <v>2822</v>
      </c>
      <c r="E13069" s="6">
        <v>47001</v>
      </c>
      <c r="F13069" s="6" t="s">
        <v>18</v>
      </c>
      <c r="G13069" s="6" t="s">
        <v>24242</v>
      </c>
      <c r="H13069" s="6" t="s">
        <v>24243</v>
      </c>
      <c r="I13069" s="7">
        <v>11.244505999999999</v>
      </c>
      <c r="J13069" s="8">
        <v>-74.190700499999906</v>
      </c>
    </row>
    <row r="13070" spans="1:10" x14ac:dyDescent="0.35">
      <c r="A13070" s="5" t="s">
        <v>10</v>
      </c>
      <c r="B13070" s="6">
        <v>235944</v>
      </c>
      <c r="C13070" s="6" t="s">
        <v>278</v>
      </c>
      <c r="D13070" s="6" t="s">
        <v>1331</v>
      </c>
      <c r="E13070" s="6">
        <v>50006</v>
      </c>
      <c r="F13070" s="6" t="s">
        <v>18</v>
      </c>
      <c r="G13070" s="6" t="s">
        <v>24244</v>
      </c>
      <c r="H13070" s="6" t="s">
        <v>24245</v>
      </c>
      <c r="I13070" s="7">
        <v>3.9901466000000001</v>
      </c>
      <c r="J13070" s="8">
        <v>-73.751125799999997</v>
      </c>
    </row>
    <row r="13071" spans="1:10" x14ac:dyDescent="0.35">
      <c r="A13071" s="5" t="s">
        <v>10</v>
      </c>
      <c r="B13071" s="6">
        <v>235969</v>
      </c>
      <c r="C13071" s="6" t="s">
        <v>11</v>
      </c>
      <c r="D13071" s="6" t="s">
        <v>513</v>
      </c>
      <c r="E13071" s="6">
        <v>25286</v>
      </c>
      <c r="F13071" s="6" t="s">
        <v>18</v>
      </c>
      <c r="G13071" s="6" t="s">
        <v>24246</v>
      </c>
      <c r="H13071" s="6" t="s">
        <v>24247</v>
      </c>
      <c r="I13071" s="7">
        <v>4.7157095999999896</v>
      </c>
      <c r="J13071" s="8">
        <v>-74.209882100000002</v>
      </c>
    </row>
    <row r="13072" spans="1:10" x14ac:dyDescent="0.35">
      <c r="A13072" s="5" t="s">
        <v>10</v>
      </c>
      <c r="B13072" s="6">
        <v>235971</v>
      </c>
      <c r="C13072" s="6" t="s">
        <v>28</v>
      </c>
      <c r="D13072" s="6" t="s">
        <v>153</v>
      </c>
      <c r="E13072" s="6">
        <v>54518</v>
      </c>
      <c r="F13072" s="6" t="s">
        <v>18</v>
      </c>
      <c r="G13072" s="6" t="s">
        <v>24248</v>
      </c>
      <c r="H13072" s="6" t="s">
        <v>24249</v>
      </c>
      <c r="I13072" s="7">
        <v>7.3764992999999901</v>
      </c>
      <c r="J13072" s="8">
        <v>-72.647022199999995</v>
      </c>
    </row>
    <row r="13073" spans="1:10" x14ac:dyDescent="0.35">
      <c r="A13073" s="5" t="s">
        <v>10</v>
      </c>
      <c r="B13073" s="6">
        <v>235992</v>
      </c>
      <c r="C13073" s="6" t="s">
        <v>11</v>
      </c>
      <c r="D13073" s="6" t="s">
        <v>4282</v>
      </c>
      <c r="E13073" s="6">
        <v>25181</v>
      </c>
      <c r="F13073" s="6" t="s">
        <v>18</v>
      </c>
      <c r="G13073" s="6" t="s">
        <v>24250</v>
      </c>
      <c r="H13073" s="6" t="s">
        <v>24251</v>
      </c>
      <c r="I13073" s="7">
        <v>4.5286590000000002</v>
      </c>
      <c r="J13073" s="8">
        <v>-73.922967999999997</v>
      </c>
    </row>
    <row r="13074" spans="1:10" x14ac:dyDescent="0.35">
      <c r="A13074" s="5" t="s">
        <v>10</v>
      </c>
      <c r="B13074" s="6">
        <v>236017</v>
      </c>
      <c r="C13074" s="6" t="s">
        <v>68</v>
      </c>
      <c r="D13074" s="6" t="s">
        <v>69</v>
      </c>
      <c r="E13074" s="6">
        <v>11001</v>
      </c>
      <c r="F13074" s="6" t="s">
        <v>18</v>
      </c>
      <c r="G13074" s="6" t="s">
        <v>24252</v>
      </c>
      <c r="H13074" s="6" t="s">
        <v>24253</v>
      </c>
      <c r="I13074" s="7">
        <v>4.5833493000000001</v>
      </c>
      <c r="J13074" s="8">
        <v>-74.089839999999995</v>
      </c>
    </row>
    <row r="13075" spans="1:10" x14ac:dyDescent="0.35">
      <c r="A13075" s="5" t="s">
        <v>10</v>
      </c>
      <c r="B13075" s="6">
        <v>236808</v>
      </c>
      <c r="C13075" s="6" t="s">
        <v>16</v>
      </c>
      <c r="D13075" s="6" t="s">
        <v>705</v>
      </c>
      <c r="E13075" s="6">
        <v>68077</v>
      </c>
      <c r="F13075" s="6" t="s">
        <v>18</v>
      </c>
      <c r="G13075" s="6" t="s">
        <v>24254</v>
      </c>
      <c r="H13075" s="6" t="s">
        <v>24255</v>
      </c>
      <c r="I13075" s="7">
        <v>5.9352703</v>
      </c>
      <c r="J13075" s="8">
        <v>-73.611098900000002</v>
      </c>
    </row>
    <row r="13076" spans="1:10" x14ac:dyDescent="0.35">
      <c r="A13076" s="5" t="s">
        <v>10</v>
      </c>
      <c r="B13076" s="6">
        <v>236956</v>
      </c>
      <c r="C13076" s="6" t="s">
        <v>11</v>
      </c>
      <c r="D13076" s="6" t="s">
        <v>337</v>
      </c>
      <c r="E13076" s="6">
        <v>25290</v>
      </c>
      <c r="F13076" s="6" t="s">
        <v>18</v>
      </c>
      <c r="G13076" s="6" t="s">
        <v>113</v>
      </c>
      <c r="H13076" s="6" t="s">
        <v>24256</v>
      </c>
      <c r="I13076" s="7">
        <v>4.3287987000000001</v>
      </c>
      <c r="J13076" s="8">
        <v>-74.385397699999999</v>
      </c>
    </row>
    <row r="13077" spans="1:10" x14ac:dyDescent="0.35">
      <c r="A13077" s="5" t="s">
        <v>10</v>
      </c>
      <c r="B13077" s="6">
        <v>237360</v>
      </c>
      <c r="C13077" s="6" t="s">
        <v>68</v>
      </c>
      <c r="D13077" s="6" t="s">
        <v>69</v>
      </c>
      <c r="E13077" s="6">
        <v>11001</v>
      </c>
      <c r="F13077" s="6" t="s">
        <v>18</v>
      </c>
      <c r="G13077" s="6" t="s">
        <v>24257</v>
      </c>
      <c r="H13077" s="6" t="s">
        <v>24258</v>
      </c>
      <c r="I13077" s="7">
        <v>4.5566408000000003</v>
      </c>
      <c r="J13077" s="8">
        <v>-74.142667799999998</v>
      </c>
    </row>
    <row r="13078" spans="1:10" x14ac:dyDescent="0.35">
      <c r="A13078" s="5" t="s">
        <v>10</v>
      </c>
      <c r="B13078" s="6">
        <v>237450</v>
      </c>
      <c r="C13078" s="6" t="s">
        <v>11</v>
      </c>
      <c r="D13078" s="6" t="s">
        <v>4514</v>
      </c>
      <c r="E13078" s="6">
        <v>25645</v>
      </c>
      <c r="F13078" s="6" t="s">
        <v>18</v>
      </c>
      <c r="G13078" s="6" t="s">
        <v>24259</v>
      </c>
      <c r="H13078" s="6" t="s">
        <v>24260</v>
      </c>
      <c r="I13078" s="7">
        <v>4.5827828000000004</v>
      </c>
      <c r="J13078" s="8">
        <v>-74.211776999999998</v>
      </c>
    </row>
    <row r="13079" spans="1:10" x14ac:dyDescent="0.35">
      <c r="A13079" s="5" t="s">
        <v>10</v>
      </c>
      <c r="B13079" s="6">
        <v>238259</v>
      </c>
      <c r="C13079" s="6" t="s">
        <v>278</v>
      </c>
      <c r="D13079" s="6" t="s">
        <v>279</v>
      </c>
      <c r="E13079" s="6">
        <v>50001</v>
      </c>
      <c r="F13079" s="6" t="s">
        <v>18</v>
      </c>
      <c r="G13079" s="6" t="s">
        <v>24261</v>
      </c>
      <c r="H13079" s="6" t="s">
        <v>24262</v>
      </c>
      <c r="I13079" s="7">
        <v>4.1276175000000004</v>
      </c>
      <c r="J13079" s="8">
        <v>-73.613951099999994</v>
      </c>
    </row>
    <row r="13080" spans="1:10" x14ac:dyDescent="0.35">
      <c r="A13080" s="5" t="s">
        <v>10</v>
      </c>
      <c r="B13080" s="6">
        <v>238261</v>
      </c>
      <c r="C13080" s="6" t="s">
        <v>68</v>
      </c>
      <c r="D13080" s="6" t="s">
        <v>69</v>
      </c>
      <c r="E13080" s="6">
        <v>11001</v>
      </c>
      <c r="F13080" s="6" t="s">
        <v>18</v>
      </c>
      <c r="G13080" s="6" t="s">
        <v>24263</v>
      </c>
      <c r="H13080" s="6" t="s">
        <v>24264</v>
      </c>
      <c r="I13080" s="7">
        <v>4.5866676000000002</v>
      </c>
      <c r="J13080" s="8">
        <v>-74.167174599999996</v>
      </c>
    </row>
    <row r="13081" spans="1:10" x14ac:dyDescent="0.35">
      <c r="A13081" s="5" t="s">
        <v>10</v>
      </c>
      <c r="B13081" s="6">
        <v>238278</v>
      </c>
      <c r="C13081" s="6" t="s">
        <v>68</v>
      </c>
      <c r="D13081" s="6" t="s">
        <v>69</v>
      </c>
      <c r="E13081" s="6">
        <v>11001</v>
      </c>
      <c r="F13081" s="6" t="s">
        <v>18</v>
      </c>
      <c r="G13081" s="6" t="s">
        <v>24265</v>
      </c>
      <c r="H13081" s="6" t="s">
        <v>24266</v>
      </c>
      <c r="I13081" s="7">
        <v>4.6831991999999998</v>
      </c>
      <c r="J13081" s="8">
        <v>-74.107421400000007</v>
      </c>
    </row>
    <row r="13082" spans="1:10" x14ac:dyDescent="0.35">
      <c r="A13082" s="5" t="s">
        <v>10</v>
      </c>
      <c r="B13082" s="6">
        <v>238340</v>
      </c>
      <c r="C13082" s="6" t="s">
        <v>11</v>
      </c>
      <c r="D13082" s="6" t="s">
        <v>8897</v>
      </c>
      <c r="E13082" s="6">
        <v>25335</v>
      </c>
      <c r="F13082" s="6" t="s">
        <v>18</v>
      </c>
      <c r="G13082" s="6" t="s">
        <v>24267</v>
      </c>
      <c r="H13082" s="6" t="s">
        <v>24268</v>
      </c>
      <c r="I13082" s="7">
        <v>4.5754441000000003</v>
      </c>
      <c r="J13082" s="8">
        <v>-74.224046599999994</v>
      </c>
    </row>
    <row r="13083" spans="1:10" x14ac:dyDescent="0.35">
      <c r="A13083" s="5" t="s">
        <v>10</v>
      </c>
      <c r="B13083" s="6">
        <v>240186</v>
      </c>
      <c r="C13083" s="6" t="s">
        <v>68</v>
      </c>
      <c r="D13083" s="6" t="s">
        <v>69</v>
      </c>
      <c r="E13083" s="6">
        <v>11001</v>
      </c>
      <c r="F13083" s="6" t="s">
        <v>18</v>
      </c>
      <c r="G13083" s="6" t="s">
        <v>24269</v>
      </c>
      <c r="H13083" s="6" t="s">
        <v>24270</v>
      </c>
      <c r="I13083" s="7">
        <v>4.6015512000000003</v>
      </c>
      <c r="J13083" s="8">
        <v>-74.156354500000006</v>
      </c>
    </row>
    <row r="13084" spans="1:10" x14ac:dyDescent="0.35">
      <c r="A13084" s="5" t="s">
        <v>10</v>
      </c>
      <c r="B13084" s="6">
        <v>240199</v>
      </c>
      <c r="C13084" s="6" t="s">
        <v>11</v>
      </c>
      <c r="D13084" s="6" t="s">
        <v>334</v>
      </c>
      <c r="E13084" s="6">
        <v>25754</v>
      </c>
      <c r="F13084" s="6" t="s">
        <v>18</v>
      </c>
      <c r="G13084" s="6" t="s">
        <v>24271</v>
      </c>
      <c r="H13084" s="6" t="s">
        <v>24272</v>
      </c>
      <c r="I13084" s="7">
        <v>4.5806256999999997</v>
      </c>
      <c r="J13084" s="8">
        <v>-74.206995599999999</v>
      </c>
    </row>
    <row r="13085" spans="1:10" x14ac:dyDescent="0.35">
      <c r="A13085" s="5" t="s">
        <v>10</v>
      </c>
      <c r="B13085" s="6">
        <v>240209</v>
      </c>
      <c r="C13085" s="6" t="s">
        <v>68</v>
      </c>
      <c r="D13085" s="6" t="s">
        <v>69</v>
      </c>
      <c r="E13085" s="6">
        <v>11001</v>
      </c>
      <c r="F13085" s="6" t="s">
        <v>18</v>
      </c>
      <c r="G13085" s="6" t="s">
        <v>113</v>
      </c>
      <c r="H13085" s="6" t="s">
        <v>24273</v>
      </c>
      <c r="I13085" s="7">
        <v>4.6350572000000003</v>
      </c>
      <c r="J13085" s="8">
        <v>-74.178817800000004</v>
      </c>
    </row>
    <row r="13086" spans="1:10" x14ac:dyDescent="0.35">
      <c r="A13086" s="5" t="s">
        <v>10</v>
      </c>
      <c r="B13086" s="6">
        <v>240217</v>
      </c>
      <c r="C13086" s="6" t="s">
        <v>294</v>
      </c>
      <c r="D13086" s="6" t="s">
        <v>4555</v>
      </c>
      <c r="E13086" s="6">
        <v>41016</v>
      </c>
      <c r="F13086" s="6" t="s">
        <v>18</v>
      </c>
      <c r="G13086" s="6" t="s">
        <v>24274</v>
      </c>
      <c r="H13086" s="6" t="s">
        <v>24275</v>
      </c>
      <c r="I13086" s="7">
        <v>3.2221148999999998</v>
      </c>
      <c r="J13086" s="8">
        <v>-75.237442900000005</v>
      </c>
    </row>
    <row r="13087" spans="1:10" x14ac:dyDescent="0.35">
      <c r="A13087" s="5" t="s">
        <v>10</v>
      </c>
      <c r="B13087" s="6">
        <v>240218</v>
      </c>
      <c r="C13087" s="6" t="s">
        <v>61</v>
      </c>
      <c r="D13087" s="6" t="s">
        <v>62</v>
      </c>
      <c r="E13087" s="6">
        <v>63001</v>
      </c>
      <c r="F13087" s="6" t="s">
        <v>18</v>
      </c>
      <c r="G13087" s="6" t="s">
        <v>24276</v>
      </c>
      <c r="H13087" s="6" t="s">
        <v>24277</v>
      </c>
      <c r="I13087" s="7">
        <v>4.4538158000000001</v>
      </c>
      <c r="J13087" s="8">
        <v>-75.783107599999994</v>
      </c>
    </row>
    <row r="13088" spans="1:10" x14ac:dyDescent="0.35">
      <c r="A13088" s="5" t="s">
        <v>10</v>
      </c>
      <c r="B13088" s="6">
        <v>240310</v>
      </c>
      <c r="C13088" s="6" t="s">
        <v>457</v>
      </c>
      <c r="D13088" s="6" t="s">
        <v>13453</v>
      </c>
      <c r="E13088" s="6">
        <v>52585</v>
      </c>
      <c r="F13088" s="6" t="s">
        <v>18</v>
      </c>
      <c r="G13088" s="6" t="s">
        <v>13615</v>
      </c>
      <c r="H13088" s="6" t="s">
        <v>24278</v>
      </c>
      <c r="I13088" s="7">
        <v>0.86736820000000003</v>
      </c>
      <c r="J13088" s="8">
        <v>-77.637033200000005</v>
      </c>
    </row>
    <row r="13089" spans="1:10" x14ac:dyDescent="0.35">
      <c r="A13089" s="5" t="s">
        <v>10</v>
      </c>
      <c r="B13089" s="6">
        <v>240368</v>
      </c>
      <c r="C13089" s="6" t="s">
        <v>68</v>
      </c>
      <c r="D13089" s="6" t="s">
        <v>69</v>
      </c>
      <c r="E13089" s="6">
        <v>11001</v>
      </c>
      <c r="F13089" s="6" t="s">
        <v>18</v>
      </c>
      <c r="G13089" s="6" t="s">
        <v>24279</v>
      </c>
      <c r="H13089" s="6" t="s">
        <v>24280</v>
      </c>
      <c r="I13089" s="7">
        <v>4.6828184999999998</v>
      </c>
      <c r="J13089" s="8">
        <v>-74.064731899999998</v>
      </c>
    </row>
    <row r="13090" spans="1:10" x14ac:dyDescent="0.35">
      <c r="A13090" s="5" t="s">
        <v>10</v>
      </c>
      <c r="B13090" s="6">
        <v>240401</v>
      </c>
      <c r="C13090" s="6" t="s">
        <v>68</v>
      </c>
      <c r="D13090" s="6" t="s">
        <v>69</v>
      </c>
      <c r="E13090" s="6">
        <v>11001</v>
      </c>
      <c r="F13090" s="6" t="s">
        <v>18</v>
      </c>
      <c r="G13090" s="6" t="s">
        <v>24281</v>
      </c>
      <c r="H13090" s="6" t="s">
        <v>24282</v>
      </c>
      <c r="I13090" s="7">
        <v>4.5451166000000001</v>
      </c>
      <c r="J13090" s="8">
        <v>-74.091526999999999</v>
      </c>
    </row>
    <row r="13091" spans="1:10" x14ac:dyDescent="0.35">
      <c r="A13091" s="5" t="s">
        <v>10</v>
      </c>
      <c r="B13091" s="6">
        <v>240404</v>
      </c>
      <c r="C13091" s="6" t="s">
        <v>68</v>
      </c>
      <c r="D13091" s="6" t="s">
        <v>69</v>
      </c>
      <c r="E13091" s="6">
        <v>11001</v>
      </c>
      <c r="F13091" s="6" t="s">
        <v>18</v>
      </c>
      <c r="G13091" s="6" t="s">
        <v>24283</v>
      </c>
      <c r="H13091" s="6" t="s">
        <v>24284</v>
      </c>
      <c r="I13091" s="7">
        <v>4.7473258999999999</v>
      </c>
      <c r="J13091" s="8">
        <v>-74.1178369</v>
      </c>
    </row>
    <row r="13092" spans="1:10" x14ac:dyDescent="0.35">
      <c r="A13092" s="5" t="s">
        <v>10</v>
      </c>
      <c r="B13092" s="6">
        <v>243324</v>
      </c>
      <c r="C13092" s="6" t="s">
        <v>68</v>
      </c>
      <c r="D13092" s="6" t="s">
        <v>69</v>
      </c>
      <c r="E13092" s="6">
        <v>11001</v>
      </c>
      <c r="F13092" s="6" t="s">
        <v>18</v>
      </c>
      <c r="G13092" s="6" t="s">
        <v>24285</v>
      </c>
      <c r="H13092" s="6" t="s">
        <v>24286</v>
      </c>
      <c r="I13092" s="7">
        <v>4.5983219999999996</v>
      </c>
      <c r="J13092" s="8">
        <v>-74.100650299999998</v>
      </c>
    </row>
    <row r="13093" spans="1:10" x14ac:dyDescent="0.35">
      <c r="A13093" s="5" t="s">
        <v>10</v>
      </c>
      <c r="B13093" s="6">
        <v>243328</v>
      </c>
      <c r="C13093" s="6" t="s">
        <v>278</v>
      </c>
      <c r="D13093" s="6" t="s">
        <v>2421</v>
      </c>
      <c r="E13093" s="6">
        <v>50573</v>
      </c>
      <c r="F13093" s="6" t="s">
        <v>18</v>
      </c>
      <c r="G13093" s="6" t="s">
        <v>24287</v>
      </c>
      <c r="H13093" s="6" t="s">
        <v>24288</v>
      </c>
      <c r="I13093" s="7">
        <v>4.0854524000000003</v>
      </c>
      <c r="J13093" s="8">
        <v>-72.955692400000004</v>
      </c>
    </row>
    <row r="13094" spans="1:10" x14ac:dyDescent="0.35">
      <c r="A13094" s="5" t="s">
        <v>10</v>
      </c>
      <c r="B13094" s="6">
        <v>243477</v>
      </c>
      <c r="C13094" s="6" t="s">
        <v>28</v>
      </c>
      <c r="D13094" s="6" t="s">
        <v>29</v>
      </c>
      <c r="E13094" s="6">
        <v>54001</v>
      </c>
      <c r="F13094" s="6" t="s">
        <v>18</v>
      </c>
      <c r="G13094" s="6" t="s">
        <v>24289</v>
      </c>
      <c r="H13094" s="6" t="s">
        <v>24290</v>
      </c>
      <c r="I13094" s="7">
        <v>7.8697946999999999</v>
      </c>
      <c r="J13094" s="8">
        <v>-72.521124</v>
      </c>
    </row>
    <row r="13095" spans="1:10" x14ac:dyDescent="0.35">
      <c r="A13095" s="5" t="s">
        <v>10</v>
      </c>
      <c r="B13095" s="6">
        <v>243671</v>
      </c>
      <c r="C13095" s="6" t="s">
        <v>11</v>
      </c>
      <c r="D13095" s="6" t="s">
        <v>221</v>
      </c>
      <c r="E13095" s="6">
        <v>25430</v>
      </c>
      <c r="F13095" s="6" t="s">
        <v>18</v>
      </c>
      <c r="G13095" s="6" t="s">
        <v>24291</v>
      </c>
      <c r="H13095" s="6" t="s">
        <v>24292</v>
      </c>
      <c r="I13095" s="7">
        <v>4.7350076999999997</v>
      </c>
      <c r="J13095" s="8">
        <v>-74.269616400000004</v>
      </c>
    </row>
    <row r="13096" spans="1:10" x14ac:dyDescent="0.35">
      <c r="A13096" s="5" t="s">
        <v>10</v>
      </c>
      <c r="B13096" s="6">
        <v>244003</v>
      </c>
      <c r="C13096" s="6" t="s">
        <v>68</v>
      </c>
      <c r="D13096" s="6" t="s">
        <v>69</v>
      </c>
      <c r="E13096" s="6">
        <v>11001</v>
      </c>
      <c r="F13096" s="6" t="s">
        <v>18</v>
      </c>
      <c r="G13096" s="6" t="s">
        <v>24293</v>
      </c>
      <c r="H13096" s="6" t="s">
        <v>24294</v>
      </c>
      <c r="I13096" s="7">
        <v>4.5682366999999999</v>
      </c>
      <c r="J13096" s="8">
        <v>-74.115957699999996</v>
      </c>
    </row>
    <row r="13097" spans="1:10" x14ac:dyDescent="0.35">
      <c r="A13097" s="5" t="s">
        <v>10</v>
      </c>
      <c r="B13097" s="6">
        <v>244139</v>
      </c>
      <c r="C13097" s="6" t="s">
        <v>38</v>
      </c>
      <c r="D13097" s="6" t="s">
        <v>3034</v>
      </c>
      <c r="E13097" s="6">
        <v>19100</v>
      </c>
      <c r="F13097" s="6" t="s">
        <v>18</v>
      </c>
      <c r="G13097" s="6" t="s">
        <v>24295</v>
      </c>
      <c r="H13097" s="6" t="s">
        <v>24296</v>
      </c>
      <c r="I13097" s="7">
        <v>2.7049813</v>
      </c>
      <c r="J13097" s="8">
        <v>-76.825965199999999</v>
      </c>
    </row>
    <row r="13098" spans="1:10" x14ac:dyDescent="0.35">
      <c r="A13098" s="5" t="s">
        <v>10</v>
      </c>
      <c r="B13098" s="6">
        <v>244196</v>
      </c>
      <c r="C13098" s="6" t="s">
        <v>68</v>
      </c>
      <c r="D13098" s="6" t="s">
        <v>69</v>
      </c>
      <c r="E13098" s="6">
        <v>11001</v>
      </c>
      <c r="F13098" s="6" t="s">
        <v>18</v>
      </c>
      <c r="G13098" s="6" t="s">
        <v>24297</v>
      </c>
      <c r="H13098" s="6" t="s">
        <v>24298</v>
      </c>
      <c r="I13098" s="7">
        <v>4.4744244999999996</v>
      </c>
      <c r="J13098" s="8">
        <v>-74.123140300000003</v>
      </c>
    </row>
    <row r="13099" spans="1:10" x14ac:dyDescent="0.35">
      <c r="A13099" s="5" t="s">
        <v>10</v>
      </c>
      <c r="B13099" s="6">
        <v>244515</v>
      </c>
      <c r="C13099" s="6" t="s">
        <v>68</v>
      </c>
      <c r="D13099" s="6" t="s">
        <v>69</v>
      </c>
      <c r="E13099" s="6">
        <v>11001</v>
      </c>
      <c r="F13099" s="6" t="s">
        <v>18</v>
      </c>
      <c r="G13099" s="6" t="s">
        <v>24299</v>
      </c>
      <c r="H13099" s="6" t="s">
        <v>24300</v>
      </c>
      <c r="I13099" s="7">
        <v>4.4987529999999998</v>
      </c>
      <c r="J13099" s="8">
        <v>-74.109449400000003</v>
      </c>
    </row>
    <row r="13100" spans="1:10" x14ac:dyDescent="0.35">
      <c r="A13100" s="5" t="s">
        <v>10</v>
      </c>
      <c r="B13100" s="6">
        <v>120435</v>
      </c>
      <c r="C13100" s="6" t="s">
        <v>68</v>
      </c>
      <c r="D13100" s="6" t="s">
        <v>69</v>
      </c>
      <c r="E13100" s="6">
        <v>11001</v>
      </c>
      <c r="F13100" s="6" t="s">
        <v>18</v>
      </c>
      <c r="G13100" s="6" t="s">
        <v>7697</v>
      </c>
      <c r="H13100" s="6" t="s">
        <v>7698</v>
      </c>
      <c r="I13100" s="7">
        <v>4.5344185000000001</v>
      </c>
      <c r="J13100" s="8">
        <v>-74.116812499999995</v>
      </c>
    </row>
    <row r="13101" spans="1:10" x14ac:dyDescent="0.35">
      <c r="A13101" s="5" t="s">
        <v>10</v>
      </c>
      <c r="B13101" s="6">
        <v>244148</v>
      </c>
      <c r="C13101" s="6" t="s">
        <v>190</v>
      </c>
      <c r="D13101" s="6" t="s">
        <v>24301</v>
      </c>
      <c r="E13101" s="6">
        <v>5361</v>
      </c>
      <c r="F13101" s="6" t="s">
        <v>18</v>
      </c>
      <c r="G13101" s="6" t="s">
        <v>24302</v>
      </c>
      <c r="H13101" s="6" t="s">
        <v>24303</v>
      </c>
      <c r="I13101" s="7">
        <v>7.1724527</v>
      </c>
      <c r="J13101" s="8">
        <v>-75.764311199999995</v>
      </c>
    </row>
    <row r="13102" spans="1:10" x14ac:dyDescent="0.35">
      <c r="A13102" s="5" t="s">
        <v>10</v>
      </c>
      <c r="B13102" s="6">
        <v>244255</v>
      </c>
      <c r="C13102" s="6" t="s">
        <v>11</v>
      </c>
      <c r="D13102" s="6" t="s">
        <v>4282</v>
      </c>
      <c r="E13102" s="6">
        <v>25181</v>
      </c>
      <c r="F13102" s="6" t="s">
        <v>18</v>
      </c>
      <c r="G13102" s="6" t="s">
        <v>24304</v>
      </c>
      <c r="H13102" s="6" t="s">
        <v>24305</v>
      </c>
      <c r="I13102" s="7">
        <v>4.5286590000000002</v>
      </c>
      <c r="J13102" s="8">
        <v>-73.922967999999997</v>
      </c>
    </row>
    <row r="13103" spans="1:10" x14ac:dyDescent="0.35">
      <c r="A13103" s="5" t="s">
        <v>10</v>
      </c>
      <c r="B13103" s="6">
        <v>244312</v>
      </c>
      <c r="C13103" s="6" t="s">
        <v>16</v>
      </c>
      <c r="D13103" s="6" t="s">
        <v>2851</v>
      </c>
      <c r="E13103" s="6">
        <v>68524</v>
      </c>
      <c r="F13103" s="6" t="s">
        <v>18</v>
      </c>
      <c r="G13103" s="6" t="s">
        <v>24306</v>
      </c>
      <c r="H13103" s="6" t="s">
        <v>8770</v>
      </c>
      <c r="I13103" s="7">
        <v>6.4062937</v>
      </c>
      <c r="J13103" s="8">
        <v>-73.287739000000002</v>
      </c>
    </row>
    <row r="13104" spans="1:10" x14ac:dyDescent="0.35">
      <c r="A13104" s="5" t="s">
        <v>10</v>
      </c>
      <c r="B13104" s="6">
        <v>244384</v>
      </c>
      <c r="C13104" s="6" t="s">
        <v>190</v>
      </c>
      <c r="D13104" s="6" t="s">
        <v>12384</v>
      </c>
      <c r="E13104" s="6">
        <v>5190</v>
      </c>
      <c r="F13104" s="6" t="s">
        <v>18</v>
      </c>
      <c r="G13104" s="6" t="s">
        <v>24307</v>
      </c>
      <c r="H13104" s="6" t="s">
        <v>24308</v>
      </c>
      <c r="I13104" s="7">
        <v>6.5390275000000004</v>
      </c>
      <c r="J13104" s="8">
        <v>-75.089343799999995</v>
      </c>
    </row>
    <row r="13105" spans="1:10" x14ac:dyDescent="0.35">
      <c r="A13105" s="5" t="s">
        <v>10</v>
      </c>
      <c r="B13105" s="6">
        <v>244416</v>
      </c>
      <c r="C13105" s="6" t="s">
        <v>68</v>
      </c>
      <c r="D13105" s="6" t="s">
        <v>69</v>
      </c>
      <c r="E13105" s="6">
        <v>11001</v>
      </c>
      <c r="F13105" s="6" t="s">
        <v>18</v>
      </c>
      <c r="G13105" s="6" t="s">
        <v>24309</v>
      </c>
      <c r="H13105" s="6" t="s">
        <v>24310</v>
      </c>
      <c r="I13105" s="7">
        <v>4.6044631999999996</v>
      </c>
      <c r="J13105" s="8">
        <v>-74.080449999999999</v>
      </c>
    </row>
    <row r="13106" spans="1:10" x14ac:dyDescent="0.35">
      <c r="A13106" s="5" t="s">
        <v>10</v>
      </c>
      <c r="B13106" s="6">
        <v>244660</v>
      </c>
      <c r="C13106" s="6" t="s">
        <v>68</v>
      </c>
      <c r="D13106" s="6" t="s">
        <v>69</v>
      </c>
      <c r="E13106" s="6">
        <v>11001</v>
      </c>
      <c r="F13106" s="6" t="s">
        <v>18</v>
      </c>
      <c r="G13106" s="6" t="s">
        <v>24311</v>
      </c>
      <c r="H13106" s="6" t="s">
        <v>24312</v>
      </c>
      <c r="I13106" s="7">
        <v>4.7014018999999996</v>
      </c>
      <c r="J13106" s="8">
        <v>-74.0921436</v>
      </c>
    </row>
    <row r="13107" spans="1:10" x14ac:dyDescent="0.35">
      <c r="A13107" s="5" t="s">
        <v>10</v>
      </c>
      <c r="B13107" s="6">
        <v>244744</v>
      </c>
      <c r="C13107" s="6" t="s">
        <v>68</v>
      </c>
      <c r="D13107" s="6" t="s">
        <v>69</v>
      </c>
      <c r="E13107" s="6">
        <v>11001</v>
      </c>
      <c r="F13107" s="6" t="s">
        <v>18</v>
      </c>
      <c r="G13107" s="6" t="s">
        <v>24313</v>
      </c>
      <c r="H13107" s="6" t="s">
        <v>24314</v>
      </c>
      <c r="I13107" s="7">
        <v>4.6643686999999998</v>
      </c>
      <c r="J13107" s="8">
        <v>-74.060197799999997</v>
      </c>
    </row>
    <row r="13108" spans="1:10" x14ac:dyDescent="0.35">
      <c r="A13108" s="5" t="s">
        <v>10</v>
      </c>
      <c r="B13108" s="6">
        <v>244851</v>
      </c>
      <c r="C13108" s="6" t="s">
        <v>308</v>
      </c>
      <c r="D13108" s="6" t="s">
        <v>8338</v>
      </c>
      <c r="E13108" s="6">
        <v>23555</v>
      </c>
      <c r="F13108" s="6" t="s">
        <v>18</v>
      </c>
      <c r="G13108" s="6" t="s">
        <v>24315</v>
      </c>
      <c r="H13108" s="6" t="s">
        <v>24316</v>
      </c>
      <c r="I13108" s="7">
        <v>8.4130424000000001</v>
      </c>
      <c r="J13108" s="8">
        <v>-75.582141800000002</v>
      </c>
    </row>
    <row r="13109" spans="1:10" x14ac:dyDescent="0.35">
      <c r="A13109" s="5" t="s">
        <v>10</v>
      </c>
      <c r="B13109" s="6">
        <v>245049</v>
      </c>
      <c r="C13109" s="6" t="s">
        <v>11</v>
      </c>
      <c r="D13109" s="6" t="s">
        <v>1000</v>
      </c>
      <c r="E13109" s="6">
        <v>25123</v>
      </c>
      <c r="F13109" s="6" t="s">
        <v>18</v>
      </c>
      <c r="G13109" s="6" t="s">
        <v>24317</v>
      </c>
      <c r="H13109" s="6" t="s">
        <v>24318</v>
      </c>
      <c r="I13109" s="7">
        <v>4.6404500999999998</v>
      </c>
      <c r="J13109" s="8">
        <v>-74.520463699999993</v>
      </c>
    </row>
    <row r="13110" spans="1:10" x14ac:dyDescent="0.35">
      <c r="A13110" s="5" t="s">
        <v>10</v>
      </c>
      <c r="B13110" s="6">
        <v>245100</v>
      </c>
      <c r="C13110" s="6" t="s">
        <v>11</v>
      </c>
      <c r="D13110" s="6" t="s">
        <v>337</v>
      </c>
      <c r="E13110" s="6">
        <v>25290</v>
      </c>
      <c r="F13110" s="6" t="s">
        <v>18</v>
      </c>
      <c r="G13110" s="6" t="s">
        <v>24319</v>
      </c>
      <c r="H13110" s="6" t="s">
        <v>24320</v>
      </c>
      <c r="I13110" s="7">
        <v>4.3468163000000004</v>
      </c>
      <c r="J13110" s="8">
        <v>-74.368311199999994</v>
      </c>
    </row>
    <row r="13111" spans="1:10" x14ac:dyDescent="0.35">
      <c r="A13111" s="5" t="s">
        <v>10</v>
      </c>
      <c r="B13111" s="6">
        <v>245124</v>
      </c>
      <c r="C13111" s="6" t="s">
        <v>11</v>
      </c>
      <c r="D13111" s="6" t="s">
        <v>4661</v>
      </c>
      <c r="E13111" s="6">
        <v>25662</v>
      </c>
      <c r="F13111" s="6" t="s">
        <v>18</v>
      </c>
      <c r="G13111" s="6" t="s">
        <v>24321</v>
      </c>
      <c r="H13111" s="6" t="s">
        <v>24322</v>
      </c>
      <c r="I13111" s="7">
        <v>4.9066723999999997</v>
      </c>
      <c r="J13111" s="8">
        <v>-74.735639000000006</v>
      </c>
    </row>
    <row r="13112" spans="1:10" x14ac:dyDescent="0.35">
      <c r="A13112" s="5" t="s">
        <v>10</v>
      </c>
      <c r="B13112" s="6">
        <v>245244</v>
      </c>
      <c r="C13112" s="6" t="s">
        <v>16</v>
      </c>
      <c r="D13112" s="6" t="s">
        <v>1401</v>
      </c>
      <c r="E13112" s="6">
        <v>68307</v>
      </c>
      <c r="F13112" s="6" t="s">
        <v>18</v>
      </c>
      <c r="G13112" s="6" t="s">
        <v>24323</v>
      </c>
      <c r="H13112" s="6" t="s">
        <v>8770</v>
      </c>
      <c r="I13112" s="7">
        <v>7.0805800000000003</v>
      </c>
      <c r="J13112" s="8">
        <v>-73.171689999999998</v>
      </c>
    </row>
    <row r="13113" spans="1:10" x14ac:dyDescent="0.35">
      <c r="A13113" s="5" t="s">
        <v>10</v>
      </c>
      <c r="B13113" s="6">
        <v>233381</v>
      </c>
      <c r="C13113" s="6" t="s">
        <v>16</v>
      </c>
      <c r="D13113" s="6" t="s">
        <v>78</v>
      </c>
      <c r="E13113" s="6">
        <v>68001</v>
      </c>
      <c r="F13113" s="6" t="s">
        <v>18</v>
      </c>
      <c r="G13113" s="6" t="s">
        <v>24324</v>
      </c>
      <c r="H13113" s="6" t="s">
        <v>24325</v>
      </c>
      <c r="I13113" s="7">
        <v>7.1175899999999999</v>
      </c>
      <c r="J13113" s="8">
        <v>-73.137090000000001</v>
      </c>
    </row>
    <row r="13114" spans="1:10" x14ac:dyDescent="0.35">
      <c r="A13114" s="5" t="s">
        <v>10</v>
      </c>
      <c r="B13114" s="6">
        <v>233635</v>
      </c>
      <c r="C13114" s="6" t="s">
        <v>68</v>
      </c>
      <c r="D13114" s="6" t="s">
        <v>69</v>
      </c>
      <c r="E13114" s="6">
        <v>11001</v>
      </c>
      <c r="F13114" s="6" t="s">
        <v>18</v>
      </c>
      <c r="G13114" s="6" t="s">
        <v>24326</v>
      </c>
      <c r="H13114" s="6" t="s">
        <v>24327</v>
      </c>
      <c r="I13114" s="7">
        <v>4.61524</v>
      </c>
      <c r="J13114" s="8">
        <v>-74.197370000000006</v>
      </c>
    </row>
    <row r="13115" spans="1:10" x14ac:dyDescent="0.35">
      <c r="A13115" s="5" t="s">
        <v>10</v>
      </c>
      <c r="B13115" s="6">
        <v>235781</v>
      </c>
      <c r="C13115" s="6" t="s">
        <v>190</v>
      </c>
      <c r="D13115" s="6" t="s">
        <v>191</v>
      </c>
      <c r="E13115" s="6">
        <v>5001</v>
      </c>
      <c r="F13115" s="6" t="s">
        <v>18</v>
      </c>
      <c r="G13115" s="6" t="s">
        <v>24328</v>
      </c>
      <c r="H13115" s="6" t="s">
        <v>24329</v>
      </c>
      <c r="I13115" s="7">
        <v>6.2285556</v>
      </c>
      <c r="J13115" s="8">
        <v>-75.603918100000001</v>
      </c>
    </row>
    <row r="13116" spans="1:10" x14ac:dyDescent="0.35">
      <c r="A13116" s="5" t="s">
        <v>10</v>
      </c>
      <c r="B13116" s="6">
        <v>238474</v>
      </c>
      <c r="C13116" s="6" t="s">
        <v>302</v>
      </c>
      <c r="D13116" s="6" t="s">
        <v>10762</v>
      </c>
      <c r="E13116" s="6">
        <v>8520</v>
      </c>
      <c r="F13116" s="6" t="s">
        <v>18</v>
      </c>
      <c r="G13116" s="6" t="s">
        <v>24330</v>
      </c>
      <c r="H13116" s="6" t="s">
        <v>24331</v>
      </c>
      <c r="I13116" s="7">
        <v>10.7430188</v>
      </c>
      <c r="J13116" s="8">
        <v>-74.750716800000006</v>
      </c>
    </row>
    <row r="13117" spans="1:10" x14ac:dyDescent="0.35">
      <c r="A13117" s="5" t="s">
        <v>10</v>
      </c>
      <c r="B13117" s="6">
        <v>191631</v>
      </c>
      <c r="C13117" s="6" t="s">
        <v>68</v>
      </c>
      <c r="D13117" s="6" t="s">
        <v>69</v>
      </c>
      <c r="E13117" s="6">
        <v>11001</v>
      </c>
      <c r="F13117" s="6" t="s">
        <v>13</v>
      </c>
      <c r="G13117" s="6" t="s">
        <v>24332</v>
      </c>
      <c r="H13117" s="6" t="s">
        <v>24333</v>
      </c>
      <c r="I13117" s="7">
        <v>4.6071894000000002</v>
      </c>
      <c r="J13117" s="8">
        <v>-74.067302900000001</v>
      </c>
    </row>
    <row r="13118" spans="1:10" x14ac:dyDescent="0.35">
      <c r="A13118" s="5" t="s">
        <v>10</v>
      </c>
      <c r="B13118" s="6">
        <v>235653</v>
      </c>
      <c r="C13118" s="6" t="s">
        <v>466</v>
      </c>
      <c r="D13118" s="6" t="s">
        <v>2069</v>
      </c>
      <c r="E13118" s="6">
        <v>81794</v>
      </c>
      <c r="F13118" s="6" t="s">
        <v>18</v>
      </c>
      <c r="G13118" s="6" t="s">
        <v>24334</v>
      </c>
      <c r="H13118" s="6" t="s">
        <v>24335</v>
      </c>
      <c r="I13118" s="7">
        <v>6.4628199999999998</v>
      </c>
      <c r="J13118" s="8">
        <v>-71.728375999999997</v>
      </c>
    </row>
    <row r="13119" spans="1:10" x14ac:dyDescent="0.35">
      <c r="A13119" s="5" t="s">
        <v>10</v>
      </c>
      <c r="B13119" s="6">
        <v>175102</v>
      </c>
      <c r="C13119" s="6" t="s">
        <v>68</v>
      </c>
      <c r="D13119" s="6" t="s">
        <v>69</v>
      </c>
      <c r="E13119" s="6">
        <v>11001</v>
      </c>
      <c r="F13119" s="6" t="s">
        <v>18</v>
      </c>
      <c r="G13119" s="6" t="s">
        <v>855</v>
      </c>
      <c r="H13119" s="6" t="s">
        <v>24336</v>
      </c>
      <c r="I13119" s="7">
        <v>4.6400931999999999</v>
      </c>
      <c r="J13119" s="8">
        <v>-74.193015000000003</v>
      </c>
    </row>
    <row r="13120" spans="1:10" x14ac:dyDescent="0.35">
      <c r="A13120" s="5" t="s">
        <v>10</v>
      </c>
      <c r="B13120" s="6">
        <v>190317</v>
      </c>
      <c r="C13120" s="6" t="s">
        <v>11</v>
      </c>
      <c r="D13120" s="6" t="s">
        <v>1206</v>
      </c>
      <c r="E13120" s="6">
        <v>25875</v>
      </c>
      <c r="F13120" s="6" t="s">
        <v>13</v>
      </c>
      <c r="G13120" s="6" t="s">
        <v>24337</v>
      </c>
      <c r="H13120" s="6" t="s">
        <v>1208</v>
      </c>
      <c r="I13120" s="7">
        <v>5.0100749000000002</v>
      </c>
      <c r="J13120" s="8">
        <v>-74.470858199999995</v>
      </c>
    </row>
    <row r="13121" spans="1:10" x14ac:dyDescent="0.35">
      <c r="A13121" s="5" t="s">
        <v>10</v>
      </c>
      <c r="B13121" s="6">
        <v>190317</v>
      </c>
      <c r="C13121" s="6" t="s">
        <v>11</v>
      </c>
      <c r="D13121" s="6" t="s">
        <v>1206</v>
      </c>
      <c r="E13121" s="6">
        <v>25875</v>
      </c>
      <c r="F13121" s="6" t="s">
        <v>13</v>
      </c>
      <c r="G13121" s="6" t="s">
        <v>24337</v>
      </c>
      <c r="H13121" s="6" t="s">
        <v>1208</v>
      </c>
      <c r="I13121" s="7">
        <v>5.0100749000000002</v>
      </c>
      <c r="J13121" s="8">
        <v>-74.470858199999995</v>
      </c>
    </row>
    <row r="13122" spans="1:10" x14ac:dyDescent="0.35">
      <c r="A13122" s="5" t="s">
        <v>10</v>
      </c>
      <c r="B13122" s="6">
        <v>190317</v>
      </c>
      <c r="C13122" s="6" t="s">
        <v>11</v>
      </c>
      <c r="D13122" s="6" t="s">
        <v>1206</v>
      </c>
      <c r="E13122" s="6">
        <v>25875</v>
      </c>
      <c r="F13122" s="6" t="s">
        <v>13</v>
      </c>
      <c r="G13122" s="6" t="s">
        <v>24337</v>
      </c>
      <c r="H13122" s="6" t="s">
        <v>1208</v>
      </c>
      <c r="I13122" s="7">
        <v>5.0100749000000002</v>
      </c>
      <c r="J13122" s="8">
        <v>-74.470858199999995</v>
      </c>
    </row>
    <row r="13123" spans="1:10" x14ac:dyDescent="0.35">
      <c r="A13123" s="5" t="s">
        <v>10</v>
      </c>
      <c r="B13123" s="6">
        <v>190317</v>
      </c>
      <c r="C13123" s="6" t="s">
        <v>11</v>
      </c>
      <c r="D13123" s="6" t="s">
        <v>1206</v>
      </c>
      <c r="E13123" s="6">
        <v>25875</v>
      </c>
      <c r="F13123" s="6" t="s">
        <v>13</v>
      </c>
      <c r="G13123" s="6" t="s">
        <v>24337</v>
      </c>
      <c r="H13123" s="6" t="s">
        <v>1208</v>
      </c>
      <c r="I13123" s="7">
        <v>5.0100749000000002</v>
      </c>
      <c r="J13123" s="8">
        <v>-74.470858199999995</v>
      </c>
    </row>
    <row r="13124" spans="1:10" x14ac:dyDescent="0.35">
      <c r="A13124" s="5" t="s">
        <v>10</v>
      </c>
      <c r="B13124" s="6">
        <v>190317</v>
      </c>
      <c r="C13124" s="6" t="s">
        <v>11</v>
      </c>
      <c r="D13124" s="6" t="s">
        <v>1206</v>
      </c>
      <c r="E13124" s="6">
        <v>25875</v>
      </c>
      <c r="F13124" s="6" t="s">
        <v>13</v>
      </c>
      <c r="G13124" s="6" t="s">
        <v>24337</v>
      </c>
      <c r="H13124" s="6" t="s">
        <v>1208</v>
      </c>
      <c r="I13124" s="7">
        <v>5.0100749000000002</v>
      </c>
      <c r="J13124" s="8">
        <v>-74.470858199999995</v>
      </c>
    </row>
    <row r="13125" spans="1:10" x14ac:dyDescent="0.35">
      <c r="A13125" s="5" t="s">
        <v>10</v>
      </c>
      <c r="B13125" s="6">
        <v>190317</v>
      </c>
      <c r="C13125" s="6" t="s">
        <v>11</v>
      </c>
      <c r="D13125" s="6" t="s">
        <v>1206</v>
      </c>
      <c r="E13125" s="6">
        <v>25875</v>
      </c>
      <c r="F13125" s="6" t="s">
        <v>13</v>
      </c>
      <c r="G13125" s="6" t="s">
        <v>24337</v>
      </c>
      <c r="H13125" s="6" t="s">
        <v>1208</v>
      </c>
      <c r="I13125" s="7">
        <v>5.0100749000000002</v>
      </c>
      <c r="J13125" s="8">
        <v>-74.470858199999995</v>
      </c>
    </row>
    <row r="13126" spans="1:10" x14ac:dyDescent="0.35">
      <c r="A13126" s="5" t="s">
        <v>10</v>
      </c>
      <c r="B13126" s="6">
        <v>190317</v>
      </c>
      <c r="C13126" s="6" t="s">
        <v>11</v>
      </c>
      <c r="D13126" s="6" t="s">
        <v>1206</v>
      </c>
      <c r="E13126" s="6">
        <v>25875</v>
      </c>
      <c r="F13126" s="6" t="s">
        <v>13</v>
      </c>
      <c r="G13126" s="6" t="s">
        <v>24337</v>
      </c>
      <c r="H13126" s="6" t="s">
        <v>1208</v>
      </c>
      <c r="I13126" s="7">
        <v>5.0100749000000002</v>
      </c>
      <c r="J13126" s="8">
        <v>-74.470858199999995</v>
      </c>
    </row>
    <row r="13127" spans="1:10" x14ac:dyDescent="0.35">
      <c r="A13127" s="5" t="s">
        <v>10</v>
      </c>
      <c r="B13127" s="6">
        <v>190317</v>
      </c>
      <c r="C13127" s="6" t="s">
        <v>11</v>
      </c>
      <c r="D13127" s="6" t="s">
        <v>1206</v>
      </c>
      <c r="E13127" s="6">
        <v>25875</v>
      </c>
      <c r="F13127" s="6" t="s">
        <v>13</v>
      </c>
      <c r="G13127" s="6" t="s">
        <v>24337</v>
      </c>
      <c r="H13127" s="6" t="s">
        <v>1208</v>
      </c>
      <c r="I13127" s="7">
        <v>5.0100749000000002</v>
      </c>
      <c r="J13127" s="8">
        <v>-74.470858199999995</v>
      </c>
    </row>
    <row r="13128" spans="1:10" x14ac:dyDescent="0.35">
      <c r="A13128" s="5" t="s">
        <v>10</v>
      </c>
      <c r="B13128" s="6">
        <v>190317</v>
      </c>
      <c r="C13128" s="6" t="s">
        <v>11</v>
      </c>
      <c r="D13128" s="6" t="s">
        <v>1206</v>
      </c>
      <c r="E13128" s="6">
        <v>25875</v>
      </c>
      <c r="F13128" s="6" t="s">
        <v>13</v>
      </c>
      <c r="G13128" s="6" t="s">
        <v>24337</v>
      </c>
      <c r="H13128" s="6" t="s">
        <v>1208</v>
      </c>
      <c r="I13128" s="7">
        <v>5.0100749000000002</v>
      </c>
      <c r="J13128" s="8">
        <v>-74.470858199999995</v>
      </c>
    </row>
    <row r="13129" spans="1:10" x14ac:dyDescent="0.35">
      <c r="A13129" s="5" t="s">
        <v>10</v>
      </c>
      <c r="B13129" s="6">
        <v>190317</v>
      </c>
      <c r="C13129" s="6" t="s">
        <v>11</v>
      </c>
      <c r="D13129" s="6" t="s">
        <v>1206</v>
      </c>
      <c r="E13129" s="6">
        <v>25875</v>
      </c>
      <c r="F13129" s="6" t="s">
        <v>13</v>
      </c>
      <c r="G13129" s="6" t="s">
        <v>24337</v>
      </c>
      <c r="H13129" s="6" t="s">
        <v>1208</v>
      </c>
      <c r="I13129" s="7">
        <v>5.0100749000000002</v>
      </c>
      <c r="J13129" s="8">
        <v>-74.470858199999995</v>
      </c>
    </row>
    <row r="13130" spans="1:10" x14ac:dyDescent="0.35">
      <c r="A13130" s="5" t="s">
        <v>10</v>
      </c>
      <c r="B13130" s="6">
        <v>190317</v>
      </c>
      <c r="C13130" s="6" t="s">
        <v>11</v>
      </c>
      <c r="D13130" s="6" t="s">
        <v>1206</v>
      </c>
      <c r="E13130" s="6">
        <v>25875</v>
      </c>
      <c r="F13130" s="6" t="s">
        <v>13</v>
      </c>
      <c r="G13130" s="6" t="s">
        <v>24337</v>
      </c>
      <c r="H13130" s="6" t="s">
        <v>1208</v>
      </c>
      <c r="I13130" s="7">
        <v>5.0100749000000002</v>
      </c>
      <c r="J13130" s="8">
        <v>-74.470858199999995</v>
      </c>
    </row>
    <row r="13131" spans="1:10" x14ac:dyDescent="0.35">
      <c r="A13131" s="5" t="s">
        <v>10</v>
      </c>
      <c r="B13131" s="6">
        <v>190317</v>
      </c>
      <c r="C13131" s="6" t="s">
        <v>11</v>
      </c>
      <c r="D13131" s="6" t="s">
        <v>1206</v>
      </c>
      <c r="E13131" s="6">
        <v>25875</v>
      </c>
      <c r="F13131" s="6" t="s">
        <v>13</v>
      </c>
      <c r="G13131" s="6" t="s">
        <v>24337</v>
      </c>
      <c r="H13131" s="6" t="s">
        <v>1208</v>
      </c>
      <c r="I13131" s="7">
        <v>5.0100749000000002</v>
      </c>
      <c r="J13131" s="8">
        <v>-74.470858199999995</v>
      </c>
    </row>
    <row r="13132" spans="1:10" x14ac:dyDescent="0.35">
      <c r="A13132" s="5" t="s">
        <v>10</v>
      </c>
      <c r="B13132" s="6">
        <v>190317</v>
      </c>
      <c r="C13132" s="6" t="s">
        <v>11</v>
      </c>
      <c r="D13132" s="6" t="s">
        <v>1206</v>
      </c>
      <c r="E13132" s="6">
        <v>25875</v>
      </c>
      <c r="F13132" s="6" t="s">
        <v>13</v>
      </c>
      <c r="G13132" s="6" t="s">
        <v>24337</v>
      </c>
      <c r="H13132" s="6" t="s">
        <v>1208</v>
      </c>
      <c r="I13132" s="7">
        <v>5.0100749000000002</v>
      </c>
      <c r="J13132" s="8">
        <v>-74.470858199999995</v>
      </c>
    </row>
    <row r="13133" spans="1:10" x14ac:dyDescent="0.35">
      <c r="A13133" s="5" t="s">
        <v>10</v>
      </c>
      <c r="B13133" s="6">
        <v>190317</v>
      </c>
      <c r="C13133" s="6" t="s">
        <v>11</v>
      </c>
      <c r="D13133" s="6" t="s">
        <v>1206</v>
      </c>
      <c r="E13133" s="6">
        <v>25875</v>
      </c>
      <c r="F13133" s="6" t="s">
        <v>13</v>
      </c>
      <c r="G13133" s="6" t="s">
        <v>24337</v>
      </c>
      <c r="H13133" s="6" t="s">
        <v>1208</v>
      </c>
      <c r="I13133" s="7">
        <v>5.0100749000000002</v>
      </c>
      <c r="J13133" s="8">
        <v>-74.470858199999995</v>
      </c>
    </row>
    <row r="13134" spans="1:10" x14ac:dyDescent="0.35">
      <c r="A13134" s="5" t="s">
        <v>10</v>
      </c>
      <c r="B13134" s="6">
        <v>190317</v>
      </c>
      <c r="C13134" s="6" t="s">
        <v>11</v>
      </c>
      <c r="D13134" s="6" t="s">
        <v>1206</v>
      </c>
      <c r="E13134" s="6">
        <v>25875</v>
      </c>
      <c r="F13134" s="6" t="s">
        <v>13</v>
      </c>
      <c r="G13134" s="6" t="s">
        <v>24337</v>
      </c>
      <c r="H13134" s="6" t="s">
        <v>1208</v>
      </c>
      <c r="I13134" s="7">
        <v>5.0100749000000002</v>
      </c>
      <c r="J13134" s="8">
        <v>-74.470858199999995</v>
      </c>
    </row>
    <row r="13135" spans="1:10" x14ac:dyDescent="0.35">
      <c r="A13135" s="5" t="s">
        <v>10</v>
      </c>
      <c r="B13135" s="6">
        <v>190317</v>
      </c>
      <c r="C13135" s="6" t="s">
        <v>11</v>
      </c>
      <c r="D13135" s="6" t="s">
        <v>1206</v>
      </c>
      <c r="E13135" s="6">
        <v>25875</v>
      </c>
      <c r="F13135" s="6" t="s">
        <v>13</v>
      </c>
      <c r="G13135" s="6" t="s">
        <v>24337</v>
      </c>
      <c r="H13135" s="6" t="s">
        <v>1208</v>
      </c>
      <c r="I13135" s="7">
        <v>5.0100749000000002</v>
      </c>
      <c r="J13135" s="8">
        <v>-74.470858199999995</v>
      </c>
    </row>
    <row r="13136" spans="1:10" x14ac:dyDescent="0.35">
      <c r="A13136" s="5" t="s">
        <v>10</v>
      </c>
      <c r="B13136" s="6">
        <v>190317</v>
      </c>
      <c r="C13136" s="6" t="s">
        <v>11</v>
      </c>
      <c r="D13136" s="6" t="s">
        <v>1206</v>
      </c>
      <c r="E13136" s="6">
        <v>25875</v>
      </c>
      <c r="F13136" s="6" t="s">
        <v>13</v>
      </c>
      <c r="G13136" s="6" t="s">
        <v>24337</v>
      </c>
      <c r="H13136" s="6" t="s">
        <v>1208</v>
      </c>
      <c r="I13136" s="7">
        <v>5.0100749000000002</v>
      </c>
      <c r="J13136" s="8">
        <v>-74.470858199999995</v>
      </c>
    </row>
    <row r="13137" spans="1:10" x14ac:dyDescent="0.35">
      <c r="A13137" s="5" t="s">
        <v>10</v>
      </c>
      <c r="B13137" s="6">
        <v>190317</v>
      </c>
      <c r="C13137" s="6" t="s">
        <v>11</v>
      </c>
      <c r="D13137" s="6" t="s">
        <v>1206</v>
      </c>
      <c r="E13137" s="6">
        <v>25875</v>
      </c>
      <c r="F13137" s="6" t="s">
        <v>13</v>
      </c>
      <c r="G13137" s="6" t="s">
        <v>24337</v>
      </c>
      <c r="H13137" s="6" t="s">
        <v>1208</v>
      </c>
      <c r="I13137" s="7">
        <v>5.0100749000000002</v>
      </c>
      <c r="J13137" s="8">
        <v>-74.470858199999995</v>
      </c>
    </row>
    <row r="13138" spans="1:10" x14ac:dyDescent="0.35">
      <c r="A13138" s="5" t="s">
        <v>10</v>
      </c>
      <c r="B13138" s="6">
        <v>218642</v>
      </c>
      <c r="C13138" s="6" t="s">
        <v>94</v>
      </c>
      <c r="D13138" s="6" t="s">
        <v>98</v>
      </c>
      <c r="E13138" s="6">
        <v>66001</v>
      </c>
      <c r="F13138" s="6" t="s">
        <v>18</v>
      </c>
      <c r="G13138" s="6" t="s">
        <v>24338</v>
      </c>
      <c r="H13138" s="6" t="s">
        <v>24339</v>
      </c>
      <c r="I13138" s="7">
        <v>4.7862910999999997</v>
      </c>
      <c r="J13138" s="8">
        <v>-75.731619100000003</v>
      </c>
    </row>
    <row r="13139" spans="1:10" x14ac:dyDescent="0.35">
      <c r="A13139" s="5" t="s">
        <v>10</v>
      </c>
      <c r="B13139" s="6">
        <v>222673</v>
      </c>
      <c r="C13139" s="6" t="s">
        <v>11</v>
      </c>
      <c r="D13139" s="6" t="s">
        <v>337</v>
      </c>
      <c r="E13139" s="6">
        <v>25290</v>
      </c>
      <c r="F13139" s="6" t="s">
        <v>18</v>
      </c>
      <c r="G13139" s="6" t="s">
        <v>24340</v>
      </c>
      <c r="H13139" s="6" t="s">
        <v>24341</v>
      </c>
      <c r="I13139" s="7">
        <v>4.3492305999999896</v>
      </c>
      <c r="J13139" s="8">
        <v>-74.3694256</v>
      </c>
    </row>
    <row r="13140" spans="1:10" x14ac:dyDescent="0.35">
      <c r="A13140" s="5" t="s">
        <v>10</v>
      </c>
      <c r="B13140" s="6">
        <v>228939</v>
      </c>
      <c r="C13140" s="6" t="s">
        <v>68</v>
      </c>
      <c r="D13140" s="6" t="s">
        <v>69</v>
      </c>
      <c r="E13140" s="6">
        <v>11001</v>
      </c>
      <c r="F13140" s="6" t="s">
        <v>18</v>
      </c>
      <c r="G13140" s="6" t="s">
        <v>24342</v>
      </c>
      <c r="H13140" s="6" t="s">
        <v>24343</v>
      </c>
      <c r="I13140" s="7">
        <v>4.5636668</v>
      </c>
      <c r="J13140" s="8">
        <v>-74.093816200000006</v>
      </c>
    </row>
    <row r="13141" spans="1:10" x14ac:dyDescent="0.35">
      <c r="A13141" s="5" t="s">
        <v>10</v>
      </c>
      <c r="B13141" s="6">
        <v>231412</v>
      </c>
      <c r="C13141" s="6" t="s">
        <v>4364</v>
      </c>
      <c r="D13141" s="6" t="s">
        <v>4365</v>
      </c>
      <c r="E13141" s="6">
        <v>70001</v>
      </c>
      <c r="F13141" s="6" t="s">
        <v>18</v>
      </c>
      <c r="G13141" s="6" t="s">
        <v>24344</v>
      </c>
      <c r="H13141" s="6" t="s">
        <v>24345</v>
      </c>
      <c r="I13141" s="7">
        <v>9.2860660999999993</v>
      </c>
      <c r="J13141" s="8">
        <v>-75.394148000000001</v>
      </c>
    </row>
    <row r="13142" spans="1:10" x14ac:dyDescent="0.35">
      <c r="A13142" s="5" t="s">
        <v>10</v>
      </c>
      <c r="B13142" s="6">
        <v>232110</v>
      </c>
      <c r="C13142" s="6" t="s">
        <v>308</v>
      </c>
      <c r="D13142" s="6" t="s">
        <v>8845</v>
      </c>
      <c r="E13142" s="6">
        <v>23660</v>
      </c>
      <c r="F13142" s="6" t="s">
        <v>18</v>
      </c>
      <c r="G13142" s="6" t="s">
        <v>24346</v>
      </c>
      <c r="H13142" s="6" t="s">
        <v>24347</v>
      </c>
      <c r="I13142" s="7">
        <v>8.9476393999999999</v>
      </c>
      <c r="J13142" s="8">
        <v>-75.444416399999994</v>
      </c>
    </row>
    <row r="13143" spans="1:10" x14ac:dyDescent="0.35">
      <c r="A13143" s="5" t="s">
        <v>10</v>
      </c>
      <c r="B13143" s="6">
        <v>235437</v>
      </c>
      <c r="C13143" s="6" t="s">
        <v>38</v>
      </c>
      <c r="D13143" s="6" t="s">
        <v>39</v>
      </c>
      <c r="E13143" s="6">
        <v>19001</v>
      </c>
      <c r="F13143" s="6" t="s">
        <v>18</v>
      </c>
      <c r="G13143" s="6" t="s">
        <v>24348</v>
      </c>
      <c r="H13143" s="6" t="s">
        <v>24349</v>
      </c>
      <c r="I13143" s="7">
        <v>2.4532194</v>
      </c>
      <c r="J13143" s="8">
        <v>-76.636051300000005</v>
      </c>
    </row>
    <row r="13144" spans="1:10" x14ac:dyDescent="0.35">
      <c r="A13144" s="5" t="s">
        <v>10</v>
      </c>
      <c r="B13144" s="6">
        <v>235686</v>
      </c>
      <c r="C13144" s="6" t="s">
        <v>551</v>
      </c>
      <c r="D13144" s="6" t="s">
        <v>3868</v>
      </c>
      <c r="E13144" s="6">
        <v>20001</v>
      </c>
      <c r="F13144" s="6" t="s">
        <v>18</v>
      </c>
      <c r="G13144" s="6" t="s">
        <v>24350</v>
      </c>
      <c r="H13144" s="6" t="s">
        <v>24351</v>
      </c>
      <c r="I13144" s="7">
        <v>10.460217800000001</v>
      </c>
      <c r="J13144" s="8">
        <v>-73.239242099999998</v>
      </c>
    </row>
    <row r="13145" spans="1:10" x14ac:dyDescent="0.35">
      <c r="A13145" s="5" t="s">
        <v>10</v>
      </c>
      <c r="B13145" s="6">
        <v>235965</v>
      </c>
      <c r="C13145" s="6" t="s">
        <v>302</v>
      </c>
      <c r="D13145" s="6" t="s">
        <v>11618</v>
      </c>
      <c r="E13145" s="6">
        <v>8558</v>
      </c>
      <c r="F13145" s="6" t="s">
        <v>13</v>
      </c>
      <c r="G13145" s="6" t="s">
        <v>12480</v>
      </c>
      <c r="H13145" s="6" t="s">
        <v>12481</v>
      </c>
      <c r="I13145" s="7">
        <v>10.778145500000001</v>
      </c>
      <c r="J13145" s="8">
        <v>-74.855522300000004</v>
      </c>
    </row>
    <row r="13146" spans="1:10" x14ac:dyDescent="0.35">
      <c r="A13146" s="5" t="s">
        <v>10</v>
      </c>
      <c r="B13146" s="6">
        <v>235965</v>
      </c>
      <c r="C13146" s="6" t="s">
        <v>302</v>
      </c>
      <c r="D13146" s="6" t="s">
        <v>11618</v>
      </c>
      <c r="E13146" s="6">
        <v>8558</v>
      </c>
      <c r="F13146" s="6" t="s">
        <v>13</v>
      </c>
      <c r="G13146" s="6" t="s">
        <v>12480</v>
      </c>
      <c r="H13146" s="6" t="s">
        <v>12481</v>
      </c>
      <c r="I13146" s="7">
        <v>10.778145500000001</v>
      </c>
      <c r="J13146" s="8">
        <v>-74.855522300000004</v>
      </c>
    </row>
    <row r="13147" spans="1:10" x14ac:dyDescent="0.35">
      <c r="A13147" s="5" t="s">
        <v>10</v>
      </c>
      <c r="B13147" s="6">
        <v>235965</v>
      </c>
      <c r="C13147" s="6" t="s">
        <v>302</v>
      </c>
      <c r="D13147" s="6" t="s">
        <v>11618</v>
      </c>
      <c r="E13147" s="6">
        <v>8558</v>
      </c>
      <c r="F13147" s="6" t="s">
        <v>13</v>
      </c>
      <c r="G13147" s="6" t="s">
        <v>12480</v>
      </c>
      <c r="H13147" s="6" t="s">
        <v>12481</v>
      </c>
      <c r="I13147" s="7">
        <v>10.778145500000001</v>
      </c>
      <c r="J13147" s="8">
        <v>-74.855522300000004</v>
      </c>
    </row>
    <row r="13148" spans="1:10" x14ac:dyDescent="0.35">
      <c r="A13148" s="5" t="s">
        <v>10</v>
      </c>
      <c r="B13148" s="6">
        <v>237085</v>
      </c>
      <c r="C13148" s="6" t="s">
        <v>278</v>
      </c>
      <c r="D13148" s="6" t="s">
        <v>279</v>
      </c>
      <c r="E13148" s="6">
        <v>50001</v>
      </c>
      <c r="F13148" s="6" t="s">
        <v>18</v>
      </c>
      <c r="G13148" s="6" t="s">
        <v>24352</v>
      </c>
      <c r="H13148" s="6" t="s">
        <v>24353</v>
      </c>
      <c r="I13148" s="7">
        <v>4.1290462000000003</v>
      </c>
      <c r="J13148" s="8">
        <v>-73.6278978</v>
      </c>
    </row>
    <row r="13149" spans="1:10" x14ac:dyDescent="0.35">
      <c r="A13149" s="5" t="s">
        <v>10</v>
      </c>
      <c r="B13149" s="6">
        <v>237085</v>
      </c>
      <c r="C13149" s="6" t="s">
        <v>278</v>
      </c>
      <c r="D13149" s="6" t="s">
        <v>279</v>
      </c>
      <c r="E13149" s="6">
        <v>50001</v>
      </c>
      <c r="F13149" s="6" t="s">
        <v>18</v>
      </c>
      <c r="G13149" s="6" t="s">
        <v>24352</v>
      </c>
      <c r="H13149" s="6" t="s">
        <v>24353</v>
      </c>
      <c r="I13149" s="7">
        <v>4.1290462000000003</v>
      </c>
      <c r="J13149" s="8">
        <v>-73.6278978</v>
      </c>
    </row>
    <row r="13150" spans="1:10" x14ac:dyDescent="0.35">
      <c r="A13150" s="5" t="s">
        <v>10</v>
      </c>
      <c r="B13150" s="6">
        <v>237144</v>
      </c>
      <c r="C13150" s="6" t="s">
        <v>68</v>
      </c>
      <c r="D13150" s="6" t="s">
        <v>69</v>
      </c>
      <c r="E13150" s="6">
        <v>11001</v>
      </c>
      <c r="F13150" s="6" t="s">
        <v>18</v>
      </c>
      <c r="G13150" s="6" t="s">
        <v>24354</v>
      </c>
      <c r="H13150" s="6" t="s">
        <v>24355</v>
      </c>
      <c r="I13150" s="7">
        <v>4.7573385999999998</v>
      </c>
      <c r="J13150" s="8">
        <v>-74.080724599999996</v>
      </c>
    </row>
    <row r="13151" spans="1:10" x14ac:dyDescent="0.35">
      <c r="A13151" s="5" t="s">
        <v>10</v>
      </c>
      <c r="B13151" s="6">
        <v>237293</v>
      </c>
      <c r="C13151" s="6" t="s">
        <v>68</v>
      </c>
      <c r="D13151" s="6" t="s">
        <v>69</v>
      </c>
      <c r="E13151" s="6">
        <v>11001</v>
      </c>
      <c r="F13151" s="6" t="s">
        <v>18</v>
      </c>
      <c r="G13151" s="6" t="s">
        <v>24356</v>
      </c>
      <c r="H13151" s="6" t="s">
        <v>24357</v>
      </c>
      <c r="I13151" s="7">
        <v>4.7468709999999996</v>
      </c>
      <c r="J13151" s="8">
        <v>-74.113800900000001</v>
      </c>
    </row>
    <row r="13152" spans="1:10" x14ac:dyDescent="0.35">
      <c r="A13152" s="5" t="s">
        <v>10</v>
      </c>
      <c r="B13152" s="6">
        <v>237321</v>
      </c>
      <c r="C13152" s="6" t="s">
        <v>24</v>
      </c>
      <c r="D13152" s="6" t="s">
        <v>88</v>
      </c>
      <c r="E13152" s="6">
        <v>15001</v>
      </c>
      <c r="F13152" s="6" t="s">
        <v>18</v>
      </c>
      <c r="G13152" s="6" t="s">
        <v>24358</v>
      </c>
      <c r="H13152" s="6" t="s">
        <v>24359</v>
      </c>
      <c r="I13152" s="7">
        <v>5.5338842000000001</v>
      </c>
      <c r="J13152" s="8">
        <v>-73.347172099999995</v>
      </c>
    </row>
    <row r="13153" spans="1:10" x14ac:dyDescent="0.35">
      <c r="A13153" s="5" t="s">
        <v>10</v>
      </c>
      <c r="B13153" s="6">
        <v>237748</v>
      </c>
      <c r="C13153" s="6" t="s">
        <v>117</v>
      </c>
      <c r="D13153" s="6" t="s">
        <v>1334</v>
      </c>
      <c r="E13153" s="6">
        <v>76001</v>
      </c>
      <c r="F13153" s="6" t="s">
        <v>18</v>
      </c>
      <c r="G13153" s="6" t="s">
        <v>24360</v>
      </c>
      <c r="H13153" s="6" t="s">
        <v>24361</v>
      </c>
      <c r="I13153" s="7">
        <v>3.4771657999999999</v>
      </c>
      <c r="J13153" s="8">
        <v>-76.492682000000002</v>
      </c>
    </row>
    <row r="13154" spans="1:10" x14ac:dyDescent="0.35">
      <c r="A13154" s="5" t="s">
        <v>10</v>
      </c>
      <c r="B13154" s="6">
        <v>237780</v>
      </c>
      <c r="C13154" s="6" t="s">
        <v>117</v>
      </c>
      <c r="D13154" s="6" t="s">
        <v>1334</v>
      </c>
      <c r="E13154" s="6">
        <v>76001</v>
      </c>
      <c r="F13154" s="6" t="s">
        <v>18</v>
      </c>
      <c r="G13154" s="6" t="s">
        <v>24362</v>
      </c>
      <c r="H13154" s="6" t="s">
        <v>24363</v>
      </c>
      <c r="I13154" s="7">
        <v>3.4185479000000001</v>
      </c>
      <c r="J13154" s="8">
        <v>-76.498743899999994</v>
      </c>
    </row>
    <row r="13155" spans="1:10" x14ac:dyDescent="0.35">
      <c r="A13155" s="5" t="s">
        <v>10</v>
      </c>
      <c r="B13155" s="6">
        <v>237964</v>
      </c>
      <c r="C13155" s="6" t="s">
        <v>68</v>
      </c>
      <c r="D13155" s="6" t="s">
        <v>69</v>
      </c>
      <c r="E13155" s="6">
        <v>11001</v>
      </c>
      <c r="F13155" s="6" t="s">
        <v>2161</v>
      </c>
      <c r="G13155" s="6" t="s">
        <v>24364</v>
      </c>
      <c r="H13155" s="6" t="s">
        <v>24365</v>
      </c>
      <c r="I13155" s="7">
        <v>4.6287164000000001</v>
      </c>
      <c r="J13155" s="8">
        <v>-74.144739999999999</v>
      </c>
    </row>
    <row r="13156" spans="1:10" x14ac:dyDescent="0.35">
      <c r="A13156" s="5" t="s">
        <v>10</v>
      </c>
      <c r="B13156" s="6">
        <v>238004</v>
      </c>
      <c r="C13156" s="6" t="s">
        <v>68</v>
      </c>
      <c r="D13156" s="6" t="s">
        <v>69</v>
      </c>
      <c r="E13156" s="6">
        <v>11001</v>
      </c>
      <c r="F13156" s="6" t="s">
        <v>18</v>
      </c>
      <c r="G13156" s="6" t="s">
        <v>24366</v>
      </c>
      <c r="H13156" s="6" t="s">
        <v>24367</v>
      </c>
      <c r="I13156" s="7">
        <v>4.7563262999999996</v>
      </c>
      <c r="J13156" s="8">
        <v>-74.099282599999995</v>
      </c>
    </row>
    <row r="13157" spans="1:10" x14ac:dyDescent="0.35">
      <c r="A13157" s="5" t="s">
        <v>10</v>
      </c>
      <c r="B13157" s="6">
        <v>238201</v>
      </c>
      <c r="C13157" s="6" t="s">
        <v>117</v>
      </c>
      <c r="D13157" s="6" t="s">
        <v>1334</v>
      </c>
      <c r="E13157" s="6">
        <v>76001</v>
      </c>
      <c r="F13157" s="6" t="s">
        <v>18</v>
      </c>
      <c r="G13157" s="6" t="s">
        <v>24368</v>
      </c>
      <c r="H13157" s="6" t="s">
        <v>24369</v>
      </c>
      <c r="I13157" s="7">
        <v>3.4608222</v>
      </c>
      <c r="J13157" s="8">
        <v>-76.530867599999993</v>
      </c>
    </row>
    <row r="13158" spans="1:10" x14ac:dyDescent="0.35">
      <c r="A13158" s="5" t="s">
        <v>10</v>
      </c>
      <c r="B13158" s="6">
        <v>238336</v>
      </c>
      <c r="C13158" s="6" t="s">
        <v>11</v>
      </c>
      <c r="D13158" s="6" t="s">
        <v>513</v>
      </c>
      <c r="E13158" s="6">
        <v>25286</v>
      </c>
      <c r="F13158" s="6" t="s">
        <v>18</v>
      </c>
      <c r="G13158" s="6" t="s">
        <v>24370</v>
      </c>
      <c r="H13158" s="6" t="s">
        <v>24371</v>
      </c>
      <c r="I13158" s="7">
        <v>4.7085163000000003</v>
      </c>
      <c r="J13158" s="8">
        <v>-74.209089199999994</v>
      </c>
    </row>
    <row r="13159" spans="1:10" x14ac:dyDescent="0.35">
      <c r="A13159" s="5" t="s">
        <v>10</v>
      </c>
      <c r="B13159" s="6">
        <v>238341</v>
      </c>
      <c r="C13159" s="6" t="s">
        <v>28</v>
      </c>
      <c r="D13159" s="6" t="s">
        <v>29</v>
      </c>
      <c r="E13159" s="6">
        <v>54001</v>
      </c>
      <c r="F13159" s="6" t="s">
        <v>18</v>
      </c>
      <c r="G13159" s="6" t="s">
        <v>24372</v>
      </c>
      <c r="H13159" s="6" t="s">
        <v>24373</v>
      </c>
      <c r="I13159" s="7">
        <v>7.8774081000000002</v>
      </c>
      <c r="J13159" s="8">
        <v>-72.495480499999999</v>
      </c>
    </row>
    <row r="13160" spans="1:10" x14ac:dyDescent="0.35">
      <c r="A13160" s="5" t="s">
        <v>10</v>
      </c>
      <c r="B13160" s="6">
        <v>238384</v>
      </c>
      <c r="C13160" s="6" t="s">
        <v>55</v>
      </c>
      <c r="D13160" s="6" t="s">
        <v>2589</v>
      </c>
      <c r="E13160" s="6">
        <v>73275</v>
      </c>
      <c r="F13160" s="6" t="s">
        <v>13</v>
      </c>
      <c r="G13160" s="6" t="s">
        <v>24374</v>
      </c>
      <c r="H13160" s="6" t="s">
        <v>24375</v>
      </c>
      <c r="I13160" s="7">
        <v>4.2271454000000004</v>
      </c>
      <c r="J13160" s="8">
        <v>-74.858930000000001</v>
      </c>
    </row>
    <row r="13161" spans="1:10" x14ac:dyDescent="0.35">
      <c r="A13161" s="5" t="s">
        <v>10</v>
      </c>
      <c r="B13161" s="6">
        <v>238410</v>
      </c>
      <c r="C13161" s="6" t="s">
        <v>24</v>
      </c>
      <c r="D13161" s="6" t="s">
        <v>683</v>
      </c>
      <c r="E13161" s="6">
        <v>15861</v>
      </c>
      <c r="F13161" s="6" t="s">
        <v>2161</v>
      </c>
      <c r="G13161" s="6" t="s">
        <v>24376</v>
      </c>
      <c r="H13161" s="6" t="s">
        <v>24377</v>
      </c>
      <c r="I13161" s="7">
        <v>5.3667211999999997</v>
      </c>
      <c r="J13161" s="8">
        <v>-73.520965200000006</v>
      </c>
    </row>
    <row r="13162" spans="1:10" x14ac:dyDescent="0.35">
      <c r="A13162" s="5" t="s">
        <v>10</v>
      </c>
      <c r="B13162" s="6">
        <v>238619</v>
      </c>
      <c r="C13162" s="6" t="s">
        <v>11</v>
      </c>
      <c r="D13162" s="6" t="s">
        <v>334</v>
      </c>
      <c r="E13162" s="6">
        <v>25754</v>
      </c>
      <c r="F13162" s="6" t="s">
        <v>2161</v>
      </c>
      <c r="G13162" s="6" t="s">
        <v>24378</v>
      </c>
      <c r="H13162" s="6" t="s">
        <v>24379</v>
      </c>
      <c r="I13162" s="7">
        <v>4.5764082000000004</v>
      </c>
      <c r="J13162" s="8">
        <v>-74.214308700000004</v>
      </c>
    </row>
    <row r="13163" spans="1:10" x14ac:dyDescent="0.35">
      <c r="A13163" s="5" t="s">
        <v>10</v>
      </c>
      <c r="B13163" s="6">
        <v>238645</v>
      </c>
      <c r="C13163" s="6" t="s">
        <v>24</v>
      </c>
      <c r="D13163" s="6" t="s">
        <v>527</v>
      </c>
      <c r="E13163" s="6">
        <v>15223</v>
      </c>
      <c r="F13163" s="6" t="s">
        <v>2161</v>
      </c>
      <c r="G13163" s="6" t="s">
        <v>24380</v>
      </c>
      <c r="H13163" s="6" t="s">
        <v>24381</v>
      </c>
      <c r="I13163" s="7">
        <v>7.0017800000000001</v>
      </c>
      <c r="J13163" s="8">
        <v>-72.108186000000003</v>
      </c>
    </row>
    <row r="13164" spans="1:10" x14ac:dyDescent="0.35">
      <c r="A13164" s="5" t="s">
        <v>10</v>
      </c>
      <c r="B13164" s="6">
        <v>238660</v>
      </c>
      <c r="C13164" s="6" t="s">
        <v>117</v>
      </c>
      <c r="D13164" s="6" t="s">
        <v>1334</v>
      </c>
      <c r="E13164" s="6">
        <v>76001</v>
      </c>
      <c r="F13164" s="6" t="s">
        <v>18</v>
      </c>
      <c r="G13164" s="6" t="s">
        <v>24382</v>
      </c>
      <c r="H13164" s="6" t="s">
        <v>24383</v>
      </c>
      <c r="I13164" s="7">
        <v>3.4376682999999999</v>
      </c>
      <c r="J13164" s="8">
        <v>-76.4764476</v>
      </c>
    </row>
    <row r="13165" spans="1:10" x14ac:dyDescent="0.35">
      <c r="A13165" s="5" t="s">
        <v>10</v>
      </c>
      <c r="B13165" s="6">
        <v>238662</v>
      </c>
      <c r="C13165" s="6" t="s">
        <v>117</v>
      </c>
      <c r="D13165" s="6" t="s">
        <v>1334</v>
      </c>
      <c r="E13165" s="6">
        <v>76001</v>
      </c>
      <c r="F13165" s="6" t="s">
        <v>18</v>
      </c>
      <c r="G13165" s="6" t="s">
        <v>24384</v>
      </c>
      <c r="H13165" s="6" t="s">
        <v>24385</v>
      </c>
      <c r="I13165" s="7">
        <v>3.4307148999999999</v>
      </c>
      <c r="J13165" s="8">
        <v>-76.497027399999993</v>
      </c>
    </row>
    <row r="13166" spans="1:10" x14ac:dyDescent="0.35">
      <c r="A13166" s="5" t="s">
        <v>10</v>
      </c>
      <c r="B13166" s="6">
        <v>238881</v>
      </c>
      <c r="C13166" s="6" t="s">
        <v>68</v>
      </c>
      <c r="D13166" s="6" t="s">
        <v>69</v>
      </c>
      <c r="E13166" s="6">
        <v>11001</v>
      </c>
      <c r="F13166" s="6" t="s">
        <v>18</v>
      </c>
      <c r="G13166" s="6" t="s">
        <v>24386</v>
      </c>
      <c r="H13166" s="6" t="s">
        <v>24387</v>
      </c>
      <c r="I13166" s="7">
        <v>4.7412093000000004</v>
      </c>
      <c r="J13166" s="8">
        <v>-74.114978500000007</v>
      </c>
    </row>
    <row r="13167" spans="1:10" x14ac:dyDescent="0.35">
      <c r="A13167" s="5" t="s">
        <v>10</v>
      </c>
      <c r="B13167" s="6">
        <v>238902</v>
      </c>
      <c r="C13167" s="6" t="s">
        <v>109</v>
      </c>
      <c r="D13167" s="6" t="s">
        <v>21834</v>
      </c>
      <c r="E13167" s="6">
        <v>13433</v>
      </c>
      <c r="F13167" s="6" t="s">
        <v>18</v>
      </c>
      <c r="G13167" s="6" t="s">
        <v>24388</v>
      </c>
      <c r="H13167" s="6" t="s">
        <v>24389</v>
      </c>
      <c r="I13167" s="7">
        <v>10.2311566</v>
      </c>
      <c r="J13167" s="8">
        <v>-75.191112099999998</v>
      </c>
    </row>
    <row r="13168" spans="1:10" x14ac:dyDescent="0.35">
      <c r="A13168" s="5" t="s">
        <v>10</v>
      </c>
      <c r="B13168" s="6">
        <v>239025</v>
      </c>
      <c r="C13168" s="6" t="s">
        <v>278</v>
      </c>
      <c r="D13168" s="6" t="s">
        <v>279</v>
      </c>
      <c r="E13168" s="6">
        <v>50001</v>
      </c>
      <c r="F13168" s="6" t="s">
        <v>18</v>
      </c>
      <c r="G13168" s="6" t="s">
        <v>24390</v>
      </c>
      <c r="H13168" s="6" t="s">
        <v>24391</v>
      </c>
      <c r="I13168" s="7">
        <v>4.1402945999999998</v>
      </c>
      <c r="J13168" s="8">
        <v>-73.611977400000001</v>
      </c>
    </row>
    <row r="13169" spans="1:10" x14ac:dyDescent="0.35">
      <c r="A13169" s="5" t="s">
        <v>10</v>
      </c>
      <c r="B13169" s="6">
        <v>239173</v>
      </c>
      <c r="C13169" s="6" t="s">
        <v>11</v>
      </c>
      <c r="D13169" s="6" t="s">
        <v>337</v>
      </c>
      <c r="E13169" s="6">
        <v>25290</v>
      </c>
      <c r="F13169" s="6" t="s">
        <v>18</v>
      </c>
      <c r="G13169" s="6" t="s">
        <v>20768</v>
      </c>
      <c r="H13169" s="6" t="s">
        <v>24392</v>
      </c>
      <c r="I13169" s="7">
        <v>4.3434775999999999</v>
      </c>
      <c r="J13169" s="8">
        <v>-74.361932999999993</v>
      </c>
    </row>
    <row r="13170" spans="1:10" x14ac:dyDescent="0.35">
      <c r="A13170" s="5" t="s">
        <v>10</v>
      </c>
      <c r="B13170" s="6">
        <v>239225</v>
      </c>
      <c r="C13170" s="6" t="s">
        <v>55</v>
      </c>
      <c r="D13170" s="6" t="s">
        <v>17899</v>
      </c>
      <c r="E13170" s="6">
        <v>73555</v>
      </c>
      <c r="F13170" s="6" t="s">
        <v>18</v>
      </c>
      <c r="G13170" s="6" t="s">
        <v>24393</v>
      </c>
      <c r="H13170" s="6" t="s">
        <v>24394</v>
      </c>
      <c r="I13170" s="7">
        <v>3.2762482999999998</v>
      </c>
      <c r="J13170" s="8">
        <v>-75.748042299999994</v>
      </c>
    </row>
    <row r="13171" spans="1:10" x14ac:dyDescent="0.35">
      <c r="A13171" s="5" t="s">
        <v>10</v>
      </c>
      <c r="B13171" s="6">
        <v>239399</v>
      </c>
      <c r="C13171" s="6" t="s">
        <v>68</v>
      </c>
      <c r="D13171" s="6" t="s">
        <v>69</v>
      </c>
      <c r="E13171" s="6">
        <v>11001</v>
      </c>
      <c r="F13171" s="6" t="s">
        <v>2161</v>
      </c>
      <c r="G13171" s="6" t="s">
        <v>24395</v>
      </c>
      <c r="H13171" s="6" t="s">
        <v>24396</v>
      </c>
      <c r="I13171" s="7">
        <v>4.6175157000000002</v>
      </c>
      <c r="J13171" s="8">
        <v>-74.178391500000004</v>
      </c>
    </row>
    <row r="13172" spans="1:10" x14ac:dyDescent="0.35">
      <c r="A13172" s="5" t="s">
        <v>10</v>
      </c>
      <c r="B13172" s="6">
        <v>239424</v>
      </c>
      <c r="C13172" s="6" t="s">
        <v>11</v>
      </c>
      <c r="D13172" s="6" t="s">
        <v>513</v>
      </c>
      <c r="E13172" s="6">
        <v>25286</v>
      </c>
      <c r="F13172" s="6" t="s">
        <v>18</v>
      </c>
      <c r="G13172" s="6" t="s">
        <v>24397</v>
      </c>
      <c r="H13172" s="6" t="s">
        <v>24398</v>
      </c>
      <c r="I13172" s="7">
        <v>4.7127303999999999</v>
      </c>
      <c r="J13172" s="8">
        <v>-74.212817000000001</v>
      </c>
    </row>
    <row r="13173" spans="1:10" x14ac:dyDescent="0.35">
      <c r="A13173" s="5" t="s">
        <v>10</v>
      </c>
      <c r="B13173" s="6">
        <v>239449</v>
      </c>
      <c r="C13173" s="6" t="s">
        <v>551</v>
      </c>
      <c r="D13173" s="6" t="s">
        <v>3868</v>
      </c>
      <c r="E13173" s="6">
        <v>20001</v>
      </c>
      <c r="F13173" s="6" t="s">
        <v>18</v>
      </c>
      <c r="G13173" s="6" t="s">
        <v>24399</v>
      </c>
      <c r="H13173" s="6" t="s">
        <v>24400</v>
      </c>
      <c r="I13173" s="7">
        <v>10.471360600000001</v>
      </c>
      <c r="J13173" s="8">
        <v>-73.255549700000003</v>
      </c>
    </row>
    <row r="13174" spans="1:10" x14ac:dyDescent="0.35">
      <c r="A13174" s="5" t="s">
        <v>10</v>
      </c>
      <c r="B13174" s="6">
        <v>239478</v>
      </c>
      <c r="C13174" s="6" t="s">
        <v>4364</v>
      </c>
      <c r="D13174" s="6" t="s">
        <v>11876</v>
      </c>
      <c r="E13174" s="6">
        <v>70418</v>
      </c>
      <c r="F13174" s="6" t="s">
        <v>18</v>
      </c>
      <c r="G13174" s="6" t="s">
        <v>24401</v>
      </c>
      <c r="H13174" s="6" t="s">
        <v>24402</v>
      </c>
      <c r="I13174" s="7">
        <v>9.3781849000000008</v>
      </c>
      <c r="J13174" s="8">
        <v>-75.269846799999996</v>
      </c>
    </row>
    <row r="13175" spans="1:10" x14ac:dyDescent="0.35">
      <c r="A13175" s="5" t="s">
        <v>10</v>
      </c>
      <c r="B13175" s="6">
        <v>239551</v>
      </c>
      <c r="C13175" s="6" t="s">
        <v>3788</v>
      </c>
      <c r="D13175" s="6" t="s">
        <v>3974</v>
      </c>
      <c r="E13175" s="6">
        <v>18001</v>
      </c>
      <c r="F13175" s="6" t="s">
        <v>18</v>
      </c>
      <c r="G13175" s="6" t="s">
        <v>24403</v>
      </c>
      <c r="H13175" s="6" t="s">
        <v>24404</v>
      </c>
      <c r="I13175" s="7">
        <v>1.6153858000000001</v>
      </c>
      <c r="J13175" s="8">
        <v>-75.604236400000005</v>
      </c>
    </row>
    <row r="13176" spans="1:10" x14ac:dyDescent="0.35">
      <c r="A13176" s="5" t="s">
        <v>10</v>
      </c>
      <c r="B13176" s="6">
        <v>239631</v>
      </c>
      <c r="C13176" s="6" t="s">
        <v>68</v>
      </c>
      <c r="D13176" s="6" t="s">
        <v>69</v>
      </c>
      <c r="E13176" s="6">
        <v>11001</v>
      </c>
      <c r="F13176" s="6" t="s">
        <v>2161</v>
      </c>
      <c r="G13176" s="6" t="s">
        <v>24405</v>
      </c>
      <c r="H13176" s="6" t="s">
        <v>24406</v>
      </c>
      <c r="I13176" s="7">
        <v>4.6868552000000001</v>
      </c>
      <c r="J13176" s="8">
        <v>-74.060903800000006</v>
      </c>
    </row>
    <row r="13177" spans="1:10" x14ac:dyDescent="0.35">
      <c r="A13177" s="5" t="s">
        <v>10</v>
      </c>
      <c r="B13177" s="6">
        <v>239810</v>
      </c>
      <c r="C13177" s="6" t="s">
        <v>16</v>
      </c>
      <c r="D13177" s="6" t="s">
        <v>1401</v>
      </c>
      <c r="E13177" s="6">
        <v>68307</v>
      </c>
      <c r="F13177" s="6" t="s">
        <v>2161</v>
      </c>
      <c r="G13177" s="6" t="s">
        <v>24407</v>
      </c>
      <c r="H13177" s="6" t="s">
        <v>24408</v>
      </c>
      <c r="I13177" s="7">
        <v>7.0556609999999997</v>
      </c>
      <c r="J13177" s="8">
        <v>-73.168464400000005</v>
      </c>
    </row>
    <row r="13178" spans="1:10" x14ac:dyDescent="0.35">
      <c r="A13178" s="5" t="s">
        <v>10</v>
      </c>
      <c r="B13178" s="6">
        <v>239815</v>
      </c>
      <c r="C13178" s="6" t="s">
        <v>68</v>
      </c>
      <c r="D13178" s="6" t="s">
        <v>69</v>
      </c>
      <c r="E13178" s="6">
        <v>11001</v>
      </c>
      <c r="F13178" s="6" t="s">
        <v>18</v>
      </c>
      <c r="G13178" s="6" t="s">
        <v>24409</v>
      </c>
      <c r="H13178" s="6" t="s">
        <v>24410</v>
      </c>
      <c r="I13178" s="7">
        <v>4.6317430000000002</v>
      </c>
      <c r="J13178" s="8">
        <v>-74.119534000000002</v>
      </c>
    </row>
    <row r="13179" spans="1:10" x14ac:dyDescent="0.35">
      <c r="A13179" s="5" t="s">
        <v>10</v>
      </c>
      <c r="B13179" s="6">
        <v>239853</v>
      </c>
      <c r="C13179" s="6" t="s">
        <v>2130</v>
      </c>
      <c r="D13179" s="6" t="s">
        <v>2131</v>
      </c>
      <c r="E13179" s="6">
        <v>85001</v>
      </c>
      <c r="F13179" s="6" t="s">
        <v>18</v>
      </c>
      <c r="G13179" s="6" t="s">
        <v>24411</v>
      </c>
      <c r="H13179" s="6" t="s">
        <v>24412</v>
      </c>
      <c r="I13179" s="7">
        <v>5.3357130000000002</v>
      </c>
      <c r="J13179" s="8">
        <v>-72.401129600000004</v>
      </c>
    </row>
    <row r="13180" spans="1:10" x14ac:dyDescent="0.35">
      <c r="A13180" s="5" t="s">
        <v>10</v>
      </c>
      <c r="B13180" s="6">
        <v>239972</v>
      </c>
      <c r="C13180" s="6" t="s">
        <v>42</v>
      </c>
      <c r="D13180" s="6" t="s">
        <v>43</v>
      </c>
      <c r="E13180" s="6">
        <v>17001</v>
      </c>
      <c r="F13180" s="6" t="s">
        <v>18</v>
      </c>
      <c r="G13180" s="6" t="s">
        <v>24413</v>
      </c>
      <c r="H13180" s="6" t="s">
        <v>24414</v>
      </c>
      <c r="I13180" s="7">
        <v>5.0509719000000004</v>
      </c>
      <c r="J13180" s="8">
        <v>-75.484870099999995</v>
      </c>
    </row>
    <row r="13181" spans="1:10" x14ac:dyDescent="0.35">
      <c r="A13181" s="5" t="s">
        <v>10</v>
      </c>
      <c r="B13181" s="6">
        <v>239973</v>
      </c>
      <c r="C13181" s="6" t="s">
        <v>42</v>
      </c>
      <c r="D13181" s="6" t="s">
        <v>43</v>
      </c>
      <c r="E13181" s="6">
        <v>17001</v>
      </c>
      <c r="F13181" s="6" t="s">
        <v>18</v>
      </c>
      <c r="G13181" s="6" t="s">
        <v>24415</v>
      </c>
      <c r="H13181" s="6" t="s">
        <v>24416</v>
      </c>
      <c r="I13181" s="7">
        <v>5.0679037999999998</v>
      </c>
      <c r="J13181" s="8">
        <v>-75.497154699999996</v>
      </c>
    </row>
    <row r="13182" spans="1:10" x14ac:dyDescent="0.35">
      <c r="A13182" s="5" t="s">
        <v>10</v>
      </c>
      <c r="B13182" s="6">
        <v>240006</v>
      </c>
      <c r="C13182" s="6" t="s">
        <v>68</v>
      </c>
      <c r="D13182" s="6" t="s">
        <v>69</v>
      </c>
      <c r="E13182" s="6">
        <v>11001</v>
      </c>
      <c r="F13182" s="6" t="s">
        <v>2161</v>
      </c>
      <c r="G13182" s="6" t="s">
        <v>24417</v>
      </c>
      <c r="H13182" s="6" t="s">
        <v>24418</v>
      </c>
      <c r="I13182" s="7">
        <v>4.6912227</v>
      </c>
      <c r="J13182" s="8">
        <v>-74.099533699999995</v>
      </c>
    </row>
    <row r="13183" spans="1:10" x14ac:dyDescent="0.35">
      <c r="A13183" s="5" t="s">
        <v>10</v>
      </c>
      <c r="B13183" s="6">
        <v>240037</v>
      </c>
      <c r="C13183" s="6" t="s">
        <v>366</v>
      </c>
      <c r="D13183" s="6" t="s">
        <v>8296</v>
      </c>
      <c r="E13183" s="6">
        <v>44001</v>
      </c>
      <c r="F13183" s="6" t="s">
        <v>18</v>
      </c>
      <c r="G13183" s="6" t="s">
        <v>24419</v>
      </c>
      <c r="H13183" s="6" t="s">
        <v>24420</v>
      </c>
      <c r="I13183" s="7">
        <v>11.5353923</v>
      </c>
      <c r="J13183" s="8">
        <v>-72.925882000000001</v>
      </c>
    </row>
    <row r="13184" spans="1:10" x14ac:dyDescent="0.35">
      <c r="A13184" s="5" t="s">
        <v>10</v>
      </c>
      <c r="B13184" s="6">
        <v>240040</v>
      </c>
      <c r="C13184" s="6" t="s">
        <v>11</v>
      </c>
      <c r="D13184" s="6" t="s">
        <v>6667</v>
      </c>
      <c r="E13184" s="6">
        <v>25295</v>
      </c>
      <c r="F13184" s="6" t="s">
        <v>18</v>
      </c>
      <c r="G13184" s="6" t="s">
        <v>19538</v>
      </c>
      <c r="H13184" s="6" t="s">
        <v>24421</v>
      </c>
      <c r="I13184" s="7">
        <v>4.9947536000000001</v>
      </c>
      <c r="J13184" s="8">
        <v>-73.872436199999996</v>
      </c>
    </row>
    <row r="13185" spans="1:10" x14ac:dyDescent="0.35">
      <c r="A13185" s="5" t="s">
        <v>10</v>
      </c>
      <c r="B13185" s="6">
        <v>240062</v>
      </c>
      <c r="C13185" s="6" t="s">
        <v>11</v>
      </c>
      <c r="D13185" s="6" t="s">
        <v>6667</v>
      </c>
      <c r="E13185" s="6">
        <v>25295</v>
      </c>
      <c r="F13185" s="6" t="s">
        <v>2161</v>
      </c>
      <c r="G13185" s="6" t="s">
        <v>24422</v>
      </c>
      <c r="H13185" s="6" t="s">
        <v>24423</v>
      </c>
      <c r="I13185" s="7">
        <v>4.8088651999999996</v>
      </c>
      <c r="J13185" s="8">
        <v>-74.355389299999999</v>
      </c>
    </row>
    <row r="13186" spans="1:10" x14ac:dyDescent="0.35">
      <c r="A13186" s="5" t="s">
        <v>10</v>
      </c>
      <c r="B13186" s="6">
        <v>240080</v>
      </c>
      <c r="C13186" s="6" t="s">
        <v>68</v>
      </c>
      <c r="D13186" s="6" t="s">
        <v>69</v>
      </c>
      <c r="E13186" s="6">
        <v>11001</v>
      </c>
      <c r="F13186" s="6" t="s">
        <v>18</v>
      </c>
      <c r="G13186" s="6" t="s">
        <v>24424</v>
      </c>
      <c r="H13186" s="6" t="s">
        <v>24425</v>
      </c>
      <c r="I13186" s="7">
        <v>4.5796998000000002</v>
      </c>
      <c r="J13186" s="8">
        <v>-74.114588900000001</v>
      </c>
    </row>
    <row r="13187" spans="1:10" x14ac:dyDescent="0.35">
      <c r="A13187" s="5" t="s">
        <v>10</v>
      </c>
      <c r="B13187" s="6">
        <v>240095</v>
      </c>
      <c r="C13187" s="6" t="s">
        <v>16</v>
      </c>
      <c r="D13187" s="6" t="s">
        <v>705</v>
      </c>
      <c r="E13187" s="6">
        <v>68077</v>
      </c>
      <c r="F13187" s="6" t="s">
        <v>18</v>
      </c>
      <c r="G13187" s="6" t="s">
        <v>24426</v>
      </c>
      <c r="H13187" s="6" t="s">
        <v>24427</v>
      </c>
      <c r="I13187" s="7">
        <v>5.9313302999999999</v>
      </c>
      <c r="J13187" s="8">
        <v>-73.614484700000006</v>
      </c>
    </row>
    <row r="13188" spans="1:10" x14ac:dyDescent="0.35">
      <c r="A13188" s="5" t="s">
        <v>10</v>
      </c>
      <c r="B13188" s="6">
        <v>240127</v>
      </c>
      <c r="C13188" s="6" t="s">
        <v>117</v>
      </c>
      <c r="D13188" s="6" t="s">
        <v>1334</v>
      </c>
      <c r="E13188" s="6">
        <v>76001</v>
      </c>
      <c r="F13188" s="6" t="s">
        <v>18</v>
      </c>
      <c r="G13188" s="6" t="s">
        <v>24428</v>
      </c>
      <c r="H13188" s="6" t="s">
        <v>24429</v>
      </c>
      <c r="I13188" s="7">
        <v>3.4925286999999998</v>
      </c>
      <c r="J13188" s="8">
        <v>-76.520495400000001</v>
      </c>
    </row>
    <row r="13189" spans="1:10" x14ac:dyDescent="0.35">
      <c r="A13189" s="5" t="s">
        <v>10</v>
      </c>
      <c r="B13189" s="6">
        <v>240136</v>
      </c>
      <c r="C13189" s="6" t="s">
        <v>11</v>
      </c>
      <c r="D13189" s="6" t="s">
        <v>334</v>
      </c>
      <c r="E13189" s="6">
        <v>25754</v>
      </c>
      <c r="F13189" s="6" t="s">
        <v>18</v>
      </c>
      <c r="G13189" s="6" t="s">
        <v>6131</v>
      </c>
      <c r="H13189" s="6" t="s">
        <v>6132</v>
      </c>
      <c r="I13189" s="7">
        <v>4.5746010999999998</v>
      </c>
      <c r="J13189" s="8">
        <v>-74.212211999999994</v>
      </c>
    </row>
    <row r="13190" spans="1:10" x14ac:dyDescent="0.35">
      <c r="A13190" s="5" t="s">
        <v>10</v>
      </c>
      <c r="B13190" s="6">
        <v>240147</v>
      </c>
      <c r="C13190" s="6" t="s">
        <v>11</v>
      </c>
      <c r="D13190" s="6" t="s">
        <v>334</v>
      </c>
      <c r="E13190" s="6">
        <v>25754</v>
      </c>
      <c r="F13190" s="6" t="s">
        <v>18</v>
      </c>
      <c r="G13190" s="6" t="s">
        <v>24430</v>
      </c>
      <c r="H13190" s="6" t="s">
        <v>24431</v>
      </c>
      <c r="I13190" s="7">
        <v>4.5751308999999996</v>
      </c>
      <c r="J13190" s="8">
        <v>-74.225423800000002</v>
      </c>
    </row>
    <row r="13191" spans="1:10" x14ac:dyDescent="0.35">
      <c r="A13191" s="5" t="s">
        <v>10</v>
      </c>
      <c r="B13191" s="6">
        <v>240147</v>
      </c>
      <c r="C13191" s="6" t="s">
        <v>11</v>
      </c>
      <c r="D13191" s="6" t="s">
        <v>334</v>
      </c>
      <c r="E13191" s="6">
        <v>25754</v>
      </c>
      <c r="F13191" s="6" t="s">
        <v>18</v>
      </c>
      <c r="G13191" s="6" t="s">
        <v>24430</v>
      </c>
      <c r="H13191" s="6" t="s">
        <v>24431</v>
      </c>
      <c r="I13191" s="7">
        <v>4.5751308999999996</v>
      </c>
      <c r="J13191" s="8">
        <v>-74.225423800000002</v>
      </c>
    </row>
    <row r="13192" spans="1:10" x14ac:dyDescent="0.35">
      <c r="A13192" s="5" t="s">
        <v>10</v>
      </c>
      <c r="B13192" s="6">
        <v>240159</v>
      </c>
      <c r="C13192" s="6" t="s">
        <v>68</v>
      </c>
      <c r="D13192" s="6" t="s">
        <v>69</v>
      </c>
      <c r="E13192" s="6">
        <v>11001</v>
      </c>
      <c r="F13192" s="6" t="s">
        <v>18</v>
      </c>
      <c r="G13192" s="6" t="s">
        <v>24432</v>
      </c>
      <c r="H13192" s="6" t="s">
        <v>24433</v>
      </c>
      <c r="I13192" s="7">
        <v>4.6305154999999996</v>
      </c>
      <c r="J13192" s="8">
        <v>-74.1859453</v>
      </c>
    </row>
    <row r="13193" spans="1:10" x14ac:dyDescent="0.35">
      <c r="A13193" s="5" t="s">
        <v>10</v>
      </c>
      <c r="B13193" s="6">
        <v>240165</v>
      </c>
      <c r="C13193" s="6" t="s">
        <v>68</v>
      </c>
      <c r="D13193" s="6" t="s">
        <v>69</v>
      </c>
      <c r="E13193" s="6">
        <v>11001</v>
      </c>
      <c r="F13193" s="6" t="s">
        <v>18</v>
      </c>
      <c r="G13193" s="6" t="s">
        <v>24434</v>
      </c>
      <c r="H13193" s="6" t="s">
        <v>24435</v>
      </c>
      <c r="I13193" s="7">
        <v>4.6428098000000002</v>
      </c>
      <c r="J13193" s="8">
        <v>-74.160028600000004</v>
      </c>
    </row>
    <row r="13194" spans="1:10" x14ac:dyDescent="0.35">
      <c r="A13194" s="5" t="s">
        <v>10</v>
      </c>
      <c r="B13194" s="6">
        <v>240176</v>
      </c>
      <c r="C13194" s="6" t="s">
        <v>61</v>
      </c>
      <c r="D13194" s="6" t="s">
        <v>121</v>
      </c>
      <c r="E13194" s="6">
        <v>63130</v>
      </c>
      <c r="F13194" s="6" t="s">
        <v>18</v>
      </c>
      <c r="G13194" s="6" t="s">
        <v>24436</v>
      </c>
      <c r="H13194" s="6" t="s">
        <v>24437</v>
      </c>
      <c r="I13194" s="7">
        <v>4.5295101999999998</v>
      </c>
      <c r="J13194" s="8">
        <v>-75.641308100000003</v>
      </c>
    </row>
    <row r="13195" spans="1:10" x14ac:dyDescent="0.35">
      <c r="A13195" s="5" t="s">
        <v>10</v>
      </c>
      <c r="B13195" s="6">
        <v>240212</v>
      </c>
      <c r="C13195" s="6" t="s">
        <v>68</v>
      </c>
      <c r="D13195" s="6" t="s">
        <v>69</v>
      </c>
      <c r="E13195" s="6">
        <v>11001</v>
      </c>
      <c r="F13195" s="6" t="s">
        <v>18</v>
      </c>
      <c r="G13195" s="6" t="s">
        <v>24438</v>
      </c>
      <c r="H13195" s="6" t="s">
        <v>24439</v>
      </c>
      <c r="I13195" s="7">
        <v>4.7496634000000002</v>
      </c>
      <c r="J13195" s="8">
        <v>-74.067964399999994</v>
      </c>
    </row>
    <row r="13196" spans="1:10" x14ac:dyDescent="0.35">
      <c r="A13196" s="5" t="s">
        <v>10</v>
      </c>
      <c r="B13196" s="6">
        <v>240225</v>
      </c>
      <c r="C13196" s="6" t="s">
        <v>2821</v>
      </c>
      <c r="D13196" s="6" t="s">
        <v>2822</v>
      </c>
      <c r="E13196" s="6">
        <v>47001</v>
      </c>
      <c r="F13196" s="6" t="s">
        <v>18</v>
      </c>
      <c r="G13196" s="6" t="s">
        <v>24440</v>
      </c>
      <c r="H13196" s="6" t="s">
        <v>24441</v>
      </c>
      <c r="I13196" s="7">
        <v>11.223643600000001</v>
      </c>
      <c r="J13196" s="8">
        <v>-74.154350699999995</v>
      </c>
    </row>
    <row r="13197" spans="1:10" x14ac:dyDescent="0.35">
      <c r="A13197" s="5" t="s">
        <v>10</v>
      </c>
      <c r="B13197" s="6">
        <v>240252</v>
      </c>
      <c r="C13197" s="6" t="s">
        <v>68</v>
      </c>
      <c r="D13197" s="6" t="s">
        <v>69</v>
      </c>
      <c r="E13197" s="6">
        <v>11001</v>
      </c>
      <c r="F13197" s="6" t="s">
        <v>18</v>
      </c>
      <c r="G13197" s="6" t="s">
        <v>3292</v>
      </c>
      <c r="H13197" s="6" t="s">
        <v>3293</v>
      </c>
      <c r="I13197" s="7">
        <v>4.6319730000000003</v>
      </c>
      <c r="J13197" s="8">
        <v>-74.128921000000005</v>
      </c>
    </row>
    <row r="13198" spans="1:10" x14ac:dyDescent="0.35">
      <c r="A13198" s="5" t="s">
        <v>10</v>
      </c>
      <c r="B13198" s="6">
        <v>240267</v>
      </c>
      <c r="C13198" s="6" t="s">
        <v>278</v>
      </c>
      <c r="D13198" s="6" t="s">
        <v>279</v>
      </c>
      <c r="E13198" s="6">
        <v>50001</v>
      </c>
      <c r="F13198" s="6" t="s">
        <v>18</v>
      </c>
      <c r="G13198" s="6" t="s">
        <v>24442</v>
      </c>
      <c r="H13198" s="6" t="s">
        <v>24443</v>
      </c>
      <c r="I13198" s="7">
        <v>4.1457731000000004</v>
      </c>
      <c r="J13198" s="8">
        <v>-73.617320500000005</v>
      </c>
    </row>
    <row r="13199" spans="1:10" x14ac:dyDescent="0.35">
      <c r="A13199" s="5" t="s">
        <v>10</v>
      </c>
      <c r="B13199" s="6">
        <v>240339</v>
      </c>
      <c r="C13199" s="6" t="s">
        <v>16</v>
      </c>
      <c r="D13199" s="6" t="s">
        <v>1401</v>
      </c>
      <c r="E13199" s="6">
        <v>68307</v>
      </c>
      <c r="F13199" s="6" t="s">
        <v>18</v>
      </c>
      <c r="G13199" s="6" t="s">
        <v>24444</v>
      </c>
      <c r="H13199" s="6" t="s">
        <v>24445</v>
      </c>
      <c r="I13199" s="7">
        <v>7.0803339000000003</v>
      </c>
      <c r="J13199" s="8">
        <v>-73.171038999999993</v>
      </c>
    </row>
    <row r="13200" spans="1:10" x14ac:dyDescent="0.35">
      <c r="A13200" s="5" t="s">
        <v>10</v>
      </c>
      <c r="B13200" s="6">
        <v>240352</v>
      </c>
      <c r="C13200" s="6" t="s">
        <v>551</v>
      </c>
      <c r="D13200" s="6" t="s">
        <v>1550</v>
      </c>
      <c r="E13200" s="6">
        <v>20710</v>
      </c>
      <c r="F13200" s="6" t="s">
        <v>18</v>
      </c>
      <c r="G13200" s="6" t="s">
        <v>24446</v>
      </c>
      <c r="H13200" s="6" t="s">
        <v>24447</v>
      </c>
      <c r="I13200" s="7">
        <v>7.7632304999999997</v>
      </c>
      <c r="J13200" s="8">
        <v>-73.393989399999995</v>
      </c>
    </row>
    <row r="13201" spans="1:10" x14ac:dyDescent="0.35">
      <c r="A13201" s="5" t="s">
        <v>10</v>
      </c>
      <c r="B13201" s="6">
        <v>240380</v>
      </c>
      <c r="C13201" s="6" t="s">
        <v>68</v>
      </c>
      <c r="D13201" s="6" t="s">
        <v>69</v>
      </c>
      <c r="E13201" s="6">
        <v>11001</v>
      </c>
      <c r="F13201" s="6" t="s">
        <v>18</v>
      </c>
      <c r="G13201" s="6" t="s">
        <v>24448</v>
      </c>
      <c r="H13201" s="6" t="s">
        <v>24449</v>
      </c>
      <c r="I13201" s="7">
        <v>4.5853827000000003</v>
      </c>
      <c r="J13201" s="8">
        <v>-74.099172499999995</v>
      </c>
    </row>
    <row r="13202" spans="1:10" x14ac:dyDescent="0.35">
      <c r="A13202" s="5" t="s">
        <v>10</v>
      </c>
      <c r="B13202" s="6">
        <v>240385</v>
      </c>
      <c r="C13202" s="6" t="s">
        <v>28</v>
      </c>
      <c r="D13202" s="6" t="s">
        <v>29</v>
      </c>
      <c r="E13202" s="6">
        <v>54001</v>
      </c>
      <c r="F13202" s="6" t="s">
        <v>18</v>
      </c>
      <c r="G13202" s="6" t="s">
        <v>24450</v>
      </c>
      <c r="H13202" s="6" t="s">
        <v>24451</v>
      </c>
      <c r="I13202" s="7">
        <v>7.8970767000000004</v>
      </c>
      <c r="J13202" s="8">
        <v>-72.482275299999998</v>
      </c>
    </row>
    <row r="13203" spans="1:10" x14ac:dyDescent="0.35">
      <c r="A13203" s="5" t="s">
        <v>10</v>
      </c>
      <c r="B13203" s="6">
        <v>240395</v>
      </c>
      <c r="C13203" s="6" t="s">
        <v>16</v>
      </c>
      <c r="D13203" s="6" t="s">
        <v>510</v>
      </c>
      <c r="E13203" s="6">
        <v>68547</v>
      </c>
      <c r="F13203" s="6" t="s">
        <v>18</v>
      </c>
      <c r="G13203" s="6" t="s">
        <v>24452</v>
      </c>
      <c r="H13203" s="6" t="s">
        <v>24453</v>
      </c>
      <c r="I13203" s="7">
        <v>6.9915390000000004</v>
      </c>
      <c r="J13203" s="8">
        <v>-73.053998000000007</v>
      </c>
    </row>
    <row r="13204" spans="1:10" x14ac:dyDescent="0.35">
      <c r="A13204" s="5" t="s">
        <v>10</v>
      </c>
      <c r="B13204" s="6">
        <v>243318</v>
      </c>
      <c r="C13204" s="6" t="s">
        <v>68</v>
      </c>
      <c r="D13204" s="6" t="s">
        <v>69</v>
      </c>
      <c r="E13204" s="6">
        <v>11001</v>
      </c>
      <c r="F13204" s="6" t="s">
        <v>18</v>
      </c>
      <c r="G13204" s="6" t="s">
        <v>23698</v>
      </c>
      <c r="H13204" s="6" t="s">
        <v>24454</v>
      </c>
      <c r="I13204" s="7">
        <v>4.6426578000000003</v>
      </c>
      <c r="J13204" s="8">
        <v>-74.169399200000001</v>
      </c>
    </row>
    <row r="13205" spans="1:10" x14ac:dyDescent="0.35">
      <c r="A13205" s="5" t="s">
        <v>10</v>
      </c>
      <c r="B13205" s="6">
        <v>243321</v>
      </c>
      <c r="C13205" s="6" t="s">
        <v>190</v>
      </c>
      <c r="D13205" s="6" t="s">
        <v>118</v>
      </c>
      <c r="E13205" s="6">
        <v>5400</v>
      </c>
      <c r="F13205" s="6" t="s">
        <v>18</v>
      </c>
      <c r="G13205" s="6" t="s">
        <v>14472</v>
      </c>
      <c r="H13205" s="6" t="s">
        <v>24455</v>
      </c>
      <c r="I13205" s="7">
        <v>5.9738389999999999</v>
      </c>
      <c r="J13205" s="8">
        <v>-75.3609759</v>
      </c>
    </row>
    <row r="13206" spans="1:10" x14ac:dyDescent="0.35">
      <c r="A13206" s="5" t="s">
        <v>10</v>
      </c>
      <c r="B13206" s="6">
        <v>243322</v>
      </c>
      <c r="C13206" s="6" t="s">
        <v>16</v>
      </c>
      <c r="D13206" s="6" t="s">
        <v>17</v>
      </c>
      <c r="E13206" s="6">
        <v>68679</v>
      </c>
      <c r="F13206" s="6" t="s">
        <v>18</v>
      </c>
      <c r="G13206" s="6" t="s">
        <v>24456</v>
      </c>
      <c r="H13206" s="6" t="s">
        <v>24457</v>
      </c>
      <c r="I13206" s="7">
        <v>6.5564261000000004</v>
      </c>
      <c r="J13206" s="8">
        <v>-73.135236300000003</v>
      </c>
    </row>
    <row r="13207" spans="1:10" x14ac:dyDescent="0.35">
      <c r="A13207" s="5" t="s">
        <v>10</v>
      </c>
      <c r="B13207" s="6">
        <v>243375</v>
      </c>
      <c r="C13207" s="6" t="s">
        <v>117</v>
      </c>
      <c r="D13207" s="6" t="s">
        <v>1334</v>
      </c>
      <c r="E13207" s="6">
        <v>76001</v>
      </c>
      <c r="F13207" s="6" t="s">
        <v>18</v>
      </c>
      <c r="G13207" s="6" t="s">
        <v>24458</v>
      </c>
      <c r="H13207" s="6" t="s">
        <v>24459</v>
      </c>
      <c r="I13207" s="7">
        <v>3.4721373999999998</v>
      </c>
      <c r="J13207" s="8">
        <v>-76.526206599999995</v>
      </c>
    </row>
    <row r="13208" spans="1:10" x14ac:dyDescent="0.35">
      <c r="A13208" s="5" t="s">
        <v>10</v>
      </c>
      <c r="B13208" s="6">
        <v>243462</v>
      </c>
      <c r="C13208" s="6" t="s">
        <v>11</v>
      </c>
      <c r="D13208" s="6" t="s">
        <v>6667</v>
      </c>
      <c r="E13208" s="6">
        <v>25295</v>
      </c>
      <c r="F13208" s="6" t="s">
        <v>18</v>
      </c>
      <c r="G13208" s="6" t="s">
        <v>24460</v>
      </c>
      <c r="H13208" s="6" t="s">
        <v>24461</v>
      </c>
      <c r="I13208" s="7">
        <v>4.9948151000000003</v>
      </c>
      <c r="J13208" s="8">
        <v>-73.871054000000001</v>
      </c>
    </row>
    <row r="13209" spans="1:10" x14ac:dyDescent="0.35">
      <c r="A13209" s="5" t="s">
        <v>10</v>
      </c>
      <c r="B13209" s="6">
        <v>243473</v>
      </c>
      <c r="C13209" s="6" t="s">
        <v>68</v>
      </c>
      <c r="D13209" s="6" t="s">
        <v>69</v>
      </c>
      <c r="E13209" s="6">
        <v>11001</v>
      </c>
      <c r="F13209" s="6" t="s">
        <v>18</v>
      </c>
      <c r="G13209" s="6" t="s">
        <v>24462</v>
      </c>
      <c r="H13209" s="6" t="s">
        <v>24463</v>
      </c>
      <c r="I13209" s="7">
        <v>4.615672</v>
      </c>
      <c r="J13209" s="8">
        <v>-74.081187400000005</v>
      </c>
    </row>
    <row r="13210" spans="1:10" x14ac:dyDescent="0.35">
      <c r="A13210" s="5" t="s">
        <v>10</v>
      </c>
      <c r="B13210" s="6">
        <v>243475</v>
      </c>
      <c r="C13210" s="6" t="s">
        <v>68</v>
      </c>
      <c r="D13210" s="6" t="s">
        <v>69</v>
      </c>
      <c r="E13210" s="6">
        <v>11001</v>
      </c>
      <c r="F13210" s="6" t="s">
        <v>18</v>
      </c>
      <c r="G13210" s="6" t="s">
        <v>24464</v>
      </c>
      <c r="H13210" s="6" t="s">
        <v>24465</v>
      </c>
      <c r="I13210" s="7">
        <v>4.6048302999999997</v>
      </c>
      <c r="J13210" s="8">
        <v>-74.144285400000001</v>
      </c>
    </row>
    <row r="13211" spans="1:10" x14ac:dyDescent="0.35">
      <c r="A13211" s="5" t="s">
        <v>10</v>
      </c>
      <c r="B13211" s="6">
        <v>243480</v>
      </c>
      <c r="C13211" s="6" t="s">
        <v>61</v>
      </c>
      <c r="D13211" s="6" t="s">
        <v>124</v>
      </c>
      <c r="E13211" s="6">
        <v>63401</v>
      </c>
      <c r="F13211" s="6" t="s">
        <v>18</v>
      </c>
      <c r="G13211" s="6" t="s">
        <v>24466</v>
      </c>
      <c r="H13211" s="6" t="s">
        <v>24467</v>
      </c>
      <c r="I13211" s="7">
        <v>4.4535879999999999</v>
      </c>
      <c r="J13211" s="8">
        <v>-75.791529999999995</v>
      </c>
    </row>
    <row r="13212" spans="1:10" x14ac:dyDescent="0.35">
      <c r="A13212" s="5" t="s">
        <v>10</v>
      </c>
      <c r="B13212" s="6">
        <v>243482</v>
      </c>
      <c r="C13212" s="6" t="s">
        <v>190</v>
      </c>
      <c r="D13212" s="6" t="s">
        <v>191</v>
      </c>
      <c r="E13212" s="6">
        <v>5001</v>
      </c>
      <c r="F13212" s="6" t="s">
        <v>18</v>
      </c>
      <c r="G13212" s="6" t="s">
        <v>14989</v>
      </c>
      <c r="H13212" s="6" t="s">
        <v>24468</v>
      </c>
      <c r="I13212" s="7">
        <v>6.1682997999999998</v>
      </c>
      <c r="J13212" s="8">
        <v>-75.591471299999995</v>
      </c>
    </row>
    <row r="13213" spans="1:10" x14ac:dyDescent="0.35">
      <c r="A13213" s="5" t="s">
        <v>10</v>
      </c>
      <c r="B13213" s="6">
        <v>243490</v>
      </c>
      <c r="C13213" s="6" t="s">
        <v>24</v>
      </c>
      <c r="D13213" s="6" t="s">
        <v>88</v>
      </c>
      <c r="E13213" s="6">
        <v>15001</v>
      </c>
      <c r="F13213" s="6" t="s">
        <v>18</v>
      </c>
      <c r="G13213" s="6" t="s">
        <v>24469</v>
      </c>
      <c r="H13213" s="6" t="s">
        <v>24470</v>
      </c>
      <c r="I13213" s="7">
        <v>5.5315244999999997</v>
      </c>
      <c r="J13213" s="8">
        <v>-73.3646028</v>
      </c>
    </row>
    <row r="13214" spans="1:10" x14ac:dyDescent="0.35">
      <c r="A13214" s="5" t="s">
        <v>10</v>
      </c>
      <c r="B13214" s="6">
        <v>243495</v>
      </c>
      <c r="C13214" s="6" t="s">
        <v>11</v>
      </c>
      <c r="D13214" s="6" t="s">
        <v>159</v>
      </c>
      <c r="E13214" s="6">
        <v>25175</v>
      </c>
      <c r="F13214" s="6" t="s">
        <v>2161</v>
      </c>
      <c r="G13214" s="6" t="s">
        <v>24471</v>
      </c>
      <c r="H13214" s="6" t="s">
        <v>24472</v>
      </c>
      <c r="I13214" s="7">
        <v>4.8647467999999998</v>
      </c>
      <c r="J13214" s="8">
        <v>-74.057199900000001</v>
      </c>
    </row>
    <row r="13215" spans="1:10" x14ac:dyDescent="0.35">
      <c r="A13215" s="5" t="s">
        <v>10</v>
      </c>
      <c r="B13215" s="6">
        <v>243498</v>
      </c>
      <c r="C13215" s="6" t="s">
        <v>68</v>
      </c>
      <c r="D13215" s="6" t="s">
        <v>69</v>
      </c>
      <c r="E13215" s="6">
        <v>11001</v>
      </c>
      <c r="F13215" s="6" t="s">
        <v>2161</v>
      </c>
      <c r="G13215" s="6" t="s">
        <v>15081</v>
      </c>
      <c r="H13215" s="6" t="s">
        <v>24473</v>
      </c>
      <c r="I13215" s="7">
        <v>4.7384583999999998</v>
      </c>
      <c r="J13215" s="8">
        <v>-74.107666399999999</v>
      </c>
    </row>
    <row r="13216" spans="1:10" x14ac:dyDescent="0.35">
      <c r="A13216" s="5" t="s">
        <v>10</v>
      </c>
      <c r="B13216" s="6">
        <v>243551</v>
      </c>
      <c r="C13216" s="6" t="s">
        <v>68</v>
      </c>
      <c r="D13216" s="6" t="s">
        <v>69</v>
      </c>
      <c r="E13216" s="6">
        <v>11001</v>
      </c>
      <c r="F13216" s="6" t="s">
        <v>18</v>
      </c>
      <c r="G13216" s="6" t="s">
        <v>24474</v>
      </c>
      <c r="H13216" s="6" t="s">
        <v>24475</v>
      </c>
      <c r="I13216" s="7">
        <v>4.6018166000000003</v>
      </c>
      <c r="J13216" s="8">
        <v>-74.197523599999997</v>
      </c>
    </row>
    <row r="13217" spans="1:10" x14ac:dyDescent="0.35">
      <c r="A13217" s="5" t="s">
        <v>10</v>
      </c>
      <c r="B13217" s="6">
        <v>243556</v>
      </c>
      <c r="C13217" s="6" t="s">
        <v>11</v>
      </c>
      <c r="D13217" s="6" t="s">
        <v>4669</v>
      </c>
      <c r="E13217" s="6">
        <v>25592</v>
      </c>
      <c r="F13217" s="6" t="s">
        <v>18</v>
      </c>
      <c r="G13217" s="6" t="s">
        <v>24476</v>
      </c>
      <c r="H13217" s="6" t="s">
        <v>24477</v>
      </c>
      <c r="I13217" s="7">
        <v>5.0803289999999999</v>
      </c>
      <c r="J13217" s="8">
        <v>-74.4876912</v>
      </c>
    </row>
    <row r="13218" spans="1:10" x14ac:dyDescent="0.35">
      <c r="A13218" s="5" t="s">
        <v>10</v>
      </c>
      <c r="B13218" s="6">
        <v>243568</v>
      </c>
      <c r="C13218" s="6" t="s">
        <v>11</v>
      </c>
      <c r="D13218" s="6" t="s">
        <v>334</v>
      </c>
      <c r="E13218" s="6">
        <v>25754</v>
      </c>
      <c r="F13218" s="6" t="s">
        <v>13</v>
      </c>
      <c r="G13218" s="6" t="s">
        <v>24478</v>
      </c>
      <c r="H13218" s="6" t="s">
        <v>24479</v>
      </c>
      <c r="I13218" s="7">
        <v>4.5826659999999997</v>
      </c>
      <c r="J13218" s="8">
        <v>-74.191197299999999</v>
      </c>
    </row>
    <row r="13219" spans="1:10" x14ac:dyDescent="0.35">
      <c r="A13219" s="5" t="s">
        <v>10</v>
      </c>
      <c r="B13219" s="6">
        <v>243579</v>
      </c>
      <c r="C13219" s="6" t="s">
        <v>16</v>
      </c>
      <c r="D13219" s="6" t="s">
        <v>521</v>
      </c>
      <c r="E13219" s="6">
        <v>68861</v>
      </c>
      <c r="F13219" s="6" t="s">
        <v>18</v>
      </c>
      <c r="G13219" s="6" t="s">
        <v>24480</v>
      </c>
      <c r="H13219" s="6" t="s">
        <v>24481</v>
      </c>
      <c r="I13219" s="7">
        <v>6.0124253000000003</v>
      </c>
      <c r="J13219" s="8">
        <v>-73.671648000000005</v>
      </c>
    </row>
    <row r="13220" spans="1:10" x14ac:dyDescent="0.35">
      <c r="A13220" s="5" t="s">
        <v>10</v>
      </c>
      <c r="B13220" s="6">
        <v>243612</v>
      </c>
      <c r="C13220" s="6" t="s">
        <v>3788</v>
      </c>
      <c r="D13220" s="6" t="s">
        <v>21480</v>
      </c>
      <c r="E13220" s="6">
        <v>18610</v>
      </c>
      <c r="F13220" s="6" t="s">
        <v>18</v>
      </c>
      <c r="G13220" s="6" t="s">
        <v>24482</v>
      </c>
      <c r="H13220" s="6" t="s">
        <v>22632</v>
      </c>
      <c r="I13220" s="7">
        <v>1.3315741999999999</v>
      </c>
      <c r="J13220" s="8">
        <v>-75.973314700000003</v>
      </c>
    </row>
    <row r="13221" spans="1:10" x14ac:dyDescent="0.35">
      <c r="A13221" s="5" t="s">
        <v>10</v>
      </c>
      <c r="B13221" s="6">
        <v>243616</v>
      </c>
      <c r="C13221" s="6" t="s">
        <v>68</v>
      </c>
      <c r="D13221" s="6" t="s">
        <v>69</v>
      </c>
      <c r="E13221" s="6">
        <v>11001</v>
      </c>
      <c r="F13221" s="6" t="s">
        <v>18</v>
      </c>
      <c r="G13221" s="6" t="s">
        <v>24483</v>
      </c>
      <c r="H13221" s="6" t="s">
        <v>24484</v>
      </c>
      <c r="I13221" s="7">
        <v>4.6213883999999998</v>
      </c>
      <c r="J13221" s="8">
        <v>-74.155281000000002</v>
      </c>
    </row>
    <row r="13222" spans="1:10" x14ac:dyDescent="0.35">
      <c r="A13222" s="5" t="s">
        <v>10</v>
      </c>
      <c r="B13222" s="6">
        <v>243619</v>
      </c>
      <c r="C13222" s="6" t="s">
        <v>61</v>
      </c>
      <c r="D13222" s="6" t="s">
        <v>62</v>
      </c>
      <c r="E13222" s="6">
        <v>63001</v>
      </c>
      <c r="F13222" s="6" t="s">
        <v>18</v>
      </c>
      <c r="G13222" s="6" t="s">
        <v>24485</v>
      </c>
      <c r="H13222" s="6" t="s">
        <v>24486</v>
      </c>
      <c r="I13222" s="7">
        <v>4.5425960999999999</v>
      </c>
      <c r="J13222" s="8">
        <v>-75.676353899999995</v>
      </c>
    </row>
    <row r="13223" spans="1:10" x14ac:dyDescent="0.35">
      <c r="A13223" s="5" t="s">
        <v>10</v>
      </c>
      <c r="B13223" s="6">
        <v>243646</v>
      </c>
      <c r="C13223" s="6" t="s">
        <v>16</v>
      </c>
      <c r="D13223" s="6" t="s">
        <v>78</v>
      </c>
      <c r="E13223" s="6">
        <v>68001</v>
      </c>
      <c r="F13223" s="6" t="s">
        <v>18</v>
      </c>
      <c r="G13223" s="6" t="s">
        <v>24487</v>
      </c>
      <c r="H13223" s="6" t="s">
        <v>24488</v>
      </c>
      <c r="I13223" s="7">
        <v>7.0788260000000003</v>
      </c>
      <c r="J13223" s="8">
        <v>-73.124130600000001</v>
      </c>
    </row>
    <row r="13224" spans="1:10" x14ac:dyDescent="0.35">
      <c r="A13224" s="5" t="s">
        <v>10</v>
      </c>
      <c r="B13224" s="6">
        <v>243669</v>
      </c>
      <c r="C13224" s="6" t="s">
        <v>68</v>
      </c>
      <c r="D13224" s="6" t="s">
        <v>69</v>
      </c>
      <c r="E13224" s="6">
        <v>11001</v>
      </c>
      <c r="F13224" s="6" t="s">
        <v>18</v>
      </c>
      <c r="G13224" s="6" t="s">
        <v>24489</v>
      </c>
      <c r="H13224" s="6" t="s">
        <v>24490</v>
      </c>
      <c r="I13224" s="7">
        <v>4.6090720999999997</v>
      </c>
      <c r="J13224" s="8">
        <v>-74.174340799999996</v>
      </c>
    </row>
    <row r="13225" spans="1:10" x14ac:dyDescent="0.35">
      <c r="A13225" s="5" t="s">
        <v>10</v>
      </c>
      <c r="B13225" s="6">
        <v>243686</v>
      </c>
      <c r="C13225" s="6" t="s">
        <v>2130</v>
      </c>
      <c r="D13225" s="6" t="s">
        <v>4241</v>
      </c>
      <c r="E13225" s="6">
        <v>85430</v>
      </c>
      <c r="F13225" s="6" t="s">
        <v>18</v>
      </c>
      <c r="G13225" s="6" t="s">
        <v>24491</v>
      </c>
      <c r="H13225" s="6" t="s">
        <v>24492</v>
      </c>
      <c r="I13225" s="7">
        <v>5.4056495</v>
      </c>
      <c r="J13225" s="8">
        <v>-71.660673399999993</v>
      </c>
    </row>
    <row r="13226" spans="1:10" x14ac:dyDescent="0.35">
      <c r="A13226" s="5" t="s">
        <v>10</v>
      </c>
      <c r="B13226" s="6">
        <v>243692</v>
      </c>
      <c r="C13226" s="6" t="s">
        <v>16</v>
      </c>
      <c r="D13226" s="6" t="s">
        <v>705</v>
      </c>
      <c r="E13226" s="6">
        <v>68077</v>
      </c>
      <c r="F13226" s="6" t="s">
        <v>18</v>
      </c>
      <c r="G13226" s="6" t="s">
        <v>19157</v>
      </c>
      <c r="H13226" s="6" t="s">
        <v>24493</v>
      </c>
      <c r="I13226" s="7">
        <v>5.9283641999999999</v>
      </c>
      <c r="J13226" s="8">
        <v>-73.617411399999995</v>
      </c>
    </row>
    <row r="13227" spans="1:10" x14ac:dyDescent="0.35">
      <c r="A13227" s="5" t="s">
        <v>10</v>
      </c>
      <c r="B13227" s="6">
        <v>243701</v>
      </c>
      <c r="C13227" s="6" t="s">
        <v>16</v>
      </c>
      <c r="D13227" s="6" t="s">
        <v>4693</v>
      </c>
      <c r="E13227" s="6">
        <v>68190</v>
      </c>
      <c r="F13227" s="6" t="s">
        <v>18</v>
      </c>
      <c r="G13227" s="6" t="s">
        <v>24494</v>
      </c>
      <c r="H13227" s="6" t="s">
        <v>24495</v>
      </c>
      <c r="I13227" s="7">
        <v>6.3178678000000001</v>
      </c>
      <c r="J13227" s="8">
        <v>-73.951652899999999</v>
      </c>
    </row>
    <row r="13228" spans="1:10" x14ac:dyDescent="0.35">
      <c r="A13228" s="5" t="s">
        <v>10</v>
      </c>
      <c r="B13228" s="6">
        <v>243716</v>
      </c>
      <c r="C13228" s="6" t="s">
        <v>117</v>
      </c>
      <c r="D13228" s="6" t="s">
        <v>3860</v>
      </c>
      <c r="E13228" s="6">
        <v>76130</v>
      </c>
      <c r="F13228" s="6" t="s">
        <v>18</v>
      </c>
      <c r="G13228" s="6" t="s">
        <v>24496</v>
      </c>
      <c r="H13228" s="6" t="s">
        <v>24497</v>
      </c>
      <c r="I13228" s="7">
        <v>3.4059637999999999</v>
      </c>
      <c r="J13228" s="8">
        <v>-76.346900599999998</v>
      </c>
    </row>
    <row r="13229" spans="1:10" x14ac:dyDescent="0.35">
      <c r="A13229" s="5" t="s">
        <v>10</v>
      </c>
      <c r="B13229" s="6">
        <v>243735</v>
      </c>
      <c r="C13229" s="6" t="s">
        <v>16</v>
      </c>
      <c r="D13229" s="6" t="s">
        <v>846</v>
      </c>
      <c r="E13229" s="6">
        <v>68500</v>
      </c>
      <c r="F13229" s="6" t="s">
        <v>18</v>
      </c>
      <c r="G13229" s="6" t="s">
        <v>24498</v>
      </c>
      <c r="H13229" s="6" t="s">
        <v>24499</v>
      </c>
      <c r="I13229" s="7">
        <v>6.2634375999999996</v>
      </c>
      <c r="J13229" s="8">
        <v>-73.302289900000005</v>
      </c>
    </row>
    <row r="13230" spans="1:10" x14ac:dyDescent="0.35">
      <c r="A13230" s="5" t="s">
        <v>10</v>
      </c>
      <c r="B13230" s="6">
        <v>243747</v>
      </c>
      <c r="C13230" s="6" t="s">
        <v>28</v>
      </c>
      <c r="D13230" s="6" t="s">
        <v>29</v>
      </c>
      <c r="E13230" s="6">
        <v>54001</v>
      </c>
      <c r="F13230" s="6" t="s">
        <v>18</v>
      </c>
      <c r="G13230" s="6" t="s">
        <v>24500</v>
      </c>
      <c r="H13230" s="6" t="s">
        <v>24501</v>
      </c>
      <c r="I13230" s="7">
        <v>7.9034963999999999</v>
      </c>
      <c r="J13230" s="8">
        <v>-72.483666299999996</v>
      </c>
    </row>
    <row r="13231" spans="1:10" x14ac:dyDescent="0.35">
      <c r="A13231" s="5" t="s">
        <v>10</v>
      </c>
      <c r="B13231" s="6">
        <v>243951</v>
      </c>
      <c r="C13231" s="6" t="s">
        <v>24</v>
      </c>
      <c r="D13231" s="6" t="s">
        <v>20133</v>
      </c>
      <c r="E13231" s="6">
        <v>15531</v>
      </c>
      <c r="F13231" s="6" t="s">
        <v>18</v>
      </c>
      <c r="G13231" s="6" t="s">
        <v>24502</v>
      </c>
      <c r="H13231" s="6" t="s">
        <v>24503</v>
      </c>
      <c r="I13231" s="7">
        <v>5.5153124</v>
      </c>
      <c r="J13231" s="8">
        <v>-73.360721299999994</v>
      </c>
    </row>
    <row r="13232" spans="1:10" x14ac:dyDescent="0.35">
      <c r="A13232" s="5" t="s">
        <v>10</v>
      </c>
      <c r="B13232" s="6">
        <v>243963</v>
      </c>
      <c r="C13232" s="6" t="s">
        <v>68</v>
      </c>
      <c r="D13232" s="6" t="s">
        <v>69</v>
      </c>
      <c r="E13232" s="6">
        <v>11001</v>
      </c>
      <c r="F13232" s="6" t="s">
        <v>18</v>
      </c>
      <c r="G13232" s="6" t="s">
        <v>24504</v>
      </c>
      <c r="H13232" s="6" t="s">
        <v>24505</v>
      </c>
      <c r="I13232" s="7">
        <v>4.6331562000000002</v>
      </c>
      <c r="J13232" s="8">
        <v>-74.188265599999994</v>
      </c>
    </row>
    <row r="13233" spans="1:10" x14ac:dyDescent="0.35">
      <c r="A13233" s="5" t="s">
        <v>10</v>
      </c>
      <c r="B13233" s="6">
        <v>243965</v>
      </c>
      <c r="C13233" s="6" t="s">
        <v>94</v>
      </c>
      <c r="D13233" s="6" t="s">
        <v>98</v>
      </c>
      <c r="E13233" s="6">
        <v>66001</v>
      </c>
      <c r="F13233" s="6" t="s">
        <v>18</v>
      </c>
      <c r="G13233" s="6" t="s">
        <v>3660</v>
      </c>
      <c r="H13233" s="6" t="s">
        <v>24506</v>
      </c>
      <c r="I13233" s="7">
        <v>4.7898464000000001</v>
      </c>
      <c r="J13233" s="8">
        <v>-75.729103300000006</v>
      </c>
    </row>
    <row r="13234" spans="1:10" x14ac:dyDescent="0.35">
      <c r="A13234" s="5" t="s">
        <v>10</v>
      </c>
      <c r="B13234" s="6">
        <v>243970</v>
      </c>
      <c r="C13234" s="6" t="s">
        <v>38</v>
      </c>
      <c r="D13234" s="6" t="s">
        <v>39</v>
      </c>
      <c r="E13234" s="6">
        <v>19001</v>
      </c>
      <c r="F13234" s="6" t="s">
        <v>18</v>
      </c>
      <c r="G13234" s="6" t="s">
        <v>24507</v>
      </c>
      <c r="H13234" s="6" t="s">
        <v>24508</v>
      </c>
      <c r="I13234" s="7">
        <v>2.4383504</v>
      </c>
      <c r="J13234" s="8">
        <v>-76.608237399999993</v>
      </c>
    </row>
    <row r="13235" spans="1:10" x14ac:dyDescent="0.35">
      <c r="A13235" s="5" t="s">
        <v>10</v>
      </c>
      <c r="B13235" s="6">
        <v>244010</v>
      </c>
      <c r="C13235" s="6" t="s">
        <v>68</v>
      </c>
      <c r="D13235" s="6" t="s">
        <v>69</v>
      </c>
      <c r="E13235" s="6">
        <v>11001</v>
      </c>
      <c r="F13235" s="6" t="s">
        <v>18</v>
      </c>
      <c r="G13235" s="6" t="s">
        <v>24509</v>
      </c>
      <c r="H13235" s="6" t="s">
        <v>24510</v>
      </c>
      <c r="I13235" s="7">
        <v>3.4486447999999998</v>
      </c>
      <c r="J13235" s="8">
        <v>-76.550903399999996</v>
      </c>
    </row>
    <row r="13236" spans="1:10" x14ac:dyDescent="0.35">
      <c r="A13236" s="5" t="s">
        <v>10</v>
      </c>
      <c r="B13236" s="6">
        <v>244015</v>
      </c>
      <c r="C13236" s="6" t="s">
        <v>38</v>
      </c>
      <c r="D13236" s="6" t="s">
        <v>18056</v>
      </c>
      <c r="E13236" s="6">
        <v>19780</v>
      </c>
      <c r="F13236" s="6" t="s">
        <v>18</v>
      </c>
      <c r="G13236" s="6" t="s">
        <v>24511</v>
      </c>
      <c r="H13236" s="6" t="s">
        <v>24512</v>
      </c>
      <c r="I13236" s="7">
        <v>2.9532079000000002</v>
      </c>
      <c r="J13236" s="8">
        <v>-76.693703900000003</v>
      </c>
    </row>
    <row r="13237" spans="1:10" x14ac:dyDescent="0.35">
      <c r="A13237" s="5" t="s">
        <v>10</v>
      </c>
      <c r="B13237" s="6">
        <v>244020</v>
      </c>
      <c r="C13237" s="6" t="s">
        <v>68</v>
      </c>
      <c r="D13237" s="6" t="s">
        <v>69</v>
      </c>
      <c r="E13237" s="6">
        <v>11001</v>
      </c>
      <c r="F13237" s="6" t="s">
        <v>18</v>
      </c>
      <c r="G13237" s="6" t="s">
        <v>24513</v>
      </c>
      <c r="H13237" s="6" t="s">
        <v>24514</v>
      </c>
      <c r="I13237" s="7">
        <v>4.6185707000000003</v>
      </c>
      <c r="J13237" s="8">
        <v>-74.127982399999993</v>
      </c>
    </row>
    <row r="13238" spans="1:10" x14ac:dyDescent="0.35">
      <c r="A13238" s="5" t="s">
        <v>10</v>
      </c>
      <c r="B13238" s="6">
        <v>244028</v>
      </c>
      <c r="C13238" s="6" t="s">
        <v>24</v>
      </c>
      <c r="D13238" s="6" t="s">
        <v>282</v>
      </c>
      <c r="E13238" s="6">
        <v>15407</v>
      </c>
      <c r="F13238" s="6" t="s">
        <v>18</v>
      </c>
      <c r="G13238" s="6" t="s">
        <v>3579</v>
      </c>
      <c r="H13238" s="6" t="s">
        <v>24515</v>
      </c>
      <c r="I13238" s="7">
        <v>5.6309050000000003</v>
      </c>
      <c r="J13238" s="8">
        <v>-73.524145399999995</v>
      </c>
    </row>
    <row r="13239" spans="1:10" x14ac:dyDescent="0.35">
      <c r="A13239" s="5" t="s">
        <v>10</v>
      </c>
      <c r="B13239" s="6">
        <v>244062</v>
      </c>
      <c r="C13239" s="6" t="s">
        <v>68</v>
      </c>
      <c r="D13239" s="6" t="s">
        <v>69</v>
      </c>
      <c r="E13239" s="6">
        <v>11001</v>
      </c>
      <c r="F13239" s="6" t="s">
        <v>18</v>
      </c>
      <c r="G13239" s="6" t="s">
        <v>24516</v>
      </c>
      <c r="H13239" s="6" t="s">
        <v>24517</v>
      </c>
      <c r="I13239" s="7">
        <v>4.7026880999999996</v>
      </c>
      <c r="J13239" s="8">
        <v>-74.093896900000004</v>
      </c>
    </row>
    <row r="13240" spans="1:10" x14ac:dyDescent="0.35">
      <c r="A13240" s="5" t="s">
        <v>10</v>
      </c>
      <c r="B13240" s="6">
        <v>244130</v>
      </c>
      <c r="C13240" s="6" t="s">
        <v>11</v>
      </c>
      <c r="D13240" s="6" t="s">
        <v>4849</v>
      </c>
      <c r="E13240" s="6">
        <v>25839</v>
      </c>
      <c r="F13240" s="6" t="s">
        <v>18</v>
      </c>
      <c r="G13240" s="6" t="s">
        <v>24518</v>
      </c>
      <c r="H13240" s="6" t="s">
        <v>24519</v>
      </c>
      <c r="I13240" s="7">
        <v>4.7441228999999998</v>
      </c>
      <c r="J13240" s="8">
        <v>-73.534327099999999</v>
      </c>
    </row>
    <row r="13241" spans="1:10" x14ac:dyDescent="0.35">
      <c r="A13241" s="5" t="s">
        <v>10</v>
      </c>
      <c r="B13241" s="6">
        <v>244132</v>
      </c>
      <c r="C13241" s="6" t="s">
        <v>68</v>
      </c>
      <c r="D13241" s="6" t="s">
        <v>69</v>
      </c>
      <c r="E13241" s="6">
        <v>11001</v>
      </c>
      <c r="F13241" s="6" t="s">
        <v>18</v>
      </c>
      <c r="G13241" s="6" t="s">
        <v>24520</v>
      </c>
      <c r="H13241" s="6" t="s">
        <v>24521</v>
      </c>
      <c r="I13241" s="7">
        <v>4.5794097000000002</v>
      </c>
      <c r="J13241" s="8">
        <v>-74.121635299999994</v>
      </c>
    </row>
    <row r="13242" spans="1:10" x14ac:dyDescent="0.35">
      <c r="A13242" s="5" t="s">
        <v>10</v>
      </c>
      <c r="B13242" s="6">
        <v>244141</v>
      </c>
      <c r="C13242" s="6" t="s">
        <v>68</v>
      </c>
      <c r="D13242" s="6" t="s">
        <v>69</v>
      </c>
      <c r="E13242" s="6">
        <v>11001</v>
      </c>
      <c r="F13242" s="6" t="s">
        <v>18</v>
      </c>
      <c r="G13242" s="6" t="s">
        <v>24522</v>
      </c>
      <c r="H13242" s="6" t="s">
        <v>24523</v>
      </c>
      <c r="I13242" s="7">
        <v>4.6811318999999996</v>
      </c>
      <c r="J13242" s="8">
        <v>-74.150543999999996</v>
      </c>
    </row>
    <row r="13243" spans="1:10" x14ac:dyDescent="0.35">
      <c r="A13243" s="5" t="s">
        <v>10</v>
      </c>
      <c r="B13243" s="6">
        <v>244142</v>
      </c>
      <c r="C13243" s="6" t="s">
        <v>11</v>
      </c>
      <c r="D13243" s="6" t="s">
        <v>334</v>
      </c>
      <c r="E13243" s="6">
        <v>25754</v>
      </c>
      <c r="F13243" s="6" t="s">
        <v>2161</v>
      </c>
      <c r="G13243" s="6" t="s">
        <v>24524</v>
      </c>
      <c r="H13243" s="6" t="s">
        <v>24525</v>
      </c>
      <c r="I13243" s="7">
        <v>4.5799121999999999</v>
      </c>
      <c r="J13243" s="8">
        <v>-74.198959900000006</v>
      </c>
    </row>
    <row r="13244" spans="1:10" x14ac:dyDescent="0.35">
      <c r="A13244" s="5" t="s">
        <v>10</v>
      </c>
      <c r="B13244" s="6">
        <v>244146</v>
      </c>
      <c r="C13244" s="6" t="s">
        <v>16</v>
      </c>
      <c r="D13244" s="6" t="s">
        <v>846</v>
      </c>
      <c r="E13244" s="6">
        <v>68500</v>
      </c>
      <c r="F13244" s="6" t="s">
        <v>18</v>
      </c>
      <c r="G13244" s="6" t="s">
        <v>9220</v>
      </c>
      <c r="H13244" s="6" t="s">
        <v>24526</v>
      </c>
      <c r="I13244" s="7">
        <v>7.1200134999999998</v>
      </c>
      <c r="J13244" s="8">
        <v>-73.127584400000003</v>
      </c>
    </row>
    <row r="13245" spans="1:10" x14ac:dyDescent="0.35">
      <c r="A13245" s="5" t="s">
        <v>10</v>
      </c>
      <c r="B13245" s="6">
        <v>244153</v>
      </c>
      <c r="C13245" s="6" t="s">
        <v>68</v>
      </c>
      <c r="D13245" s="6" t="s">
        <v>69</v>
      </c>
      <c r="E13245" s="6">
        <v>11001</v>
      </c>
      <c r="F13245" s="6" t="s">
        <v>18</v>
      </c>
      <c r="G13245" s="6" t="s">
        <v>24527</v>
      </c>
      <c r="H13245" s="6" t="s">
        <v>24528</v>
      </c>
      <c r="I13245" s="7">
        <v>4.5492062999999998</v>
      </c>
      <c r="J13245" s="8">
        <v>-74.107024800000005</v>
      </c>
    </row>
    <row r="13246" spans="1:10" x14ac:dyDescent="0.35">
      <c r="A13246" s="5" t="s">
        <v>10</v>
      </c>
      <c r="B13246" s="6">
        <v>244190</v>
      </c>
      <c r="C13246" s="6" t="s">
        <v>4364</v>
      </c>
      <c r="D13246" s="6" t="s">
        <v>4365</v>
      </c>
      <c r="E13246" s="6">
        <v>70001</v>
      </c>
      <c r="F13246" s="6" t="s">
        <v>18</v>
      </c>
      <c r="G13246" s="6" t="s">
        <v>24529</v>
      </c>
      <c r="H13246" s="6" t="s">
        <v>24530</v>
      </c>
      <c r="I13246" s="7">
        <v>9.3045773000000001</v>
      </c>
      <c r="J13246" s="8">
        <v>-75.390556700000005</v>
      </c>
    </row>
    <row r="13247" spans="1:10" x14ac:dyDescent="0.35">
      <c r="A13247" s="5" t="s">
        <v>10</v>
      </c>
      <c r="B13247" s="6">
        <v>244233</v>
      </c>
      <c r="C13247" s="6" t="s">
        <v>3788</v>
      </c>
      <c r="D13247" s="6" t="s">
        <v>3974</v>
      </c>
      <c r="E13247" s="6">
        <v>18001</v>
      </c>
      <c r="F13247" s="6" t="s">
        <v>18</v>
      </c>
      <c r="G13247" s="6" t="s">
        <v>24531</v>
      </c>
      <c r="H13247" s="6" t="s">
        <v>24532</v>
      </c>
      <c r="I13247" s="7">
        <v>1.6255526</v>
      </c>
      <c r="J13247" s="8">
        <v>-75.590954199999999</v>
      </c>
    </row>
    <row r="13248" spans="1:10" x14ac:dyDescent="0.35">
      <c r="A13248" s="5" t="s">
        <v>10</v>
      </c>
      <c r="B13248" s="6">
        <v>244235</v>
      </c>
      <c r="C13248" s="6" t="s">
        <v>109</v>
      </c>
      <c r="D13248" s="6" t="s">
        <v>518</v>
      </c>
      <c r="E13248" s="6">
        <v>13780</v>
      </c>
      <c r="F13248" s="6" t="s">
        <v>18</v>
      </c>
      <c r="G13248" s="6" t="s">
        <v>24533</v>
      </c>
      <c r="H13248" s="6" t="s">
        <v>24534</v>
      </c>
      <c r="I13248" s="7">
        <v>9.2979506999999995</v>
      </c>
      <c r="J13248" s="8">
        <v>-74.564159200000006</v>
      </c>
    </row>
    <row r="13249" spans="1:10" x14ac:dyDescent="0.35">
      <c r="A13249" s="5" t="s">
        <v>10</v>
      </c>
      <c r="B13249" s="6">
        <v>244239</v>
      </c>
      <c r="C13249" s="6" t="s">
        <v>302</v>
      </c>
      <c r="D13249" s="6" t="s">
        <v>303</v>
      </c>
      <c r="E13249" s="6">
        <v>8638</v>
      </c>
      <c r="F13249" s="6" t="s">
        <v>18</v>
      </c>
      <c r="G13249" s="6" t="s">
        <v>24535</v>
      </c>
      <c r="H13249" s="6" t="s">
        <v>24536</v>
      </c>
      <c r="I13249" s="7">
        <v>10.636006200000001</v>
      </c>
      <c r="J13249" s="8">
        <v>-74.921268900000001</v>
      </c>
    </row>
    <row r="13250" spans="1:10" x14ac:dyDescent="0.35">
      <c r="A13250" s="5" t="s">
        <v>10</v>
      </c>
      <c r="B13250" s="6">
        <v>244250</v>
      </c>
      <c r="C13250" s="6" t="s">
        <v>466</v>
      </c>
      <c r="D13250" s="6" t="s">
        <v>467</v>
      </c>
      <c r="E13250" s="6">
        <v>81736</v>
      </c>
      <c r="F13250" s="6" t="s">
        <v>18</v>
      </c>
      <c r="G13250" s="6" t="s">
        <v>24537</v>
      </c>
      <c r="H13250" s="6" t="s">
        <v>24538</v>
      </c>
      <c r="I13250" s="7">
        <v>6.9561070000000003</v>
      </c>
      <c r="J13250" s="8">
        <v>-71.872595000000004</v>
      </c>
    </row>
    <row r="13251" spans="1:10" x14ac:dyDescent="0.35">
      <c r="A13251" s="5" t="s">
        <v>10</v>
      </c>
      <c r="B13251" s="6">
        <v>244294</v>
      </c>
      <c r="C13251" s="6" t="s">
        <v>16</v>
      </c>
      <c r="D13251" s="6" t="s">
        <v>1266</v>
      </c>
      <c r="E13251" s="6">
        <v>68081</v>
      </c>
      <c r="F13251" s="6" t="s">
        <v>18</v>
      </c>
      <c r="G13251" s="6" t="s">
        <v>24539</v>
      </c>
      <c r="H13251" s="6" t="s">
        <v>24540</v>
      </c>
      <c r="I13251" s="7">
        <v>7.0724035000000001</v>
      </c>
      <c r="J13251" s="8">
        <v>-73.829522800000007</v>
      </c>
    </row>
    <row r="13252" spans="1:10" x14ac:dyDescent="0.35">
      <c r="A13252" s="5" t="s">
        <v>10</v>
      </c>
      <c r="B13252" s="6">
        <v>244301</v>
      </c>
      <c r="C13252" s="6" t="s">
        <v>68</v>
      </c>
      <c r="D13252" s="6" t="s">
        <v>69</v>
      </c>
      <c r="E13252" s="6">
        <v>11001</v>
      </c>
      <c r="F13252" s="6" t="s">
        <v>18</v>
      </c>
      <c r="G13252" s="6" t="s">
        <v>24541</v>
      </c>
      <c r="H13252" s="6" t="s">
        <v>24542</v>
      </c>
      <c r="I13252" s="7">
        <v>4.6994787000000002</v>
      </c>
      <c r="J13252" s="8">
        <v>-74.128251199999994</v>
      </c>
    </row>
    <row r="13253" spans="1:10" x14ac:dyDescent="0.35">
      <c r="A13253" s="5" t="s">
        <v>10</v>
      </c>
      <c r="B13253" s="6">
        <v>244342</v>
      </c>
      <c r="C13253" s="6" t="s">
        <v>302</v>
      </c>
      <c r="D13253" s="6" t="s">
        <v>359</v>
      </c>
      <c r="E13253" s="6">
        <v>8001</v>
      </c>
      <c r="F13253" s="6" t="s">
        <v>18</v>
      </c>
      <c r="G13253" s="6" t="s">
        <v>24543</v>
      </c>
      <c r="H13253" s="6" t="s">
        <v>24544</v>
      </c>
      <c r="I13253" s="7">
        <v>10.9623247</v>
      </c>
      <c r="J13253" s="8">
        <v>-74.7953531</v>
      </c>
    </row>
    <row r="13254" spans="1:10" x14ac:dyDescent="0.35">
      <c r="A13254" s="5" t="s">
        <v>10</v>
      </c>
      <c r="B13254" s="6">
        <v>244439</v>
      </c>
      <c r="C13254" s="6" t="s">
        <v>2130</v>
      </c>
      <c r="D13254" s="6" t="s">
        <v>2131</v>
      </c>
      <c r="E13254" s="6">
        <v>85001</v>
      </c>
      <c r="F13254" s="6" t="s">
        <v>18</v>
      </c>
      <c r="G13254" s="6" t="s">
        <v>24545</v>
      </c>
      <c r="H13254" s="6" t="s">
        <v>24546</v>
      </c>
      <c r="I13254" s="7">
        <v>5.3294296000000001</v>
      </c>
      <c r="J13254" s="8">
        <v>-72.4061387</v>
      </c>
    </row>
    <row r="13255" spans="1:10" x14ac:dyDescent="0.35">
      <c r="A13255" s="5" t="s">
        <v>10</v>
      </c>
      <c r="B13255" s="6">
        <v>244442</v>
      </c>
      <c r="C13255" s="6" t="s">
        <v>68</v>
      </c>
      <c r="D13255" s="6" t="s">
        <v>69</v>
      </c>
      <c r="E13255" s="6">
        <v>11001</v>
      </c>
      <c r="F13255" s="6" t="s">
        <v>18</v>
      </c>
      <c r="G13255" s="6" t="s">
        <v>24547</v>
      </c>
      <c r="H13255" s="6" t="s">
        <v>24548</v>
      </c>
      <c r="I13255" s="7">
        <v>4.6788879999999997</v>
      </c>
      <c r="J13255" s="8">
        <v>-74.079474300000001</v>
      </c>
    </row>
    <row r="13256" spans="1:10" x14ac:dyDescent="0.35">
      <c r="A13256" s="5" t="s">
        <v>10</v>
      </c>
      <c r="B13256" s="6">
        <v>244456</v>
      </c>
      <c r="C13256" s="6" t="s">
        <v>55</v>
      </c>
      <c r="D13256" s="6" t="s">
        <v>1956</v>
      </c>
      <c r="E13256" s="6">
        <v>73226</v>
      </c>
      <c r="F13256" s="6" t="s">
        <v>18</v>
      </c>
      <c r="G13256" s="6" t="s">
        <v>24549</v>
      </c>
      <c r="H13256" s="6" t="s">
        <v>24550</v>
      </c>
      <c r="I13256" s="7">
        <v>4.0605029999999998</v>
      </c>
      <c r="J13256" s="8">
        <v>-74.691890000000001</v>
      </c>
    </row>
    <row r="13257" spans="1:10" x14ac:dyDescent="0.35">
      <c r="A13257" s="5" t="s">
        <v>10</v>
      </c>
      <c r="B13257" s="6">
        <v>244536</v>
      </c>
      <c r="C13257" s="6" t="s">
        <v>24</v>
      </c>
      <c r="D13257" s="6" t="s">
        <v>317</v>
      </c>
      <c r="E13257" s="6">
        <v>15176</v>
      </c>
      <c r="F13257" s="6" t="s">
        <v>18</v>
      </c>
      <c r="G13257" s="6" t="s">
        <v>24551</v>
      </c>
      <c r="H13257" s="6" t="s">
        <v>24552</v>
      </c>
      <c r="I13257" s="7">
        <v>5.6106986000000001</v>
      </c>
      <c r="J13257" s="8">
        <v>-73.822665099999995</v>
      </c>
    </row>
    <row r="13258" spans="1:10" x14ac:dyDescent="0.35">
      <c r="A13258" s="5" t="s">
        <v>10</v>
      </c>
      <c r="B13258" s="6">
        <v>244547</v>
      </c>
      <c r="C13258" s="6" t="s">
        <v>3788</v>
      </c>
      <c r="D13258" s="6" t="s">
        <v>3974</v>
      </c>
      <c r="E13258" s="6">
        <v>18001</v>
      </c>
      <c r="F13258" s="6" t="s">
        <v>18</v>
      </c>
      <c r="G13258" s="6" t="s">
        <v>24553</v>
      </c>
      <c r="H13258" s="6" t="s">
        <v>24554</v>
      </c>
      <c r="I13258" s="7">
        <v>1.6153858000000001</v>
      </c>
      <c r="J13258" s="8">
        <v>-75.604236400000005</v>
      </c>
    </row>
    <row r="13259" spans="1:10" x14ac:dyDescent="0.35">
      <c r="A13259" s="5" t="s">
        <v>10</v>
      </c>
      <c r="B13259" s="6">
        <v>244567</v>
      </c>
      <c r="C13259" s="6" t="s">
        <v>68</v>
      </c>
      <c r="D13259" s="6" t="s">
        <v>69</v>
      </c>
      <c r="E13259" s="6">
        <v>11001</v>
      </c>
      <c r="F13259" s="6" t="s">
        <v>13</v>
      </c>
      <c r="G13259" s="6" t="s">
        <v>24555</v>
      </c>
      <c r="H13259" s="6" t="s">
        <v>24556</v>
      </c>
      <c r="I13259" s="7">
        <v>4.5972280000000003</v>
      </c>
      <c r="J13259" s="8">
        <v>-74.090885900000004</v>
      </c>
    </row>
    <row r="13260" spans="1:10" x14ac:dyDescent="0.35">
      <c r="A13260" s="5" t="s">
        <v>10</v>
      </c>
      <c r="B13260" s="6">
        <v>244596</v>
      </c>
      <c r="C13260" s="6" t="s">
        <v>68</v>
      </c>
      <c r="D13260" s="6" t="s">
        <v>69</v>
      </c>
      <c r="E13260" s="6">
        <v>11001</v>
      </c>
      <c r="F13260" s="6" t="s">
        <v>18</v>
      </c>
      <c r="G13260" s="6" t="s">
        <v>24557</v>
      </c>
      <c r="H13260" s="6" t="s">
        <v>24558</v>
      </c>
      <c r="I13260" s="7">
        <v>4.7109886000000003</v>
      </c>
      <c r="J13260" s="8">
        <v>-74.072091999999998</v>
      </c>
    </row>
    <row r="13261" spans="1:10" x14ac:dyDescent="0.35">
      <c r="A13261" s="5" t="s">
        <v>10</v>
      </c>
      <c r="B13261" s="6">
        <v>244598</v>
      </c>
      <c r="C13261" s="6" t="s">
        <v>68</v>
      </c>
      <c r="D13261" s="6" t="s">
        <v>69</v>
      </c>
      <c r="E13261" s="6">
        <v>11001</v>
      </c>
      <c r="F13261" s="6" t="s">
        <v>18</v>
      </c>
      <c r="G13261" s="6" t="s">
        <v>24559</v>
      </c>
      <c r="H13261" s="6" t="s">
        <v>24560</v>
      </c>
      <c r="I13261" s="7">
        <v>4.5852751999999999</v>
      </c>
      <c r="J13261" s="8">
        <v>-74.067771699999994</v>
      </c>
    </row>
    <row r="13262" spans="1:10" x14ac:dyDescent="0.35">
      <c r="A13262" s="5" t="s">
        <v>10</v>
      </c>
      <c r="B13262" s="6">
        <v>244630</v>
      </c>
      <c r="C13262" s="6" t="s">
        <v>302</v>
      </c>
      <c r="D13262" s="6" t="s">
        <v>4041</v>
      </c>
      <c r="E13262" s="6">
        <v>8758</v>
      </c>
      <c r="F13262" s="6" t="s">
        <v>18</v>
      </c>
      <c r="G13262" s="6" t="s">
        <v>24561</v>
      </c>
      <c r="H13262" s="6" t="s">
        <v>24562</v>
      </c>
      <c r="I13262" s="7">
        <v>10.926729699999999</v>
      </c>
      <c r="J13262" s="8">
        <v>-74.767468800000003</v>
      </c>
    </row>
    <row r="13263" spans="1:10" x14ac:dyDescent="0.35">
      <c r="A13263" s="5" t="s">
        <v>10</v>
      </c>
      <c r="B13263" s="6">
        <v>244643</v>
      </c>
      <c r="C13263" s="6" t="s">
        <v>68</v>
      </c>
      <c r="D13263" s="6" t="s">
        <v>69</v>
      </c>
      <c r="E13263" s="6">
        <v>11001</v>
      </c>
      <c r="F13263" s="6" t="s">
        <v>18</v>
      </c>
      <c r="G13263" s="6" t="s">
        <v>24563</v>
      </c>
      <c r="H13263" s="6" t="s">
        <v>24564</v>
      </c>
      <c r="I13263" s="7">
        <v>4.5772748999999999</v>
      </c>
      <c r="J13263" s="8">
        <v>-74.156126200000003</v>
      </c>
    </row>
    <row r="13264" spans="1:10" x14ac:dyDescent="0.35">
      <c r="A13264" s="5" t="s">
        <v>10</v>
      </c>
      <c r="B13264" s="6">
        <v>244741</v>
      </c>
      <c r="C13264" s="6" t="s">
        <v>308</v>
      </c>
      <c r="D13264" s="6" t="s">
        <v>11004</v>
      </c>
      <c r="E13264" s="6">
        <v>23500</v>
      </c>
      <c r="F13264" s="6" t="s">
        <v>18</v>
      </c>
      <c r="G13264" s="6" t="s">
        <v>11005</v>
      </c>
      <c r="H13264" s="6" t="s">
        <v>24565</v>
      </c>
      <c r="I13264" s="7">
        <v>8.7528570000000006</v>
      </c>
      <c r="J13264" s="8">
        <v>-75.888765100000001</v>
      </c>
    </row>
    <row r="13265" spans="1:10" x14ac:dyDescent="0.35">
      <c r="A13265" s="5" t="s">
        <v>10</v>
      </c>
      <c r="B13265" s="6">
        <v>244754</v>
      </c>
      <c r="C13265" s="6" t="s">
        <v>28</v>
      </c>
      <c r="D13265" s="6" t="s">
        <v>29</v>
      </c>
      <c r="E13265" s="6">
        <v>54001</v>
      </c>
      <c r="F13265" s="6" t="s">
        <v>18</v>
      </c>
      <c r="G13265" s="6" t="s">
        <v>24566</v>
      </c>
      <c r="H13265" s="6" t="s">
        <v>24567</v>
      </c>
      <c r="I13265" s="7">
        <v>7.9297898</v>
      </c>
      <c r="J13265" s="8">
        <v>-72.518067299999998</v>
      </c>
    </row>
    <row r="13266" spans="1:10" x14ac:dyDescent="0.35">
      <c r="A13266" s="5" t="s">
        <v>10</v>
      </c>
      <c r="B13266" s="6">
        <v>244762</v>
      </c>
      <c r="C13266" s="6" t="s">
        <v>278</v>
      </c>
      <c r="D13266" s="6" t="s">
        <v>279</v>
      </c>
      <c r="E13266" s="6">
        <v>50001</v>
      </c>
      <c r="F13266" s="6" t="s">
        <v>18</v>
      </c>
      <c r="G13266" s="6" t="s">
        <v>24568</v>
      </c>
      <c r="H13266" s="6" t="s">
        <v>24569</v>
      </c>
      <c r="I13266" s="7">
        <v>4.1138690000000002</v>
      </c>
      <c r="J13266" s="8">
        <v>-73.586388499999998</v>
      </c>
    </row>
    <row r="13267" spans="1:10" x14ac:dyDescent="0.35">
      <c r="A13267" s="5" t="s">
        <v>10</v>
      </c>
      <c r="B13267" s="6">
        <v>244770</v>
      </c>
      <c r="C13267" s="6" t="s">
        <v>38</v>
      </c>
      <c r="D13267" s="6" t="s">
        <v>7839</v>
      </c>
      <c r="E13267" s="6">
        <v>19573</v>
      </c>
      <c r="F13267" s="6" t="s">
        <v>18</v>
      </c>
      <c r="G13267" s="6" t="s">
        <v>24570</v>
      </c>
      <c r="H13267" s="6" t="s">
        <v>24571</v>
      </c>
      <c r="I13267" s="7">
        <v>3.2246050999999998</v>
      </c>
      <c r="J13267" s="8">
        <v>-76.424775400000001</v>
      </c>
    </row>
    <row r="13268" spans="1:10" x14ac:dyDescent="0.35">
      <c r="A13268" s="5" t="s">
        <v>10</v>
      </c>
      <c r="B13268" s="6">
        <v>244777</v>
      </c>
      <c r="C13268" s="6" t="s">
        <v>366</v>
      </c>
      <c r="D13268" s="6" t="s">
        <v>8296</v>
      </c>
      <c r="E13268" s="6">
        <v>44001</v>
      </c>
      <c r="F13268" s="6" t="s">
        <v>18</v>
      </c>
      <c r="G13268" s="6" t="s">
        <v>24572</v>
      </c>
      <c r="H13268" s="6" t="s">
        <v>24573</v>
      </c>
      <c r="I13268" s="7">
        <v>11.5539722</v>
      </c>
      <c r="J13268" s="8">
        <v>-72.905895799999996</v>
      </c>
    </row>
    <row r="13269" spans="1:10" x14ac:dyDescent="0.35">
      <c r="A13269" s="5" t="s">
        <v>10</v>
      </c>
      <c r="B13269" s="6">
        <v>244828</v>
      </c>
      <c r="C13269" s="6" t="s">
        <v>11</v>
      </c>
      <c r="D13269" s="6" t="s">
        <v>334</v>
      </c>
      <c r="E13269" s="6">
        <v>25754</v>
      </c>
      <c r="F13269" s="6" t="s">
        <v>18</v>
      </c>
      <c r="G13269" s="6" t="s">
        <v>24574</v>
      </c>
      <c r="H13269" s="6" t="s">
        <v>7240</v>
      </c>
      <c r="I13269" s="7">
        <v>4.5598669999999997</v>
      </c>
      <c r="J13269" s="8">
        <v>-74.241943300000003</v>
      </c>
    </row>
    <row r="13270" spans="1:10" x14ac:dyDescent="0.35">
      <c r="A13270" s="5" t="s">
        <v>10</v>
      </c>
      <c r="B13270" s="6">
        <v>244835</v>
      </c>
      <c r="C13270" s="6" t="s">
        <v>68</v>
      </c>
      <c r="D13270" s="6" t="s">
        <v>69</v>
      </c>
      <c r="E13270" s="6">
        <v>11001</v>
      </c>
      <c r="F13270" s="6" t="s">
        <v>18</v>
      </c>
      <c r="G13270" s="6" t="s">
        <v>24575</v>
      </c>
      <c r="H13270" s="6" t="s">
        <v>24576</v>
      </c>
      <c r="I13270" s="7">
        <v>4.6109581000000004</v>
      </c>
      <c r="J13270" s="8">
        <v>-74.187122400000007</v>
      </c>
    </row>
    <row r="13271" spans="1:10" x14ac:dyDescent="0.35">
      <c r="A13271" s="5" t="s">
        <v>10</v>
      </c>
      <c r="B13271" s="6">
        <v>244874</v>
      </c>
      <c r="C13271" s="6" t="s">
        <v>366</v>
      </c>
      <c r="D13271" s="6" t="s">
        <v>8296</v>
      </c>
      <c r="E13271" s="6">
        <v>44001</v>
      </c>
      <c r="F13271" s="6" t="s">
        <v>18</v>
      </c>
      <c r="G13271" s="6" t="s">
        <v>24577</v>
      </c>
      <c r="H13271" s="6" t="s">
        <v>24578</v>
      </c>
      <c r="I13271" s="7">
        <v>11.537954300000001</v>
      </c>
      <c r="J13271" s="8">
        <v>-72.903587099999996</v>
      </c>
    </row>
    <row r="13272" spans="1:10" x14ac:dyDescent="0.35">
      <c r="A13272" s="5" t="s">
        <v>10</v>
      </c>
      <c r="B13272" s="6">
        <v>244890</v>
      </c>
      <c r="C13272" s="6" t="s">
        <v>68</v>
      </c>
      <c r="D13272" s="6" t="s">
        <v>69</v>
      </c>
      <c r="E13272" s="6">
        <v>11001</v>
      </c>
      <c r="F13272" s="6" t="s">
        <v>2161</v>
      </c>
      <c r="G13272" s="6" t="s">
        <v>24579</v>
      </c>
      <c r="H13272" s="6" t="s">
        <v>24580</v>
      </c>
      <c r="I13272" s="7">
        <v>4.6902306999999999</v>
      </c>
      <c r="J13272" s="8">
        <v>-74.102899800000003</v>
      </c>
    </row>
    <row r="13273" spans="1:10" x14ac:dyDescent="0.35">
      <c r="A13273" s="5" t="s">
        <v>10</v>
      </c>
      <c r="B13273" s="6">
        <v>244927</v>
      </c>
      <c r="C13273" s="6" t="s">
        <v>16</v>
      </c>
      <c r="D13273" s="6" t="s">
        <v>18510</v>
      </c>
      <c r="E13273" s="6">
        <v>68502</v>
      </c>
      <c r="F13273" s="6" t="s">
        <v>18</v>
      </c>
      <c r="G13273" s="6" t="s">
        <v>24581</v>
      </c>
      <c r="H13273" s="6" t="s">
        <v>24582</v>
      </c>
      <c r="I13273" s="7">
        <v>6.3460080000000003</v>
      </c>
      <c r="J13273" s="8">
        <v>-72.817669800000004</v>
      </c>
    </row>
    <row r="13274" spans="1:10" x14ac:dyDescent="0.35">
      <c r="A13274" s="5" t="s">
        <v>10</v>
      </c>
      <c r="B13274" s="6">
        <v>244950</v>
      </c>
      <c r="C13274" s="6" t="s">
        <v>278</v>
      </c>
      <c r="D13274" s="6" t="s">
        <v>279</v>
      </c>
      <c r="E13274" s="6">
        <v>50001</v>
      </c>
      <c r="F13274" s="6" t="s">
        <v>18</v>
      </c>
      <c r="G13274" s="6" t="s">
        <v>20783</v>
      </c>
      <c r="H13274" s="6" t="s">
        <v>20784</v>
      </c>
      <c r="I13274" s="7">
        <v>4.1491688</v>
      </c>
      <c r="J13274" s="8">
        <v>-73.628547499999996</v>
      </c>
    </row>
    <row r="13275" spans="1:10" x14ac:dyDescent="0.35">
      <c r="A13275" s="5" t="s">
        <v>10</v>
      </c>
      <c r="B13275" s="6">
        <v>245022</v>
      </c>
      <c r="C13275" s="6" t="s">
        <v>302</v>
      </c>
      <c r="D13275" s="6" t="s">
        <v>10118</v>
      </c>
      <c r="E13275" s="6">
        <v>8832</v>
      </c>
      <c r="F13275" s="6" t="s">
        <v>18</v>
      </c>
      <c r="G13275" s="6" t="s">
        <v>24583</v>
      </c>
      <c r="H13275" s="6" t="s">
        <v>24584</v>
      </c>
      <c r="I13275" s="7">
        <v>10.872762</v>
      </c>
      <c r="J13275" s="8">
        <v>-74.977354000000005</v>
      </c>
    </row>
    <row r="13276" spans="1:10" x14ac:dyDescent="0.35">
      <c r="A13276" s="5" t="s">
        <v>10</v>
      </c>
      <c r="B13276" s="6">
        <v>245046</v>
      </c>
      <c r="C13276" s="6" t="s">
        <v>68</v>
      </c>
      <c r="D13276" s="6" t="s">
        <v>69</v>
      </c>
      <c r="E13276" s="6">
        <v>11001</v>
      </c>
      <c r="F13276" s="6" t="s">
        <v>18</v>
      </c>
      <c r="G13276" s="6" t="s">
        <v>24585</v>
      </c>
      <c r="H13276" s="6" t="s">
        <v>24586</v>
      </c>
      <c r="I13276" s="7">
        <v>4.6284261000000004</v>
      </c>
      <c r="J13276" s="8">
        <v>-74.177463799999998</v>
      </c>
    </row>
    <row r="13277" spans="1:10" x14ac:dyDescent="0.35">
      <c r="A13277" s="5" t="s">
        <v>10</v>
      </c>
      <c r="B13277" s="6">
        <v>245131</v>
      </c>
      <c r="C13277" s="6" t="s">
        <v>294</v>
      </c>
      <c r="D13277" s="6" t="s">
        <v>703</v>
      </c>
      <c r="E13277" s="6">
        <v>41001</v>
      </c>
      <c r="F13277" s="6" t="s">
        <v>18</v>
      </c>
      <c r="G13277" s="6" t="s">
        <v>24587</v>
      </c>
      <c r="H13277" s="6" t="s">
        <v>24588</v>
      </c>
      <c r="I13277" s="7">
        <v>2.9169683000000002</v>
      </c>
      <c r="J13277" s="8">
        <v>-75.275199900000004</v>
      </c>
    </row>
    <row r="13278" spans="1:10" x14ac:dyDescent="0.35">
      <c r="A13278" s="5" t="s">
        <v>10</v>
      </c>
      <c r="B13278" s="6">
        <v>245145</v>
      </c>
      <c r="C13278" s="6" t="s">
        <v>3788</v>
      </c>
      <c r="D13278" s="6" t="s">
        <v>3974</v>
      </c>
      <c r="E13278" s="6">
        <v>18001</v>
      </c>
      <c r="F13278" s="6" t="s">
        <v>18</v>
      </c>
      <c r="G13278" s="6" t="s">
        <v>24589</v>
      </c>
      <c r="H13278" s="6" t="s">
        <v>24590</v>
      </c>
      <c r="I13278" s="7">
        <v>1.6202989999999999</v>
      </c>
      <c r="J13278" s="8">
        <v>-75.600125500000004</v>
      </c>
    </row>
    <row r="13279" spans="1:10" x14ac:dyDescent="0.35">
      <c r="A13279" s="5" t="s">
        <v>10</v>
      </c>
      <c r="B13279" s="6">
        <v>245168</v>
      </c>
      <c r="C13279" s="6" t="s">
        <v>68</v>
      </c>
      <c r="D13279" s="6" t="s">
        <v>69</v>
      </c>
      <c r="E13279" s="6">
        <v>11001</v>
      </c>
      <c r="F13279" s="6" t="s">
        <v>18</v>
      </c>
      <c r="G13279" s="6" t="s">
        <v>24591</v>
      </c>
      <c r="H13279" s="6" t="s">
        <v>24592</v>
      </c>
      <c r="I13279" s="7">
        <v>4.5248936000000004</v>
      </c>
      <c r="J13279" s="8">
        <v>-74.090558700000003</v>
      </c>
    </row>
    <row r="13280" spans="1:10" x14ac:dyDescent="0.35">
      <c r="A13280" s="5" t="s">
        <v>10</v>
      </c>
      <c r="B13280" s="6">
        <v>245217</v>
      </c>
      <c r="C13280" s="6" t="s">
        <v>117</v>
      </c>
      <c r="D13280" s="6" t="s">
        <v>7467</v>
      </c>
      <c r="E13280" s="6">
        <v>76126</v>
      </c>
      <c r="F13280" s="6" t="s">
        <v>18</v>
      </c>
      <c r="G13280" s="6" t="s">
        <v>24593</v>
      </c>
      <c r="H13280" s="6" t="s">
        <v>24594</v>
      </c>
      <c r="I13280" s="7">
        <v>3.9023946999999999</v>
      </c>
      <c r="J13280" s="8">
        <v>-76.302605799999995</v>
      </c>
    </row>
    <row r="13281" spans="1:10" x14ac:dyDescent="0.35">
      <c r="A13281" s="5" t="s">
        <v>10</v>
      </c>
      <c r="B13281" s="6">
        <v>245270</v>
      </c>
      <c r="C13281" s="6" t="s">
        <v>11</v>
      </c>
      <c r="D13281" s="6" t="s">
        <v>334</v>
      </c>
      <c r="E13281" s="6">
        <v>25754</v>
      </c>
      <c r="F13281" s="6" t="s">
        <v>18</v>
      </c>
      <c r="G13281" s="6" t="s">
        <v>5549</v>
      </c>
      <c r="H13281" s="6" t="s">
        <v>5550</v>
      </c>
      <c r="I13281" s="7">
        <v>4.5827226999999997</v>
      </c>
      <c r="J13281" s="8">
        <v>-74.211746500000004</v>
      </c>
    </row>
    <row r="13282" spans="1:10" x14ac:dyDescent="0.35">
      <c r="A13282" s="5" t="s">
        <v>10</v>
      </c>
      <c r="B13282" s="6">
        <v>245275</v>
      </c>
      <c r="C13282" s="6" t="s">
        <v>68</v>
      </c>
      <c r="D13282" s="6" t="s">
        <v>69</v>
      </c>
      <c r="E13282" s="6">
        <v>11001</v>
      </c>
      <c r="F13282" s="6" t="s">
        <v>18</v>
      </c>
      <c r="G13282" s="6" t="s">
        <v>24595</v>
      </c>
      <c r="H13282" s="6" t="s">
        <v>24596</v>
      </c>
      <c r="I13282" s="7">
        <v>4.5791398000000001</v>
      </c>
      <c r="J13282" s="8">
        <v>-74.153195699999998</v>
      </c>
    </row>
    <row r="13283" spans="1:10" x14ac:dyDescent="0.35">
      <c r="A13283" s="5" t="s">
        <v>10</v>
      </c>
      <c r="B13283" s="6">
        <v>245313</v>
      </c>
      <c r="C13283" s="6" t="s">
        <v>16</v>
      </c>
      <c r="D13283" s="6" t="s">
        <v>17</v>
      </c>
      <c r="E13283" s="6">
        <v>68679</v>
      </c>
      <c r="F13283" s="6" t="s">
        <v>18</v>
      </c>
      <c r="G13283" s="6" t="s">
        <v>24597</v>
      </c>
      <c r="H13283" s="6" t="s">
        <v>24598</v>
      </c>
      <c r="I13283" s="7">
        <v>6.5573940000000004</v>
      </c>
      <c r="J13283" s="8">
        <v>-73.151028100000005</v>
      </c>
    </row>
    <row r="13284" spans="1:10" x14ac:dyDescent="0.35">
      <c r="A13284" s="5" t="s">
        <v>10</v>
      </c>
      <c r="B13284" s="6">
        <v>245320</v>
      </c>
      <c r="C13284" s="6" t="s">
        <v>117</v>
      </c>
      <c r="D13284" s="6" t="s">
        <v>3402</v>
      </c>
      <c r="E13284" s="6">
        <v>76364</v>
      </c>
      <c r="F13284" s="6" t="s">
        <v>18</v>
      </c>
      <c r="G13284" s="6" t="s">
        <v>24599</v>
      </c>
      <c r="H13284" s="6" t="s">
        <v>24600</v>
      </c>
      <c r="I13284" s="7">
        <v>3.4441442000000002</v>
      </c>
      <c r="J13284" s="8">
        <v>-76.521748700000003</v>
      </c>
    </row>
    <row r="13285" spans="1:10" x14ac:dyDescent="0.35">
      <c r="A13285" s="5" t="s">
        <v>10</v>
      </c>
      <c r="B13285" s="6">
        <v>245324</v>
      </c>
      <c r="C13285" s="6" t="s">
        <v>190</v>
      </c>
      <c r="D13285" s="6" t="s">
        <v>16368</v>
      </c>
      <c r="E13285" s="6">
        <v>5658</v>
      </c>
      <c r="F13285" s="6" t="s">
        <v>18</v>
      </c>
      <c r="G13285" s="6" t="s">
        <v>24601</v>
      </c>
      <c r="H13285" s="6" t="s">
        <v>24602</v>
      </c>
      <c r="I13285" s="7">
        <v>6.849736</v>
      </c>
      <c r="J13285" s="8">
        <v>-75.684090999999995</v>
      </c>
    </row>
    <row r="13286" spans="1:10" x14ac:dyDescent="0.35">
      <c r="A13286" s="5" t="s">
        <v>10</v>
      </c>
      <c r="B13286" s="6">
        <v>245326</v>
      </c>
      <c r="C13286" s="6" t="s">
        <v>294</v>
      </c>
      <c r="D13286" s="6" t="s">
        <v>703</v>
      </c>
      <c r="E13286" s="6">
        <v>41001</v>
      </c>
      <c r="F13286" s="6" t="s">
        <v>18</v>
      </c>
      <c r="G13286" s="6" t="s">
        <v>24603</v>
      </c>
      <c r="H13286" s="6" t="s">
        <v>24604</v>
      </c>
      <c r="I13286" s="7">
        <v>2.9309706000000002</v>
      </c>
      <c r="J13286" s="8">
        <v>-75.284784200000004</v>
      </c>
    </row>
    <row r="13287" spans="1:10" x14ac:dyDescent="0.35">
      <c r="A13287" s="5" t="s">
        <v>10</v>
      </c>
      <c r="B13287" s="6">
        <v>245328</v>
      </c>
      <c r="C13287" s="6" t="s">
        <v>294</v>
      </c>
      <c r="D13287" s="6" t="s">
        <v>703</v>
      </c>
      <c r="E13287" s="6">
        <v>41001</v>
      </c>
      <c r="F13287" s="6" t="s">
        <v>18</v>
      </c>
      <c r="G13287" s="6" t="s">
        <v>24605</v>
      </c>
      <c r="H13287" s="6" t="s">
        <v>24606</v>
      </c>
      <c r="I13287" s="7">
        <v>2.9092136000000002</v>
      </c>
      <c r="J13287" s="8">
        <v>-75.266098400000004</v>
      </c>
    </row>
    <row r="13288" spans="1:10" x14ac:dyDescent="0.35">
      <c r="A13288" s="5" t="s">
        <v>10</v>
      </c>
      <c r="B13288" s="6">
        <v>245344</v>
      </c>
      <c r="C13288" s="6" t="s">
        <v>28</v>
      </c>
      <c r="D13288" s="6" t="s">
        <v>29</v>
      </c>
      <c r="E13288" s="6">
        <v>54001</v>
      </c>
      <c r="F13288" s="6" t="s">
        <v>18</v>
      </c>
      <c r="G13288" s="6" t="s">
        <v>24607</v>
      </c>
      <c r="H13288" s="6" t="s">
        <v>24608</v>
      </c>
      <c r="I13288" s="7">
        <v>7.8803894999999997</v>
      </c>
      <c r="J13288" s="8">
        <v>-72.5002985</v>
      </c>
    </row>
    <row r="13289" spans="1:10" x14ac:dyDescent="0.35">
      <c r="A13289" s="5" t="s">
        <v>10</v>
      </c>
      <c r="B13289" s="6">
        <v>245378</v>
      </c>
      <c r="C13289" s="6" t="s">
        <v>551</v>
      </c>
      <c r="D13289" s="6" t="s">
        <v>3868</v>
      </c>
      <c r="E13289" s="6">
        <v>20001</v>
      </c>
      <c r="F13289" s="6" t="s">
        <v>18</v>
      </c>
      <c r="G13289" s="6" t="s">
        <v>24609</v>
      </c>
      <c r="H13289" s="6" t="s">
        <v>24610</v>
      </c>
      <c r="I13289" s="7">
        <v>10.4647168</v>
      </c>
      <c r="J13289" s="8">
        <v>-73.239192299999999</v>
      </c>
    </row>
    <row r="13290" spans="1:10" x14ac:dyDescent="0.35">
      <c r="A13290" s="5" t="s">
        <v>10</v>
      </c>
      <c r="B13290" s="6">
        <v>245413</v>
      </c>
      <c r="C13290" s="6" t="s">
        <v>68</v>
      </c>
      <c r="D13290" s="6" t="s">
        <v>69</v>
      </c>
      <c r="E13290" s="6">
        <v>11001</v>
      </c>
      <c r="F13290" s="6" t="s">
        <v>18</v>
      </c>
      <c r="G13290" s="6" t="s">
        <v>3928</v>
      </c>
      <c r="H13290" s="6" t="s">
        <v>24611</v>
      </c>
      <c r="I13290" s="7">
        <v>4.6131292999999998</v>
      </c>
      <c r="J13290" s="8">
        <v>-74.208897199999996</v>
      </c>
    </row>
    <row r="13291" spans="1:10" x14ac:dyDescent="0.35">
      <c r="A13291" s="5" t="s">
        <v>10</v>
      </c>
      <c r="B13291" s="6">
        <v>245415</v>
      </c>
      <c r="C13291" s="6" t="s">
        <v>68</v>
      </c>
      <c r="D13291" s="6" t="s">
        <v>69</v>
      </c>
      <c r="E13291" s="6">
        <v>11001</v>
      </c>
      <c r="F13291" s="6" t="s">
        <v>18</v>
      </c>
      <c r="G13291" s="6" t="s">
        <v>24612</v>
      </c>
      <c r="H13291" s="6" t="s">
        <v>24613</v>
      </c>
      <c r="I13291" s="7">
        <v>4.5770793000000003</v>
      </c>
      <c r="J13291" s="8">
        <v>-74.106325699999999</v>
      </c>
    </row>
    <row r="13292" spans="1:10" x14ac:dyDescent="0.35">
      <c r="A13292" s="5" t="s">
        <v>10</v>
      </c>
      <c r="B13292" s="6">
        <v>245427</v>
      </c>
      <c r="C13292" s="6" t="s">
        <v>11</v>
      </c>
      <c r="D13292" s="6" t="s">
        <v>334</v>
      </c>
      <c r="E13292" s="6">
        <v>25754</v>
      </c>
      <c r="F13292" s="6" t="s">
        <v>18</v>
      </c>
      <c r="G13292" s="6" t="s">
        <v>6579</v>
      </c>
      <c r="H13292" s="6" t="s">
        <v>6580</v>
      </c>
      <c r="I13292" s="7">
        <v>4.5848335999999996</v>
      </c>
      <c r="J13292" s="8">
        <v>-74.209798800000002</v>
      </c>
    </row>
    <row r="13293" spans="1:10" x14ac:dyDescent="0.35">
      <c r="A13293" s="5" t="s">
        <v>10</v>
      </c>
      <c r="B13293" s="6">
        <v>245445</v>
      </c>
      <c r="C13293" s="6" t="s">
        <v>55</v>
      </c>
      <c r="D13293" s="6" t="s">
        <v>56</v>
      </c>
      <c r="E13293" s="6">
        <v>73001</v>
      </c>
      <c r="F13293" s="6" t="s">
        <v>18</v>
      </c>
      <c r="G13293" s="6" t="s">
        <v>24614</v>
      </c>
      <c r="H13293" s="6" t="s">
        <v>24615</v>
      </c>
      <c r="I13293" s="7">
        <v>4.4433851999999998</v>
      </c>
      <c r="J13293" s="8">
        <v>-75.216899799999993</v>
      </c>
    </row>
    <row r="13294" spans="1:10" x14ac:dyDescent="0.35">
      <c r="A13294" s="5" t="s">
        <v>10</v>
      </c>
      <c r="B13294" s="6">
        <v>245477</v>
      </c>
      <c r="C13294" s="6" t="s">
        <v>278</v>
      </c>
      <c r="D13294" s="6" t="s">
        <v>279</v>
      </c>
      <c r="E13294" s="6">
        <v>50001</v>
      </c>
      <c r="F13294" s="6" t="s">
        <v>18</v>
      </c>
      <c r="G13294" s="6" t="s">
        <v>24616</v>
      </c>
      <c r="H13294" s="6" t="s">
        <v>24617</v>
      </c>
      <c r="I13294" s="7">
        <v>4.1491688</v>
      </c>
      <c r="J13294" s="8">
        <v>-73.628547499999996</v>
      </c>
    </row>
    <row r="13295" spans="1:10" x14ac:dyDescent="0.35">
      <c r="A13295" s="5" t="s">
        <v>10</v>
      </c>
      <c r="B13295" s="6">
        <v>245493</v>
      </c>
      <c r="C13295" s="6" t="s">
        <v>278</v>
      </c>
      <c r="D13295" s="6" t="s">
        <v>7334</v>
      </c>
      <c r="E13295" s="6">
        <v>50711</v>
      </c>
      <c r="F13295" s="6" t="s">
        <v>18</v>
      </c>
      <c r="G13295" s="6" t="s">
        <v>24618</v>
      </c>
      <c r="H13295" s="6" t="s">
        <v>24619</v>
      </c>
      <c r="I13295" s="7">
        <v>3.12507</v>
      </c>
      <c r="J13295" s="8">
        <v>-73.753085799999994</v>
      </c>
    </row>
    <row r="13296" spans="1:10" x14ac:dyDescent="0.35">
      <c r="A13296" s="5" t="s">
        <v>10</v>
      </c>
      <c r="B13296" s="6">
        <v>245515</v>
      </c>
      <c r="C13296" s="6" t="s">
        <v>68</v>
      </c>
      <c r="D13296" s="6" t="s">
        <v>69</v>
      </c>
      <c r="E13296" s="6">
        <v>11001</v>
      </c>
      <c r="F13296" s="6" t="s">
        <v>13</v>
      </c>
      <c r="G13296" s="6" t="s">
        <v>24620</v>
      </c>
      <c r="H13296" s="6" t="s">
        <v>24621</v>
      </c>
      <c r="I13296" s="7">
        <v>4.6026499999999997</v>
      </c>
      <c r="J13296" s="8">
        <v>-74.069111599999999</v>
      </c>
    </row>
    <row r="13297" spans="1:10" x14ac:dyDescent="0.35">
      <c r="A13297" s="5" t="s">
        <v>10</v>
      </c>
      <c r="B13297" s="6">
        <v>245579</v>
      </c>
      <c r="C13297" s="6" t="s">
        <v>68</v>
      </c>
      <c r="D13297" s="6" t="s">
        <v>69</v>
      </c>
      <c r="E13297" s="6">
        <v>11001</v>
      </c>
      <c r="F13297" s="6" t="s">
        <v>2161</v>
      </c>
      <c r="G13297" s="6" t="s">
        <v>24622</v>
      </c>
      <c r="H13297" s="6" t="s">
        <v>24623</v>
      </c>
      <c r="I13297" s="7">
        <v>4.6734365999999996</v>
      </c>
      <c r="J13297" s="8">
        <v>-74.074005600000007</v>
      </c>
    </row>
    <row r="13298" spans="1:10" x14ac:dyDescent="0.35">
      <c r="A13298" s="5" t="s">
        <v>10</v>
      </c>
      <c r="B13298" s="6">
        <v>245612</v>
      </c>
      <c r="C13298" s="6" t="s">
        <v>68</v>
      </c>
      <c r="D13298" s="6" t="s">
        <v>69</v>
      </c>
      <c r="E13298" s="6">
        <v>11001</v>
      </c>
      <c r="F13298" s="6" t="s">
        <v>18</v>
      </c>
      <c r="G13298" s="6" t="s">
        <v>24624</v>
      </c>
      <c r="H13298" s="6" t="s">
        <v>24625</v>
      </c>
      <c r="I13298" s="7">
        <v>4.6888319999999997</v>
      </c>
      <c r="J13298" s="8">
        <v>-74.128330000000005</v>
      </c>
    </row>
    <row r="13299" spans="1:10" x14ac:dyDescent="0.35">
      <c r="A13299" s="5" t="s">
        <v>10</v>
      </c>
      <c r="B13299" s="6">
        <v>245814</v>
      </c>
      <c r="C13299" s="6" t="s">
        <v>68</v>
      </c>
      <c r="D13299" s="6" t="s">
        <v>69</v>
      </c>
      <c r="E13299" s="6">
        <v>11001</v>
      </c>
      <c r="F13299" s="6" t="s">
        <v>18</v>
      </c>
      <c r="G13299" s="6" t="s">
        <v>24626</v>
      </c>
      <c r="H13299" s="6" t="s">
        <v>24627</v>
      </c>
      <c r="I13299" s="7">
        <v>4.7237464999999998</v>
      </c>
      <c r="J13299" s="8">
        <v>-74.089980499999996</v>
      </c>
    </row>
    <row r="13300" spans="1:10" x14ac:dyDescent="0.35">
      <c r="A13300" s="5" t="s">
        <v>10</v>
      </c>
      <c r="B13300" s="6">
        <v>245850</v>
      </c>
      <c r="C13300" s="6" t="s">
        <v>68</v>
      </c>
      <c r="D13300" s="6" t="s">
        <v>69</v>
      </c>
      <c r="E13300" s="6">
        <v>11001</v>
      </c>
      <c r="F13300" s="6" t="s">
        <v>18</v>
      </c>
      <c r="G13300" s="6" t="s">
        <v>24628</v>
      </c>
      <c r="H13300" s="6" t="s">
        <v>24629</v>
      </c>
      <c r="I13300" s="7">
        <v>4.7086996000000001</v>
      </c>
      <c r="J13300" s="8">
        <v>-74.140017900000004</v>
      </c>
    </row>
    <row r="13301" spans="1:10" x14ac:dyDescent="0.35">
      <c r="A13301" s="5" t="s">
        <v>10</v>
      </c>
      <c r="B13301" s="6">
        <v>245885</v>
      </c>
      <c r="C13301" s="6" t="s">
        <v>68</v>
      </c>
      <c r="D13301" s="6" t="s">
        <v>69</v>
      </c>
      <c r="E13301" s="6">
        <v>11001</v>
      </c>
      <c r="F13301" s="6" t="s">
        <v>18</v>
      </c>
      <c r="G13301" s="6" t="s">
        <v>6905</v>
      </c>
      <c r="H13301" s="6" t="s">
        <v>24630</v>
      </c>
      <c r="I13301" s="7">
        <v>4.5623148000000002</v>
      </c>
      <c r="J13301" s="8">
        <v>-74.068293299999993</v>
      </c>
    </row>
    <row r="13302" spans="1:10" x14ac:dyDescent="0.35">
      <c r="A13302" s="5" t="s">
        <v>10</v>
      </c>
      <c r="B13302" s="6">
        <v>245919</v>
      </c>
      <c r="C13302" s="6" t="s">
        <v>16</v>
      </c>
      <c r="D13302" s="6" t="s">
        <v>75</v>
      </c>
      <c r="E13302" s="6">
        <v>68432</v>
      </c>
      <c r="F13302" s="6" t="s">
        <v>13</v>
      </c>
      <c r="G13302" s="6" t="s">
        <v>24631</v>
      </c>
      <c r="H13302" s="6" t="s">
        <v>24632</v>
      </c>
      <c r="I13302" s="7">
        <v>6.6989210999999997</v>
      </c>
      <c r="J13302" s="8">
        <v>-72.732719799999998</v>
      </c>
    </row>
    <row r="13303" spans="1:10" x14ac:dyDescent="0.35">
      <c r="A13303" s="5" t="s">
        <v>10</v>
      </c>
      <c r="B13303" s="6">
        <v>245965</v>
      </c>
      <c r="C13303" s="6" t="s">
        <v>278</v>
      </c>
      <c r="D13303" s="6" t="s">
        <v>1331</v>
      </c>
      <c r="E13303" s="6">
        <v>50006</v>
      </c>
      <c r="F13303" s="6" t="s">
        <v>18</v>
      </c>
      <c r="G13303" s="6" t="s">
        <v>24633</v>
      </c>
      <c r="H13303" s="6" t="s">
        <v>24634</v>
      </c>
      <c r="I13303" s="7">
        <v>3.9862747000000001</v>
      </c>
      <c r="J13303" s="8">
        <v>-73.756884099999994</v>
      </c>
    </row>
    <row r="13304" spans="1:10" x14ac:dyDescent="0.35">
      <c r="A13304" s="5" t="s">
        <v>10</v>
      </c>
      <c r="B13304" s="6">
        <v>246010</v>
      </c>
      <c r="C13304" s="6" t="s">
        <v>68</v>
      </c>
      <c r="D13304" s="6" t="s">
        <v>69</v>
      </c>
      <c r="E13304" s="6">
        <v>11001</v>
      </c>
      <c r="F13304" s="6" t="s">
        <v>18</v>
      </c>
      <c r="G13304" s="6" t="s">
        <v>24635</v>
      </c>
      <c r="H13304" s="6" t="s">
        <v>24636</v>
      </c>
      <c r="I13304" s="7">
        <v>4.6641285999999997</v>
      </c>
      <c r="J13304" s="8">
        <v>-74.069456200000005</v>
      </c>
    </row>
    <row r="13305" spans="1:10" x14ac:dyDescent="0.35">
      <c r="A13305" s="5" t="s">
        <v>10</v>
      </c>
      <c r="B13305" s="6">
        <v>246049</v>
      </c>
      <c r="C13305" s="6" t="s">
        <v>68</v>
      </c>
      <c r="D13305" s="6" t="s">
        <v>69</v>
      </c>
      <c r="E13305" s="6">
        <v>11001</v>
      </c>
      <c r="F13305" s="6" t="s">
        <v>2161</v>
      </c>
      <c r="G13305" s="6" t="s">
        <v>24637</v>
      </c>
      <c r="H13305" s="6" t="s">
        <v>24638</v>
      </c>
      <c r="I13305" s="7">
        <v>4.7090766000000004</v>
      </c>
      <c r="J13305" s="8">
        <v>-74.136000100000004</v>
      </c>
    </row>
    <row r="13306" spans="1:10" x14ac:dyDescent="0.35">
      <c r="A13306" s="5" t="s">
        <v>10</v>
      </c>
      <c r="B13306" s="6">
        <v>246074</v>
      </c>
      <c r="C13306" s="6" t="s">
        <v>55</v>
      </c>
      <c r="D13306" s="6" t="s">
        <v>56</v>
      </c>
      <c r="E13306" s="6">
        <v>73001</v>
      </c>
      <c r="F13306" s="6" t="s">
        <v>18</v>
      </c>
      <c r="G13306" s="6" t="s">
        <v>24639</v>
      </c>
      <c r="H13306" s="6" t="s">
        <v>24640</v>
      </c>
      <c r="I13306" s="7">
        <v>4.4402590999999996</v>
      </c>
      <c r="J13306" s="8">
        <v>-75.211534900000004</v>
      </c>
    </row>
    <row r="13307" spans="1:10" x14ac:dyDescent="0.35">
      <c r="A13307" s="5" t="s">
        <v>10</v>
      </c>
      <c r="B13307" s="6">
        <v>246085</v>
      </c>
      <c r="C13307" s="6" t="s">
        <v>68</v>
      </c>
      <c r="D13307" s="6" t="s">
        <v>69</v>
      </c>
      <c r="E13307" s="6">
        <v>11001</v>
      </c>
      <c r="F13307" s="6" t="s">
        <v>18</v>
      </c>
      <c r="G13307" s="6" t="s">
        <v>21185</v>
      </c>
      <c r="H13307" s="6" t="s">
        <v>21186</v>
      </c>
      <c r="I13307" s="7">
        <v>4.7465307000000001</v>
      </c>
      <c r="J13307" s="8">
        <v>-74.113243400000002</v>
      </c>
    </row>
    <row r="13308" spans="1:10" x14ac:dyDescent="0.35">
      <c r="A13308" s="5" t="s">
        <v>10</v>
      </c>
      <c r="B13308" s="6">
        <v>246136</v>
      </c>
      <c r="C13308" s="6" t="s">
        <v>24</v>
      </c>
      <c r="D13308" s="6" t="s">
        <v>1856</v>
      </c>
      <c r="E13308" s="6">
        <v>15480</v>
      </c>
      <c r="F13308" s="6" t="s">
        <v>18</v>
      </c>
      <c r="G13308" s="6" t="s">
        <v>24641</v>
      </c>
      <c r="H13308" s="6" t="s">
        <v>24642</v>
      </c>
      <c r="I13308" s="7">
        <v>5.5316289999999997</v>
      </c>
      <c r="J13308" s="8">
        <v>-74.103015999999997</v>
      </c>
    </row>
    <row r="13309" spans="1:10" x14ac:dyDescent="0.35">
      <c r="A13309" s="5" t="s">
        <v>10</v>
      </c>
      <c r="B13309" s="6">
        <v>246189</v>
      </c>
      <c r="C13309" s="6" t="s">
        <v>551</v>
      </c>
      <c r="D13309" s="6" t="s">
        <v>4274</v>
      </c>
      <c r="E13309" s="6">
        <v>20383</v>
      </c>
      <c r="F13309" s="6" t="s">
        <v>2161</v>
      </c>
      <c r="G13309" s="6" t="s">
        <v>24643</v>
      </c>
      <c r="H13309" s="6" t="s">
        <v>24644</v>
      </c>
      <c r="I13309" s="7">
        <v>8.6181687594617795</v>
      </c>
      <c r="J13309" s="8">
        <v>-73.801972649879801</v>
      </c>
    </row>
    <row r="13310" spans="1:10" x14ac:dyDescent="0.35">
      <c r="A13310" s="5" t="s">
        <v>10</v>
      </c>
      <c r="B13310" s="6">
        <v>246203</v>
      </c>
      <c r="C13310" s="6" t="s">
        <v>28</v>
      </c>
      <c r="D13310" s="6" t="s">
        <v>29</v>
      </c>
      <c r="E13310" s="6">
        <v>54001</v>
      </c>
      <c r="F13310" s="6" t="s">
        <v>18</v>
      </c>
      <c r="G13310" s="6" t="s">
        <v>24645</v>
      </c>
      <c r="H13310" s="6" t="s">
        <v>24646</v>
      </c>
      <c r="I13310" s="7">
        <v>7.8952264999999997</v>
      </c>
      <c r="J13310" s="8">
        <v>-72.513890900000007</v>
      </c>
    </row>
    <row r="13311" spans="1:10" x14ac:dyDescent="0.35">
      <c r="A13311" s="5" t="s">
        <v>10</v>
      </c>
      <c r="B13311" s="6">
        <v>246320</v>
      </c>
      <c r="C13311" s="6" t="s">
        <v>308</v>
      </c>
      <c r="D13311" s="6" t="s">
        <v>309</v>
      </c>
      <c r="E13311" s="6">
        <v>23001</v>
      </c>
      <c r="F13311" s="6" t="s">
        <v>13</v>
      </c>
      <c r="G13311" s="6" t="s">
        <v>24647</v>
      </c>
      <c r="H13311" s="6" t="s">
        <v>24648</v>
      </c>
      <c r="I13311" s="7">
        <v>8.7569789999999994</v>
      </c>
      <c r="J13311" s="8">
        <v>-75.882554200000001</v>
      </c>
    </row>
    <row r="13312" spans="1:10" x14ac:dyDescent="0.35">
      <c r="A13312" s="5" t="s">
        <v>10</v>
      </c>
      <c r="B13312" s="6">
        <v>246323</v>
      </c>
      <c r="C13312" s="6" t="s">
        <v>28</v>
      </c>
      <c r="D13312" s="6" t="s">
        <v>29</v>
      </c>
      <c r="E13312" s="6">
        <v>54001</v>
      </c>
      <c r="F13312" s="6" t="s">
        <v>18</v>
      </c>
      <c r="G13312" s="6" t="s">
        <v>24649</v>
      </c>
      <c r="H13312" s="6" t="s">
        <v>24650</v>
      </c>
      <c r="I13312" s="7">
        <v>7.8839478999999999</v>
      </c>
      <c r="J13312" s="8">
        <v>-72.503399700000003</v>
      </c>
    </row>
    <row r="13313" spans="1:10" x14ac:dyDescent="0.35">
      <c r="A13313" s="5" t="s">
        <v>10</v>
      </c>
      <c r="B13313" s="6">
        <v>246443</v>
      </c>
      <c r="C13313" s="6" t="s">
        <v>28</v>
      </c>
      <c r="D13313" s="6" t="s">
        <v>29</v>
      </c>
      <c r="E13313" s="6">
        <v>54001</v>
      </c>
      <c r="F13313" s="6" t="s">
        <v>18</v>
      </c>
      <c r="G13313" s="6" t="s">
        <v>24651</v>
      </c>
      <c r="H13313" s="6" t="s">
        <v>24652</v>
      </c>
      <c r="I13313" s="7">
        <v>7.8922933000000004</v>
      </c>
      <c r="J13313" s="8">
        <v>-72.500909399999998</v>
      </c>
    </row>
    <row r="13314" spans="1:10" x14ac:dyDescent="0.35">
      <c r="A13314" s="5" t="s">
        <v>10</v>
      </c>
      <c r="B13314" s="6">
        <v>246476</v>
      </c>
      <c r="C13314" s="6" t="s">
        <v>28</v>
      </c>
      <c r="D13314" s="6" t="s">
        <v>29</v>
      </c>
      <c r="E13314" s="6">
        <v>54001</v>
      </c>
      <c r="F13314" s="6" t="s">
        <v>18</v>
      </c>
      <c r="G13314" s="6" t="s">
        <v>24653</v>
      </c>
      <c r="H13314" s="6" t="s">
        <v>24654</v>
      </c>
      <c r="I13314" s="7">
        <v>7.8859504999999999</v>
      </c>
      <c r="J13314" s="8">
        <v>-72.504878000000005</v>
      </c>
    </row>
    <row r="13315" spans="1:10" x14ac:dyDescent="0.35">
      <c r="A13315" s="5" t="s">
        <v>10</v>
      </c>
      <c r="B13315" s="6">
        <v>246484</v>
      </c>
      <c r="C13315" s="6" t="s">
        <v>28</v>
      </c>
      <c r="D13315" s="6" t="s">
        <v>29</v>
      </c>
      <c r="E13315" s="6">
        <v>54001</v>
      </c>
      <c r="F13315" s="6" t="s">
        <v>18</v>
      </c>
      <c r="G13315" s="6" t="s">
        <v>24655</v>
      </c>
      <c r="H13315" s="6" t="s">
        <v>24656</v>
      </c>
      <c r="I13315" s="7">
        <v>7.8880898000000004</v>
      </c>
      <c r="J13315" s="8">
        <v>-72.5053968</v>
      </c>
    </row>
    <row r="13316" spans="1:10" x14ac:dyDescent="0.35">
      <c r="A13316" s="5" t="s">
        <v>10</v>
      </c>
      <c r="B13316" s="6">
        <v>246696</v>
      </c>
      <c r="C13316" s="6" t="s">
        <v>294</v>
      </c>
      <c r="D13316" s="6" t="s">
        <v>703</v>
      </c>
      <c r="E13316" s="6">
        <v>41001</v>
      </c>
      <c r="F13316" s="6" t="s">
        <v>18</v>
      </c>
      <c r="G13316" s="6" t="s">
        <v>24657</v>
      </c>
      <c r="H13316" s="6" t="s">
        <v>24658</v>
      </c>
      <c r="I13316" s="7">
        <v>2.9138351</v>
      </c>
      <c r="J13316" s="8">
        <v>-75.269414600000005</v>
      </c>
    </row>
    <row r="13317" spans="1:10" x14ac:dyDescent="0.35">
      <c r="A13317" s="5" t="s">
        <v>10</v>
      </c>
      <c r="B13317" s="6">
        <v>246719</v>
      </c>
      <c r="C13317" s="6" t="s">
        <v>28</v>
      </c>
      <c r="D13317" s="6" t="s">
        <v>29</v>
      </c>
      <c r="E13317" s="6">
        <v>54001</v>
      </c>
      <c r="F13317" s="6" t="s">
        <v>18</v>
      </c>
      <c r="G13317" s="6" t="s">
        <v>24659</v>
      </c>
      <c r="H13317" s="6" t="s">
        <v>24660</v>
      </c>
      <c r="I13317" s="7">
        <v>7.9267671999999996</v>
      </c>
      <c r="J13317" s="8">
        <v>-72.5193048</v>
      </c>
    </row>
    <row r="13318" spans="1:10" x14ac:dyDescent="0.35">
      <c r="A13318" s="5" t="s">
        <v>10</v>
      </c>
      <c r="B13318" s="6">
        <v>246745</v>
      </c>
      <c r="C13318" s="6" t="s">
        <v>68</v>
      </c>
      <c r="D13318" s="6" t="s">
        <v>69</v>
      </c>
      <c r="E13318" s="6">
        <v>11001</v>
      </c>
      <c r="F13318" s="6" t="s">
        <v>2161</v>
      </c>
      <c r="G13318" s="6" t="s">
        <v>24661</v>
      </c>
      <c r="H13318" s="6" t="s">
        <v>24662</v>
      </c>
      <c r="I13318" s="7">
        <v>4.7141294</v>
      </c>
      <c r="J13318" s="8">
        <v>-74.124353900000003</v>
      </c>
    </row>
    <row r="13319" spans="1:10" x14ac:dyDescent="0.35">
      <c r="A13319" s="5" t="s">
        <v>10</v>
      </c>
      <c r="B13319" s="6">
        <v>246764</v>
      </c>
      <c r="C13319" s="6" t="s">
        <v>16</v>
      </c>
      <c r="D13319" s="6" t="s">
        <v>748</v>
      </c>
      <c r="E13319" s="6">
        <v>68255</v>
      </c>
      <c r="F13319" s="6" t="s">
        <v>18</v>
      </c>
      <c r="G13319" s="6" t="s">
        <v>24663</v>
      </c>
      <c r="H13319" s="6" t="s">
        <v>8770</v>
      </c>
      <c r="I13319" s="7">
        <v>7.1250663000000003</v>
      </c>
      <c r="J13319" s="8">
        <v>-73.125452100000004</v>
      </c>
    </row>
    <row r="13320" spans="1:10" x14ac:dyDescent="0.35">
      <c r="A13320" s="5" t="s">
        <v>10</v>
      </c>
      <c r="B13320" s="6">
        <v>246810</v>
      </c>
      <c r="C13320" s="6" t="s">
        <v>68</v>
      </c>
      <c r="D13320" s="6" t="s">
        <v>69</v>
      </c>
      <c r="E13320" s="6">
        <v>11001</v>
      </c>
      <c r="F13320" s="6" t="s">
        <v>2161</v>
      </c>
      <c r="G13320" s="6" t="s">
        <v>24664</v>
      </c>
      <c r="H13320" s="6" t="s">
        <v>24665</v>
      </c>
      <c r="I13320" s="7">
        <v>4.5938603000000002</v>
      </c>
      <c r="J13320" s="8">
        <v>-74.098742700000003</v>
      </c>
    </row>
    <row r="13321" spans="1:10" x14ac:dyDescent="0.35">
      <c r="A13321" s="5" t="s">
        <v>10</v>
      </c>
      <c r="B13321" s="6">
        <v>247009</v>
      </c>
      <c r="C13321" s="6" t="s">
        <v>28</v>
      </c>
      <c r="D13321" s="6" t="s">
        <v>29</v>
      </c>
      <c r="E13321" s="6">
        <v>54001</v>
      </c>
      <c r="F13321" s="6" t="s">
        <v>18</v>
      </c>
      <c r="G13321" s="6" t="s">
        <v>24666</v>
      </c>
      <c r="H13321" s="6" t="s">
        <v>24667</v>
      </c>
      <c r="I13321" s="7">
        <v>7.9059176000000004</v>
      </c>
      <c r="J13321" s="8">
        <v>-72.539049199999994</v>
      </c>
    </row>
    <row r="13322" spans="1:10" x14ac:dyDescent="0.35">
      <c r="A13322" s="5" t="s">
        <v>10</v>
      </c>
      <c r="B13322" s="6">
        <v>247160</v>
      </c>
      <c r="C13322" s="6" t="s">
        <v>68</v>
      </c>
      <c r="D13322" s="6" t="s">
        <v>69</v>
      </c>
      <c r="E13322" s="6">
        <v>11001</v>
      </c>
      <c r="F13322" s="6" t="s">
        <v>2161</v>
      </c>
      <c r="G13322" s="6" t="s">
        <v>24668</v>
      </c>
      <c r="H13322" s="6" t="s">
        <v>24669</v>
      </c>
      <c r="I13322" s="7">
        <v>4.7375961200287797</v>
      </c>
      <c r="J13322" s="8">
        <v>-74.100811030349803</v>
      </c>
    </row>
    <row r="13323" spans="1:10" x14ac:dyDescent="0.35">
      <c r="A13323" s="5" t="s">
        <v>10</v>
      </c>
      <c r="B13323" s="6">
        <v>247201</v>
      </c>
      <c r="C13323" s="6" t="s">
        <v>68</v>
      </c>
      <c r="D13323" s="6" t="s">
        <v>69</v>
      </c>
      <c r="E13323" s="6">
        <v>11001</v>
      </c>
      <c r="F13323" s="6" t="s">
        <v>2161</v>
      </c>
      <c r="G13323" s="6" t="s">
        <v>19447</v>
      </c>
      <c r="H13323" s="6" t="s">
        <v>24670</v>
      </c>
      <c r="I13323" s="7">
        <v>4.6181637593562099</v>
      </c>
      <c r="J13323" s="8">
        <v>-74.080833092343099</v>
      </c>
    </row>
    <row r="13324" spans="1:10" x14ac:dyDescent="0.35">
      <c r="A13324" s="5" t="s">
        <v>10</v>
      </c>
      <c r="B13324" s="6">
        <v>247210</v>
      </c>
      <c r="C13324" s="6" t="s">
        <v>24</v>
      </c>
      <c r="D13324" s="6" t="s">
        <v>317</v>
      </c>
      <c r="E13324" s="6">
        <v>15176</v>
      </c>
      <c r="F13324" s="6" t="s">
        <v>13</v>
      </c>
      <c r="G13324" s="6" t="s">
        <v>24671</v>
      </c>
      <c r="H13324" s="6" t="s">
        <v>24672</v>
      </c>
      <c r="I13324" s="7">
        <v>5.6239606999999996</v>
      </c>
      <c r="J13324" s="8">
        <v>-73.808030200000005</v>
      </c>
    </row>
    <row r="13325" spans="1:10" x14ac:dyDescent="0.35">
      <c r="A13325" s="5" t="s">
        <v>10</v>
      </c>
      <c r="B13325" s="6">
        <v>247268</v>
      </c>
      <c r="C13325" s="6" t="s">
        <v>551</v>
      </c>
      <c r="D13325" s="6" t="s">
        <v>11293</v>
      </c>
      <c r="E13325" s="6">
        <v>20517</v>
      </c>
      <c r="F13325" s="6" t="s">
        <v>18</v>
      </c>
      <c r="G13325" s="6" t="s">
        <v>24673</v>
      </c>
      <c r="H13325" s="6" t="s">
        <v>24674</v>
      </c>
      <c r="I13325" s="7">
        <v>8.9652895000000008</v>
      </c>
      <c r="J13325" s="8">
        <v>-73.626087499999997</v>
      </c>
    </row>
    <row r="13326" spans="1:10" x14ac:dyDescent="0.35">
      <c r="A13326" s="5" t="s">
        <v>10</v>
      </c>
      <c r="B13326" s="6">
        <v>247327</v>
      </c>
      <c r="C13326" s="6" t="s">
        <v>42</v>
      </c>
      <c r="D13326" s="6" t="s">
        <v>327</v>
      </c>
      <c r="E13326" s="6">
        <v>17042</v>
      </c>
      <c r="F13326" s="6" t="s">
        <v>18</v>
      </c>
      <c r="G13326" s="6" t="s">
        <v>24675</v>
      </c>
      <c r="H13326" s="6" t="s">
        <v>24676</v>
      </c>
      <c r="I13326" s="7">
        <v>5.2339864</v>
      </c>
      <c r="J13326" s="8">
        <v>-75.786159499999997</v>
      </c>
    </row>
    <row r="13327" spans="1:10" x14ac:dyDescent="0.35">
      <c r="A13327" s="5" t="s">
        <v>10</v>
      </c>
      <c r="B13327" s="6">
        <v>247340</v>
      </c>
      <c r="C13327" s="6" t="s">
        <v>11</v>
      </c>
      <c r="D13327" s="6" t="s">
        <v>3519</v>
      </c>
      <c r="E13327" s="6">
        <v>25736</v>
      </c>
      <c r="F13327" s="6" t="s">
        <v>2161</v>
      </c>
      <c r="G13327" s="6" t="s">
        <v>24677</v>
      </c>
      <c r="H13327" s="6" t="s">
        <v>24678</v>
      </c>
      <c r="I13327" s="7">
        <v>5.0462100000000003</v>
      </c>
      <c r="J13327" s="8">
        <v>-73.798045000000002</v>
      </c>
    </row>
    <row r="13328" spans="1:10" x14ac:dyDescent="0.35">
      <c r="A13328" s="5" t="s">
        <v>10</v>
      </c>
      <c r="B13328" s="6">
        <v>247365</v>
      </c>
      <c r="C13328" s="6" t="s">
        <v>28</v>
      </c>
      <c r="D13328" s="6" t="s">
        <v>1541</v>
      </c>
      <c r="E13328" s="6">
        <v>54720</v>
      </c>
      <c r="F13328" s="6" t="s">
        <v>18</v>
      </c>
      <c r="G13328" s="6" t="s">
        <v>24679</v>
      </c>
      <c r="H13328" s="6" t="s">
        <v>24680</v>
      </c>
      <c r="I13328" s="7">
        <v>8.0853467999999999</v>
      </c>
      <c r="J13328" s="8">
        <v>-72.799932499999997</v>
      </c>
    </row>
    <row r="13329" spans="1:10" x14ac:dyDescent="0.35">
      <c r="A13329" s="5" t="s">
        <v>10</v>
      </c>
      <c r="B13329" s="6">
        <v>247367</v>
      </c>
      <c r="C13329" s="6" t="s">
        <v>68</v>
      </c>
      <c r="D13329" s="6" t="s">
        <v>69</v>
      </c>
      <c r="E13329" s="6">
        <v>11001</v>
      </c>
      <c r="F13329" s="6" t="s">
        <v>2161</v>
      </c>
      <c r="G13329" s="6" t="s">
        <v>24681</v>
      </c>
      <c r="H13329" s="6" t="s">
        <v>24682</v>
      </c>
      <c r="I13329" s="7">
        <v>4.7527263</v>
      </c>
      <c r="J13329" s="8">
        <v>-74.091394100000002</v>
      </c>
    </row>
    <row r="13330" spans="1:10" x14ac:dyDescent="0.35">
      <c r="A13330" s="5" t="s">
        <v>10</v>
      </c>
      <c r="B13330" s="6">
        <v>247372</v>
      </c>
      <c r="C13330" s="6" t="s">
        <v>42</v>
      </c>
      <c r="D13330" s="6" t="s">
        <v>1493</v>
      </c>
      <c r="E13330" s="6">
        <v>17873</v>
      </c>
      <c r="F13330" s="6" t="s">
        <v>18</v>
      </c>
      <c r="G13330" s="6" t="s">
        <v>24683</v>
      </c>
      <c r="H13330" s="6" t="s">
        <v>24684</v>
      </c>
      <c r="I13330" s="7">
        <v>5.0451953999999999</v>
      </c>
      <c r="J13330" s="8">
        <v>-75.5112953</v>
      </c>
    </row>
    <row r="13331" spans="1:10" x14ac:dyDescent="0.35">
      <c r="A13331" s="5" t="s">
        <v>10</v>
      </c>
      <c r="B13331" s="6">
        <v>247408</v>
      </c>
      <c r="C13331" s="6" t="s">
        <v>42</v>
      </c>
      <c r="D13331" s="6" t="s">
        <v>1493</v>
      </c>
      <c r="E13331" s="6">
        <v>17873</v>
      </c>
      <c r="F13331" s="6" t="s">
        <v>18</v>
      </c>
      <c r="G13331" s="6" t="s">
        <v>24685</v>
      </c>
      <c r="H13331" s="6" t="s">
        <v>24686</v>
      </c>
      <c r="I13331" s="7">
        <v>5.0433982000000004</v>
      </c>
      <c r="J13331" s="8">
        <v>-75.520015700000002</v>
      </c>
    </row>
    <row r="13332" spans="1:10" x14ac:dyDescent="0.35">
      <c r="A13332" s="5" t="s">
        <v>10</v>
      </c>
      <c r="B13332" s="6">
        <v>247426</v>
      </c>
      <c r="C13332" s="6" t="s">
        <v>16</v>
      </c>
      <c r="D13332" s="6" t="s">
        <v>78</v>
      </c>
      <c r="E13332" s="6">
        <v>68001</v>
      </c>
      <c r="F13332" s="6" t="s">
        <v>18</v>
      </c>
      <c r="G13332" s="6" t="s">
        <v>24687</v>
      </c>
      <c r="H13332" s="6" t="s">
        <v>24688</v>
      </c>
      <c r="I13332" s="7">
        <v>7.1438949000000003</v>
      </c>
      <c r="J13332" s="8">
        <v>-73.130074800000003</v>
      </c>
    </row>
    <row r="13333" spans="1:10" x14ac:dyDescent="0.35">
      <c r="A13333" s="5" t="s">
        <v>10</v>
      </c>
      <c r="B13333" s="6">
        <v>247442</v>
      </c>
      <c r="C13333" s="6" t="s">
        <v>94</v>
      </c>
      <c r="D13333" s="6" t="s">
        <v>242</v>
      </c>
      <c r="E13333" s="6">
        <v>66682</v>
      </c>
      <c r="F13333" s="6" t="s">
        <v>18</v>
      </c>
      <c r="G13333" s="6" t="s">
        <v>24689</v>
      </c>
      <c r="H13333" s="6" t="s">
        <v>24690</v>
      </c>
      <c r="I13333" s="7">
        <v>4.8393541999999998</v>
      </c>
      <c r="J13333" s="8">
        <v>-75.670032399999997</v>
      </c>
    </row>
    <row r="13334" spans="1:10" x14ac:dyDescent="0.35">
      <c r="A13334" s="5" t="s">
        <v>10</v>
      </c>
      <c r="B13334" s="6">
        <v>247456</v>
      </c>
      <c r="C13334" s="6" t="s">
        <v>68</v>
      </c>
      <c r="D13334" s="6" t="s">
        <v>69</v>
      </c>
      <c r="E13334" s="6">
        <v>11001</v>
      </c>
      <c r="F13334" s="6" t="s">
        <v>18</v>
      </c>
      <c r="G13334" s="6" t="s">
        <v>24691</v>
      </c>
      <c r="H13334" s="6" t="s">
        <v>24692</v>
      </c>
      <c r="I13334" s="7">
        <v>4.5566972000000003</v>
      </c>
      <c r="J13334" s="8">
        <v>-74.108293700000004</v>
      </c>
    </row>
    <row r="13335" spans="1:10" x14ac:dyDescent="0.35">
      <c r="A13335" s="5" t="s">
        <v>10</v>
      </c>
      <c r="B13335" s="6">
        <v>247458</v>
      </c>
      <c r="C13335" s="6" t="s">
        <v>16</v>
      </c>
      <c r="D13335" s="6" t="s">
        <v>17</v>
      </c>
      <c r="E13335" s="6">
        <v>68679</v>
      </c>
      <c r="F13335" s="6" t="s">
        <v>18</v>
      </c>
      <c r="G13335" s="6" t="s">
        <v>1443</v>
      </c>
      <c r="H13335" s="6" t="s">
        <v>1444</v>
      </c>
      <c r="I13335" s="7">
        <v>6.5546119999999997</v>
      </c>
      <c r="J13335" s="8">
        <v>-73.134366999999997</v>
      </c>
    </row>
    <row r="13336" spans="1:10" x14ac:dyDescent="0.35">
      <c r="A13336" s="5" t="s">
        <v>10</v>
      </c>
      <c r="B13336" s="6">
        <v>247463</v>
      </c>
      <c r="C13336" s="6" t="s">
        <v>24</v>
      </c>
      <c r="D13336" s="6" t="s">
        <v>25</v>
      </c>
      <c r="E13336" s="6">
        <v>15322</v>
      </c>
      <c r="F13336" s="6" t="s">
        <v>18</v>
      </c>
      <c r="G13336" s="6" t="s">
        <v>24693</v>
      </c>
      <c r="H13336" s="6" t="s">
        <v>24694</v>
      </c>
      <c r="I13336" s="7">
        <v>5.0072953</v>
      </c>
      <c r="J13336" s="8">
        <v>-73.472774799999996</v>
      </c>
    </row>
    <row r="13337" spans="1:10" x14ac:dyDescent="0.35">
      <c r="A13337" s="5" t="s">
        <v>10</v>
      </c>
      <c r="B13337" s="6">
        <v>247468</v>
      </c>
      <c r="C13337" s="6" t="s">
        <v>294</v>
      </c>
      <c r="D13337" s="6" t="s">
        <v>2887</v>
      </c>
      <c r="E13337" s="6">
        <v>41668</v>
      </c>
      <c r="F13337" s="6" t="s">
        <v>18</v>
      </c>
      <c r="G13337" s="6" t="s">
        <v>24695</v>
      </c>
      <c r="H13337" s="6" t="s">
        <v>24696</v>
      </c>
      <c r="I13337" s="7">
        <v>1.8832016</v>
      </c>
      <c r="J13337" s="8">
        <v>-76.272692199999995</v>
      </c>
    </row>
    <row r="13338" spans="1:10" x14ac:dyDescent="0.35">
      <c r="A13338" s="5" t="s">
        <v>10</v>
      </c>
      <c r="B13338" s="6">
        <v>247529</v>
      </c>
      <c r="C13338" s="6" t="s">
        <v>68</v>
      </c>
      <c r="D13338" s="6" t="s">
        <v>69</v>
      </c>
      <c r="E13338" s="6">
        <v>11001</v>
      </c>
      <c r="F13338" s="6" t="s">
        <v>18</v>
      </c>
      <c r="G13338" s="6" t="s">
        <v>24697</v>
      </c>
      <c r="H13338" s="6" t="s">
        <v>24698</v>
      </c>
      <c r="I13338" s="7">
        <v>4.6342596</v>
      </c>
      <c r="J13338" s="8">
        <v>-74.169962200000001</v>
      </c>
    </row>
    <row r="13339" spans="1:10" x14ac:dyDescent="0.35">
      <c r="A13339" s="5" t="s">
        <v>10</v>
      </c>
      <c r="B13339" s="6">
        <v>247539</v>
      </c>
      <c r="C13339" s="6" t="s">
        <v>28</v>
      </c>
      <c r="D13339" s="6" t="s">
        <v>17740</v>
      </c>
      <c r="E13339" s="6">
        <v>54128</v>
      </c>
      <c r="F13339" s="6" t="s">
        <v>18</v>
      </c>
      <c r="G13339" s="6" t="s">
        <v>24699</v>
      </c>
      <c r="H13339" s="6" t="s">
        <v>24700</v>
      </c>
      <c r="I13339" s="7">
        <v>7.7415532999999996</v>
      </c>
      <c r="J13339" s="8">
        <v>-73.049657999999994</v>
      </c>
    </row>
    <row r="13340" spans="1:10" x14ac:dyDescent="0.35">
      <c r="A13340" s="5" t="s">
        <v>10</v>
      </c>
      <c r="B13340" s="6">
        <v>239498</v>
      </c>
      <c r="C13340" s="6" t="s">
        <v>11</v>
      </c>
      <c r="D13340" s="6" t="s">
        <v>3857</v>
      </c>
      <c r="E13340" s="6">
        <v>25745</v>
      </c>
      <c r="F13340" s="6" t="s">
        <v>2161</v>
      </c>
      <c r="G13340" s="6" t="s">
        <v>24701</v>
      </c>
      <c r="H13340" s="6" t="s">
        <v>24702</v>
      </c>
      <c r="I13340" s="7">
        <v>5.5045013999999997</v>
      </c>
      <c r="J13340" s="8">
        <v>-73.851406999999995</v>
      </c>
    </row>
    <row r="13341" spans="1:10" x14ac:dyDescent="0.35">
      <c r="A13341" s="5" t="s">
        <v>10</v>
      </c>
      <c r="B13341" s="6">
        <v>184073</v>
      </c>
      <c r="C13341" s="6" t="s">
        <v>68</v>
      </c>
      <c r="D13341" s="6" t="s">
        <v>69</v>
      </c>
      <c r="E13341" s="6">
        <v>11001</v>
      </c>
      <c r="F13341" s="6" t="s">
        <v>13</v>
      </c>
      <c r="G13341" s="6" t="s">
        <v>24703</v>
      </c>
      <c r="H13341" s="6" t="s">
        <v>24704</v>
      </c>
      <c r="I13341" s="7">
        <v>4.6449993999999997</v>
      </c>
      <c r="J13341" s="8">
        <v>-74.092464000000007</v>
      </c>
    </row>
    <row r="13342" spans="1:10" x14ac:dyDescent="0.35">
      <c r="A13342" s="5" t="s">
        <v>10</v>
      </c>
      <c r="B13342" s="6">
        <v>220352</v>
      </c>
      <c r="C13342" s="6" t="s">
        <v>68</v>
      </c>
      <c r="D13342" s="6" t="s">
        <v>69</v>
      </c>
      <c r="E13342" s="6">
        <v>11001</v>
      </c>
      <c r="F13342" s="6" t="s">
        <v>13</v>
      </c>
      <c r="G13342" s="6" t="s">
        <v>24705</v>
      </c>
      <c r="H13342" s="6" t="s">
        <v>24706</v>
      </c>
      <c r="I13342" s="7">
        <v>4.5866522999999999</v>
      </c>
      <c r="J13342" s="8">
        <v>-74.122950200000005</v>
      </c>
    </row>
    <row r="13343" spans="1:10" x14ac:dyDescent="0.35">
      <c r="A13343" s="5" t="s">
        <v>10</v>
      </c>
      <c r="B13343" s="6">
        <v>226579</v>
      </c>
      <c r="C13343" s="6" t="s">
        <v>11</v>
      </c>
      <c r="D13343" s="6" t="s">
        <v>334</v>
      </c>
      <c r="E13343" s="6">
        <v>25754</v>
      </c>
      <c r="F13343" s="6" t="s">
        <v>18</v>
      </c>
      <c r="G13343" s="6" t="s">
        <v>24707</v>
      </c>
      <c r="H13343" s="6" t="s">
        <v>24708</v>
      </c>
      <c r="I13343" s="7">
        <v>4.5661659999999999</v>
      </c>
      <c r="J13343" s="8">
        <v>-74.181601999999998</v>
      </c>
    </row>
    <row r="13344" spans="1:10" x14ac:dyDescent="0.35">
      <c r="A13344" s="5" t="s">
        <v>10</v>
      </c>
      <c r="B13344" s="6">
        <v>227365</v>
      </c>
      <c r="C13344" s="6" t="s">
        <v>68</v>
      </c>
      <c r="D13344" s="6" t="s">
        <v>69</v>
      </c>
      <c r="E13344" s="6">
        <v>11001</v>
      </c>
      <c r="F13344" s="6" t="s">
        <v>13</v>
      </c>
      <c r="G13344" s="6" t="s">
        <v>24709</v>
      </c>
      <c r="H13344" s="6" t="s">
        <v>24710</v>
      </c>
      <c r="I13344" s="7">
        <v>4.7389317000000002</v>
      </c>
      <c r="J13344" s="8">
        <v>-74.099058299999996</v>
      </c>
    </row>
    <row r="13345" spans="1:10" x14ac:dyDescent="0.35">
      <c r="A13345" s="5" t="s">
        <v>10</v>
      </c>
      <c r="B13345" s="6">
        <v>232383</v>
      </c>
      <c r="C13345" s="6" t="s">
        <v>278</v>
      </c>
      <c r="D13345" s="6" t="s">
        <v>279</v>
      </c>
      <c r="E13345" s="6">
        <v>50001</v>
      </c>
      <c r="F13345" s="6" t="s">
        <v>18</v>
      </c>
      <c r="G13345" s="6" t="s">
        <v>24092</v>
      </c>
      <c r="H13345" s="6" t="s">
        <v>24093</v>
      </c>
      <c r="I13345" s="7">
        <v>4.1478437000000001</v>
      </c>
      <c r="J13345" s="8">
        <v>-73.612460600000006</v>
      </c>
    </row>
    <row r="13346" spans="1:10" x14ac:dyDescent="0.35">
      <c r="A13346" s="5" t="s">
        <v>10</v>
      </c>
      <c r="B13346" s="6">
        <v>234287</v>
      </c>
      <c r="C13346" s="6" t="s">
        <v>302</v>
      </c>
      <c r="D13346" s="6" t="s">
        <v>8024</v>
      </c>
      <c r="E13346" s="6">
        <v>8078</v>
      </c>
      <c r="F13346" s="6" t="s">
        <v>18</v>
      </c>
      <c r="G13346" s="6" t="s">
        <v>24711</v>
      </c>
      <c r="H13346" s="6" t="s">
        <v>24712</v>
      </c>
      <c r="I13346" s="7">
        <v>10.796569</v>
      </c>
      <c r="J13346" s="8">
        <v>-74.915043800000007</v>
      </c>
    </row>
    <row r="13347" spans="1:10" x14ac:dyDescent="0.35">
      <c r="A13347" s="5" t="s">
        <v>10</v>
      </c>
      <c r="B13347" s="6">
        <v>237822</v>
      </c>
      <c r="C13347" s="6" t="s">
        <v>117</v>
      </c>
      <c r="D13347" s="6" t="s">
        <v>1334</v>
      </c>
      <c r="E13347" s="6">
        <v>76001</v>
      </c>
      <c r="F13347" s="6" t="s">
        <v>18</v>
      </c>
      <c r="G13347" s="6" t="s">
        <v>24713</v>
      </c>
      <c r="H13347" s="6" t="s">
        <v>24714</v>
      </c>
      <c r="I13347" s="7">
        <v>3.4300665000000001</v>
      </c>
      <c r="J13347" s="8">
        <v>-76.551196399999995</v>
      </c>
    </row>
    <row r="13348" spans="1:10" x14ac:dyDescent="0.35">
      <c r="A13348" s="5" t="s">
        <v>10</v>
      </c>
      <c r="B13348" s="6">
        <v>237839</v>
      </c>
      <c r="C13348" s="6" t="s">
        <v>117</v>
      </c>
      <c r="D13348" s="6" t="s">
        <v>3492</v>
      </c>
      <c r="E13348" s="6">
        <v>76520</v>
      </c>
      <c r="F13348" s="6" t="s">
        <v>18</v>
      </c>
      <c r="G13348" s="6" t="s">
        <v>24715</v>
      </c>
      <c r="H13348" s="6" t="s">
        <v>24716</v>
      </c>
      <c r="I13348" s="7">
        <v>3.5318266</v>
      </c>
      <c r="J13348" s="8">
        <v>-76.282073400000002</v>
      </c>
    </row>
    <row r="13349" spans="1:10" x14ac:dyDescent="0.35">
      <c r="A13349" s="5" t="s">
        <v>10</v>
      </c>
      <c r="B13349" s="6">
        <v>238225</v>
      </c>
      <c r="C13349" s="6" t="s">
        <v>16</v>
      </c>
      <c r="D13349" s="6" t="s">
        <v>17</v>
      </c>
      <c r="E13349" s="6">
        <v>68679</v>
      </c>
      <c r="F13349" s="6" t="s">
        <v>18</v>
      </c>
      <c r="G13349" s="6" t="s">
        <v>24717</v>
      </c>
      <c r="H13349" s="6" t="s">
        <v>24718</v>
      </c>
      <c r="I13349" s="7">
        <v>6.554824</v>
      </c>
      <c r="J13349" s="8">
        <v>-73.134119999999996</v>
      </c>
    </row>
    <row r="13350" spans="1:10" x14ac:dyDescent="0.35">
      <c r="A13350" s="5" t="s">
        <v>10</v>
      </c>
      <c r="B13350" s="6">
        <v>239316</v>
      </c>
      <c r="C13350" s="6" t="s">
        <v>68</v>
      </c>
      <c r="D13350" s="6" t="s">
        <v>69</v>
      </c>
      <c r="E13350" s="6">
        <v>11001</v>
      </c>
      <c r="F13350" s="6" t="s">
        <v>18</v>
      </c>
      <c r="G13350" s="6" t="s">
        <v>24719</v>
      </c>
      <c r="H13350" s="6" t="s">
        <v>24720</v>
      </c>
      <c r="I13350" s="7">
        <v>4.6461193999999999</v>
      </c>
      <c r="J13350" s="8">
        <v>-74.147471800000005</v>
      </c>
    </row>
    <row r="13351" spans="1:10" x14ac:dyDescent="0.35">
      <c r="A13351" s="5" t="s">
        <v>10</v>
      </c>
      <c r="B13351" s="6">
        <v>239380</v>
      </c>
      <c r="C13351" s="6" t="s">
        <v>16</v>
      </c>
      <c r="D13351" s="6" t="s">
        <v>17</v>
      </c>
      <c r="E13351" s="6">
        <v>68679</v>
      </c>
      <c r="F13351" s="6" t="s">
        <v>18</v>
      </c>
      <c r="G13351" s="6" t="s">
        <v>24721</v>
      </c>
      <c r="H13351" s="6" t="s">
        <v>24722</v>
      </c>
      <c r="I13351" s="7">
        <v>6.5542980000000002</v>
      </c>
      <c r="J13351" s="8">
        <v>-73.133818000000005</v>
      </c>
    </row>
    <row r="13352" spans="1:10" x14ac:dyDescent="0.35">
      <c r="A13352" s="5" t="s">
        <v>10</v>
      </c>
      <c r="B13352" s="6">
        <v>240087</v>
      </c>
      <c r="C13352" s="6" t="s">
        <v>294</v>
      </c>
      <c r="D13352" s="6" t="s">
        <v>447</v>
      </c>
      <c r="E13352" s="6">
        <v>41551</v>
      </c>
      <c r="F13352" s="6" t="s">
        <v>18</v>
      </c>
      <c r="G13352" s="6" t="s">
        <v>24723</v>
      </c>
      <c r="H13352" s="6" t="s">
        <v>24724</v>
      </c>
      <c r="I13352" s="7">
        <v>1.8968052</v>
      </c>
      <c r="J13352" s="8">
        <v>-76.222419799999997</v>
      </c>
    </row>
    <row r="13353" spans="1:10" x14ac:dyDescent="0.35">
      <c r="A13353" s="5" t="s">
        <v>10</v>
      </c>
      <c r="B13353" s="6">
        <v>240226</v>
      </c>
      <c r="C13353" s="6" t="s">
        <v>117</v>
      </c>
      <c r="D13353" s="6" t="s">
        <v>1334</v>
      </c>
      <c r="E13353" s="6">
        <v>76001</v>
      </c>
      <c r="F13353" s="6" t="s">
        <v>18</v>
      </c>
      <c r="G13353" s="6" t="s">
        <v>24725</v>
      </c>
      <c r="H13353" s="6" t="s">
        <v>24726</v>
      </c>
      <c r="I13353" s="7">
        <v>3.4554814999999999</v>
      </c>
      <c r="J13353" s="8">
        <v>-76.5269428</v>
      </c>
    </row>
    <row r="13354" spans="1:10" x14ac:dyDescent="0.35">
      <c r="A13354" s="5" t="s">
        <v>10</v>
      </c>
      <c r="B13354" s="6">
        <v>243415</v>
      </c>
      <c r="C13354" s="6" t="s">
        <v>68</v>
      </c>
      <c r="D13354" s="6" t="s">
        <v>69</v>
      </c>
      <c r="E13354" s="6">
        <v>11001</v>
      </c>
      <c r="F13354" s="6" t="s">
        <v>18</v>
      </c>
      <c r="G13354" s="6" t="s">
        <v>24727</v>
      </c>
      <c r="H13354" s="6" t="s">
        <v>24728</v>
      </c>
      <c r="I13354" s="7">
        <v>4.5987932000000002</v>
      </c>
      <c r="J13354" s="8">
        <v>-74.085872600000002</v>
      </c>
    </row>
    <row r="13355" spans="1:10" x14ac:dyDescent="0.35">
      <c r="A13355" s="5" t="s">
        <v>10</v>
      </c>
      <c r="B13355" s="6">
        <v>243656</v>
      </c>
      <c r="C13355" s="6" t="s">
        <v>68</v>
      </c>
      <c r="D13355" s="6" t="s">
        <v>69</v>
      </c>
      <c r="E13355" s="6">
        <v>11001</v>
      </c>
      <c r="F13355" s="6" t="s">
        <v>18</v>
      </c>
      <c r="G13355" s="6" t="s">
        <v>24729</v>
      </c>
      <c r="H13355" s="6" t="s">
        <v>24730</v>
      </c>
      <c r="I13355" s="7">
        <v>4.5866692999999996</v>
      </c>
      <c r="J13355" s="8">
        <v>-74.088671099999999</v>
      </c>
    </row>
    <row r="13356" spans="1:10" x14ac:dyDescent="0.35">
      <c r="A13356" s="5" t="s">
        <v>10</v>
      </c>
      <c r="B13356" s="6">
        <v>243681</v>
      </c>
      <c r="C13356" s="6" t="s">
        <v>109</v>
      </c>
      <c r="D13356" s="6" t="s">
        <v>518</v>
      </c>
      <c r="E13356" s="6">
        <v>13780</v>
      </c>
      <c r="F13356" s="6" t="s">
        <v>18</v>
      </c>
      <c r="G13356" s="6" t="s">
        <v>24731</v>
      </c>
      <c r="H13356" s="6" t="s">
        <v>24732</v>
      </c>
      <c r="I13356" s="7">
        <v>9.2980055000000004</v>
      </c>
      <c r="J13356" s="8">
        <v>-74.564182200000005</v>
      </c>
    </row>
    <row r="13357" spans="1:10" x14ac:dyDescent="0.35">
      <c r="A13357" s="5" t="s">
        <v>10</v>
      </c>
      <c r="B13357" s="6">
        <v>244085</v>
      </c>
      <c r="C13357" s="6" t="s">
        <v>68</v>
      </c>
      <c r="D13357" s="6" t="s">
        <v>69</v>
      </c>
      <c r="E13357" s="6">
        <v>11001</v>
      </c>
      <c r="F13357" s="6" t="s">
        <v>18</v>
      </c>
      <c r="G13357" s="6" t="s">
        <v>24733</v>
      </c>
      <c r="H13357" s="6" t="s">
        <v>24734</v>
      </c>
      <c r="I13357" s="7">
        <v>4.6651217999999997</v>
      </c>
      <c r="J13357" s="8">
        <v>-74.113489400000006</v>
      </c>
    </row>
    <row r="13358" spans="1:10" x14ac:dyDescent="0.35">
      <c r="A13358" s="5" t="s">
        <v>10</v>
      </c>
      <c r="B13358" s="6">
        <v>244136</v>
      </c>
      <c r="C13358" s="6" t="s">
        <v>551</v>
      </c>
      <c r="D13358" s="6" t="s">
        <v>768</v>
      </c>
      <c r="E13358" s="6">
        <v>20621</v>
      </c>
      <c r="F13358" s="6" t="s">
        <v>18</v>
      </c>
      <c r="G13358" s="6" t="s">
        <v>24735</v>
      </c>
      <c r="H13358" s="6" t="s">
        <v>24736</v>
      </c>
      <c r="I13358" s="7">
        <v>3.447425</v>
      </c>
      <c r="J13358" s="8">
        <v>-76.538734199999993</v>
      </c>
    </row>
    <row r="13359" spans="1:10" x14ac:dyDescent="0.35">
      <c r="A13359" s="5" t="s">
        <v>10</v>
      </c>
      <c r="B13359" s="6">
        <v>244154</v>
      </c>
      <c r="C13359" s="6" t="s">
        <v>11</v>
      </c>
      <c r="D13359" s="6" t="s">
        <v>1755</v>
      </c>
      <c r="E13359" s="6">
        <v>25001</v>
      </c>
      <c r="F13359" s="6" t="s">
        <v>18</v>
      </c>
      <c r="G13359" s="6" t="s">
        <v>24737</v>
      </c>
      <c r="H13359" s="6" t="s">
        <v>24738</v>
      </c>
      <c r="I13359" s="7">
        <v>4.3765821999999996</v>
      </c>
      <c r="J13359" s="8">
        <v>-74.670253599999995</v>
      </c>
    </row>
    <row r="13360" spans="1:10" x14ac:dyDescent="0.35">
      <c r="A13360" s="5" t="s">
        <v>10</v>
      </c>
      <c r="B13360" s="6">
        <v>244238</v>
      </c>
      <c r="C13360" s="6" t="s">
        <v>302</v>
      </c>
      <c r="D13360" s="6" t="s">
        <v>303</v>
      </c>
      <c r="E13360" s="6">
        <v>8638</v>
      </c>
      <c r="F13360" s="6" t="s">
        <v>18</v>
      </c>
      <c r="G13360" s="6" t="s">
        <v>24739</v>
      </c>
      <c r="H13360" s="6" t="s">
        <v>24740</v>
      </c>
      <c r="I13360" s="7">
        <v>10.969771100000001</v>
      </c>
      <c r="J13360" s="8">
        <v>-74.790210000000002</v>
      </c>
    </row>
    <row r="13361" spans="1:10" x14ac:dyDescent="0.35">
      <c r="A13361" s="5" t="s">
        <v>10</v>
      </c>
      <c r="B13361" s="6">
        <v>244451</v>
      </c>
      <c r="C13361" s="6" t="s">
        <v>68</v>
      </c>
      <c r="D13361" s="6" t="s">
        <v>69</v>
      </c>
      <c r="E13361" s="6">
        <v>11001</v>
      </c>
      <c r="F13361" s="6" t="s">
        <v>18</v>
      </c>
      <c r="G13361" s="6" t="s">
        <v>24741</v>
      </c>
      <c r="H13361" s="6" t="s">
        <v>24742</v>
      </c>
      <c r="I13361" s="7">
        <v>4.6823791999999997</v>
      </c>
      <c r="J13361" s="8">
        <v>-74.106519500000005</v>
      </c>
    </row>
    <row r="13362" spans="1:10" x14ac:dyDescent="0.35">
      <c r="A13362" s="5" t="s">
        <v>10</v>
      </c>
      <c r="B13362" s="6">
        <v>244545</v>
      </c>
      <c r="C13362" s="6" t="s">
        <v>3788</v>
      </c>
      <c r="D13362" s="6" t="s">
        <v>3974</v>
      </c>
      <c r="E13362" s="6">
        <v>18001</v>
      </c>
      <c r="F13362" s="6" t="s">
        <v>18</v>
      </c>
      <c r="G13362" s="6" t="s">
        <v>24743</v>
      </c>
      <c r="H13362" s="6" t="s">
        <v>8307</v>
      </c>
      <c r="I13362" s="7">
        <v>1.6135067999999999</v>
      </c>
      <c r="J13362" s="8">
        <v>-75.614079500000003</v>
      </c>
    </row>
    <row r="13363" spans="1:10" x14ac:dyDescent="0.35">
      <c r="A13363" s="5" t="s">
        <v>10</v>
      </c>
      <c r="B13363" s="6">
        <v>244666</v>
      </c>
      <c r="C13363" s="6" t="s">
        <v>68</v>
      </c>
      <c r="D13363" s="6" t="s">
        <v>69</v>
      </c>
      <c r="E13363" s="6">
        <v>11001</v>
      </c>
      <c r="F13363" s="6" t="s">
        <v>18</v>
      </c>
      <c r="G13363" s="6" t="s">
        <v>24744</v>
      </c>
      <c r="H13363" s="6" t="s">
        <v>24745</v>
      </c>
      <c r="I13363" s="7">
        <v>4.6129955999999996</v>
      </c>
      <c r="J13363" s="8">
        <v>-74.076320199999998</v>
      </c>
    </row>
    <row r="13364" spans="1:10" x14ac:dyDescent="0.35">
      <c r="A13364" s="5" t="s">
        <v>10</v>
      </c>
      <c r="B13364" s="6">
        <v>244763</v>
      </c>
      <c r="C13364" s="6" t="s">
        <v>68</v>
      </c>
      <c r="D13364" s="6" t="s">
        <v>69</v>
      </c>
      <c r="E13364" s="6">
        <v>11001</v>
      </c>
      <c r="F13364" s="6" t="s">
        <v>18</v>
      </c>
      <c r="G13364" s="6" t="s">
        <v>24746</v>
      </c>
      <c r="H13364" s="6" t="s">
        <v>24747</v>
      </c>
      <c r="I13364" s="7">
        <v>4.6089850999999999</v>
      </c>
      <c r="J13364" s="8">
        <v>-74.073116400000004</v>
      </c>
    </row>
    <row r="13365" spans="1:10" x14ac:dyDescent="0.35">
      <c r="A13365" s="5" t="s">
        <v>10</v>
      </c>
      <c r="B13365" s="6">
        <v>244798</v>
      </c>
      <c r="C13365" s="6" t="s">
        <v>16</v>
      </c>
      <c r="D13365" s="6" t="s">
        <v>521</v>
      </c>
      <c r="E13365" s="6">
        <v>68861</v>
      </c>
      <c r="F13365" s="6" t="s">
        <v>18</v>
      </c>
      <c r="G13365" s="6" t="s">
        <v>21627</v>
      </c>
      <c r="H13365" s="6" t="s">
        <v>21628</v>
      </c>
      <c r="I13365" s="7">
        <v>6.0133029999999996</v>
      </c>
      <c r="J13365" s="8">
        <v>-73.6718501</v>
      </c>
    </row>
    <row r="13366" spans="1:10" x14ac:dyDescent="0.35">
      <c r="A13366" s="5" t="s">
        <v>10</v>
      </c>
      <c r="B13366" s="6">
        <v>244892</v>
      </c>
      <c r="C13366" s="6" t="s">
        <v>68</v>
      </c>
      <c r="D13366" s="6" t="s">
        <v>69</v>
      </c>
      <c r="E13366" s="6">
        <v>11001</v>
      </c>
      <c r="F13366" s="6" t="s">
        <v>18</v>
      </c>
      <c r="G13366" s="6" t="s">
        <v>24748</v>
      </c>
      <c r="H13366" s="6" t="s">
        <v>24749</v>
      </c>
      <c r="I13366" s="7">
        <v>4.6308937999999999</v>
      </c>
      <c r="J13366" s="8">
        <v>-74.184526099999999</v>
      </c>
    </row>
    <row r="13367" spans="1:10" x14ac:dyDescent="0.35">
      <c r="A13367" s="5" t="s">
        <v>10</v>
      </c>
      <c r="B13367" s="6">
        <v>244956</v>
      </c>
      <c r="C13367" s="6" t="s">
        <v>68</v>
      </c>
      <c r="D13367" s="6" t="s">
        <v>69</v>
      </c>
      <c r="E13367" s="6">
        <v>11001</v>
      </c>
      <c r="F13367" s="6" t="s">
        <v>18</v>
      </c>
      <c r="G13367" s="6" t="s">
        <v>24750</v>
      </c>
      <c r="H13367" s="6" t="s">
        <v>24751</v>
      </c>
      <c r="I13367" s="7">
        <v>4.5903527000000004</v>
      </c>
      <c r="J13367" s="8">
        <v>-74.093954800000006</v>
      </c>
    </row>
    <row r="13368" spans="1:10" x14ac:dyDescent="0.35">
      <c r="A13368" s="5" t="s">
        <v>10</v>
      </c>
      <c r="B13368" s="6">
        <v>245009</v>
      </c>
      <c r="C13368" s="6" t="s">
        <v>117</v>
      </c>
      <c r="D13368" s="6" t="s">
        <v>5485</v>
      </c>
      <c r="E13368" s="6">
        <v>76113</v>
      </c>
      <c r="F13368" s="6" t="s">
        <v>18</v>
      </c>
      <c r="G13368" s="6" t="s">
        <v>24752</v>
      </c>
      <c r="H13368" s="6" t="s">
        <v>24753</v>
      </c>
      <c r="I13368" s="7">
        <v>3.8904665</v>
      </c>
      <c r="J13368" s="8">
        <v>-76.292203900000004</v>
      </c>
    </row>
    <row r="13369" spans="1:10" x14ac:dyDescent="0.35">
      <c r="A13369" s="5" t="s">
        <v>10</v>
      </c>
      <c r="B13369" s="6">
        <v>245069</v>
      </c>
      <c r="C13369" s="6" t="s">
        <v>68</v>
      </c>
      <c r="D13369" s="6" t="s">
        <v>69</v>
      </c>
      <c r="E13369" s="6">
        <v>11001</v>
      </c>
      <c r="F13369" s="6" t="s">
        <v>18</v>
      </c>
      <c r="G13369" s="6" t="s">
        <v>24754</v>
      </c>
      <c r="H13369" s="6" t="s">
        <v>24755</v>
      </c>
      <c r="I13369" s="7">
        <v>4.6079075999999999</v>
      </c>
      <c r="J13369" s="8">
        <v>-74.207369400000005</v>
      </c>
    </row>
    <row r="13370" spans="1:10" x14ac:dyDescent="0.35">
      <c r="A13370" s="5" t="s">
        <v>10</v>
      </c>
      <c r="B13370" s="6">
        <v>245075</v>
      </c>
      <c r="C13370" s="6" t="s">
        <v>68</v>
      </c>
      <c r="D13370" s="6" t="s">
        <v>69</v>
      </c>
      <c r="E13370" s="6">
        <v>11001</v>
      </c>
      <c r="F13370" s="6" t="s">
        <v>18</v>
      </c>
      <c r="G13370" s="6" t="s">
        <v>24756</v>
      </c>
      <c r="H13370" s="6" t="s">
        <v>24757</v>
      </c>
      <c r="I13370" s="7">
        <v>4.6708891000000001</v>
      </c>
      <c r="J13370" s="8">
        <v>-74.148900600000005</v>
      </c>
    </row>
    <row r="13371" spans="1:10" x14ac:dyDescent="0.35">
      <c r="A13371" s="5" t="s">
        <v>10</v>
      </c>
      <c r="B13371" s="6">
        <v>245160</v>
      </c>
      <c r="C13371" s="6" t="s">
        <v>16</v>
      </c>
      <c r="D13371" s="6" t="s">
        <v>370</v>
      </c>
      <c r="E13371" s="6">
        <v>68872</v>
      </c>
      <c r="F13371" s="6" t="s">
        <v>18</v>
      </c>
      <c r="G13371" s="6" t="s">
        <v>24758</v>
      </c>
      <c r="H13371" s="6" t="s">
        <v>24759</v>
      </c>
      <c r="I13371" s="7">
        <v>6.6708824</v>
      </c>
      <c r="J13371" s="8">
        <v>-73.1748355</v>
      </c>
    </row>
    <row r="13372" spans="1:10" x14ac:dyDescent="0.35">
      <c r="A13372" s="5" t="s">
        <v>10</v>
      </c>
      <c r="B13372" s="6">
        <v>245213</v>
      </c>
      <c r="C13372" s="6" t="s">
        <v>551</v>
      </c>
      <c r="D13372" s="6" t="s">
        <v>3868</v>
      </c>
      <c r="E13372" s="6">
        <v>20001</v>
      </c>
      <c r="F13372" s="6" t="s">
        <v>18</v>
      </c>
      <c r="G13372" s="6" t="s">
        <v>24760</v>
      </c>
      <c r="H13372" s="6" t="s">
        <v>24761</v>
      </c>
      <c r="I13372" s="7">
        <v>10.4742449</v>
      </c>
      <c r="J13372" s="8">
        <v>-73.243633500000001</v>
      </c>
    </row>
    <row r="13373" spans="1:10" x14ac:dyDescent="0.35">
      <c r="A13373" s="5" t="s">
        <v>10</v>
      </c>
      <c r="B13373" s="6">
        <v>245397</v>
      </c>
      <c r="C13373" s="6" t="s">
        <v>278</v>
      </c>
      <c r="D13373" s="6" t="s">
        <v>279</v>
      </c>
      <c r="E13373" s="6">
        <v>50001</v>
      </c>
      <c r="F13373" s="6" t="s">
        <v>18</v>
      </c>
      <c r="G13373" s="6" t="s">
        <v>423</v>
      </c>
      <c r="H13373" s="6" t="s">
        <v>24762</v>
      </c>
      <c r="I13373" s="7">
        <v>4.1571141999999996</v>
      </c>
      <c r="J13373" s="8">
        <v>-73.650914200000003</v>
      </c>
    </row>
    <row r="13374" spans="1:10" x14ac:dyDescent="0.35">
      <c r="A13374" s="5" t="s">
        <v>10</v>
      </c>
      <c r="B13374" s="6">
        <v>245407</v>
      </c>
      <c r="C13374" s="6" t="s">
        <v>278</v>
      </c>
      <c r="D13374" s="6" t="s">
        <v>279</v>
      </c>
      <c r="E13374" s="6">
        <v>50001</v>
      </c>
      <c r="F13374" s="6" t="s">
        <v>18</v>
      </c>
      <c r="G13374" s="6" t="s">
        <v>24763</v>
      </c>
      <c r="H13374" s="6" t="s">
        <v>24764</v>
      </c>
      <c r="I13374" s="7">
        <v>4.1484781999999996</v>
      </c>
      <c r="J13374" s="8">
        <v>-73.621511999999996</v>
      </c>
    </row>
    <row r="13375" spans="1:10" x14ac:dyDescent="0.35">
      <c r="A13375" s="5" t="s">
        <v>10</v>
      </c>
      <c r="B13375" s="6">
        <v>245690</v>
      </c>
      <c r="C13375" s="6" t="s">
        <v>294</v>
      </c>
      <c r="D13375" s="6" t="s">
        <v>4257</v>
      </c>
      <c r="E13375" s="6">
        <v>41524</v>
      </c>
      <c r="F13375" s="6" t="s">
        <v>18</v>
      </c>
      <c r="G13375" s="6" t="s">
        <v>24765</v>
      </c>
      <c r="H13375" s="6" t="s">
        <v>24766</v>
      </c>
      <c r="I13375" s="7">
        <v>2.8868942</v>
      </c>
      <c r="J13375" s="8">
        <v>-75.437405699999999</v>
      </c>
    </row>
    <row r="13376" spans="1:10" x14ac:dyDescent="0.35">
      <c r="A13376" s="5" t="s">
        <v>10</v>
      </c>
      <c r="B13376" s="6">
        <v>245715</v>
      </c>
      <c r="C13376" s="6" t="s">
        <v>4364</v>
      </c>
      <c r="D13376" s="6" t="s">
        <v>17830</v>
      </c>
      <c r="E13376" s="6">
        <v>70678</v>
      </c>
      <c r="F13376" s="6" t="s">
        <v>18</v>
      </c>
      <c r="G13376" s="6" t="s">
        <v>24767</v>
      </c>
      <c r="H13376" s="6" t="s">
        <v>24768</v>
      </c>
      <c r="I13376" s="7">
        <v>8.9315899999999999</v>
      </c>
      <c r="J13376" s="8">
        <v>-75.030821399999994</v>
      </c>
    </row>
    <row r="13377" spans="1:10" x14ac:dyDescent="0.35">
      <c r="A13377" s="5" t="s">
        <v>10</v>
      </c>
      <c r="B13377" s="6">
        <v>245716</v>
      </c>
      <c r="C13377" s="6" t="s">
        <v>55</v>
      </c>
      <c r="D13377" s="6" t="s">
        <v>2000</v>
      </c>
      <c r="E13377" s="6">
        <v>73124</v>
      </c>
      <c r="F13377" s="6" t="s">
        <v>18</v>
      </c>
      <c r="G13377" s="6" t="s">
        <v>24769</v>
      </c>
      <c r="H13377" s="6" t="s">
        <v>24770</v>
      </c>
      <c r="I13377" s="7">
        <v>4.4417920000000004</v>
      </c>
      <c r="J13377" s="8">
        <v>-75.426844000000003</v>
      </c>
    </row>
    <row r="13378" spans="1:10" x14ac:dyDescent="0.35">
      <c r="A13378" s="5" t="s">
        <v>10</v>
      </c>
      <c r="B13378" s="6">
        <v>245949</v>
      </c>
      <c r="C13378" s="6" t="s">
        <v>68</v>
      </c>
      <c r="D13378" s="6" t="s">
        <v>69</v>
      </c>
      <c r="E13378" s="6">
        <v>11001</v>
      </c>
      <c r="F13378" s="6" t="s">
        <v>18</v>
      </c>
      <c r="G13378" s="6" t="s">
        <v>24771</v>
      </c>
      <c r="H13378" s="6" t="s">
        <v>24772</v>
      </c>
      <c r="I13378" s="7">
        <v>4.5816214000000004</v>
      </c>
      <c r="J13378" s="8">
        <v>-74.132521499999996</v>
      </c>
    </row>
    <row r="13379" spans="1:10" x14ac:dyDescent="0.35">
      <c r="A13379" s="5" t="s">
        <v>10</v>
      </c>
      <c r="B13379" s="6">
        <v>245972</v>
      </c>
      <c r="C13379" s="6" t="s">
        <v>68</v>
      </c>
      <c r="D13379" s="6" t="s">
        <v>69</v>
      </c>
      <c r="E13379" s="6">
        <v>11001</v>
      </c>
      <c r="F13379" s="6" t="s">
        <v>18</v>
      </c>
      <c r="G13379" s="6" t="s">
        <v>24773</v>
      </c>
      <c r="H13379" s="6" t="s">
        <v>24774</v>
      </c>
      <c r="I13379" s="7">
        <v>4.6613376000000004</v>
      </c>
      <c r="J13379" s="8">
        <v>-74.073508200000006</v>
      </c>
    </row>
    <row r="13380" spans="1:10" x14ac:dyDescent="0.35">
      <c r="A13380" s="5" t="s">
        <v>10</v>
      </c>
      <c r="B13380" s="6">
        <v>245990</v>
      </c>
      <c r="C13380" s="6" t="s">
        <v>68</v>
      </c>
      <c r="D13380" s="6" t="s">
        <v>69</v>
      </c>
      <c r="E13380" s="6">
        <v>11001</v>
      </c>
      <c r="F13380" s="6" t="s">
        <v>18</v>
      </c>
      <c r="G13380" s="6" t="s">
        <v>24775</v>
      </c>
      <c r="H13380" s="6" t="s">
        <v>24776</v>
      </c>
      <c r="I13380" s="7">
        <v>4.6057749000000001</v>
      </c>
      <c r="J13380" s="8">
        <v>-74.134098499999993</v>
      </c>
    </row>
    <row r="13381" spans="1:10" x14ac:dyDescent="0.35">
      <c r="A13381" s="5" t="s">
        <v>10</v>
      </c>
      <c r="B13381" s="6">
        <v>245997</v>
      </c>
      <c r="C13381" s="6" t="s">
        <v>16</v>
      </c>
      <c r="D13381" s="6" t="s">
        <v>1724</v>
      </c>
      <c r="E13381" s="6">
        <v>68855</v>
      </c>
      <c r="F13381" s="6" t="s">
        <v>18</v>
      </c>
      <c r="G13381" s="6" t="s">
        <v>24777</v>
      </c>
      <c r="H13381" s="6" t="s">
        <v>24778</v>
      </c>
      <c r="I13381" s="7">
        <v>6.4403135999999996</v>
      </c>
      <c r="J13381" s="8">
        <v>-73.111356000000001</v>
      </c>
    </row>
    <row r="13382" spans="1:10" x14ac:dyDescent="0.35">
      <c r="A13382" s="5" t="s">
        <v>10</v>
      </c>
      <c r="B13382" s="6">
        <v>246051</v>
      </c>
      <c r="C13382" s="6" t="s">
        <v>551</v>
      </c>
      <c r="D13382" s="6" t="s">
        <v>3868</v>
      </c>
      <c r="E13382" s="6">
        <v>20001</v>
      </c>
      <c r="F13382" s="6" t="s">
        <v>18</v>
      </c>
      <c r="G13382" s="6" t="s">
        <v>24779</v>
      </c>
      <c r="H13382" s="6" t="s">
        <v>24780</v>
      </c>
      <c r="I13382" s="7">
        <v>10.4742449</v>
      </c>
      <c r="J13382" s="8">
        <v>-73.243633500000001</v>
      </c>
    </row>
    <row r="13383" spans="1:10" x14ac:dyDescent="0.35">
      <c r="A13383" s="5" t="s">
        <v>10</v>
      </c>
      <c r="B13383" s="6">
        <v>230076</v>
      </c>
      <c r="C13383" s="6" t="s">
        <v>68</v>
      </c>
      <c r="D13383" s="6" t="s">
        <v>69</v>
      </c>
      <c r="E13383" s="6">
        <v>11001</v>
      </c>
      <c r="F13383" s="6" t="s">
        <v>13</v>
      </c>
      <c r="G13383" s="6" t="s">
        <v>24781</v>
      </c>
      <c r="H13383" s="6" t="s">
        <v>24782</v>
      </c>
      <c r="I13383" s="7">
        <v>4.7277655999999997</v>
      </c>
      <c r="J13383" s="8">
        <v>-74.065079999999995</v>
      </c>
    </row>
    <row r="13384" spans="1:10" x14ac:dyDescent="0.35">
      <c r="A13384" s="5" t="s">
        <v>10</v>
      </c>
      <c r="B13384" s="6">
        <v>246165</v>
      </c>
      <c r="C13384" s="6" t="s">
        <v>68</v>
      </c>
      <c r="D13384" s="6" t="s">
        <v>69</v>
      </c>
      <c r="E13384" s="6">
        <v>11001</v>
      </c>
      <c r="F13384" s="6" t="s">
        <v>18</v>
      </c>
      <c r="G13384" s="6" t="s">
        <v>24783</v>
      </c>
      <c r="H13384" s="6" t="s">
        <v>24784</v>
      </c>
      <c r="I13384" s="7">
        <v>4.5660271999999997</v>
      </c>
      <c r="J13384" s="8">
        <v>-74.083304799999993</v>
      </c>
    </row>
    <row r="13385" spans="1:10" x14ac:dyDescent="0.35">
      <c r="A13385" s="5" t="s">
        <v>10</v>
      </c>
      <c r="B13385" s="6">
        <v>246267</v>
      </c>
      <c r="C13385" s="6" t="s">
        <v>2821</v>
      </c>
      <c r="D13385" s="6" t="s">
        <v>7712</v>
      </c>
      <c r="E13385" s="6">
        <v>47189</v>
      </c>
      <c r="F13385" s="6" t="s">
        <v>18</v>
      </c>
      <c r="G13385" s="6" t="s">
        <v>13142</v>
      </c>
      <c r="H13385" s="6" t="s">
        <v>24785</v>
      </c>
      <c r="I13385" s="7">
        <v>11.001644199999999</v>
      </c>
      <c r="J13385" s="8">
        <v>-74.247464100000002</v>
      </c>
    </row>
    <row r="13386" spans="1:10" x14ac:dyDescent="0.35">
      <c r="A13386" s="5" t="s">
        <v>10</v>
      </c>
      <c r="B13386" s="6">
        <v>246475</v>
      </c>
      <c r="C13386" s="6" t="s">
        <v>28</v>
      </c>
      <c r="D13386" s="6" t="s">
        <v>29</v>
      </c>
      <c r="E13386" s="6">
        <v>54001</v>
      </c>
      <c r="F13386" s="6" t="s">
        <v>18</v>
      </c>
      <c r="G13386" s="6" t="s">
        <v>24786</v>
      </c>
      <c r="H13386" s="6" t="s">
        <v>24787</v>
      </c>
      <c r="I13386" s="7">
        <v>7.9017548</v>
      </c>
      <c r="J13386" s="8">
        <v>-72.529730200000003</v>
      </c>
    </row>
    <row r="13387" spans="1:10" x14ac:dyDescent="0.35">
      <c r="A13387" s="5" t="s">
        <v>10</v>
      </c>
      <c r="B13387" s="6">
        <v>246483</v>
      </c>
      <c r="C13387" s="6" t="s">
        <v>308</v>
      </c>
      <c r="D13387" s="6" t="s">
        <v>13199</v>
      </c>
      <c r="E13387" s="6">
        <v>23672</v>
      </c>
      <c r="F13387" s="6" t="s">
        <v>18</v>
      </c>
      <c r="G13387" s="6" t="s">
        <v>24788</v>
      </c>
      <c r="H13387" s="6" t="s">
        <v>24789</v>
      </c>
      <c r="I13387" s="7">
        <v>9.3726468000000001</v>
      </c>
      <c r="J13387" s="8">
        <v>-75.761164100000002</v>
      </c>
    </row>
    <row r="13388" spans="1:10" x14ac:dyDescent="0.35">
      <c r="A13388" s="5" t="s">
        <v>10</v>
      </c>
      <c r="B13388" s="6">
        <v>239811</v>
      </c>
      <c r="C13388" s="6" t="s">
        <v>16</v>
      </c>
      <c r="D13388" s="6" t="s">
        <v>1401</v>
      </c>
      <c r="E13388" s="6">
        <v>68307</v>
      </c>
      <c r="F13388" s="6" t="s">
        <v>2161</v>
      </c>
      <c r="G13388" s="6" t="s">
        <v>24790</v>
      </c>
      <c r="H13388" s="6" t="s">
        <v>24791</v>
      </c>
      <c r="I13388" s="7">
        <v>7.0587818000000002</v>
      </c>
      <c r="J13388" s="8">
        <v>-73.166357000000005</v>
      </c>
    </row>
    <row r="13389" spans="1:10" x14ac:dyDescent="0.35">
      <c r="A13389" s="5" t="s">
        <v>10</v>
      </c>
      <c r="B13389" s="6">
        <v>246677</v>
      </c>
      <c r="C13389" s="6" t="s">
        <v>68</v>
      </c>
      <c r="D13389" s="6" t="s">
        <v>69</v>
      </c>
      <c r="E13389" s="6">
        <v>11001</v>
      </c>
      <c r="F13389" s="6" t="s">
        <v>13</v>
      </c>
      <c r="G13389" s="6" t="s">
        <v>24792</v>
      </c>
      <c r="H13389" s="6" t="s">
        <v>24793</v>
      </c>
      <c r="I13389" s="7">
        <v>4.5781267000000003</v>
      </c>
      <c r="J13389" s="8">
        <v>-74.087200199999998</v>
      </c>
    </row>
    <row r="13390" spans="1:10" x14ac:dyDescent="0.35">
      <c r="A13390" s="5" t="s">
        <v>10</v>
      </c>
      <c r="B13390" s="6">
        <v>246755</v>
      </c>
      <c r="C13390" s="6" t="s">
        <v>366</v>
      </c>
      <c r="D13390" s="6" t="s">
        <v>16679</v>
      </c>
      <c r="E13390" s="6">
        <v>44090</v>
      </c>
      <c r="F13390" s="6" t="s">
        <v>13</v>
      </c>
      <c r="G13390" s="6" t="s">
        <v>24794</v>
      </c>
      <c r="H13390" s="6" t="s">
        <v>24795</v>
      </c>
      <c r="I13390" s="7">
        <v>11.271359800000001</v>
      </c>
      <c r="J13390" s="8">
        <v>-73.308282300000002</v>
      </c>
    </row>
    <row r="13391" spans="1:10" x14ac:dyDescent="0.35">
      <c r="A13391" s="5" t="s">
        <v>10</v>
      </c>
      <c r="B13391" s="6">
        <v>244068</v>
      </c>
      <c r="C13391" s="6" t="s">
        <v>68</v>
      </c>
      <c r="D13391" s="6" t="s">
        <v>69</v>
      </c>
      <c r="E13391" s="6">
        <v>11001</v>
      </c>
      <c r="F13391" s="6" t="s">
        <v>2161</v>
      </c>
      <c r="G13391" s="6" t="s">
        <v>24796</v>
      </c>
      <c r="H13391" s="6" t="s">
        <v>24797</v>
      </c>
      <c r="I13391" s="7">
        <v>4.7460496000000001</v>
      </c>
      <c r="J13391" s="8">
        <v>-74.098579900000004</v>
      </c>
    </row>
    <row r="13392" spans="1:10" x14ac:dyDescent="0.35">
      <c r="A13392" s="5" t="s">
        <v>10</v>
      </c>
      <c r="B13392" s="6">
        <v>246913</v>
      </c>
      <c r="C13392" s="6" t="s">
        <v>11</v>
      </c>
      <c r="D13392" s="6" t="s">
        <v>5259</v>
      </c>
      <c r="E13392" s="6">
        <v>25320</v>
      </c>
      <c r="F13392" s="6" t="s">
        <v>18</v>
      </c>
      <c r="G13392" s="6" t="s">
        <v>2430</v>
      </c>
      <c r="H13392" s="6" t="s">
        <v>24798</v>
      </c>
      <c r="I13392" s="7">
        <v>5.0678087999999999</v>
      </c>
      <c r="J13392" s="8">
        <v>-74.5953205</v>
      </c>
    </row>
    <row r="13393" spans="1:10" x14ac:dyDescent="0.35">
      <c r="A13393" s="5" t="s">
        <v>10</v>
      </c>
      <c r="B13393" s="6">
        <v>246945</v>
      </c>
      <c r="C13393" s="6" t="s">
        <v>16</v>
      </c>
      <c r="D13393" s="6" t="s">
        <v>78</v>
      </c>
      <c r="E13393" s="6">
        <v>68001</v>
      </c>
      <c r="F13393" s="6" t="s">
        <v>18</v>
      </c>
      <c r="G13393" s="6" t="s">
        <v>24799</v>
      </c>
      <c r="H13393" s="6" t="s">
        <v>24800</v>
      </c>
      <c r="I13393" s="7">
        <v>7.1309252000000001</v>
      </c>
      <c r="J13393" s="8">
        <v>-73.128022200000004</v>
      </c>
    </row>
    <row r="13394" spans="1:10" x14ac:dyDescent="0.35">
      <c r="A13394" s="5" t="s">
        <v>10</v>
      </c>
      <c r="B13394" s="6">
        <v>246950</v>
      </c>
      <c r="C13394" s="6" t="s">
        <v>42</v>
      </c>
      <c r="D13394" s="6" t="s">
        <v>239</v>
      </c>
      <c r="E13394" s="6">
        <v>17877</v>
      </c>
      <c r="F13394" s="6" t="s">
        <v>18</v>
      </c>
      <c r="G13394" s="6" t="s">
        <v>24801</v>
      </c>
      <c r="H13394" s="6" t="s">
        <v>24802</v>
      </c>
      <c r="I13394" s="7">
        <v>5.0618195000000004</v>
      </c>
      <c r="J13394" s="8">
        <v>-75.874685999999997</v>
      </c>
    </row>
    <row r="13395" spans="1:10" x14ac:dyDescent="0.35">
      <c r="A13395" s="5" t="s">
        <v>10</v>
      </c>
      <c r="B13395" s="6">
        <v>246951</v>
      </c>
      <c r="C13395" s="6" t="s">
        <v>55</v>
      </c>
      <c r="D13395" s="6" t="s">
        <v>56</v>
      </c>
      <c r="E13395" s="6">
        <v>73001</v>
      </c>
      <c r="F13395" s="6" t="s">
        <v>18</v>
      </c>
      <c r="G13395" s="6" t="s">
        <v>24803</v>
      </c>
      <c r="H13395" s="6" t="s">
        <v>24804</v>
      </c>
      <c r="I13395" s="7">
        <v>4.4008941000000004</v>
      </c>
      <c r="J13395" s="8">
        <v>-75.1663152</v>
      </c>
    </row>
    <row r="13396" spans="1:10" x14ac:dyDescent="0.35">
      <c r="A13396" s="5" t="s">
        <v>10</v>
      </c>
      <c r="B13396" s="6">
        <v>246953</v>
      </c>
      <c r="C13396" s="6" t="s">
        <v>117</v>
      </c>
      <c r="D13396" s="6" t="s">
        <v>1334</v>
      </c>
      <c r="E13396" s="6">
        <v>76001</v>
      </c>
      <c r="F13396" s="6" t="s">
        <v>18</v>
      </c>
      <c r="G13396" s="6" t="s">
        <v>24805</v>
      </c>
      <c r="H13396" s="6" t="s">
        <v>24806</v>
      </c>
      <c r="I13396" s="7">
        <v>3.4103162</v>
      </c>
      <c r="J13396" s="8">
        <v>-76.513277500000001</v>
      </c>
    </row>
    <row r="13397" spans="1:10" x14ac:dyDescent="0.35">
      <c r="A13397" s="5" t="s">
        <v>10</v>
      </c>
      <c r="B13397" s="6">
        <v>246958</v>
      </c>
      <c r="C13397" s="6" t="s">
        <v>117</v>
      </c>
      <c r="D13397" s="6" t="s">
        <v>1334</v>
      </c>
      <c r="E13397" s="6">
        <v>76001</v>
      </c>
      <c r="F13397" s="6" t="s">
        <v>18</v>
      </c>
      <c r="G13397" s="6" t="s">
        <v>24807</v>
      </c>
      <c r="H13397" s="6" t="s">
        <v>24808</v>
      </c>
      <c r="I13397" s="7">
        <v>3.3956417999999999</v>
      </c>
      <c r="J13397" s="8">
        <v>-76.518010000000004</v>
      </c>
    </row>
    <row r="13398" spans="1:10" x14ac:dyDescent="0.35">
      <c r="A13398" s="5" t="s">
        <v>10</v>
      </c>
      <c r="B13398" s="6">
        <v>246962</v>
      </c>
      <c r="C13398" s="6" t="s">
        <v>68</v>
      </c>
      <c r="D13398" s="6" t="s">
        <v>69</v>
      </c>
      <c r="E13398" s="6">
        <v>11001</v>
      </c>
      <c r="F13398" s="6" t="s">
        <v>18</v>
      </c>
      <c r="G13398" s="6" t="s">
        <v>24809</v>
      </c>
      <c r="H13398" s="6" t="s">
        <v>24810</v>
      </c>
      <c r="I13398" s="7">
        <v>4.5876998000000002</v>
      </c>
      <c r="J13398" s="8">
        <v>-74.070723400000006</v>
      </c>
    </row>
    <row r="13399" spans="1:10" x14ac:dyDescent="0.35">
      <c r="A13399" s="5" t="s">
        <v>10</v>
      </c>
      <c r="B13399" s="6">
        <v>246963</v>
      </c>
      <c r="C13399" s="6" t="s">
        <v>294</v>
      </c>
      <c r="D13399" s="6" t="s">
        <v>703</v>
      </c>
      <c r="E13399" s="6">
        <v>41001</v>
      </c>
      <c r="F13399" s="6" t="s">
        <v>18</v>
      </c>
      <c r="G13399" s="6" t="s">
        <v>24811</v>
      </c>
      <c r="H13399" s="6" t="s">
        <v>24812</v>
      </c>
      <c r="I13399" s="7">
        <v>2.9255365000000002</v>
      </c>
      <c r="J13399" s="8">
        <v>-75.268039299999998</v>
      </c>
    </row>
    <row r="13400" spans="1:10" x14ac:dyDescent="0.35">
      <c r="A13400" s="5" t="s">
        <v>10</v>
      </c>
      <c r="B13400" s="6">
        <v>246965</v>
      </c>
      <c r="C13400" s="6" t="s">
        <v>466</v>
      </c>
      <c r="D13400" s="6" t="s">
        <v>1358</v>
      </c>
      <c r="E13400" s="6">
        <v>81300</v>
      </c>
      <c r="F13400" s="6" t="s">
        <v>18</v>
      </c>
      <c r="G13400" s="6" t="s">
        <v>24813</v>
      </c>
      <c r="H13400" s="6" t="s">
        <v>24814</v>
      </c>
      <c r="I13400" s="7">
        <v>6.7909376999999997</v>
      </c>
      <c r="J13400" s="8">
        <v>-71.774915100000001</v>
      </c>
    </row>
    <row r="13401" spans="1:10" x14ac:dyDescent="0.35">
      <c r="A13401" s="5" t="s">
        <v>10</v>
      </c>
      <c r="B13401" s="6">
        <v>246970</v>
      </c>
      <c r="C13401" s="6" t="s">
        <v>68</v>
      </c>
      <c r="D13401" s="6" t="s">
        <v>69</v>
      </c>
      <c r="E13401" s="6">
        <v>11001</v>
      </c>
      <c r="F13401" s="6" t="s">
        <v>18</v>
      </c>
      <c r="G13401" s="6" t="s">
        <v>24815</v>
      </c>
      <c r="H13401" s="6" t="s">
        <v>24816</v>
      </c>
      <c r="I13401" s="7">
        <v>4.6020345000000002</v>
      </c>
      <c r="J13401" s="8">
        <v>-74.076622799999996</v>
      </c>
    </row>
    <row r="13402" spans="1:10" x14ac:dyDescent="0.35">
      <c r="A13402" s="5" t="s">
        <v>10</v>
      </c>
      <c r="B13402" s="6">
        <v>246973</v>
      </c>
      <c r="C13402" s="6" t="s">
        <v>457</v>
      </c>
      <c r="D13402" s="6" t="s">
        <v>4400</v>
      </c>
      <c r="E13402" s="6">
        <v>52001</v>
      </c>
      <c r="F13402" s="6" t="s">
        <v>18</v>
      </c>
      <c r="G13402" s="6" t="s">
        <v>24817</v>
      </c>
      <c r="H13402" s="6" t="s">
        <v>24818</v>
      </c>
      <c r="I13402" s="7">
        <v>1.2068508</v>
      </c>
      <c r="J13402" s="8">
        <v>-77.260540000000006</v>
      </c>
    </row>
    <row r="13403" spans="1:10" x14ac:dyDescent="0.35">
      <c r="A13403" s="5" t="s">
        <v>10</v>
      </c>
      <c r="B13403" s="6">
        <v>246974</v>
      </c>
      <c r="C13403" s="6" t="s">
        <v>55</v>
      </c>
      <c r="D13403" s="6" t="s">
        <v>2589</v>
      </c>
      <c r="E13403" s="6">
        <v>73275</v>
      </c>
      <c r="F13403" s="6" t="s">
        <v>18</v>
      </c>
      <c r="G13403" s="6" t="s">
        <v>113</v>
      </c>
      <c r="H13403" s="6" t="s">
        <v>24819</v>
      </c>
      <c r="I13403" s="7">
        <v>4.2868382</v>
      </c>
      <c r="J13403" s="8">
        <v>-74.812241</v>
      </c>
    </row>
    <row r="13404" spans="1:10" x14ac:dyDescent="0.35">
      <c r="A13404" s="5" t="s">
        <v>10</v>
      </c>
      <c r="B13404" s="6">
        <v>246978</v>
      </c>
      <c r="C13404" s="6" t="s">
        <v>68</v>
      </c>
      <c r="D13404" s="6" t="s">
        <v>69</v>
      </c>
      <c r="E13404" s="6">
        <v>11001</v>
      </c>
      <c r="F13404" s="6" t="s">
        <v>18</v>
      </c>
      <c r="G13404" s="6" t="s">
        <v>24820</v>
      </c>
      <c r="H13404" s="6" t="s">
        <v>24821</v>
      </c>
      <c r="I13404" s="7">
        <v>4.7433481000000004</v>
      </c>
      <c r="J13404" s="8">
        <v>-74.1140896</v>
      </c>
    </row>
    <row r="13405" spans="1:10" x14ac:dyDescent="0.35">
      <c r="A13405" s="5" t="s">
        <v>10</v>
      </c>
      <c r="B13405" s="6">
        <v>246982</v>
      </c>
      <c r="C13405" s="6" t="s">
        <v>302</v>
      </c>
      <c r="D13405" s="6" t="s">
        <v>4041</v>
      </c>
      <c r="E13405" s="6">
        <v>8758</v>
      </c>
      <c r="F13405" s="6" t="s">
        <v>18</v>
      </c>
      <c r="G13405" s="6" t="s">
        <v>24822</v>
      </c>
      <c r="H13405" s="6" t="s">
        <v>24823</v>
      </c>
      <c r="I13405" s="7">
        <v>10.9158744</v>
      </c>
      <c r="J13405" s="8">
        <v>-74.796447700000002</v>
      </c>
    </row>
    <row r="13406" spans="1:10" x14ac:dyDescent="0.35">
      <c r="A13406" s="5" t="s">
        <v>10</v>
      </c>
      <c r="B13406" s="6">
        <v>246987</v>
      </c>
      <c r="C13406" s="6" t="s">
        <v>68</v>
      </c>
      <c r="D13406" s="6" t="s">
        <v>69</v>
      </c>
      <c r="E13406" s="6">
        <v>11001</v>
      </c>
      <c r="F13406" s="6" t="s">
        <v>18</v>
      </c>
      <c r="G13406" s="6" t="s">
        <v>24824</v>
      </c>
      <c r="H13406" s="6" t="s">
        <v>24825</v>
      </c>
      <c r="I13406" s="7">
        <v>4.6187582999999997</v>
      </c>
      <c r="J13406" s="8">
        <v>-74.171417399999996</v>
      </c>
    </row>
    <row r="13407" spans="1:10" x14ac:dyDescent="0.35">
      <c r="A13407" s="5" t="s">
        <v>10</v>
      </c>
      <c r="B13407" s="6">
        <v>247008</v>
      </c>
      <c r="C13407" s="6" t="s">
        <v>68</v>
      </c>
      <c r="D13407" s="6" t="s">
        <v>69</v>
      </c>
      <c r="E13407" s="6">
        <v>11001</v>
      </c>
      <c r="F13407" s="6" t="s">
        <v>18</v>
      </c>
      <c r="G13407" s="6" t="s">
        <v>24826</v>
      </c>
      <c r="H13407" s="6" t="s">
        <v>24827</v>
      </c>
      <c r="I13407" s="7">
        <v>4.5874511</v>
      </c>
      <c r="J13407" s="8">
        <v>-74.163888700000001</v>
      </c>
    </row>
    <row r="13408" spans="1:10" x14ac:dyDescent="0.35">
      <c r="A13408" s="5" t="s">
        <v>10</v>
      </c>
      <c r="B13408" s="6">
        <v>247012</v>
      </c>
      <c r="C13408" s="6" t="s">
        <v>28</v>
      </c>
      <c r="D13408" s="6" t="s">
        <v>29</v>
      </c>
      <c r="E13408" s="6">
        <v>54001</v>
      </c>
      <c r="F13408" s="6" t="s">
        <v>18</v>
      </c>
      <c r="G13408" s="6" t="s">
        <v>24828</v>
      </c>
      <c r="H13408" s="6" t="s">
        <v>24829</v>
      </c>
      <c r="I13408" s="7">
        <v>7.9097742000000002</v>
      </c>
      <c r="J13408" s="8">
        <v>-72.511481200000006</v>
      </c>
    </row>
    <row r="13409" spans="1:10" x14ac:dyDescent="0.35">
      <c r="A13409" s="5" t="s">
        <v>10</v>
      </c>
      <c r="B13409" s="6">
        <v>247027</v>
      </c>
      <c r="C13409" s="6" t="s">
        <v>68</v>
      </c>
      <c r="D13409" s="6" t="s">
        <v>69</v>
      </c>
      <c r="E13409" s="6">
        <v>11001</v>
      </c>
      <c r="F13409" s="6" t="s">
        <v>13</v>
      </c>
      <c r="G13409" s="6" t="s">
        <v>24830</v>
      </c>
      <c r="H13409" s="6" t="s">
        <v>24831</v>
      </c>
      <c r="I13409" s="7">
        <v>4.6418568000000002</v>
      </c>
      <c r="J13409" s="8">
        <v>-74.139988299999999</v>
      </c>
    </row>
    <row r="13410" spans="1:10" x14ac:dyDescent="0.35">
      <c r="A13410" s="5" t="s">
        <v>10</v>
      </c>
      <c r="B13410" s="6">
        <v>247031</v>
      </c>
      <c r="C13410" s="6" t="s">
        <v>55</v>
      </c>
      <c r="D13410" s="6" t="s">
        <v>728</v>
      </c>
      <c r="E13410" s="6">
        <v>73675</v>
      </c>
      <c r="F13410" s="6" t="s">
        <v>18</v>
      </c>
      <c r="G13410" s="6" t="s">
        <v>24832</v>
      </c>
      <c r="H13410" s="6" t="s">
        <v>24833</v>
      </c>
      <c r="I13410" s="7">
        <v>3.9140990000000002</v>
      </c>
      <c r="J13410" s="8">
        <v>-75.479861</v>
      </c>
    </row>
    <row r="13411" spans="1:10" x14ac:dyDescent="0.35">
      <c r="A13411" s="5" t="s">
        <v>10</v>
      </c>
      <c r="B13411" s="6">
        <v>247032</v>
      </c>
      <c r="C13411" s="6" t="s">
        <v>28</v>
      </c>
      <c r="D13411" s="6" t="s">
        <v>49</v>
      </c>
      <c r="E13411" s="6">
        <v>54498</v>
      </c>
      <c r="F13411" s="6" t="s">
        <v>18</v>
      </c>
      <c r="G13411" s="6" t="s">
        <v>24834</v>
      </c>
      <c r="H13411" s="6" t="s">
        <v>24835</v>
      </c>
      <c r="I13411" s="7">
        <v>8.2399821000000006</v>
      </c>
      <c r="J13411" s="8">
        <v>-73.358784700000001</v>
      </c>
    </row>
    <row r="13412" spans="1:10" x14ac:dyDescent="0.35">
      <c r="A13412" s="5" t="s">
        <v>10</v>
      </c>
      <c r="B13412" s="6">
        <v>247033</v>
      </c>
      <c r="C13412" s="6" t="s">
        <v>302</v>
      </c>
      <c r="D13412" s="6" t="s">
        <v>4041</v>
      </c>
      <c r="E13412" s="6">
        <v>8758</v>
      </c>
      <c r="F13412" s="6" t="s">
        <v>18</v>
      </c>
      <c r="G13412" s="6" t="s">
        <v>113</v>
      </c>
      <c r="H13412" s="6" t="s">
        <v>24836</v>
      </c>
      <c r="I13412" s="7">
        <v>10.922620800000001</v>
      </c>
      <c r="J13412" s="8">
        <v>-74.791623400000006</v>
      </c>
    </row>
    <row r="13413" spans="1:10" x14ac:dyDescent="0.35">
      <c r="A13413" s="5" t="s">
        <v>10</v>
      </c>
      <c r="B13413" s="6">
        <v>247044</v>
      </c>
      <c r="C13413" s="6" t="s">
        <v>68</v>
      </c>
      <c r="D13413" s="6" t="s">
        <v>69</v>
      </c>
      <c r="E13413" s="6">
        <v>11001</v>
      </c>
      <c r="F13413" s="6" t="s">
        <v>2161</v>
      </c>
      <c r="G13413" s="6" t="s">
        <v>24837</v>
      </c>
      <c r="H13413" s="6" t="s">
        <v>24838</v>
      </c>
      <c r="I13413" s="7">
        <v>4.6994530000000001</v>
      </c>
      <c r="J13413" s="8">
        <v>-74.128824699999996</v>
      </c>
    </row>
    <row r="13414" spans="1:10" x14ac:dyDescent="0.35">
      <c r="A13414" s="5" t="s">
        <v>10</v>
      </c>
      <c r="B13414" s="6">
        <v>247048</v>
      </c>
      <c r="C13414" s="6" t="s">
        <v>68</v>
      </c>
      <c r="D13414" s="6" t="s">
        <v>69</v>
      </c>
      <c r="E13414" s="6">
        <v>11001</v>
      </c>
      <c r="F13414" s="6" t="s">
        <v>18</v>
      </c>
      <c r="G13414" s="6" t="s">
        <v>24839</v>
      </c>
      <c r="H13414" s="6" t="s">
        <v>24840</v>
      </c>
      <c r="I13414" s="7">
        <v>4.6239037999999999</v>
      </c>
      <c r="J13414" s="8">
        <v>-74.079877800000006</v>
      </c>
    </row>
    <row r="13415" spans="1:10" x14ac:dyDescent="0.35">
      <c r="A13415" s="5" t="s">
        <v>10</v>
      </c>
      <c r="B13415" s="6">
        <v>247050</v>
      </c>
      <c r="C13415" s="6" t="s">
        <v>68</v>
      </c>
      <c r="D13415" s="6" t="s">
        <v>69</v>
      </c>
      <c r="E13415" s="6">
        <v>11001</v>
      </c>
      <c r="F13415" s="6" t="s">
        <v>18</v>
      </c>
      <c r="G13415" s="6" t="s">
        <v>24841</v>
      </c>
      <c r="H13415" s="6" t="s">
        <v>24842</v>
      </c>
      <c r="I13415" s="7">
        <v>4.6441939000000003</v>
      </c>
      <c r="J13415" s="8">
        <v>-74.063383200000004</v>
      </c>
    </row>
    <row r="13416" spans="1:10" x14ac:dyDescent="0.35">
      <c r="A13416" s="5" t="s">
        <v>10</v>
      </c>
      <c r="B13416" s="6">
        <v>247056</v>
      </c>
      <c r="C13416" s="6" t="s">
        <v>117</v>
      </c>
      <c r="D13416" s="6" t="s">
        <v>118</v>
      </c>
      <c r="E13416" s="6">
        <v>76400</v>
      </c>
      <c r="F13416" s="6" t="s">
        <v>18</v>
      </c>
      <c r="G13416" s="6" t="s">
        <v>24843</v>
      </c>
      <c r="H13416" s="6" t="s">
        <v>24844</v>
      </c>
      <c r="I13416" s="7">
        <v>4.5311342000000003</v>
      </c>
      <c r="J13416" s="8">
        <v>-76.107294600000003</v>
      </c>
    </row>
    <row r="13417" spans="1:10" x14ac:dyDescent="0.35">
      <c r="A13417" s="5" t="s">
        <v>10</v>
      </c>
      <c r="B13417" s="6">
        <v>247062</v>
      </c>
      <c r="C13417" s="6" t="s">
        <v>278</v>
      </c>
      <c r="D13417" s="6" t="s">
        <v>279</v>
      </c>
      <c r="E13417" s="6">
        <v>50001</v>
      </c>
      <c r="F13417" s="6" t="s">
        <v>18</v>
      </c>
      <c r="G13417" s="6" t="s">
        <v>24845</v>
      </c>
      <c r="H13417" s="6" t="s">
        <v>24846</v>
      </c>
      <c r="I13417" s="7">
        <v>4.1222177999999996</v>
      </c>
      <c r="J13417" s="8">
        <v>-73.629394500000004</v>
      </c>
    </row>
    <row r="13418" spans="1:10" x14ac:dyDescent="0.35">
      <c r="A13418" s="5" t="s">
        <v>10</v>
      </c>
      <c r="B13418" s="6">
        <v>247069</v>
      </c>
      <c r="C13418" s="6" t="s">
        <v>55</v>
      </c>
      <c r="D13418" s="6" t="s">
        <v>56</v>
      </c>
      <c r="E13418" s="6">
        <v>73001</v>
      </c>
      <c r="F13418" s="6" t="s">
        <v>18</v>
      </c>
      <c r="G13418" s="6" t="s">
        <v>7521</v>
      </c>
      <c r="H13418" s="6" t="s">
        <v>24847</v>
      </c>
      <c r="I13418" s="7">
        <v>4.4475458999999997</v>
      </c>
      <c r="J13418" s="8">
        <v>-75.248530599999995</v>
      </c>
    </row>
    <row r="13419" spans="1:10" x14ac:dyDescent="0.35">
      <c r="A13419" s="5" t="s">
        <v>10</v>
      </c>
      <c r="B13419" s="6">
        <v>247071</v>
      </c>
      <c r="C13419" s="6" t="s">
        <v>68</v>
      </c>
      <c r="D13419" s="6" t="s">
        <v>69</v>
      </c>
      <c r="E13419" s="6">
        <v>11001</v>
      </c>
      <c r="F13419" s="6" t="s">
        <v>18</v>
      </c>
      <c r="G13419" s="6" t="s">
        <v>24848</v>
      </c>
      <c r="H13419" s="6" t="s">
        <v>24849</v>
      </c>
      <c r="I13419" s="7">
        <v>4.7357449999999996</v>
      </c>
      <c r="J13419" s="8">
        <v>-74.101770200000004</v>
      </c>
    </row>
    <row r="13420" spans="1:10" x14ac:dyDescent="0.35">
      <c r="A13420" s="5" t="s">
        <v>10</v>
      </c>
      <c r="B13420" s="6">
        <v>247081</v>
      </c>
      <c r="C13420" s="6" t="s">
        <v>2821</v>
      </c>
      <c r="D13420" s="6" t="s">
        <v>1524</v>
      </c>
      <c r="E13420" s="6">
        <v>47318</v>
      </c>
      <c r="F13420" s="6" t="s">
        <v>18</v>
      </c>
      <c r="G13420" s="6" t="s">
        <v>24850</v>
      </c>
      <c r="H13420" s="6" t="s">
        <v>24851</v>
      </c>
      <c r="I13420" s="7">
        <v>11.248729300000001</v>
      </c>
      <c r="J13420" s="8">
        <v>-74.204991899999996</v>
      </c>
    </row>
    <row r="13421" spans="1:10" x14ac:dyDescent="0.35">
      <c r="A13421" s="5" t="s">
        <v>10</v>
      </c>
      <c r="B13421" s="6">
        <v>247083</v>
      </c>
      <c r="C13421" s="6" t="s">
        <v>68</v>
      </c>
      <c r="D13421" s="6" t="s">
        <v>69</v>
      </c>
      <c r="E13421" s="6">
        <v>11001</v>
      </c>
      <c r="F13421" s="6" t="s">
        <v>18</v>
      </c>
      <c r="G13421" s="6" t="s">
        <v>24852</v>
      </c>
      <c r="H13421" s="6" t="s">
        <v>24853</v>
      </c>
      <c r="I13421" s="7">
        <v>4.7524158999999999</v>
      </c>
      <c r="J13421" s="8">
        <v>-74.122246399999995</v>
      </c>
    </row>
    <row r="13422" spans="1:10" x14ac:dyDescent="0.35">
      <c r="A13422" s="5" t="s">
        <v>10</v>
      </c>
      <c r="B13422" s="6">
        <v>247085</v>
      </c>
      <c r="C13422" s="6" t="s">
        <v>308</v>
      </c>
      <c r="D13422" s="6" t="s">
        <v>9180</v>
      </c>
      <c r="E13422" s="6">
        <v>23675</v>
      </c>
      <c r="F13422" s="6" t="s">
        <v>18</v>
      </c>
      <c r="G13422" s="6" t="s">
        <v>24854</v>
      </c>
      <c r="H13422" s="6" t="s">
        <v>24855</v>
      </c>
      <c r="I13422" s="7">
        <v>9.3520496000000009</v>
      </c>
      <c r="J13422" s="8">
        <v>-75.953422799999998</v>
      </c>
    </row>
    <row r="13423" spans="1:10" x14ac:dyDescent="0.35">
      <c r="A13423" s="5" t="s">
        <v>10</v>
      </c>
      <c r="B13423" s="6">
        <v>247090</v>
      </c>
      <c r="C13423" s="6" t="s">
        <v>11</v>
      </c>
      <c r="D13423" s="6" t="s">
        <v>337</v>
      </c>
      <c r="E13423" s="6">
        <v>25290</v>
      </c>
      <c r="F13423" s="6" t="s">
        <v>18</v>
      </c>
      <c r="G13423" s="6" t="s">
        <v>24856</v>
      </c>
      <c r="H13423" s="6" t="s">
        <v>24857</v>
      </c>
      <c r="I13423" s="7">
        <v>4.3292126</v>
      </c>
      <c r="J13423" s="8">
        <v>-74.392985800000005</v>
      </c>
    </row>
    <row r="13424" spans="1:10" x14ac:dyDescent="0.35">
      <c r="A13424" s="5" t="s">
        <v>10</v>
      </c>
      <c r="B13424" s="6">
        <v>247091</v>
      </c>
      <c r="C13424" s="6" t="s">
        <v>278</v>
      </c>
      <c r="D13424" s="6" t="s">
        <v>2421</v>
      </c>
      <c r="E13424" s="6">
        <v>50573</v>
      </c>
      <c r="F13424" s="6" t="s">
        <v>18</v>
      </c>
      <c r="G13424" s="6" t="s">
        <v>24858</v>
      </c>
      <c r="H13424" s="6" t="s">
        <v>24859</v>
      </c>
      <c r="I13424" s="7">
        <v>4.0932016999999998</v>
      </c>
      <c r="J13424" s="8">
        <v>-72.956589300000005</v>
      </c>
    </row>
    <row r="13425" spans="1:10" x14ac:dyDescent="0.35">
      <c r="A13425" s="5" t="s">
        <v>10</v>
      </c>
      <c r="B13425" s="6">
        <v>247098</v>
      </c>
      <c r="C13425" s="6" t="s">
        <v>117</v>
      </c>
      <c r="D13425" s="6" t="s">
        <v>1334</v>
      </c>
      <c r="E13425" s="6">
        <v>76001</v>
      </c>
      <c r="F13425" s="6" t="s">
        <v>18</v>
      </c>
      <c r="G13425" s="6" t="s">
        <v>24860</v>
      </c>
      <c r="H13425" s="6" t="s">
        <v>24861</v>
      </c>
      <c r="I13425" s="7">
        <v>3.4491238000000002</v>
      </c>
      <c r="J13425" s="8">
        <v>-76.534803199999999</v>
      </c>
    </row>
    <row r="13426" spans="1:10" x14ac:dyDescent="0.35">
      <c r="A13426" s="5" t="s">
        <v>10</v>
      </c>
      <c r="B13426" s="6">
        <v>247145</v>
      </c>
      <c r="C13426" s="6" t="s">
        <v>68</v>
      </c>
      <c r="D13426" s="6" t="s">
        <v>69</v>
      </c>
      <c r="E13426" s="6">
        <v>11001</v>
      </c>
      <c r="F13426" s="6" t="s">
        <v>18</v>
      </c>
      <c r="G13426" s="6" t="s">
        <v>113</v>
      </c>
      <c r="H13426" s="6" t="s">
        <v>24862</v>
      </c>
      <c r="I13426" s="7">
        <v>4.6800381</v>
      </c>
      <c r="J13426" s="8">
        <v>-74.064346599999993</v>
      </c>
    </row>
    <row r="13427" spans="1:10" x14ac:dyDescent="0.35">
      <c r="A13427" s="5" t="s">
        <v>10</v>
      </c>
      <c r="B13427" s="6">
        <v>247146</v>
      </c>
      <c r="C13427" s="6" t="s">
        <v>68</v>
      </c>
      <c r="D13427" s="6" t="s">
        <v>69</v>
      </c>
      <c r="E13427" s="6">
        <v>11001</v>
      </c>
      <c r="F13427" s="6" t="s">
        <v>18</v>
      </c>
      <c r="G13427" s="6" t="s">
        <v>24863</v>
      </c>
      <c r="H13427" s="6" t="s">
        <v>24864</v>
      </c>
      <c r="I13427" s="7">
        <v>4.6823357999999997</v>
      </c>
      <c r="J13427" s="8">
        <v>-74.065206700000005</v>
      </c>
    </row>
    <row r="13428" spans="1:10" x14ac:dyDescent="0.35">
      <c r="A13428" s="5" t="s">
        <v>10</v>
      </c>
      <c r="B13428" s="6">
        <v>247150</v>
      </c>
      <c r="C13428" s="6" t="s">
        <v>117</v>
      </c>
      <c r="D13428" s="6" t="s">
        <v>3860</v>
      </c>
      <c r="E13428" s="6">
        <v>76130</v>
      </c>
      <c r="F13428" s="6" t="s">
        <v>18</v>
      </c>
      <c r="G13428" s="6" t="s">
        <v>24865</v>
      </c>
      <c r="H13428" s="6" t="s">
        <v>24866</v>
      </c>
      <c r="I13428" s="7">
        <v>3.4204737999999999</v>
      </c>
      <c r="J13428" s="8">
        <v>-76.522284299999995</v>
      </c>
    </row>
    <row r="13429" spans="1:10" x14ac:dyDescent="0.35">
      <c r="A13429" s="5" t="s">
        <v>10</v>
      </c>
      <c r="B13429" s="6">
        <v>247153</v>
      </c>
      <c r="C13429" s="6" t="s">
        <v>11</v>
      </c>
      <c r="D13429" s="6" t="s">
        <v>1411</v>
      </c>
      <c r="E13429" s="6">
        <v>25279</v>
      </c>
      <c r="F13429" s="6" t="s">
        <v>18</v>
      </c>
      <c r="G13429" s="6" t="s">
        <v>24867</v>
      </c>
      <c r="H13429" s="6" t="s">
        <v>24868</v>
      </c>
      <c r="I13429" s="7">
        <v>4.4852145999999999</v>
      </c>
      <c r="J13429" s="8">
        <v>-73.893761100000006</v>
      </c>
    </row>
    <row r="13430" spans="1:10" x14ac:dyDescent="0.35">
      <c r="A13430" s="5" t="s">
        <v>10</v>
      </c>
      <c r="B13430" s="6">
        <v>247155</v>
      </c>
      <c r="C13430" s="6" t="s">
        <v>294</v>
      </c>
      <c r="D13430" s="6" t="s">
        <v>4634</v>
      </c>
      <c r="E13430" s="6">
        <v>41020</v>
      </c>
      <c r="F13430" s="6" t="s">
        <v>18</v>
      </c>
      <c r="G13430" s="6" t="s">
        <v>24869</v>
      </c>
      <c r="H13430" s="6" t="s">
        <v>24870</v>
      </c>
      <c r="I13430" s="7">
        <v>2.5232860000000001</v>
      </c>
      <c r="J13430" s="8">
        <v>-75.315622899999994</v>
      </c>
    </row>
    <row r="13431" spans="1:10" x14ac:dyDescent="0.35">
      <c r="A13431" s="5" t="s">
        <v>10</v>
      </c>
      <c r="B13431" s="6">
        <v>247158</v>
      </c>
      <c r="C13431" s="6" t="s">
        <v>117</v>
      </c>
      <c r="D13431" s="6" t="s">
        <v>12206</v>
      </c>
      <c r="E13431" s="6">
        <v>76845</v>
      </c>
      <c r="F13431" s="6" t="s">
        <v>18</v>
      </c>
      <c r="G13431" s="6" t="s">
        <v>24871</v>
      </c>
      <c r="H13431" s="6" t="s">
        <v>24872</v>
      </c>
      <c r="I13431" s="7">
        <v>4.7030364999999996</v>
      </c>
      <c r="J13431" s="8">
        <v>-75.737737100000004</v>
      </c>
    </row>
    <row r="13432" spans="1:10" x14ac:dyDescent="0.35">
      <c r="A13432" s="5" t="s">
        <v>10</v>
      </c>
      <c r="B13432" s="6">
        <v>247171</v>
      </c>
      <c r="C13432" s="6" t="s">
        <v>16</v>
      </c>
      <c r="D13432" s="6" t="s">
        <v>78</v>
      </c>
      <c r="E13432" s="6">
        <v>68001</v>
      </c>
      <c r="F13432" s="6" t="s">
        <v>18</v>
      </c>
      <c r="G13432" s="6" t="s">
        <v>24873</v>
      </c>
      <c r="H13432" s="6" t="s">
        <v>24874</v>
      </c>
      <c r="I13432" s="7">
        <v>7.0898364999999997</v>
      </c>
      <c r="J13432" s="8">
        <v>-73.113835699999996</v>
      </c>
    </row>
    <row r="13433" spans="1:10" x14ac:dyDescent="0.35">
      <c r="A13433" s="5" t="s">
        <v>10</v>
      </c>
      <c r="B13433" s="6">
        <v>247181</v>
      </c>
      <c r="C13433" s="6" t="s">
        <v>302</v>
      </c>
      <c r="D13433" s="6" t="s">
        <v>359</v>
      </c>
      <c r="E13433" s="6">
        <v>8001</v>
      </c>
      <c r="F13433" s="6" t="s">
        <v>18</v>
      </c>
      <c r="G13433" s="6" t="s">
        <v>24875</v>
      </c>
      <c r="H13433" s="6" t="s">
        <v>24876</v>
      </c>
      <c r="I13433" s="7">
        <v>10.963889999999999</v>
      </c>
      <c r="J13433" s="8">
        <v>-74.807799799999998</v>
      </c>
    </row>
    <row r="13434" spans="1:10" x14ac:dyDescent="0.35">
      <c r="A13434" s="5" t="s">
        <v>10</v>
      </c>
      <c r="B13434" s="6">
        <v>247189</v>
      </c>
      <c r="C13434" s="6" t="s">
        <v>38</v>
      </c>
      <c r="D13434" s="6" t="s">
        <v>431</v>
      </c>
      <c r="E13434" s="6">
        <v>19397</v>
      </c>
      <c r="F13434" s="6" t="s">
        <v>18</v>
      </c>
      <c r="G13434" s="6" t="s">
        <v>24877</v>
      </c>
      <c r="H13434" s="6" t="s">
        <v>24878</v>
      </c>
      <c r="I13434" s="7">
        <v>3.4466294</v>
      </c>
      <c r="J13434" s="8">
        <v>-76.536878599999994</v>
      </c>
    </row>
    <row r="13435" spans="1:10" x14ac:dyDescent="0.35">
      <c r="A13435" s="5" t="s">
        <v>10</v>
      </c>
      <c r="B13435" s="6">
        <v>247191</v>
      </c>
      <c r="C13435" s="6" t="s">
        <v>24</v>
      </c>
      <c r="D13435" s="6" t="s">
        <v>688</v>
      </c>
      <c r="E13435" s="6">
        <v>15667</v>
      </c>
      <c r="F13435" s="6" t="s">
        <v>18</v>
      </c>
      <c r="G13435" s="6" t="s">
        <v>24879</v>
      </c>
      <c r="H13435" s="6" t="s">
        <v>24880</v>
      </c>
      <c r="I13435" s="7">
        <v>4.8191575000000002</v>
      </c>
      <c r="J13435" s="8">
        <v>-73.169132300000001</v>
      </c>
    </row>
    <row r="13436" spans="1:10" x14ac:dyDescent="0.35">
      <c r="A13436" s="5" t="s">
        <v>10</v>
      </c>
      <c r="B13436" s="6">
        <v>247195</v>
      </c>
      <c r="C13436" s="6" t="s">
        <v>68</v>
      </c>
      <c r="D13436" s="6" t="s">
        <v>69</v>
      </c>
      <c r="E13436" s="6">
        <v>11001</v>
      </c>
      <c r="F13436" s="6" t="s">
        <v>2161</v>
      </c>
      <c r="G13436" s="6" t="s">
        <v>24881</v>
      </c>
      <c r="H13436" s="6" t="s">
        <v>24882</v>
      </c>
      <c r="I13436" s="7">
        <v>4.5936801999999997</v>
      </c>
      <c r="J13436" s="8">
        <v>-74.097797600000007</v>
      </c>
    </row>
    <row r="13437" spans="1:10" x14ac:dyDescent="0.35">
      <c r="A13437" s="5" t="s">
        <v>10</v>
      </c>
      <c r="B13437" s="6">
        <v>247196</v>
      </c>
      <c r="C13437" s="6" t="s">
        <v>68</v>
      </c>
      <c r="D13437" s="6" t="s">
        <v>69</v>
      </c>
      <c r="E13437" s="6">
        <v>11001</v>
      </c>
      <c r="F13437" s="6" t="s">
        <v>18</v>
      </c>
      <c r="G13437" s="6" t="s">
        <v>24883</v>
      </c>
      <c r="H13437" s="6" t="s">
        <v>24884</v>
      </c>
      <c r="I13437" s="7">
        <v>4.6330027999999999</v>
      </c>
      <c r="J13437" s="8">
        <v>-74.154400499999994</v>
      </c>
    </row>
    <row r="13438" spans="1:10" x14ac:dyDescent="0.35">
      <c r="A13438" s="5" t="s">
        <v>10</v>
      </c>
      <c r="B13438" s="6">
        <v>247197</v>
      </c>
      <c r="C13438" s="6" t="s">
        <v>68</v>
      </c>
      <c r="D13438" s="6" t="s">
        <v>69</v>
      </c>
      <c r="E13438" s="6">
        <v>11001</v>
      </c>
      <c r="F13438" s="6" t="s">
        <v>18</v>
      </c>
      <c r="G13438" s="6" t="s">
        <v>24885</v>
      </c>
      <c r="H13438" s="6" t="s">
        <v>24886</v>
      </c>
      <c r="I13438" s="7">
        <v>4.6446911999999996</v>
      </c>
      <c r="J13438" s="8">
        <v>-74.068470500000004</v>
      </c>
    </row>
    <row r="13439" spans="1:10" x14ac:dyDescent="0.35">
      <c r="A13439" s="5" t="s">
        <v>10</v>
      </c>
      <c r="B13439" s="6">
        <v>247198</v>
      </c>
      <c r="C13439" s="6" t="s">
        <v>11</v>
      </c>
      <c r="D13439" s="6" t="s">
        <v>334</v>
      </c>
      <c r="E13439" s="6">
        <v>25754</v>
      </c>
      <c r="F13439" s="6" t="s">
        <v>18</v>
      </c>
      <c r="G13439" s="6" t="s">
        <v>24887</v>
      </c>
      <c r="H13439" s="6" t="s">
        <v>24888</v>
      </c>
      <c r="I13439" s="7">
        <v>4.5823964000000004</v>
      </c>
      <c r="J13439" s="8">
        <v>-74.216662299999996</v>
      </c>
    </row>
    <row r="13440" spans="1:10" x14ac:dyDescent="0.35">
      <c r="A13440" s="5" t="s">
        <v>10</v>
      </c>
      <c r="B13440" s="6">
        <v>247211</v>
      </c>
      <c r="C13440" s="6" t="s">
        <v>190</v>
      </c>
      <c r="D13440" s="6" t="s">
        <v>12218</v>
      </c>
      <c r="E13440" s="6">
        <v>5887</v>
      </c>
      <c r="F13440" s="6" t="s">
        <v>18</v>
      </c>
      <c r="G13440" s="6" t="s">
        <v>24889</v>
      </c>
      <c r="H13440" s="6" t="s">
        <v>24890</v>
      </c>
      <c r="I13440" s="7">
        <v>6.9621322000000001</v>
      </c>
      <c r="J13440" s="8">
        <v>-75.417696800000002</v>
      </c>
    </row>
    <row r="13441" spans="1:10" x14ac:dyDescent="0.35">
      <c r="A13441" s="5" t="s">
        <v>10</v>
      </c>
      <c r="B13441" s="6">
        <v>247216</v>
      </c>
      <c r="C13441" s="6" t="s">
        <v>68</v>
      </c>
      <c r="D13441" s="6" t="s">
        <v>69</v>
      </c>
      <c r="E13441" s="6">
        <v>11001</v>
      </c>
      <c r="F13441" s="6" t="s">
        <v>18</v>
      </c>
      <c r="G13441" s="6" t="s">
        <v>24891</v>
      </c>
      <c r="H13441" s="6" t="s">
        <v>24892</v>
      </c>
      <c r="I13441" s="7">
        <v>4.6298830999999998</v>
      </c>
      <c r="J13441" s="8">
        <v>-74.1789141</v>
      </c>
    </row>
    <row r="13442" spans="1:10" x14ac:dyDescent="0.35">
      <c r="A13442" s="5" t="s">
        <v>10</v>
      </c>
      <c r="B13442" s="6">
        <v>247219</v>
      </c>
      <c r="C13442" s="6" t="s">
        <v>16</v>
      </c>
      <c r="D13442" s="6" t="s">
        <v>7765</v>
      </c>
      <c r="E13442" s="6">
        <v>68235</v>
      </c>
      <c r="F13442" s="6" t="s">
        <v>18</v>
      </c>
      <c r="G13442" s="6" t="s">
        <v>24893</v>
      </c>
      <c r="H13442" s="6" t="s">
        <v>24894</v>
      </c>
      <c r="I13442" s="7">
        <v>6.6982412</v>
      </c>
      <c r="J13442" s="8">
        <v>-73.511173400000004</v>
      </c>
    </row>
    <row r="13443" spans="1:10" x14ac:dyDescent="0.35">
      <c r="A13443" s="5" t="s">
        <v>10</v>
      </c>
      <c r="B13443" s="6">
        <v>247222</v>
      </c>
      <c r="C13443" s="6" t="s">
        <v>294</v>
      </c>
      <c r="D13443" s="6" t="s">
        <v>703</v>
      </c>
      <c r="E13443" s="6">
        <v>41001</v>
      </c>
      <c r="F13443" s="6" t="s">
        <v>18</v>
      </c>
      <c r="G13443" s="6" t="s">
        <v>24895</v>
      </c>
      <c r="H13443" s="6" t="s">
        <v>24896</v>
      </c>
      <c r="I13443" s="7">
        <v>2.9322818000000002</v>
      </c>
      <c r="J13443" s="8">
        <v>-75.299063000000004</v>
      </c>
    </row>
    <row r="13444" spans="1:10" x14ac:dyDescent="0.35">
      <c r="A13444" s="5" t="s">
        <v>10</v>
      </c>
      <c r="B13444" s="6">
        <v>247226</v>
      </c>
      <c r="C13444" s="6" t="s">
        <v>190</v>
      </c>
      <c r="D13444" s="6" t="s">
        <v>14059</v>
      </c>
      <c r="E13444" s="6">
        <v>5670</v>
      </c>
      <c r="F13444" s="6" t="s">
        <v>18</v>
      </c>
      <c r="G13444" s="6" t="s">
        <v>24897</v>
      </c>
      <c r="H13444" s="6" t="s">
        <v>24898</v>
      </c>
      <c r="I13444" s="7">
        <v>6.4858310000000001</v>
      </c>
      <c r="J13444" s="8">
        <v>-75.019622999999996</v>
      </c>
    </row>
    <row r="13445" spans="1:10" x14ac:dyDescent="0.35">
      <c r="A13445" s="5" t="s">
        <v>10</v>
      </c>
      <c r="B13445" s="6">
        <v>247231</v>
      </c>
      <c r="C13445" s="6" t="s">
        <v>302</v>
      </c>
      <c r="D13445" s="6" t="s">
        <v>303</v>
      </c>
      <c r="E13445" s="6">
        <v>8638</v>
      </c>
      <c r="F13445" s="6" t="s">
        <v>18</v>
      </c>
      <c r="G13445" s="6" t="s">
        <v>113</v>
      </c>
      <c r="H13445" s="6" t="s">
        <v>24899</v>
      </c>
      <c r="I13445" s="7">
        <v>10.625352700000001</v>
      </c>
      <c r="J13445" s="8">
        <v>-74.922857500000006</v>
      </c>
    </row>
    <row r="13446" spans="1:10" x14ac:dyDescent="0.35">
      <c r="A13446" s="5" t="s">
        <v>10</v>
      </c>
      <c r="B13446" s="6">
        <v>247234</v>
      </c>
      <c r="C13446" s="6" t="s">
        <v>68</v>
      </c>
      <c r="D13446" s="6" t="s">
        <v>69</v>
      </c>
      <c r="E13446" s="6">
        <v>11001</v>
      </c>
      <c r="F13446" s="6" t="s">
        <v>2161</v>
      </c>
      <c r="G13446" s="6" t="s">
        <v>24900</v>
      </c>
      <c r="H13446" s="6" t="s">
        <v>24901</v>
      </c>
      <c r="I13446" s="7">
        <v>4.5161445999999996</v>
      </c>
      <c r="J13446" s="8">
        <v>-74.093681399999994</v>
      </c>
    </row>
    <row r="13447" spans="1:10" x14ac:dyDescent="0.35">
      <c r="A13447" s="5" t="s">
        <v>10</v>
      </c>
      <c r="B13447" s="6">
        <v>247239</v>
      </c>
      <c r="C13447" s="6" t="s">
        <v>38</v>
      </c>
      <c r="D13447" s="6" t="s">
        <v>39</v>
      </c>
      <c r="E13447" s="6">
        <v>19001</v>
      </c>
      <c r="F13447" s="6" t="s">
        <v>18</v>
      </c>
      <c r="G13447" s="6" t="s">
        <v>24902</v>
      </c>
      <c r="H13447" s="6" t="s">
        <v>24903</v>
      </c>
      <c r="I13447" s="7">
        <v>2.4463813999999999</v>
      </c>
      <c r="J13447" s="8">
        <v>-76.624284399999993</v>
      </c>
    </row>
    <row r="13448" spans="1:10" x14ac:dyDescent="0.35">
      <c r="A13448" s="5" t="s">
        <v>10</v>
      </c>
      <c r="B13448" s="6">
        <v>247245</v>
      </c>
      <c r="C13448" s="6" t="s">
        <v>68</v>
      </c>
      <c r="D13448" s="6" t="s">
        <v>69</v>
      </c>
      <c r="E13448" s="6">
        <v>11001</v>
      </c>
      <c r="F13448" s="6" t="s">
        <v>18</v>
      </c>
      <c r="G13448" s="6" t="s">
        <v>17544</v>
      </c>
      <c r="H13448" s="6" t="s">
        <v>24904</v>
      </c>
      <c r="I13448" s="7">
        <v>4.5370485</v>
      </c>
      <c r="J13448" s="8">
        <v>-74.115535199999997</v>
      </c>
    </row>
    <row r="13449" spans="1:10" x14ac:dyDescent="0.35">
      <c r="A13449" s="5" t="s">
        <v>10</v>
      </c>
      <c r="B13449" s="6">
        <v>247247</v>
      </c>
      <c r="C13449" s="6" t="s">
        <v>28</v>
      </c>
      <c r="D13449" s="6" t="s">
        <v>29</v>
      </c>
      <c r="E13449" s="6">
        <v>54001</v>
      </c>
      <c r="F13449" s="6" t="s">
        <v>18</v>
      </c>
      <c r="G13449" s="6" t="s">
        <v>24905</v>
      </c>
      <c r="H13449" s="6" t="s">
        <v>24906</v>
      </c>
      <c r="I13449" s="7">
        <v>7.9222783000000003</v>
      </c>
      <c r="J13449" s="8">
        <v>-72.545803699999993</v>
      </c>
    </row>
    <row r="13450" spans="1:10" x14ac:dyDescent="0.35">
      <c r="A13450" s="5" t="s">
        <v>10</v>
      </c>
      <c r="B13450" s="6">
        <v>247265</v>
      </c>
      <c r="C13450" s="6" t="s">
        <v>190</v>
      </c>
      <c r="D13450" s="6" t="s">
        <v>191</v>
      </c>
      <c r="E13450" s="6">
        <v>5001</v>
      </c>
      <c r="F13450" s="6" t="s">
        <v>18</v>
      </c>
      <c r="G13450" s="6" t="s">
        <v>24907</v>
      </c>
      <c r="H13450" s="6" t="s">
        <v>24908</v>
      </c>
      <c r="I13450" s="7">
        <v>6.2722636999999999</v>
      </c>
      <c r="J13450" s="8">
        <v>-75.601417299999994</v>
      </c>
    </row>
    <row r="13451" spans="1:10" x14ac:dyDescent="0.35">
      <c r="A13451" s="5" t="s">
        <v>10</v>
      </c>
      <c r="B13451" s="6">
        <v>247266</v>
      </c>
      <c r="C13451" s="6" t="s">
        <v>117</v>
      </c>
      <c r="D13451" s="6" t="s">
        <v>118</v>
      </c>
      <c r="E13451" s="6">
        <v>76400</v>
      </c>
      <c r="F13451" s="6" t="s">
        <v>18</v>
      </c>
      <c r="G13451" s="6" t="s">
        <v>24909</v>
      </c>
      <c r="H13451" s="6" t="s">
        <v>24910</v>
      </c>
      <c r="I13451" s="7">
        <v>4.5317428</v>
      </c>
      <c r="J13451" s="8">
        <v>-76.101949700000006</v>
      </c>
    </row>
    <row r="13452" spans="1:10" x14ac:dyDescent="0.35">
      <c r="A13452" s="5" t="s">
        <v>10</v>
      </c>
      <c r="B13452" s="6">
        <v>247272</v>
      </c>
      <c r="C13452" s="6" t="s">
        <v>68</v>
      </c>
      <c r="D13452" s="6" t="s">
        <v>69</v>
      </c>
      <c r="E13452" s="6">
        <v>11001</v>
      </c>
      <c r="F13452" s="6" t="s">
        <v>18</v>
      </c>
      <c r="G13452" s="6" t="s">
        <v>24911</v>
      </c>
      <c r="H13452" s="6" t="s">
        <v>24912</v>
      </c>
      <c r="I13452" s="7">
        <v>4.7088836000000001</v>
      </c>
      <c r="J13452" s="8">
        <v>-74.135834599999995</v>
      </c>
    </row>
    <row r="13453" spans="1:10" x14ac:dyDescent="0.35">
      <c r="A13453" s="5" t="s">
        <v>10</v>
      </c>
      <c r="B13453" s="6">
        <v>247273</v>
      </c>
      <c r="C13453" s="6" t="s">
        <v>11</v>
      </c>
      <c r="D13453" s="6" t="s">
        <v>101</v>
      </c>
      <c r="E13453" s="6">
        <v>25473</v>
      </c>
      <c r="F13453" s="6" t="s">
        <v>18</v>
      </c>
      <c r="G13453" s="6" t="s">
        <v>24913</v>
      </c>
      <c r="H13453" s="6" t="s">
        <v>24914</v>
      </c>
      <c r="I13453" s="7">
        <v>4.6940983000000003</v>
      </c>
      <c r="J13453" s="8">
        <v>-74.192019299999998</v>
      </c>
    </row>
    <row r="13454" spans="1:10" x14ac:dyDescent="0.35">
      <c r="A13454" s="5" t="s">
        <v>10</v>
      </c>
      <c r="B13454" s="6">
        <v>247277</v>
      </c>
      <c r="C13454" s="6" t="s">
        <v>466</v>
      </c>
      <c r="D13454" s="6" t="s">
        <v>1262</v>
      </c>
      <c r="E13454" s="6">
        <v>81001</v>
      </c>
      <c r="F13454" s="6" t="s">
        <v>18</v>
      </c>
      <c r="G13454" s="6" t="s">
        <v>24915</v>
      </c>
      <c r="H13454" s="6" t="s">
        <v>24916</v>
      </c>
      <c r="I13454" s="7">
        <v>7.0833596999999999</v>
      </c>
      <c r="J13454" s="8">
        <v>-70.760492299999996</v>
      </c>
    </row>
    <row r="13455" spans="1:10" x14ac:dyDescent="0.35">
      <c r="A13455" s="5" t="s">
        <v>10</v>
      </c>
      <c r="B13455" s="6">
        <v>247285</v>
      </c>
      <c r="C13455" s="6" t="s">
        <v>68</v>
      </c>
      <c r="D13455" s="6" t="s">
        <v>69</v>
      </c>
      <c r="E13455" s="6">
        <v>11001</v>
      </c>
      <c r="F13455" s="6" t="s">
        <v>18</v>
      </c>
      <c r="G13455" s="6" t="s">
        <v>24917</v>
      </c>
      <c r="H13455" s="6" t="s">
        <v>24918</v>
      </c>
      <c r="I13455" s="7">
        <v>4.6162539999999996</v>
      </c>
      <c r="J13455" s="8">
        <v>-74.152323699999997</v>
      </c>
    </row>
    <row r="13456" spans="1:10" x14ac:dyDescent="0.35">
      <c r="A13456" s="5" t="s">
        <v>10</v>
      </c>
      <c r="B13456" s="6">
        <v>247287</v>
      </c>
      <c r="C13456" s="6" t="s">
        <v>16</v>
      </c>
      <c r="D13456" s="6" t="s">
        <v>7769</v>
      </c>
      <c r="E13456" s="6">
        <v>68689</v>
      </c>
      <c r="F13456" s="6" t="s">
        <v>18</v>
      </c>
      <c r="G13456" s="6" t="s">
        <v>24919</v>
      </c>
      <c r="H13456" s="6" t="s">
        <v>24920</v>
      </c>
      <c r="I13456" s="7">
        <v>6.880471</v>
      </c>
      <c r="J13456" s="8">
        <v>-73.410560000000004</v>
      </c>
    </row>
    <row r="13457" spans="1:10" x14ac:dyDescent="0.35">
      <c r="A13457" s="5" t="s">
        <v>10</v>
      </c>
      <c r="B13457" s="6">
        <v>247292</v>
      </c>
      <c r="C13457" s="6" t="s">
        <v>302</v>
      </c>
      <c r="D13457" s="6" t="s">
        <v>9646</v>
      </c>
      <c r="E13457" s="6">
        <v>8606</v>
      </c>
      <c r="F13457" s="6" t="s">
        <v>18</v>
      </c>
      <c r="G13457" s="6" t="s">
        <v>24921</v>
      </c>
      <c r="H13457" s="6" t="s">
        <v>24922</v>
      </c>
      <c r="I13457" s="7">
        <v>10.494762</v>
      </c>
      <c r="J13457" s="8">
        <v>-75.123705999999999</v>
      </c>
    </row>
    <row r="13458" spans="1:10" x14ac:dyDescent="0.35">
      <c r="A13458" s="5" t="s">
        <v>10</v>
      </c>
      <c r="B13458" s="6">
        <v>247294</v>
      </c>
      <c r="C13458" s="6" t="s">
        <v>109</v>
      </c>
      <c r="D13458" s="6" t="s">
        <v>227</v>
      </c>
      <c r="E13458" s="6">
        <v>13001</v>
      </c>
      <c r="F13458" s="6" t="s">
        <v>18</v>
      </c>
      <c r="G13458" s="6" t="s">
        <v>24923</v>
      </c>
      <c r="H13458" s="6" t="s">
        <v>24924</v>
      </c>
      <c r="I13458" s="7">
        <v>10.3547577</v>
      </c>
      <c r="J13458" s="8">
        <v>-75.491876700000006</v>
      </c>
    </row>
    <row r="13459" spans="1:10" x14ac:dyDescent="0.35">
      <c r="A13459" s="5" t="s">
        <v>10</v>
      </c>
      <c r="B13459" s="6">
        <v>247295</v>
      </c>
      <c r="C13459" s="6" t="s">
        <v>190</v>
      </c>
      <c r="D13459" s="6" t="s">
        <v>191</v>
      </c>
      <c r="E13459" s="6">
        <v>5001</v>
      </c>
      <c r="F13459" s="6" t="s">
        <v>18</v>
      </c>
      <c r="G13459" s="6" t="s">
        <v>24925</v>
      </c>
      <c r="H13459" s="6" t="s">
        <v>24926</v>
      </c>
      <c r="I13459" s="7">
        <v>6.2761592999999998</v>
      </c>
      <c r="J13459" s="8">
        <v>-75.581413299999994</v>
      </c>
    </row>
    <row r="13460" spans="1:10" x14ac:dyDescent="0.35">
      <c r="A13460" s="5" t="s">
        <v>10</v>
      </c>
      <c r="B13460" s="6">
        <v>247319</v>
      </c>
      <c r="C13460" s="6" t="s">
        <v>457</v>
      </c>
      <c r="D13460" s="6" t="s">
        <v>13567</v>
      </c>
      <c r="E13460" s="6">
        <v>52678</v>
      </c>
      <c r="F13460" s="6" t="s">
        <v>18</v>
      </c>
      <c r="G13460" s="6" t="s">
        <v>24927</v>
      </c>
      <c r="H13460" s="6" t="s">
        <v>24928</v>
      </c>
      <c r="I13460" s="7">
        <v>1.332614</v>
      </c>
      <c r="J13460" s="8">
        <v>-77.586155000000005</v>
      </c>
    </row>
    <row r="13461" spans="1:10" x14ac:dyDescent="0.35">
      <c r="A13461" s="5" t="s">
        <v>10</v>
      </c>
      <c r="B13461" s="6">
        <v>247324</v>
      </c>
      <c r="C13461" s="6" t="s">
        <v>68</v>
      </c>
      <c r="D13461" s="6" t="s">
        <v>69</v>
      </c>
      <c r="E13461" s="6">
        <v>11001</v>
      </c>
      <c r="F13461" s="6" t="s">
        <v>2161</v>
      </c>
      <c r="G13461" s="6" t="s">
        <v>24929</v>
      </c>
      <c r="H13461" s="6" t="s">
        <v>24930</v>
      </c>
      <c r="I13461" s="7">
        <v>4.7362948999999999</v>
      </c>
      <c r="J13461" s="8">
        <v>-74.017702999999997</v>
      </c>
    </row>
    <row r="13462" spans="1:10" x14ac:dyDescent="0.35">
      <c r="A13462" s="5" t="s">
        <v>10</v>
      </c>
      <c r="B13462" s="6">
        <v>247331</v>
      </c>
      <c r="C13462" s="6" t="s">
        <v>3788</v>
      </c>
      <c r="D13462" s="6" t="s">
        <v>3974</v>
      </c>
      <c r="E13462" s="6">
        <v>18001</v>
      </c>
      <c r="F13462" s="6" t="s">
        <v>18</v>
      </c>
      <c r="G13462" s="6" t="s">
        <v>24931</v>
      </c>
      <c r="H13462" s="6" t="s">
        <v>24932</v>
      </c>
      <c r="I13462" s="7">
        <v>1.6194364999999999</v>
      </c>
      <c r="J13462" s="8">
        <v>-75.616699100000005</v>
      </c>
    </row>
    <row r="13463" spans="1:10" x14ac:dyDescent="0.35">
      <c r="A13463" s="5" t="s">
        <v>10</v>
      </c>
      <c r="B13463" s="6">
        <v>247332</v>
      </c>
      <c r="C13463" s="6" t="s">
        <v>16</v>
      </c>
      <c r="D13463" s="6" t="s">
        <v>78</v>
      </c>
      <c r="E13463" s="6">
        <v>68001</v>
      </c>
      <c r="F13463" s="6" t="s">
        <v>18</v>
      </c>
      <c r="G13463" s="6" t="s">
        <v>2253</v>
      </c>
      <c r="H13463" s="6" t="s">
        <v>8770</v>
      </c>
      <c r="I13463" s="7">
        <v>7.0837618000000004</v>
      </c>
      <c r="J13463" s="8">
        <v>-73.121591699999996</v>
      </c>
    </row>
    <row r="13464" spans="1:10" x14ac:dyDescent="0.35">
      <c r="A13464" s="5" t="s">
        <v>10</v>
      </c>
      <c r="B13464" s="6">
        <v>247338</v>
      </c>
      <c r="C13464" s="6" t="s">
        <v>278</v>
      </c>
      <c r="D13464" s="6" t="s">
        <v>1331</v>
      </c>
      <c r="E13464" s="6">
        <v>50006</v>
      </c>
      <c r="F13464" s="6" t="s">
        <v>18</v>
      </c>
      <c r="G13464" s="6" t="s">
        <v>24933</v>
      </c>
      <c r="H13464" s="6" t="s">
        <v>24934</v>
      </c>
      <c r="I13464" s="7">
        <v>3.9868725999999999</v>
      </c>
      <c r="J13464" s="8">
        <v>-73.759543600000001</v>
      </c>
    </row>
    <row r="13465" spans="1:10" x14ac:dyDescent="0.35">
      <c r="A13465" s="5" t="s">
        <v>10</v>
      </c>
      <c r="B13465" s="6">
        <v>247339</v>
      </c>
      <c r="C13465" s="6" t="s">
        <v>38</v>
      </c>
      <c r="D13465" s="6" t="s">
        <v>39</v>
      </c>
      <c r="E13465" s="6">
        <v>19001</v>
      </c>
      <c r="F13465" s="6" t="s">
        <v>18</v>
      </c>
      <c r="G13465" s="6" t="s">
        <v>24935</v>
      </c>
      <c r="H13465" s="6" t="s">
        <v>24936</v>
      </c>
      <c r="I13465" s="7">
        <v>2.4512885</v>
      </c>
      <c r="J13465" s="8">
        <v>-76.609691999999995</v>
      </c>
    </row>
    <row r="13466" spans="1:10" x14ac:dyDescent="0.35">
      <c r="A13466" s="5" t="s">
        <v>10</v>
      </c>
      <c r="B13466" s="6">
        <v>247343</v>
      </c>
      <c r="C13466" s="6" t="s">
        <v>68</v>
      </c>
      <c r="D13466" s="6" t="s">
        <v>69</v>
      </c>
      <c r="E13466" s="6">
        <v>11001</v>
      </c>
      <c r="F13466" s="6" t="s">
        <v>18</v>
      </c>
      <c r="G13466" s="6" t="s">
        <v>24937</v>
      </c>
      <c r="H13466" s="6" t="s">
        <v>24938</v>
      </c>
      <c r="I13466" s="7">
        <v>4.5907840999999996</v>
      </c>
      <c r="J13466" s="8">
        <v>-74.0702091</v>
      </c>
    </row>
    <row r="13467" spans="1:10" x14ac:dyDescent="0.35">
      <c r="A13467" s="5" t="s">
        <v>10</v>
      </c>
      <c r="B13467" s="6">
        <v>247345</v>
      </c>
      <c r="C13467" s="6" t="s">
        <v>190</v>
      </c>
      <c r="D13467" s="6" t="s">
        <v>14059</v>
      </c>
      <c r="E13467" s="6">
        <v>5670</v>
      </c>
      <c r="F13467" s="6" t="s">
        <v>18</v>
      </c>
      <c r="G13467" s="6" t="s">
        <v>24939</v>
      </c>
      <c r="H13467" s="6" t="s">
        <v>24940</v>
      </c>
      <c r="I13467" s="7">
        <v>6.4841011999999996</v>
      </c>
      <c r="J13467" s="8">
        <v>-74.916616300000001</v>
      </c>
    </row>
    <row r="13468" spans="1:10" x14ac:dyDescent="0.35">
      <c r="A13468" s="5" t="s">
        <v>10</v>
      </c>
      <c r="B13468" s="6">
        <v>247355</v>
      </c>
      <c r="C13468" s="6" t="s">
        <v>366</v>
      </c>
      <c r="D13468" s="6" t="s">
        <v>763</v>
      </c>
      <c r="E13468" s="6">
        <v>44279</v>
      </c>
      <c r="F13468" s="6" t="s">
        <v>18</v>
      </c>
      <c r="G13468" s="6" t="s">
        <v>24941</v>
      </c>
      <c r="H13468" s="6" t="s">
        <v>24942</v>
      </c>
      <c r="I13468" s="7">
        <v>10.8883352</v>
      </c>
      <c r="J13468" s="8">
        <v>-72.848993300000004</v>
      </c>
    </row>
    <row r="13469" spans="1:10" x14ac:dyDescent="0.35">
      <c r="A13469" s="5" t="s">
        <v>10</v>
      </c>
      <c r="B13469" s="6">
        <v>247359</v>
      </c>
      <c r="C13469" s="6" t="s">
        <v>294</v>
      </c>
      <c r="D13469" s="6" t="s">
        <v>4081</v>
      </c>
      <c r="E13469" s="6">
        <v>41306</v>
      </c>
      <c r="F13469" s="6" t="s">
        <v>18</v>
      </c>
      <c r="G13469" s="6" t="s">
        <v>24943</v>
      </c>
      <c r="H13469" s="6" t="s">
        <v>24944</v>
      </c>
      <c r="I13469" s="7">
        <v>2.3870537999999999</v>
      </c>
      <c r="J13469" s="8">
        <v>-75.546097200000006</v>
      </c>
    </row>
    <row r="13470" spans="1:10" x14ac:dyDescent="0.35">
      <c r="A13470" s="5" t="s">
        <v>10</v>
      </c>
      <c r="B13470" s="6">
        <v>247370</v>
      </c>
      <c r="C13470" s="6" t="s">
        <v>2821</v>
      </c>
      <c r="D13470" s="6" t="s">
        <v>10146</v>
      </c>
      <c r="E13470" s="6">
        <v>47058</v>
      </c>
      <c r="F13470" s="6" t="s">
        <v>18</v>
      </c>
      <c r="G13470" s="6" t="s">
        <v>24945</v>
      </c>
      <c r="H13470" s="6" t="s">
        <v>24946</v>
      </c>
      <c r="I13470" s="7">
        <v>9.8503060999999992</v>
      </c>
      <c r="J13470" s="8">
        <v>-74.236609900000005</v>
      </c>
    </row>
    <row r="13471" spans="1:10" x14ac:dyDescent="0.35">
      <c r="A13471" s="5" t="s">
        <v>10</v>
      </c>
      <c r="B13471" s="6">
        <v>247373</v>
      </c>
      <c r="C13471" s="6" t="s">
        <v>2821</v>
      </c>
      <c r="D13471" s="6" t="s">
        <v>9371</v>
      </c>
      <c r="E13471" s="6">
        <v>47551</v>
      </c>
      <c r="F13471" s="6" t="s">
        <v>18</v>
      </c>
      <c r="G13471" s="6" t="s">
        <v>24947</v>
      </c>
      <c r="H13471" s="6" t="s">
        <v>24948</v>
      </c>
      <c r="I13471" s="7">
        <v>11.2448266</v>
      </c>
      <c r="J13471" s="8">
        <v>-74.204473399999998</v>
      </c>
    </row>
    <row r="13472" spans="1:10" x14ac:dyDescent="0.35">
      <c r="A13472" s="5" t="s">
        <v>10</v>
      </c>
      <c r="B13472" s="6">
        <v>247375</v>
      </c>
      <c r="C13472" s="6" t="s">
        <v>2130</v>
      </c>
      <c r="D13472" s="6" t="s">
        <v>4238</v>
      </c>
      <c r="E13472" s="6">
        <v>85410</v>
      </c>
      <c r="F13472" s="6" t="s">
        <v>18</v>
      </c>
      <c r="G13472" s="6" t="s">
        <v>24949</v>
      </c>
      <c r="H13472" s="6" t="s">
        <v>24950</v>
      </c>
      <c r="I13472" s="7">
        <v>5.0089819000000002</v>
      </c>
      <c r="J13472" s="8">
        <v>-72.746211500000001</v>
      </c>
    </row>
    <row r="13473" spans="1:10" x14ac:dyDescent="0.35">
      <c r="A13473" s="5" t="s">
        <v>10</v>
      </c>
      <c r="B13473" s="6">
        <v>247377</v>
      </c>
      <c r="C13473" s="6" t="s">
        <v>16</v>
      </c>
      <c r="D13473" s="6" t="s">
        <v>1266</v>
      </c>
      <c r="E13473" s="6">
        <v>68081</v>
      </c>
      <c r="F13473" s="6" t="s">
        <v>18</v>
      </c>
      <c r="G13473" s="6" t="s">
        <v>24951</v>
      </c>
      <c r="H13473" s="6" t="s">
        <v>24952</v>
      </c>
      <c r="I13473" s="7">
        <v>7.0571542999999997</v>
      </c>
      <c r="J13473" s="8">
        <v>-73.852036699999999</v>
      </c>
    </row>
    <row r="13474" spans="1:10" x14ac:dyDescent="0.35">
      <c r="A13474" s="5" t="s">
        <v>10</v>
      </c>
      <c r="B13474" s="6">
        <v>247378</v>
      </c>
      <c r="C13474" s="6" t="s">
        <v>11</v>
      </c>
      <c r="D13474" s="6" t="s">
        <v>4030</v>
      </c>
      <c r="E13474" s="6">
        <v>25183</v>
      </c>
      <c r="F13474" s="6" t="s">
        <v>18</v>
      </c>
      <c r="G13474" s="6" t="s">
        <v>24953</v>
      </c>
      <c r="H13474" s="6" t="s">
        <v>24954</v>
      </c>
      <c r="I13474" s="7">
        <v>5.1477373999999996</v>
      </c>
      <c r="J13474" s="8">
        <v>-73.6809121</v>
      </c>
    </row>
    <row r="13475" spans="1:10" x14ac:dyDescent="0.35">
      <c r="A13475" s="5" t="s">
        <v>10</v>
      </c>
      <c r="B13475" s="6">
        <v>247380</v>
      </c>
      <c r="C13475" s="6" t="s">
        <v>117</v>
      </c>
      <c r="D13475" s="6" t="s">
        <v>1334</v>
      </c>
      <c r="E13475" s="6">
        <v>76001</v>
      </c>
      <c r="F13475" s="6" t="s">
        <v>18</v>
      </c>
      <c r="G13475" s="6" t="s">
        <v>24955</v>
      </c>
      <c r="H13475" s="6" t="s">
        <v>24956</v>
      </c>
      <c r="I13475" s="7">
        <v>3.4121193999999999</v>
      </c>
      <c r="J13475" s="8">
        <v>-76.469504700000002</v>
      </c>
    </row>
    <row r="13476" spans="1:10" x14ac:dyDescent="0.35">
      <c r="A13476" s="5" t="s">
        <v>10</v>
      </c>
      <c r="B13476" s="6">
        <v>247381</v>
      </c>
      <c r="C13476" s="6" t="s">
        <v>457</v>
      </c>
      <c r="D13476" s="6" t="s">
        <v>4400</v>
      </c>
      <c r="E13476" s="6">
        <v>52001</v>
      </c>
      <c r="F13476" s="6" t="s">
        <v>18</v>
      </c>
      <c r="G13476" s="6" t="s">
        <v>24957</v>
      </c>
      <c r="H13476" s="6" t="s">
        <v>24958</v>
      </c>
      <c r="I13476" s="7">
        <v>1.2118428000000001</v>
      </c>
      <c r="J13476" s="8">
        <v>-77.283719599999998</v>
      </c>
    </row>
    <row r="13477" spans="1:10" x14ac:dyDescent="0.35">
      <c r="A13477" s="5" t="s">
        <v>10</v>
      </c>
      <c r="B13477" s="6">
        <v>247385</v>
      </c>
      <c r="C13477" s="6" t="s">
        <v>68</v>
      </c>
      <c r="D13477" s="6" t="s">
        <v>69</v>
      </c>
      <c r="E13477" s="6">
        <v>11001</v>
      </c>
      <c r="F13477" s="6" t="s">
        <v>18</v>
      </c>
      <c r="G13477" s="6" t="s">
        <v>24959</v>
      </c>
      <c r="H13477" s="6" t="s">
        <v>24960</v>
      </c>
      <c r="I13477" s="7">
        <v>4.5485594999999996</v>
      </c>
      <c r="J13477" s="8">
        <v>-74.112807399999994</v>
      </c>
    </row>
    <row r="13478" spans="1:10" x14ac:dyDescent="0.35">
      <c r="A13478" s="5" t="s">
        <v>10</v>
      </c>
      <c r="B13478" s="6">
        <v>247391</v>
      </c>
      <c r="C13478" s="6" t="s">
        <v>457</v>
      </c>
      <c r="D13478" s="6" t="s">
        <v>18507</v>
      </c>
      <c r="E13478" s="6">
        <v>52250</v>
      </c>
      <c r="F13478" s="6" t="s">
        <v>18</v>
      </c>
      <c r="G13478" s="6" t="s">
        <v>24961</v>
      </c>
      <c r="H13478" s="6" t="s">
        <v>24962</v>
      </c>
      <c r="I13478" s="7">
        <v>2.479311</v>
      </c>
      <c r="J13478" s="8">
        <v>-78.110211000000007</v>
      </c>
    </row>
    <row r="13479" spans="1:10" x14ac:dyDescent="0.35">
      <c r="A13479" s="5" t="s">
        <v>10</v>
      </c>
      <c r="B13479" s="6">
        <v>247405</v>
      </c>
      <c r="C13479" s="6" t="s">
        <v>61</v>
      </c>
      <c r="D13479" s="6" t="s">
        <v>62</v>
      </c>
      <c r="E13479" s="6">
        <v>63001</v>
      </c>
      <c r="F13479" s="6" t="s">
        <v>18</v>
      </c>
      <c r="G13479" s="6" t="s">
        <v>24963</v>
      </c>
      <c r="H13479" s="6" t="s">
        <v>24964</v>
      </c>
      <c r="I13479" s="7">
        <v>4.5444022999999998</v>
      </c>
      <c r="J13479" s="8">
        <v>-75.674653899999996</v>
      </c>
    </row>
    <row r="13480" spans="1:10" x14ac:dyDescent="0.35">
      <c r="A13480" s="5" t="s">
        <v>10</v>
      </c>
      <c r="B13480" s="6">
        <v>247411</v>
      </c>
      <c r="C13480" s="6" t="s">
        <v>68</v>
      </c>
      <c r="D13480" s="6" t="s">
        <v>69</v>
      </c>
      <c r="E13480" s="6">
        <v>11001</v>
      </c>
      <c r="F13480" s="6" t="s">
        <v>18</v>
      </c>
      <c r="G13480" s="6" t="s">
        <v>24965</v>
      </c>
      <c r="H13480" s="6" t="s">
        <v>24966</v>
      </c>
      <c r="I13480" s="7">
        <v>4.5565746999999996</v>
      </c>
      <c r="J13480" s="8">
        <v>-74.146338299999996</v>
      </c>
    </row>
    <row r="13481" spans="1:10" x14ac:dyDescent="0.35">
      <c r="A13481" s="5" t="s">
        <v>10</v>
      </c>
      <c r="B13481" s="6">
        <v>247416</v>
      </c>
      <c r="C13481" s="6" t="s">
        <v>55</v>
      </c>
      <c r="D13481" s="6" t="s">
        <v>56</v>
      </c>
      <c r="E13481" s="6">
        <v>73001</v>
      </c>
      <c r="F13481" s="6" t="s">
        <v>18</v>
      </c>
      <c r="G13481" s="6" t="s">
        <v>24967</v>
      </c>
      <c r="H13481" s="6" t="s">
        <v>24968</v>
      </c>
      <c r="I13481" s="7">
        <v>4.4425264000000002</v>
      </c>
      <c r="J13481" s="8">
        <v>-75.224766000000002</v>
      </c>
    </row>
    <row r="13482" spans="1:10" x14ac:dyDescent="0.35">
      <c r="A13482" s="5" t="s">
        <v>10</v>
      </c>
      <c r="B13482" s="6">
        <v>247418</v>
      </c>
      <c r="C13482" s="6" t="s">
        <v>68</v>
      </c>
      <c r="D13482" s="6" t="s">
        <v>69</v>
      </c>
      <c r="E13482" s="6">
        <v>11001</v>
      </c>
      <c r="F13482" s="6" t="s">
        <v>18</v>
      </c>
      <c r="G13482" s="6" t="s">
        <v>24969</v>
      </c>
      <c r="H13482" s="6" t="s">
        <v>24970</v>
      </c>
      <c r="I13482" s="7">
        <v>4.6028481000000001</v>
      </c>
      <c r="J13482" s="8">
        <v>-74.193732199999999</v>
      </c>
    </row>
    <row r="13483" spans="1:10" x14ac:dyDescent="0.35">
      <c r="A13483" s="5" t="s">
        <v>10</v>
      </c>
      <c r="B13483" s="6">
        <v>247419</v>
      </c>
      <c r="C13483" s="6" t="s">
        <v>551</v>
      </c>
      <c r="D13483" s="6" t="s">
        <v>1529</v>
      </c>
      <c r="E13483" s="6">
        <v>20400</v>
      </c>
      <c r="F13483" s="6" t="s">
        <v>18</v>
      </c>
      <c r="G13483" s="6" t="s">
        <v>113</v>
      </c>
      <c r="H13483" s="6" t="s">
        <v>24971</v>
      </c>
      <c r="I13483" s="7">
        <v>9.5647921</v>
      </c>
      <c r="J13483" s="8">
        <v>-73.341171000000003</v>
      </c>
    </row>
    <row r="13484" spans="1:10" x14ac:dyDescent="0.35">
      <c r="A13484" s="5" t="s">
        <v>10</v>
      </c>
      <c r="B13484" s="6">
        <v>247421</v>
      </c>
      <c r="C13484" s="6" t="s">
        <v>457</v>
      </c>
      <c r="D13484" s="6" t="s">
        <v>23914</v>
      </c>
      <c r="E13484" s="6">
        <v>52224</v>
      </c>
      <c r="F13484" s="6" t="s">
        <v>18</v>
      </c>
      <c r="G13484" s="6" t="s">
        <v>24972</v>
      </c>
      <c r="H13484" s="6" t="s">
        <v>24973</v>
      </c>
      <c r="I13484" s="7">
        <v>1.2051928000000001</v>
      </c>
      <c r="J13484" s="8">
        <v>-77.283553299999994</v>
      </c>
    </row>
    <row r="13485" spans="1:10" x14ac:dyDescent="0.35">
      <c r="A13485" s="5" t="s">
        <v>10</v>
      </c>
      <c r="B13485" s="6">
        <v>247425</v>
      </c>
      <c r="C13485" s="6" t="s">
        <v>16</v>
      </c>
      <c r="D13485" s="6" t="s">
        <v>510</v>
      </c>
      <c r="E13485" s="6">
        <v>68547</v>
      </c>
      <c r="F13485" s="6" t="s">
        <v>18</v>
      </c>
      <c r="G13485" s="6" t="s">
        <v>24974</v>
      </c>
      <c r="H13485" s="6" t="s">
        <v>8770</v>
      </c>
      <c r="I13485" s="7">
        <v>6.9992080999999997</v>
      </c>
      <c r="J13485" s="8">
        <v>-73.052493900000002</v>
      </c>
    </row>
    <row r="13486" spans="1:10" x14ac:dyDescent="0.35">
      <c r="A13486" s="5" t="s">
        <v>10</v>
      </c>
      <c r="B13486" s="6">
        <v>247430</v>
      </c>
      <c r="C13486" s="6" t="s">
        <v>68</v>
      </c>
      <c r="D13486" s="6" t="s">
        <v>69</v>
      </c>
      <c r="E13486" s="6">
        <v>11001</v>
      </c>
      <c r="F13486" s="6" t="s">
        <v>18</v>
      </c>
      <c r="G13486" s="6" t="s">
        <v>24975</v>
      </c>
      <c r="H13486" s="6" t="s">
        <v>24976</v>
      </c>
      <c r="I13486" s="7">
        <v>4.7671511999999998</v>
      </c>
      <c r="J13486" s="8">
        <v>-74.028700700000002</v>
      </c>
    </row>
    <row r="13487" spans="1:10" x14ac:dyDescent="0.35">
      <c r="A13487" s="5" t="s">
        <v>10</v>
      </c>
      <c r="B13487" s="6">
        <v>247432</v>
      </c>
      <c r="C13487" s="6" t="s">
        <v>68</v>
      </c>
      <c r="D13487" s="6" t="s">
        <v>69</v>
      </c>
      <c r="E13487" s="6">
        <v>11001</v>
      </c>
      <c r="F13487" s="6" t="s">
        <v>18</v>
      </c>
      <c r="G13487" s="6" t="s">
        <v>24977</v>
      </c>
      <c r="H13487" s="6" t="s">
        <v>24978</v>
      </c>
      <c r="I13487" s="7">
        <v>4.6218342999999997</v>
      </c>
      <c r="J13487" s="8">
        <v>-74.186270300000004</v>
      </c>
    </row>
    <row r="13488" spans="1:10" x14ac:dyDescent="0.35">
      <c r="A13488" s="5" t="s">
        <v>10</v>
      </c>
      <c r="B13488" s="6">
        <v>247434</v>
      </c>
      <c r="C13488" s="6" t="s">
        <v>190</v>
      </c>
      <c r="D13488" s="6" t="s">
        <v>191</v>
      </c>
      <c r="E13488" s="6">
        <v>5001</v>
      </c>
      <c r="F13488" s="6" t="s">
        <v>18</v>
      </c>
      <c r="G13488" s="6" t="s">
        <v>24979</v>
      </c>
      <c r="H13488" s="6" t="s">
        <v>24980</v>
      </c>
      <c r="I13488" s="7">
        <v>6.2492882999999999</v>
      </c>
      <c r="J13488" s="8">
        <v>-75.608192099999997</v>
      </c>
    </row>
    <row r="13489" spans="1:10" x14ac:dyDescent="0.35">
      <c r="A13489" s="5" t="s">
        <v>10</v>
      </c>
      <c r="B13489" s="6">
        <v>247436</v>
      </c>
      <c r="C13489" s="6" t="s">
        <v>68</v>
      </c>
      <c r="D13489" s="6" t="s">
        <v>69</v>
      </c>
      <c r="E13489" s="6">
        <v>11001</v>
      </c>
      <c r="F13489" s="6" t="s">
        <v>2161</v>
      </c>
      <c r="G13489" s="6" t="s">
        <v>24981</v>
      </c>
      <c r="H13489" s="6" t="s">
        <v>24982</v>
      </c>
      <c r="I13489" s="7">
        <v>4.5914026999999997</v>
      </c>
      <c r="J13489" s="8">
        <v>-74.087460399999998</v>
      </c>
    </row>
    <row r="13490" spans="1:10" x14ac:dyDescent="0.35">
      <c r="A13490" s="5" t="s">
        <v>10</v>
      </c>
      <c r="B13490" s="6">
        <v>247438</v>
      </c>
      <c r="C13490" s="6" t="s">
        <v>68</v>
      </c>
      <c r="D13490" s="6" t="s">
        <v>69</v>
      </c>
      <c r="E13490" s="6">
        <v>11001</v>
      </c>
      <c r="F13490" s="6" t="s">
        <v>18</v>
      </c>
      <c r="G13490" s="6" t="s">
        <v>24983</v>
      </c>
      <c r="H13490" s="6" t="s">
        <v>24984</v>
      </c>
      <c r="I13490" s="7">
        <v>4.6905413999999999</v>
      </c>
      <c r="J13490" s="8">
        <v>-74.075903199999999</v>
      </c>
    </row>
    <row r="13491" spans="1:10" x14ac:dyDescent="0.35">
      <c r="A13491" s="5" t="s">
        <v>10</v>
      </c>
      <c r="B13491" s="6">
        <v>247457</v>
      </c>
      <c r="C13491" s="6" t="s">
        <v>16</v>
      </c>
      <c r="D13491" s="6" t="s">
        <v>78</v>
      </c>
      <c r="E13491" s="6">
        <v>68001</v>
      </c>
      <c r="F13491" s="6" t="s">
        <v>18</v>
      </c>
      <c r="G13491" s="6" t="s">
        <v>24985</v>
      </c>
      <c r="H13491" s="6" t="s">
        <v>24986</v>
      </c>
      <c r="I13491" s="7">
        <v>7.0816878000000001</v>
      </c>
      <c r="J13491" s="8">
        <v>-73.115512600000002</v>
      </c>
    </row>
    <row r="13492" spans="1:10" x14ac:dyDescent="0.35">
      <c r="A13492" s="5" t="s">
        <v>10</v>
      </c>
      <c r="B13492" s="6">
        <v>247459</v>
      </c>
      <c r="C13492" s="6" t="s">
        <v>24</v>
      </c>
      <c r="D13492" s="6" t="s">
        <v>88</v>
      </c>
      <c r="E13492" s="6">
        <v>15001</v>
      </c>
      <c r="F13492" s="6" t="s">
        <v>18</v>
      </c>
      <c r="G13492" s="6" t="s">
        <v>24987</v>
      </c>
      <c r="H13492" s="6" t="s">
        <v>24988</v>
      </c>
      <c r="I13492" s="7">
        <v>5.5235333999999998</v>
      </c>
      <c r="J13492" s="8">
        <v>-73.364757100000006</v>
      </c>
    </row>
    <row r="13493" spans="1:10" x14ac:dyDescent="0.35">
      <c r="A13493" s="5" t="s">
        <v>10</v>
      </c>
      <c r="B13493" s="6">
        <v>247461</v>
      </c>
      <c r="C13493" s="6" t="s">
        <v>3788</v>
      </c>
      <c r="D13493" s="6" t="s">
        <v>3974</v>
      </c>
      <c r="E13493" s="6">
        <v>18001</v>
      </c>
      <c r="F13493" s="6" t="s">
        <v>18</v>
      </c>
      <c r="G13493" s="6" t="s">
        <v>24989</v>
      </c>
      <c r="H13493" s="6" t="s">
        <v>24990</v>
      </c>
      <c r="I13493" s="7">
        <v>1.6186027000000001</v>
      </c>
      <c r="J13493" s="8">
        <v>-75.6126991</v>
      </c>
    </row>
    <row r="13494" spans="1:10" x14ac:dyDescent="0.35">
      <c r="A13494" s="5" t="s">
        <v>10</v>
      </c>
      <c r="B13494" s="6">
        <v>247464</v>
      </c>
      <c r="C13494" s="6" t="s">
        <v>117</v>
      </c>
      <c r="D13494" s="6" t="s">
        <v>1334</v>
      </c>
      <c r="E13494" s="6">
        <v>76001</v>
      </c>
      <c r="F13494" s="6" t="s">
        <v>18</v>
      </c>
      <c r="G13494" s="6" t="s">
        <v>24991</v>
      </c>
      <c r="H13494" s="6" t="s">
        <v>24992</v>
      </c>
      <c r="I13494" s="7">
        <v>3.4516467</v>
      </c>
      <c r="J13494" s="8">
        <v>-76.531985399999996</v>
      </c>
    </row>
    <row r="13495" spans="1:10" x14ac:dyDescent="0.35">
      <c r="A13495" s="5" t="s">
        <v>10</v>
      </c>
      <c r="B13495" s="6">
        <v>247467</v>
      </c>
      <c r="C13495" s="6" t="s">
        <v>28</v>
      </c>
      <c r="D13495" s="6" t="s">
        <v>29</v>
      </c>
      <c r="E13495" s="6">
        <v>54001</v>
      </c>
      <c r="F13495" s="6" t="s">
        <v>18</v>
      </c>
      <c r="G13495" s="6" t="s">
        <v>24993</v>
      </c>
      <c r="H13495" s="6" t="s">
        <v>2291</v>
      </c>
      <c r="I13495" s="7">
        <v>7.8733522000000002</v>
      </c>
      <c r="J13495" s="8">
        <v>-72.521586600000006</v>
      </c>
    </row>
    <row r="13496" spans="1:10" x14ac:dyDescent="0.35">
      <c r="A13496" s="5" t="s">
        <v>10</v>
      </c>
      <c r="B13496" s="6">
        <v>247473</v>
      </c>
      <c r="C13496" s="6" t="s">
        <v>294</v>
      </c>
      <c r="D13496" s="6" t="s">
        <v>5497</v>
      </c>
      <c r="E13496" s="6">
        <v>41013</v>
      </c>
      <c r="F13496" s="6" t="s">
        <v>18</v>
      </c>
      <c r="G13496" s="6" t="s">
        <v>24994</v>
      </c>
      <c r="H13496" s="6" t="s">
        <v>24995</v>
      </c>
      <c r="I13496" s="7">
        <v>2.2590574999999999</v>
      </c>
      <c r="J13496" s="8">
        <v>-75.772476600000005</v>
      </c>
    </row>
    <row r="13497" spans="1:10" x14ac:dyDescent="0.35">
      <c r="A13497" s="5" t="s">
        <v>10</v>
      </c>
      <c r="B13497" s="6">
        <v>247475</v>
      </c>
      <c r="C13497" s="6" t="s">
        <v>68</v>
      </c>
      <c r="D13497" s="6" t="s">
        <v>69</v>
      </c>
      <c r="E13497" s="6">
        <v>11001</v>
      </c>
      <c r="F13497" s="6" t="s">
        <v>18</v>
      </c>
      <c r="G13497" s="6" t="s">
        <v>24996</v>
      </c>
      <c r="H13497" s="6" t="s">
        <v>24997</v>
      </c>
      <c r="I13497" s="7">
        <v>4.7109886000000003</v>
      </c>
      <c r="J13497" s="8">
        <v>-74.072091999999998</v>
      </c>
    </row>
    <row r="13498" spans="1:10" x14ac:dyDescent="0.35">
      <c r="A13498" s="5" t="s">
        <v>10</v>
      </c>
      <c r="B13498" s="6">
        <v>247476</v>
      </c>
      <c r="C13498" s="6" t="s">
        <v>55</v>
      </c>
      <c r="D13498" s="6" t="s">
        <v>1658</v>
      </c>
      <c r="E13498" s="6">
        <v>73622</v>
      </c>
      <c r="F13498" s="6" t="s">
        <v>18</v>
      </c>
      <c r="G13498" s="6" t="s">
        <v>24998</v>
      </c>
      <c r="H13498" s="6" t="s">
        <v>24999</v>
      </c>
      <c r="I13498" s="7">
        <v>4.0098950000000002</v>
      </c>
      <c r="J13498" s="8">
        <v>-75.604609999999994</v>
      </c>
    </row>
    <row r="13499" spans="1:10" x14ac:dyDescent="0.35">
      <c r="A13499" s="5" t="s">
        <v>10</v>
      </c>
      <c r="B13499" s="6">
        <v>247484</v>
      </c>
      <c r="C13499" s="6" t="s">
        <v>117</v>
      </c>
      <c r="D13499" s="6" t="s">
        <v>1334</v>
      </c>
      <c r="E13499" s="6">
        <v>76001</v>
      </c>
      <c r="F13499" s="6" t="s">
        <v>18</v>
      </c>
      <c r="G13499" s="6" t="s">
        <v>25000</v>
      </c>
      <c r="H13499" s="6" t="s">
        <v>25001</v>
      </c>
      <c r="I13499" s="7">
        <v>3.4593012999999999</v>
      </c>
      <c r="J13499" s="8">
        <v>-76.5325943</v>
      </c>
    </row>
    <row r="13500" spans="1:10" x14ac:dyDescent="0.35">
      <c r="A13500" s="5" t="s">
        <v>10</v>
      </c>
      <c r="B13500" s="6">
        <v>247485</v>
      </c>
      <c r="C13500" s="6" t="s">
        <v>117</v>
      </c>
      <c r="D13500" s="6" t="s">
        <v>1334</v>
      </c>
      <c r="E13500" s="6">
        <v>76001</v>
      </c>
      <c r="F13500" s="6" t="s">
        <v>18</v>
      </c>
      <c r="G13500" s="6" t="s">
        <v>25002</v>
      </c>
      <c r="H13500" s="6" t="s">
        <v>25003</v>
      </c>
      <c r="I13500" s="7">
        <v>3.4248599</v>
      </c>
      <c r="J13500" s="8">
        <v>-76.512455700000004</v>
      </c>
    </row>
    <row r="13501" spans="1:10" x14ac:dyDescent="0.35">
      <c r="A13501" s="5" t="s">
        <v>10</v>
      </c>
      <c r="B13501" s="6">
        <v>247492</v>
      </c>
      <c r="C13501" s="6" t="s">
        <v>294</v>
      </c>
      <c r="D13501" s="6" t="s">
        <v>703</v>
      </c>
      <c r="E13501" s="6">
        <v>41001</v>
      </c>
      <c r="F13501" s="6" t="s">
        <v>18</v>
      </c>
      <c r="G13501" s="6" t="s">
        <v>25004</v>
      </c>
      <c r="H13501" s="6" t="s">
        <v>25005</v>
      </c>
      <c r="I13501" s="7">
        <v>2.9214742</v>
      </c>
      <c r="J13501" s="8">
        <v>-75.284787300000005</v>
      </c>
    </row>
    <row r="13502" spans="1:10" x14ac:dyDescent="0.35">
      <c r="A13502" s="5" t="s">
        <v>10</v>
      </c>
      <c r="B13502" s="6">
        <v>247499</v>
      </c>
      <c r="C13502" s="6" t="s">
        <v>68</v>
      </c>
      <c r="D13502" s="6" t="s">
        <v>69</v>
      </c>
      <c r="E13502" s="6">
        <v>11001</v>
      </c>
      <c r="F13502" s="6" t="s">
        <v>18</v>
      </c>
      <c r="G13502" s="6" t="s">
        <v>25006</v>
      </c>
      <c r="H13502" s="6" t="s">
        <v>25007</v>
      </c>
      <c r="I13502" s="7">
        <v>4.5796257999999996</v>
      </c>
      <c r="J13502" s="8">
        <v>-74.140551200000004</v>
      </c>
    </row>
    <row r="13503" spans="1:10" x14ac:dyDescent="0.35">
      <c r="A13503" s="5" t="s">
        <v>10</v>
      </c>
      <c r="B13503" s="6">
        <v>247500</v>
      </c>
      <c r="C13503" s="6" t="s">
        <v>68</v>
      </c>
      <c r="D13503" s="6" t="s">
        <v>69</v>
      </c>
      <c r="E13503" s="6">
        <v>11001</v>
      </c>
      <c r="F13503" s="6" t="s">
        <v>18</v>
      </c>
      <c r="G13503" s="6" t="s">
        <v>25008</v>
      </c>
      <c r="H13503" s="6" t="s">
        <v>25009</v>
      </c>
      <c r="I13503" s="7">
        <v>4.5826392</v>
      </c>
      <c r="J13503" s="8">
        <v>-74.140812999999994</v>
      </c>
    </row>
    <row r="13504" spans="1:10" x14ac:dyDescent="0.35">
      <c r="A13504" s="5" t="s">
        <v>10</v>
      </c>
      <c r="B13504" s="6">
        <v>247501</v>
      </c>
      <c r="C13504" s="6" t="s">
        <v>28</v>
      </c>
      <c r="D13504" s="6" t="s">
        <v>1046</v>
      </c>
      <c r="E13504" s="6">
        <v>54599</v>
      </c>
      <c r="F13504" s="6" t="s">
        <v>18</v>
      </c>
      <c r="G13504" s="6" t="s">
        <v>25010</v>
      </c>
      <c r="H13504" s="6" t="s">
        <v>25011</v>
      </c>
      <c r="I13504" s="7">
        <v>7.5778392999999999</v>
      </c>
      <c r="J13504" s="8">
        <v>-72.475781999999995</v>
      </c>
    </row>
    <row r="13505" spans="1:10" x14ac:dyDescent="0.35">
      <c r="A13505" s="5" t="s">
        <v>10</v>
      </c>
      <c r="B13505" s="6">
        <v>247503</v>
      </c>
      <c r="C13505" s="6" t="s">
        <v>68</v>
      </c>
      <c r="D13505" s="6" t="s">
        <v>69</v>
      </c>
      <c r="E13505" s="6">
        <v>11001</v>
      </c>
      <c r="F13505" s="6" t="s">
        <v>18</v>
      </c>
      <c r="G13505" s="6" t="s">
        <v>25012</v>
      </c>
      <c r="H13505" s="6" t="s">
        <v>25013</v>
      </c>
      <c r="I13505" s="7">
        <v>4.5539661999999996</v>
      </c>
      <c r="J13505" s="8">
        <v>-74.140185599999995</v>
      </c>
    </row>
    <row r="13506" spans="1:10" x14ac:dyDescent="0.35">
      <c r="A13506" s="5" t="s">
        <v>10</v>
      </c>
      <c r="B13506" s="6">
        <v>247505</v>
      </c>
      <c r="C13506" s="6" t="s">
        <v>11</v>
      </c>
      <c r="D13506" s="6" t="s">
        <v>407</v>
      </c>
      <c r="E13506" s="6">
        <v>25126</v>
      </c>
      <c r="F13506" s="6" t="s">
        <v>18</v>
      </c>
      <c r="G13506" s="6" t="s">
        <v>25014</v>
      </c>
      <c r="H13506" s="6" t="s">
        <v>25015</v>
      </c>
      <c r="I13506" s="7">
        <v>4.9245766</v>
      </c>
      <c r="J13506" s="8">
        <v>-74.045247099999997</v>
      </c>
    </row>
    <row r="13507" spans="1:10" x14ac:dyDescent="0.35">
      <c r="A13507" s="5" t="s">
        <v>10</v>
      </c>
      <c r="B13507" s="6">
        <v>247509</v>
      </c>
      <c r="C13507" s="6" t="s">
        <v>16</v>
      </c>
      <c r="D13507" s="6" t="s">
        <v>78</v>
      </c>
      <c r="E13507" s="6">
        <v>68001</v>
      </c>
      <c r="F13507" s="6" t="s">
        <v>18</v>
      </c>
      <c r="G13507" s="6" t="s">
        <v>25016</v>
      </c>
      <c r="H13507" s="6" t="s">
        <v>25017</v>
      </c>
      <c r="I13507" s="7">
        <v>7.1292217000000004</v>
      </c>
      <c r="J13507" s="8">
        <v>-73.106332100000003</v>
      </c>
    </row>
    <row r="13508" spans="1:10" x14ac:dyDescent="0.35">
      <c r="A13508" s="5" t="s">
        <v>10</v>
      </c>
      <c r="B13508" s="6">
        <v>247510</v>
      </c>
      <c r="C13508" s="6" t="s">
        <v>11</v>
      </c>
      <c r="D13508" s="6" t="s">
        <v>334</v>
      </c>
      <c r="E13508" s="6">
        <v>25754</v>
      </c>
      <c r="F13508" s="6" t="s">
        <v>18</v>
      </c>
      <c r="G13508" s="6" t="s">
        <v>25018</v>
      </c>
      <c r="H13508" s="6" t="s">
        <v>25019</v>
      </c>
      <c r="I13508" s="7">
        <v>4.5938040999999998</v>
      </c>
      <c r="J13508" s="8">
        <v>-74.2237686</v>
      </c>
    </row>
    <row r="13509" spans="1:10" x14ac:dyDescent="0.35">
      <c r="A13509" s="5" t="s">
        <v>10</v>
      </c>
      <c r="B13509" s="6">
        <v>247515</v>
      </c>
      <c r="C13509" s="6" t="s">
        <v>16</v>
      </c>
      <c r="D13509" s="6" t="s">
        <v>7769</v>
      </c>
      <c r="E13509" s="6">
        <v>68689</v>
      </c>
      <c r="F13509" s="6" t="s">
        <v>18</v>
      </c>
      <c r="G13509" s="6" t="s">
        <v>25020</v>
      </c>
      <c r="H13509" s="6" t="s">
        <v>25021</v>
      </c>
      <c r="I13509" s="7">
        <v>6.8780229000000004</v>
      </c>
      <c r="J13509" s="8">
        <v>-73.413410799999994</v>
      </c>
    </row>
    <row r="13510" spans="1:10" x14ac:dyDescent="0.35">
      <c r="A13510" s="5" t="s">
        <v>10</v>
      </c>
      <c r="B13510" s="6">
        <v>247517</v>
      </c>
      <c r="C13510" s="6" t="s">
        <v>55</v>
      </c>
      <c r="D13510" s="6" t="s">
        <v>2854</v>
      </c>
      <c r="E13510" s="6">
        <v>73283</v>
      </c>
      <c r="F13510" s="6" t="s">
        <v>18</v>
      </c>
      <c r="G13510" s="6" t="s">
        <v>25022</v>
      </c>
      <c r="H13510" s="6" t="s">
        <v>25023</v>
      </c>
      <c r="I13510" s="7">
        <v>5.1519769000000002</v>
      </c>
      <c r="J13510" s="8">
        <v>-75.037413099999995</v>
      </c>
    </row>
    <row r="13511" spans="1:10" x14ac:dyDescent="0.35">
      <c r="A13511" s="5" t="s">
        <v>10</v>
      </c>
      <c r="B13511" s="6">
        <v>247518</v>
      </c>
      <c r="C13511" s="6" t="s">
        <v>117</v>
      </c>
      <c r="D13511" s="6" t="s">
        <v>1291</v>
      </c>
      <c r="E13511" s="6">
        <v>76834</v>
      </c>
      <c r="F13511" s="6" t="s">
        <v>18</v>
      </c>
      <c r="G13511" s="6" t="s">
        <v>25024</v>
      </c>
      <c r="H13511" s="6" t="s">
        <v>25025</v>
      </c>
      <c r="I13511" s="7">
        <v>4.0890936</v>
      </c>
      <c r="J13511" s="8">
        <v>-76.199560700000006</v>
      </c>
    </row>
    <row r="13512" spans="1:10" x14ac:dyDescent="0.35">
      <c r="A13512" s="5" t="s">
        <v>10</v>
      </c>
      <c r="B13512" s="6">
        <v>247520</v>
      </c>
      <c r="C13512" s="6" t="s">
        <v>4364</v>
      </c>
      <c r="D13512" s="6" t="s">
        <v>7995</v>
      </c>
      <c r="E13512" s="6">
        <v>70508</v>
      </c>
      <c r="F13512" s="6" t="s">
        <v>18</v>
      </c>
      <c r="G13512" s="6" t="s">
        <v>25026</v>
      </c>
      <c r="H13512" s="6" t="s">
        <v>25027</v>
      </c>
      <c r="I13512" s="7">
        <v>9.2999749999999999</v>
      </c>
      <c r="J13512" s="8">
        <v>-75.395302700000002</v>
      </c>
    </row>
    <row r="13513" spans="1:10" x14ac:dyDescent="0.35">
      <c r="A13513" s="5" t="s">
        <v>10</v>
      </c>
      <c r="B13513" s="6">
        <v>247526</v>
      </c>
      <c r="C13513" s="6" t="s">
        <v>3819</v>
      </c>
      <c r="D13513" s="6" t="s">
        <v>5730</v>
      </c>
      <c r="E13513" s="6">
        <v>86749</v>
      </c>
      <c r="F13513" s="6" t="s">
        <v>18</v>
      </c>
      <c r="G13513" s="6" t="s">
        <v>25028</v>
      </c>
      <c r="H13513" s="6" t="s">
        <v>25029</v>
      </c>
      <c r="I13513" s="7">
        <v>1.2045999999999999</v>
      </c>
      <c r="J13513" s="8">
        <v>-76.9194897</v>
      </c>
    </row>
    <row r="13514" spans="1:10" x14ac:dyDescent="0.35">
      <c r="A13514" s="5" t="s">
        <v>10</v>
      </c>
      <c r="B13514" s="6">
        <v>247527</v>
      </c>
      <c r="C13514" s="6" t="s">
        <v>68</v>
      </c>
      <c r="D13514" s="6" t="s">
        <v>69</v>
      </c>
      <c r="E13514" s="6">
        <v>11001</v>
      </c>
      <c r="F13514" s="6" t="s">
        <v>2161</v>
      </c>
      <c r="G13514" s="6" t="s">
        <v>25030</v>
      </c>
      <c r="H13514" s="6" t="s">
        <v>25031</v>
      </c>
      <c r="I13514" s="7">
        <v>4.6384517000000001</v>
      </c>
      <c r="J13514" s="8">
        <v>-74.191936200000001</v>
      </c>
    </row>
    <row r="13515" spans="1:10" x14ac:dyDescent="0.35">
      <c r="A13515" s="5" t="s">
        <v>10</v>
      </c>
      <c r="B13515" s="6">
        <v>247540</v>
      </c>
      <c r="C13515" s="6" t="s">
        <v>68</v>
      </c>
      <c r="D13515" s="6" t="s">
        <v>69</v>
      </c>
      <c r="E13515" s="6">
        <v>11001</v>
      </c>
      <c r="F13515" s="6" t="s">
        <v>18</v>
      </c>
      <c r="G13515" s="6" t="s">
        <v>25032</v>
      </c>
      <c r="H13515" s="6" t="s">
        <v>25033</v>
      </c>
      <c r="I13515" s="7">
        <v>4.6958292000000004</v>
      </c>
      <c r="J13515" s="8">
        <v>-74.1154042</v>
      </c>
    </row>
    <row r="13516" spans="1:10" x14ac:dyDescent="0.35">
      <c r="A13516" s="5" t="s">
        <v>10</v>
      </c>
      <c r="B13516" s="6">
        <v>247541</v>
      </c>
      <c r="C13516" s="6" t="s">
        <v>16</v>
      </c>
      <c r="D13516" s="6" t="s">
        <v>78</v>
      </c>
      <c r="E13516" s="6">
        <v>68001</v>
      </c>
      <c r="F13516" s="6" t="s">
        <v>18</v>
      </c>
      <c r="G13516" s="6" t="s">
        <v>113</v>
      </c>
      <c r="H13516" s="6" t="s">
        <v>25034</v>
      </c>
      <c r="I13516" s="7">
        <v>7.0975481</v>
      </c>
      <c r="J13516" s="8">
        <v>-73.0969099</v>
      </c>
    </row>
    <row r="13517" spans="1:10" x14ac:dyDescent="0.35">
      <c r="A13517" s="5" t="s">
        <v>10</v>
      </c>
      <c r="B13517" s="6">
        <v>247546</v>
      </c>
      <c r="C13517" s="6" t="s">
        <v>68</v>
      </c>
      <c r="D13517" s="6" t="s">
        <v>69</v>
      </c>
      <c r="E13517" s="6">
        <v>11001</v>
      </c>
      <c r="F13517" s="6" t="s">
        <v>18</v>
      </c>
      <c r="G13517" s="6" t="s">
        <v>25035</v>
      </c>
      <c r="H13517" s="6" t="s">
        <v>25036</v>
      </c>
      <c r="I13517" s="7">
        <v>4.6715268999999999</v>
      </c>
      <c r="J13517" s="8">
        <v>-74.073846700000004</v>
      </c>
    </row>
    <row r="13518" spans="1:10" x14ac:dyDescent="0.35">
      <c r="A13518" s="5" t="s">
        <v>10</v>
      </c>
      <c r="B13518" s="6">
        <v>247549</v>
      </c>
      <c r="C13518" s="6" t="s">
        <v>302</v>
      </c>
      <c r="D13518" s="6" t="s">
        <v>359</v>
      </c>
      <c r="E13518" s="6">
        <v>8001</v>
      </c>
      <c r="F13518" s="6" t="s">
        <v>18</v>
      </c>
      <c r="G13518" s="6" t="s">
        <v>25037</v>
      </c>
      <c r="H13518" s="6" t="s">
        <v>25038</v>
      </c>
      <c r="I13518" s="7">
        <v>10.9571451</v>
      </c>
      <c r="J13518" s="8">
        <v>-74.774599800000004</v>
      </c>
    </row>
    <row r="13519" spans="1:10" x14ac:dyDescent="0.35">
      <c r="A13519" s="5" t="s">
        <v>10</v>
      </c>
      <c r="B13519" s="6">
        <v>247550</v>
      </c>
      <c r="C13519" s="6" t="s">
        <v>68</v>
      </c>
      <c r="D13519" s="6" t="s">
        <v>69</v>
      </c>
      <c r="E13519" s="6">
        <v>11001</v>
      </c>
      <c r="F13519" s="6" t="s">
        <v>18</v>
      </c>
      <c r="G13519" s="6" t="s">
        <v>25039</v>
      </c>
      <c r="H13519" s="6" t="s">
        <v>25040</v>
      </c>
      <c r="I13519" s="7">
        <v>4.7109886000000003</v>
      </c>
      <c r="J13519" s="8">
        <v>-74.072091999999998</v>
      </c>
    </row>
    <row r="13520" spans="1:10" x14ac:dyDescent="0.35">
      <c r="A13520" s="5" t="s">
        <v>10</v>
      </c>
      <c r="B13520" s="6">
        <v>247551</v>
      </c>
      <c r="C13520" s="6" t="s">
        <v>278</v>
      </c>
      <c r="D13520" s="6" t="s">
        <v>279</v>
      </c>
      <c r="E13520" s="6">
        <v>50001</v>
      </c>
      <c r="F13520" s="6" t="s">
        <v>18</v>
      </c>
      <c r="G13520" s="6" t="s">
        <v>25041</v>
      </c>
      <c r="H13520" s="6" t="s">
        <v>25042</v>
      </c>
      <c r="I13520" s="7">
        <v>4.1426303999999998</v>
      </c>
      <c r="J13520" s="8">
        <v>-73.601725099999996</v>
      </c>
    </row>
    <row r="13521" spans="1:10" x14ac:dyDescent="0.35">
      <c r="A13521" s="5" t="s">
        <v>10</v>
      </c>
      <c r="B13521" s="6">
        <v>247553</v>
      </c>
      <c r="C13521" s="6" t="s">
        <v>68</v>
      </c>
      <c r="D13521" s="6" t="s">
        <v>69</v>
      </c>
      <c r="E13521" s="6">
        <v>11001</v>
      </c>
      <c r="F13521" s="6" t="s">
        <v>18</v>
      </c>
      <c r="G13521" s="6" t="s">
        <v>25043</v>
      </c>
      <c r="H13521" s="6" t="s">
        <v>25044</v>
      </c>
      <c r="I13521" s="7">
        <v>4.6773202999999999</v>
      </c>
      <c r="J13521" s="8">
        <v>-74.096590699999993</v>
      </c>
    </row>
    <row r="13522" spans="1:10" x14ac:dyDescent="0.35">
      <c r="A13522" s="5" t="s">
        <v>10</v>
      </c>
      <c r="B13522" s="6">
        <v>247554</v>
      </c>
      <c r="C13522" s="6" t="s">
        <v>278</v>
      </c>
      <c r="D13522" s="6" t="s">
        <v>2421</v>
      </c>
      <c r="E13522" s="6">
        <v>50573</v>
      </c>
      <c r="F13522" s="6" t="s">
        <v>18</v>
      </c>
      <c r="G13522" s="6" t="s">
        <v>25045</v>
      </c>
      <c r="H13522" s="6" t="s">
        <v>4846</v>
      </c>
      <c r="I13522" s="7">
        <v>4.0913539999999999</v>
      </c>
      <c r="J13522" s="8">
        <v>-72.955917999999997</v>
      </c>
    </row>
    <row r="13523" spans="1:10" x14ac:dyDescent="0.35">
      <c r="A13523" s="5" t="s">
        <v>10</v>
      </c>
      <c r="B13523" s="6">
        <v>247557</v>
      </c>
      <c r="C13523" s="6" t="s">
        <v>2821</v>
      </c>
      <c r="D13523" s="6" t="s">
        <v>9495</v>
      </c>
      <c r="E13523" s="6">
        <v>47245</v>
      </c>
      <c r="F13523" s="6" t="s">
        <v>18</v>
      </c>
      <c r="G13523" s="6" t="s">
        <v>25046</v>
      </c>
      <c r="H13523" s="6" t="s">
        <v>25047</v>
      </c>
      <c r="I13523" s="7">
        <v>9.0035070000000008</v>
      </c>
      <c r="J13523" s="8">
        <v>-73.973864000000006</v>
      </c>
    </row>
    <row r="13524" spans="1:10" x14ac:dyDescent="0.35">
      <c r="A13524" s="5" t="s">
        <v>10</v>
      </c>
      <c r="B13524" s="6">
        <v>247559</v>
      </c>
      <c r="C13524" s="6" t="s">
        <v>16</v>
      </c>
      <c r="D13524" s="6" t="s">
        <v>78</v>
      </c>
      <c r="E13524" s="6">
        <v>68001</v>
      </c>
      <c r="F13524" s="6" t="s">
        <v>18</v>
      </c>
      <c r="G13524" s="6" t="s">
        <v>25048</v>
      </c>
      <c r="H13524" s="6" t="s">
        <v>25049</v>
      </c>
      <c r="I13524" s="7">
        <v>7.1188611999999996</v>
      </c>
      <c r="J13524" s="8">
        <v>-73.1256044</v>
      </c>
    </row>
    <row r="13525" spans="1:10" x14ac:dyDescent="0.35">
      <c r="A13525" s="5" t="s">
        <v>10</v>
      </c>
      <c r="B13525" s="6">
        <v>247560</v>
      </c>
      <c r="C13525" s="6" t="s">
        <v>68</v>
      </c>
      <c r="D13525" s="6" t="s">
        <v>69</v>
      </c>
      <c r="E13525" s="6">
        <v>11001</v>
      </c>
      <c r="F13525" s="6" t="s">
        <v>18</v>
      </c>
      <c r="G13525" s="6" t="s">
        <v>25050</v>
      </c>
      <c r="H13525" s="6" t="s">
        <v>25051</v>
      </c>
      <c r="I13525" s="7">
        <v>4.5726507999999999</v>
      </c>
      <c r="J13525" s="8">
        <v>-74.091473899999997</v>
      </c>
    </row>
    <row r="13526" spans="1:10" x14ac:dyDescent="0.35">
      <c r="A13526" s="5" t="s">
        <v>10</v>
      </c>
      <c r="B13526" s="6">
        <v>247561</v>
      </c>
      <c r="C13526" s="6" t="s">
        <v>68</v>
      </c>
      <c r="D13526" s="6" t="s">
        <v>69</v>
      </c>
      <c r="E13526" s="6">
        <v>11001</v>
      </c>
      <c r="F13526" s="6" t="s">
        <v>18</v>
      </c>
      <c r="G13526" s="6" t="s">
        <v>25052</v>
      </c>
      <c r="H13526" s="6" t="s">
        <v>25053</v>
      </c>
      <c r="I13526" s="7">
        <v>4.6033986000000002</v>
      </c>
      <c r="J13526" s="8">
        <v>-74.096702300000004</v>
      </c>
    </row>
    <row r="13527" spans="1:10" x14ac:dyDescent="0.35">
      <c r="A13527" s="5" t="s">
        <v>10</v>
      </c>
      <c r="B13527" s="6">
        <v>247562</v>
      </c>
      <c r="C13527" s="6" t="s">
        <v>28</v>
      </c>
      <c r="D13527" s="6" t="s">
        <v>91</v>
      </c>
      <c r="E13527" s="6">
        <v>54874</v>
      </c>
      <c r="F13527" s="6" t="s">
        <v>18</v>
      </c>
      <c r="G13527" s="6" t="s">
        <v>19226</v>
      </c>
      <c r="H13527" s="6" t="s">
        <v>2291</v>
      </c>
      <c r="I13527" s="7">
        <v>7.8437878999999997</v>
      </c>
      <c r="J13527" s="8">
        <v>-72.469689700000004</v>
      </c>
    </row>
    <row r="13528" spans="1:10" x14ac:dyDescent="0.35">
      <c r="A13528" s="5" t="s">
        <v>10</v>
      </c>
      <c r="B13528" s="6">
        <v>247563</v>
      </c>
      <c r="C13528" s="6" t="s">
        <v>68</v>
      </c>
      <c r="D13528" s="6" t="s">
        <v>69</v>
      </c>
      <c r="E13528" s="6">
        <v>11001</v>
      </c>
      <c r="F13528" s="6" t="s">
        <v>18</v>
      </c>
      <c r="G13528" s="6" t="s">
        <v>25054</v>
      </c>
      <c r="H13528" s="6" t="s">
        <v>25055</v>
      </c>
      <c r="I13528" s="7">
        <v>4.5665915000000004</v>
      </c>
      <c r="J13528" s="8">
        <v>-74.097022100000004</v>
      </c>
    </row>
    <row r="13529" spans="1:10" x14ac:dyDescent="0.35">
      <c r="A13529" s="5" t="s">
        <v>10</v>
      </c>
      <c r="B13529" s="6">
        <v>247564</v>
      </c>
      <c r="C13529" s="6" t="s">
        <v>302</v>
      </c>
      <c r="D13529" s="6" t="s">
        <v>359</v>
      </c>
      <c r="E13529" s="6">
        <v>8001</v>
      </c>
      <c r="F13529" s="6" t="s">
        <v>18</v>
      </c>
      <c r="G13529" s="6" t="s">
        <v>25056</v>
      </c>
      <c r="H13529" s="6" t="s">
        <v>25057</v>
      </c>
      <c r="I13529" s="7">
        <v>10.963889999999999</v>
      </c>
      <c r="J13529" s="8">
        <v>-74.807799799999998</v>
      </c>
    </row>
    <row r="13530" spans="1:10" x14ac:dyDescent="0.35">
      <c r="A13530" s="5" t="s">
        <v>10</v>
      </c>
      <c r="B13530" s="6">
        <v>247565</v>
      </c>
      <c r="C13530" s="6" t="s">
        <v>11</v>
      </c>
      <c r="D13530" s="6" t="s">
        <v>334</v>
      </c>
      <c r="E13530" s="6">
        <v>25754</v>
      </c>
      <c r="F13530" s="6" t="s">
        <v>18</v>
      </c>
      <c r="G13530" s="6" t="s">
        <v>25058</v>
      </c>
      <c r="H13530" s="6" t="s">
        <v>25059</v>
      </c>
      <c r="I13530" s="7">
        <v>4.5987251000000002</v>
      </c>
      <c r="J13530" s="8">
        <v>-74.194352899999998</v>
      </c>
    </row>
    <row r="13531" spans="1:10" x14ac:dyDescent="0.35">
      <c r="A13531" s="5" t="s">
        <v>10</v>
      </c>
      <c r="B13531" s="6">
        <v>247568</v>
      </c>
      <c r="C13531" s="6" t="s">
        <v>117</v>
      </c>
      <c r="D13531" s="6" t="s">
        <v>12447</v>
      </c>
      <c r="E13531" s="6">
        <v>76248</v>
      </c>
      <c r="F13531" s="6" t="s">
        <v>18</v>
      </c>
      <c r="G13531" s="6" t="s">
        <v>25060</v>
      </c>
      <c r="H13531" s="6" t="s">
        <v>25061</v>
      </c>
      <c r="I13531" s="7">
        <v>3.6840839999999999</v>
      </c>
      <c r="J13531" s="8">
        <v>-76.312995999999998</v>
      </c>
    </row>
    <row r="13532" spans="1:10" x14ac:dyDescent="0.35">
      <c r="A13532" s="5" t="s">
        <v>10</v>
      </c>
      <c r="B13532" s="6">
        <v>247572</v>
      </c>
      <c r="C13532" s="6" t="s">
        <v>16</v>
      </c>
      <c r="D13532" s="6" t="s">
        <v>510</v>
      </c>
      <c r="E13532" s="6">
        <v>68547</v>
      </c>
      <c r="F13532" s="6" t="s">
        <v>18</v>
      </c>
      <c r="G13532" s="6" t="s">
        <v>25062</v>
      </c>
      <c r="H13532" s="6" t="s">
        <v>25063</v>
      </c>
      <c r="I13532" s="7">
        <v>6.9737831000000003</v>
      </c>
      <c r="J13532" s="8">
        <v>-73.050311100000002</v>
      </c>
    </row>
    <row r="13533" spans="1:10" x14ac:dyDescent="0.35">
      <c r="A13533" s="5" t="s">
        <v>10</v>
      </c>
      <c r="B13533" s="6">
        <v>247579</v>
      </c>
      <c r="C13533" s="6" t="s">
        <v>16</v>
      </c>
      <c r="D13533" s="6" t="s">
        <v>510</v>
      </c>
      <c r="E13533" s="6">
        <v>68547</v>
      </c>
      <c r="F13533" s="6" t="s">
        <v>18</v>
      </c>
      <c r="G13533" s="6" t="s">
        <v>25064</v>
      </c>
      <c r="H13533" s="6" t="s">
        <v>25063</v>
      </c>
      <c r="I13533" s="7">
        <v>6.9737831000000003</v>
      </c>
      <c r="J13533" s="8">
        <v>-73.050311100000002</v>
      </c>
    </row>
    <row r="13534" spans="1:10" x14ac:dyDescent="0.35">
      <c r="A13534" s="5" t="s">
        <v>10</v>
      </c>
      <c r="B13534" s="6">
        <v>247580</v>
      </c>
      <c r="C13534" s="6" t="s">
        <v>11</v>
      </c>
      <c r="D13534" s="6" t="s">
        <v>159</v>
      </c>
      <c r="E13534" s="6">
        <v>25175</v>
      </c>
      <c r="F13534" s="6" t="s">
        <v>18</v>
      </c>
      <c r="G13534" s="6" t="s">
        <v>25065</v>
      </c>
      <c r="H13534" s="6" t="s">
        <v>25066</v>
      </c>
      <c r="I13534" s="7">
        <v>4.8476942000000003</v>
      </c>
      <c r="J13534" s="8">
        <v>-74.077814399999994</v>
      </c>
    </row>
    <row r="13535" spans="1:10" x14ac:dyDescent="0.35">
      <c r="A13535" s="5" t="s">
        <v>10</v>
      </c>
      <c r="B13535" s="6">
        <v>247581</v>
      </c>
      <c r="C13535" s="6" t="s">
        <v>68</v>
      </c>
      <c r="D13535" s="6" t="s">
        <v>69</v>
      </c>
      <c r="E13535" s="6">
        <v>11001</v>
      </c>
      <c r="F13535" s="6" t="s">
        <v>2161</v>
      </c>
      <c r="G13535" s="6" t="s">
        <v>25067</v>
      </c>
      <c r="H13535" s="6" t="s">
        <v>25068</v>
      </c>
      <c r="I13535" s="7">
        <v>4.7098133999999998</v>
      </c>
      <c r="J13535" s="8">
        <v>-74.120945000000006</v>
      </c>
    </row>
    <row r="13536" spans="1:10" x14ac:dyDescent="0.35">
      <c r="A13536" s="5" t="s">
        <v>10</v>
      </c>
      <c r="B13536" s="6">
        <v>247585</v>
      </c>
      <c r="C13536" s="6" t="s">
        <v>294</v>
      </c>
      <c r="D13536" s="6" t="s">
        <v>703</v>
      </c>
      <c r="E13536" s="6">
        <v>41001</v>
      </c>
      <c r="F13536" s="6" t="s">
        <v>2161</v>
      </c>
      <c r="G13536" s="6" t="s">
        <v>25069</v>
      </c>
      <c r="H13536" s="6" t="s">
        <v>25070</v>
      </c>
      <c r="I13536" s="7">
        <v>2.9138351</v>
      </c>
      <c r="J13536" s="8">
        <v>-75.269414600000005</v>
      </c>
    </row>
    <row r="13537" spans="1:10" x14ac:dyDescent="0.35">
      <c r="A13537" s="5" t="s">
        <v>10</v>
      </c>
      <c r="B13537" s="6">
        <v>247586</v>
      </c>
      <c r="C13537" s="6" t="s">
        <v>16</v>
      </c>
      <c r="D13537" s="6" t="s">
        <v>78</v>
      </c>
      <c r="E13537" s="6">
        <v>68001</v>
      </c>
      <c r="F13537" s="6" t="s">
        <v>18</v>
      </c>
      <c r="G13537" s="6" t="s">
        <v>25071</v>
      </c>
      <c r="H13537" s="6" t="s">
        <v>25072</v>
      </c>
      <c r="I13537" s="7">
        <v>7.1294994000000003</v>
      </c>
      <c r="J13537" s="8">
        <v>-73.124652800000007</v>
      </c>
    </row>
    <row r="13538" spans="1:10" x14ac:dyDescent="0.35">
      <c r="A13538" s="5" t="s">
        <v>10</v>
      </c>
      <c r="B13538" s="6">
        <v>247588</v>
      </c>
      <c r="C13538" s="6" t="s">
        <v>11</v>
      </c>
      <c r="D13538" s="6" t="s">
        <v>12</v>
      </c>
      <c r="E13538" s="6">
        <v>25899</v>
      </c>
      <c r="F13538" s="6" t="s">
        <v>18</v>
      </c>
      <c r="G13538" s="6" t="s">
        <v>25073</v>
      </c>
      <c r="H13538" s="6" t="s">
        <v>25074</v>
      </c>
      <c r="I13538" s="7">
        <v>5.0214759999999998</v>
      </c>
      <c r="J13538" s="8">
        <v>-73.990955</v>
      </c>
    </row>
    <row r="13539" spans="1:10" x14ac:dyDescent="0.35">
      <c r="A13539" s="5" t="s">
        <v>10</v>
      </c>
      <c r="B13539" s="6">
        <v>247594</v>
      </c>
      <c r="C13539" s="6" t="s">
        <v>308</v>
      </c>
      <c r="D13539" s="6" t="s">
        <v>8321</v>
      </c>
      <c r="E13539" s="6">
        <v>23162</v>
      </c>
      <c r="F13539" s="6" t="s">
        <v>18</v>
      </c>
      <c r="G13539" s="6" t="s">
        <v>25075</v>
      </c>
      <c r="H13539" s="6" t="s">
        <v>25076</v>
      </c>
      <c r="I13539" s="7">
        <v>8.8839839000000005</v>
      </c>
      <c r="J13539" s="8">
        <v>-75.790721500000004</v>
      </c>
    </row>
    <row r="13540" spans="1:10" x14ac:dyDescent="0.35">
      <c r="A13540" s="5" t="s">
        <v>10</v>
      </c>
      <c r="B13540" s="6">
        <v>247595</v>
      </c>
      <c r="C13540" s="6" t="s">
        <v>190</v>
      </c>
      <c r="D13540" s="6" t="s">
        <v>191</v>
      </c>
      <c r="E13540" s="6">
        <v>5001</v>
      </c>
      <c r="F13540" s="6" t="s">
        <v>18</v>
      </c>
      <c r="G13540" s="6" t="s">
        <v>25077</v>
      </c>
      <c r="H13540" s="6" t="s">
        <v>25078</v>
      </c>
      <c r="I13540" s="7">
        <v>6.2476376</v>
      </c>
      <c r="J13540" s="8">
        <v>-75.565815299999997</v>
      </c>
    </row>
    <row r="13541" spans="1:10" x14ac:dyDescent="0.35">
      <c r="A13541" s="5" t="s">
        <v>10</v>
      </c>
      <c r="B13541" s="6">
        <v>247598</v>
      </c>
      <c r="C13541" s="6" t="s">
        <v>457</v>
      </c>
      <c r="D13541" s="6" t="s">
        <v>4400</v>
      </c>
      <c r="E13541" s="6">
        <v>52001</v>
      </c>
      <c r="F13541" s="6" t="s">
        <v>18</v>
      </c>
      <c r="G13541" s="6" t="s">
        <v>25079</v>
      </c>
      <c r="H13541" s="6" t="s">
        <v>25080</v>
      </c>
      <c r="I13541" s="7">
        <v>1.2025954000000001</v>
      </c>
      <c r="J13541" s="8">
        <v>-77.264187399999997</v>
      </c>
    </row>
    <row r="13542" spans="1:10" x14ac:dyDescent="0.35">
      <c r="A13542" s="5" t="s">
        <v>10</v>
      </c>
      <c r="B13542" s="6">
        <v>247605</v>
      </c>
      <c r="C13542" s="6" t="s">
        <v>117</v>
      </c>
      <c r="D13542" s="6" t="s">
        <v>4096</v>
      </c>
      <c r="E13542" s="6">
        <v>76233</v>
      </c>
      <c r="F13542" s="6" t="s">
        <v>18</v>
      </c>
      <c r="G13542" s="6" t="s">
        <v>25081</v>
      </c>
      <c r="H13542" s="6" t="s">
        <v>25082</v>
      </c>
      <c r="I13542" s="7">
        <v>4.3611399999999998</v>
      </c>
      <c r="J13542" s="8">
        <v>-76.076369999999997</v>
      </c>
    </row>
    <row r="13543" spans="1:10" x14ac:dyDescent="0.35">
      <c r="A13543" s="5" t="s">
        <v>10</v>
      </c>
      <c r="B13543" s="6">
        <v>247606</v>
      </c>
      <c r="C13543" s="6" t="s">
        <v>68</v>
      </c>
      <c r="D13543" s="6" t="s">
        <v>69</v>
      </c>
      <c r="E13543" s="6">
        <v>11001</v>
      </c>
      <c r="F13543" s="6" t="s">
        <v>18</v>
      </c>
      <c r="G13543" s="6" t="s">
        <v>25083</v>
      </c>
      <c r="H13543" s="6" t="s">
        <v>25084</v>
      </c>
      <c r="I13543" s="7">
        <v>4.7532316000000003</v>
      </c>
      <c r="J13543" s="8">
        <v>-74.099452799999995</v>
      </c>
    </row>
    <row r="13544" spans="1:10" x14ac:dyDescent="0.35">
      <c r="A13544" s="5" t="s">
        <v>10</v>
      </c>
      <c r="B13544" s="6">
        <v>247608</v>
      </c>
      <c r="C13544" s="6" t="s">
        <v>24</v>
      </c>
      <c r="D13544" s="6" t="s">
        <v>137</v>
      </c>
      <c r="E13544" s="6">
        <v>15238</v>
      </c>
      <c r="F13544" s="6" t="s">
        <v>18</v>
      </c>
      <c r="G13544" s="6" t="s">
        <v>113</v>
      </c>
      <c r="H13544" s="6" t="s">
        <v>25085</v>
      </c>
      <c r="I13544" s="7">
        <v>5.8072211999999999</v>
      </c>
      <c r="J13544" s="8">
        <v>-73.030284600000002</v>
      </c>
    </row>
    <row r="13545" spans="1:10" x14ac:dyDescent="0.35">
      <c r="A13545" s="5" t="s">
        <v>10</v>
      </c>
      <c r="B13545" s="6">
        <v>247611</v>
      </c>
      <c r="C13545" s="6" t="s">
        <v>294</v>
      </c>
      <c r="D13545" s="6" t="s">
        <v>4244</v>
      </c>
      <c r="E13545" s="6">
        <v>41298</v>
      </c>
      <c r="F13545" s="6" t="s">
        <v>18</v>
      </c>
      <c r="G13545" s="6" t="s">
        <v>25086</v>
      </c>
      <c r="H13545" s="6" t="s">
        <v>25087</v>
      </c>
      <c r="I13545" s="7">
        <v>2.1994658999999999</v>
      </c>
      <c r="J13545" s="8">
        <v>-75.627733300000003</v>
      </c>
    </row>
    <row r="13546" spans="1:10" x14ac:dyDescent="0.35">
      <c r="A13546" s="5" t="s">
        <v>10</v>
      </c>
      <c r="B13546" s="6">
        <v>247613</v>
      </c>
      <c r="C13546" s="6" t="s">
        <v>117</v>
      </c>
      <c r="D13546" s="6" t="s">
        <v>1334</v>
      </c>
      <c r="E13546" s="6">
        <v>76001</v>
      </c>
      <c r="F13546" s="6" t="s">
        <v>18</v>
      </c>
      <c r="G13546" s="6" t="s">
        <v>25088</v>
      </c>
      <c r="H13546" s="6" t="s">
        <v>25089</v>
      </c>
      <c r="I13546" s="7">
        <v>3.3912938000000001</v>
      </c>
      <c r="J13546" s="8">
        <v>-76.559935400000001</v>
      </c>
    </row>
    <row r="13547" spans="1:10" x14ac:dyDescent="0.35">
      <c r="A13547" s="5" t="s">
        <v>10</v>
      </c>
      <c r="B13547" s="6">
        <v>247616</v>
      </c>
      <c r="C13547" s="6" t="s">
        <v>16</v>
      </c>
      <c r="D13547" s="6" t="s">
        <v>17</v>
      </c>
      <c r="E13547" s="6">
        <v>68679</v>
      </c>
      <c r="F13547" s="6" t="s">
        <v>18</v>
      </c>
      <c r="G13547" s="6" t="s">
        <v>25090</v>
      </c>
      <c r="H13547" s="6" t="s">
        <v>25091</v>
      </c>
      <c r="I13547" s="7">
        <v>6.5579863999999999</v>
      </c>
      <c r="J13547" s="8">
        <v>-73.1311994</v>
      </c>
    </row>
    <row r="13548" spans="1:10" x14ac:dyDescent="0.35">
      <c r="A13548" s="5" t="s">
        <v>10</v>
      </c>
      <c r="B13548" s="6">
        <v>247618</v>
      </c>
      <c r="C13548" s="6" t="s">
        <v>68</v>
      </c>
      <c r="D13548" s="6" t="s">
        <v>69</v>
      </c>
      <c r="E13548" s="6">
        <v>11001</v>
      </c>
      <c r="F13548" s="6" t="s">
        <v>18</v>
      </c>
      <c r="G13548" s="6" t="s">
        <v>113</v>
      </c>
      <c r="H13548" s="6" t="s">
        <v>25092</v>
      </c>
      <c r="I13548" s="7">
        <v>4.5495631000000003</v>
      </c>
      <c r="J13548" s="8">
        <v>-74.165567600000003</v>
      </c>
    </row>
    <row r="13549" spans="1:10" x14ac:dyDescent="0.35">
      <c r="A13549" s="5" t="s">
        <v>10</v>
      </c>
      <c r="B13549" s="6">
        <v>247620</v>
      </c>
      <c r="C13549" s="6" t="s">
        <v>3819</v>
      </c>
      <c r="D13549" s="6" t="s">
        <v>5557</v>
      </c>
      <c r="E13549" s="6">
        <v>86568</v>
      </c>
      <c r="F13549" s="6" t="s">
        <v>18</v>
      </c>
      <c r="G13549" s="6" t="s">
        <v>25093</v>
      </c>
      <c r="H13549" s="6" t="s">
        <v>25094</v>
      </c>
      <c r="I13549" s="7">
        <v>0.49535360000000001</v>
      </c>
      <c r="J13549" s="8">
        <v>-76.498791299999993</v>
      </c>
    </row>
    <row r="13550" spans="1:10" x14ac:dyDescent="0.35">
      <c r="A13550" s="5" t="s">
        <v>10</v>
      </c>
      <c r="B13550" s="6">
        <v>247623</v>
      </c>
      <c r="C13550" s="6" t="s">
        <v>68</v>
      </c>
      <c r="D13550" s="6" t="s">
        <v>69</v>
      </c>
      <c r="E13550" s="6">
        <v>11001</v>
      </c>
      <c r="F13550" s="6" t="s">
        <v>18</v>
      </c>
      <c r="G13550" s="6" t="s">
        <v>25095</v>
      </c>
      <c r="H13550" s="6" t="s">
        <v>25096</v>
      </c>
      <c r="I13550" s="7">
        <v>4.6314019000000002</v>
      </c>
      <c r="J13550" s="8">
        <v>-74.129630899999995</v>
      </c>
    </row>
    <row r="13551" spans="1:10" x14ac:dyDescent="0.35">
      <c r="A13551" s="5" t="s">
        <v>10</v>
      </c>
      <c r="B13551" s="6">
        <v>247625</v>
      </c>
      <c r="C13551" s="6" t="s">
        <v>55</v>
      </c>
      <c r="D13551" s="6" t="s">
        <v>1870</v>
      </c>
      <c r="E13551" s="6">
        <v>73236</v>
      </c>
      <c r="F13551" s="6" t="s">
        <v>18</v>
      </c>
      <c r="G13551" s="6" t="s">
        <v>25097</v>
      </c>
      <c r="H13551" s="6" t="s">
        <v>25098</v>
      </c>
      <c r="I13551" s="7">
        <v>4.4558359999999997</v>
      </c>
      <c r="J13551" s="8">
        <v>-75.201992700000005</v>
      </c>
    </row>
    <row r="13552" spans="1:10" x14ac:dyDescent="0.35">
      <c r="A13552" s="5" t="s">
        <v>10</v>
      </c>
      <c r="B13552" s="6">
        <v>247630</v>
      </c>
      <c r="C13552" s="6" t="s">
        <v>68</v>
      </c>
      <c r="D13552" s="6" t="s">
        <v>69</v>
      </c>
      <c r="E13552" s="6">
        <v>11001</v>
      </c>
      <c r="F13552" s="6" t="s">
        <v>18</v>
      </c>
      <c r="G13552" s="6" t="s">
        <v>25099</v>
      </c>
      <c r="H13552" s="6" t="s">
        <v>25100</v>
      </c>
      <c r="I13552" s="7">
        <v>4.6019325999999996</v>
      </c>
      <c r="J13552" s="8">
        <v>-74.087026100000003</v>
      </c>
    </row>
    <row r="13553" spans="1:10" x14ac:dyDescent="0.35">
      <c r="A13553" s="5" t="s">
        <v>10</v>
      </c>
      <c r="B13553" s="6">
        <v>247634</v>
      </c>
      <c r="C13553" s="6" t="s">
        <v>16</v>
      </c>
      <c r="D13553" s="6" t="s">
        <v>2825</v>
      </c>
      <c r="E13553" s="6">
        <v>68276</v>
      </c>
      <c r="F13553" s="6" t="s">
        <v>18</v>
      </c>
      <c r="G13553" s="6" t="s">
        <v>25101</v>
      </c>
      <c r="H13553" s="6" t="s">
        <v>25102</v>
      </c>
      <c r="I13553" s="7">
        <v>7.1211004999999998</v>
      </c>
      <c r="J13553" s="8">
        <v>-73.134663500000002</v>
      </c>
    </row>
    <row r="13554" spans="1:10" x14ac:dyDescent="0.35">
      <c r="A13554" s="5" t="s">
        <v>10</v>
      </c>
      <c r="B13554" s="6">
        <v>247635</v>
      </c>
      <c r="C13554" s="6" t="s">
        <v>302</v>
      </c>
      <c r="D13554" s="6" t="s">
        <v>359</v>
      </c>
      <c r="E13554" s="6">
        <v>8001</v>
      </c>
      <c r="F13554" s="6" t="s">
        <v>18</v>
      </c>
      <c r="G13554" s="6" t="s">
        <v>25103</v>
      </c>
      <c r="H13554" s="6" t="s">
        <v>25104</v>
      </c>
      <c r="I13554" s="7">
        <v>10.950635699999999</v>
      </c>
      <c r="J13554" s="8">
        <v>-74.799966100000006</v>
      </c>
    </row>
    <row r="13555" spans="1:10" x14ac:dyDescent="0.35">
      <c r="A13555" s="5" t="s">
        <v>10</v>
      </c>
      <c r="B13555" s="6">
        <v>247643</v>
      </c>
      <c r="C13555" s="6" t="s">
        <v>68</v>
      </c>
      <c r="D13555" s="6" t="s">
        <v>69</v>
      </c>
      <c r="E13555" s="6">
        <v>11001</v>
      </c>
      <c r="F13555" s="6" t="s">
        <v>18</v>
      </c>
      <c r="G13555" s="6" t="s">
        <v>25105</v>
      </c>
      <c r="H13555" s="6" t="s">
        <v>25106</v>
      </c>
      <c r="I13555" s="7">
        <v>4.5517570999999997</v>
      </c>
      <c r="J13555" s="8">
        <v>-74.094940500000007</v>
      </c>
    </row>
    <row r="13556" spans="1:10" x14ac:dyDescent="0.35">
      <c r="A13556" s="5" t="s">
        <v>10</v>
      </c>
      <c r="B13556" s="6">
        <v>247650</v>
      </c>
      <c r="C13556" s="6" t="s">
        <v>68</v>
      </c>
      <c r="D13556" s="6" t="s">
        <v>69</v>
      </c>
      <c r="E13556" s="6">
        <v>11001</v>
      </c>
      <c r="F13556" s="6" t="s">
        <v>18</v>
      </c>
      <c r="G13556" s="6" t="s">
        <v>25107</v>
      </c>
      <c r="H13556" s="6" t="s">
        <v>25108</v>
      </c>
      <c r="I13556" s="7">
        <v>4.6638487</v>
      </c>
      <c r="J13556" s="8">
        <v>-74.057588600000003</v>
      </c>
    </row>
    <row r="13557" spans="1:10" x14ac:dyDescent="0.35">
      <c r="A13557" s="5" t="s">
        <v>10</v>
      </c>
      <c r="B13557" s="6">
        <v>247652</v>
      </c>
      <c r="C13557" s="6" t="s">
        <v>294</v>
      </c>
      <c r="D13557" s="6" t="s">
        <v>703</v>
      </c>
      <c r="E13557" s="6">
        <v>41001</v>
      </c>
      <c r="F13557" s="6" t="s">
        <v>18</v>
      </c>
      <c r="G13557" s="6" t="s">
        <v>25109</v>
      </c>
      <c r="H13557" s="6" t="s">
        <v>25110</v>
      </c>
      <c r="I13557" s="7">
        <v>2.9229951000000001</v>
      </c>
      <c r="J13557" s="8">
        <v>-75.281005399999998</v>
      </c>
    </row>
    <row r="13558" spans="1:10" x14ac:dyDescent="0.35">
      <c r="A13558" s="5" t="s">
        <v>10</v>
      </c>
      <c r="B13558" s="6">
        <v>247654</v>
      </c>
      <c r="C13558" s="6" t="s">
        <v>278</v>
      </c>
      <c r="D13558" s="6" t="s">
        <v>279</v>
      </c>
      <c r="E13558" s="6">
        <v>50001</v>
      </c>
      <c r="F13558" s="6" t="s">
        <v>18</v>
      </c>
      <c r="G13558" s="6" t="s">
        <v>25111</v>
      </c>
      <c r="H13558" s="6" t="s">
        <v>25112</v>
      </c>
      <c r="I13558" s="7">
        <v>4.1302367000000002</v>
      </c>
      <c r="J13558" s="8">
        <v>-73.621267099999997</v>
      </c>
    </row>
    <row r="13559" spans="1:10" x14ac:dyDescent="0.35">
      <c r="A13559" s="5" t="s">
        <v>10</v>
      </c>
      <c r="B13559" s="6">
        <v>247655</v>
      </c>
      <c r="C13559" s="6" t="s">
        <v>24</v>
      </c>
      <c r="D13559" s="6" t="s">
        <v>137</v>
      </c>
      <c r="E13559" s="6">
        <v>15238</v>
      </c>
      <c r="F13559" s="6" t="s">
        <v>18</v>
      </c>
      <c r="G13559" s="6" t="s">
        <v>25113</v>
      </c>
      <c r="H13559" s="6" t="s">
        <v>25114</v>
      </c>
      <c r="I13559" s="7">
        <v>5.8268950999999998</v>
      </c>
      <c r="J13559" s="8">
        <v>-73.032927299999997</v>
      </c>
    </row>
    <row r="13560" spans="1:10" x14ac:dyDescent="0.35">
      <c r="A13560" s="5" t="s">
        <v>10</v>
      </c>
      <c r="B13560" s="6">
        <v>247660</v>
      </c>
      <c r="C13560" s="6" t="s">
        <v>302</v>
      </c>
      <c r="D13560" s="6" t="s">
        <v>359</v>
      </c>
      <c r="E13560" s="6">
        <v>8001</v>
      </c>
      <c r="F13560" s="6" t="s">
        <v>18</v>
      </c>
      <c r="G13560" s="6" t="s">
        <v>25115</v>
      </c>
      <c r="H13560" s="6" t="s">
        <v>25116</v>
      </c>
      <c r="I13560" s="7">
        <v>4.5048399999999997</v>
      </c>
      <c r="J13560" s="8">
        <v>-74.109449999999995</v>
      </c>
    </row>
    <row r="13561" spans="1:10" x14ac:dyDescent="0.35">
      <c r="A13561" s="5" t="s">
        <v>10</v>
      </c>
      <c r="B13561" s="6">
        <v>247671</v>
      </c>
      <c r="C13561" s="6" t="s">
        <v>11</v>
      </c>
      <c r="D13561" s="6" t="s">
        <v>513</v>
      </c>
      <c r="E13561" s="6">
        <v>25286</v>
      </c>
      <c r="F13561" s="6" t="s">
        <v>2161</v>
      </c>
      <c r="G13561" s="6" t="s">
        <v>25117</v>
      </c>
      <c r="H13561" s="6" t="s">
        <v>25118</v>
      </c>
      <c r="I13561" s="7">
        <v>4.7129120999999996</v>
      </c>
      <c r="J13561" s="8">
        <v>-74.214262399999996</v>
      </c>
    </row>
    <row r="13562" spans="1:10" x14ac:dyDescent="0.35">
      <c r="A13562" s="5" t="s">
        <v>10</v>
      </c>
      <c r="B13562" s="6">
        <v>247679</v>
      </c>
      <c r="C13562" s="6" t="s">
        <v>24</v>
      </c>
      <c r="D13562" s="6" t="s">
        <v>137</v>
      </c>
      <c r="E13562" s="6">
        <v>15238</v>
      </c>
      <c r="F13562" s="6" t="s">
        <v>18</v>
      </c>
      <c r="G13562" s="6" t="s">
        <v>25119</v>
      </c>
      <c r="H13562" s="6" t="s">
        <v>25120</v>
      </c>
      <c r="I13562" s="7">
        <v>5.7463195000000002</v>
      </c>
      <c r="J13562" s="8">
        <v>-73.001201699999996</v>
      </c>
    </row>
    <row r="13563" spans="1:10" x14ac:dyDescent="0.35">
      <c r="A13563" s="5" t="s">
        <v>10</v>
      </c>
      <c r="B13563" s="6">
        <v>247683</v>
      </c>
      <c r="C13563" s="6" t="s">
        <v>457</v>
      </c>
      <c r="D13563" s="6" t="s">
        <v>1363</v>
      </c>
      <c r="E13563" s="6">
        <v>52215</v>
      </c>
      <c r="F13563" s="6" t="s">
        <v>18</v>
      </c>
      <c r="G13563" s="6" t="s">
        <v>25121</v>
      </c>
      <c r="H13563" s="6" t="s">
        <v>23208</v>
      </c>
      <c r="I13563" s="7">
        <v>1.2263200999999999</v>
      </c>
      <c r="J13563" s="8">
        <v>-77.282224400000004</v>
      </c>
    </row>
    <row r="13564" spans="1:10" x14ac:dyDescent="0.35">
      <c r="A13564" s="5" t="s">
        <v>10</v>
      </c>
      <c r="B13564" s="6">
        <v>247686</v>
      </c>
      <c r="C13564" s="6" t="s">
        <v>68</v>
      </c>
      <c r="D13564" s="6" t="s">
        <v>69</v>
      </c>
      <c r="E13564" s="6">
        <v>11001</v>
      </c>
      <c r="F13564" s="6" t="s">
        <v>18</v>
      </c>
      <c r="G13564" s="6" t="s">
        <v>25122</v>
      </c>
      <c r="H13564" s="6" t="s">
        <v>25123</v>
      </c>
      <c r="I13564" s="7">
        <v>4.5605909000000002</v>
      </c>
      <c r="J13564" s="8">
        <v>-74.148041199999994</v>
      </c>
    </row>
    <row r="13565" spans="1:10" x14ac:dyDescent="0.35">
      <c r="A13565" s="5" t="s">
        <v>10</v>
      </c>
      <c r="B13565" s="6">
        <v>247687</v>
      </c>
      <c r="C13565" s="6" t="s">
        <v>24</v>
      </c>
      <c r="D13565" s="6" t="s">
        <v>137</v>
      </c>
      <c r="E13565" s="6">
        <v>15238</v>
      </c>
      <c r="F13565" s="6" t="s">
        <v>18</v>
      </c>
      <c r="G13565" s="6" t="s">
        <v>25124</v>
      </c>
      <c r="H13565" s="6" t="s">
        <v>25125</v>
      </c>
      <c r="I13565" s="7">
        <v>5.8230218000000002</v>
      </c>
      <c r="J13565" s="8">
        <v>-73.0382058</v>
      </c>
    </row>
    <row r="13566" spans="1:10" x14ac:dyDescent="0.35">
      <c r="A13566" s="5" t="s">
        <v>10</v>
      </c>
      <c r="B13566" s="6">
        <v>247693</v>
      </c>
      <c r="C13566" s="6" t="s">
        <v>38</v>
      </c>
      <c r="D13566" s="6" t="s">
        <v>39</v>
      </c>
      <c r="E13566" s="6">
        <v>19001</v>
      </c>
      <c r="F13566" s="6" t="s">
        <v>18</v>
      </c>
      <c r="G13566" s="6" t="s">
        <v>25126</v>
      </c>
      <c r="H13566" s="6" t="s">
        <v>25127</v>
      </c>
      <c r="I13566" s="7">
        <v>2.4792044999999998</v>
      </c>
      <c r="J13566" s="8">
        <v>-76.561923899999996</v>
      </c>
    </row>
    <row r="13567" spans="1:10" x14ac:dyDescent="0.35">
      <c r="A13567" s="5" t="s">
        <v>10</v>
      </c>
      <c r="B13567" s="6">
        <v>247694</v>
      </c>
      <c r="C13567" s="6" t="s">
        <v>68</v>
      </c>
      <c r="D13567" s="6" t="s">
        <v>69</v>
      </c>
      <c r="E13567" s="6">
        <v>11001</v>
      </c>
      <c r="F13567" s="6" t="s">
        <v>18</v>
      </c>
      <c r="G13567" s="6" t="s">
        <v>25128</v>
      </c>
      <c r="H13567" s="6" t="s">
        <v>25129</v>
      </c>
      <c r="I13567" s="7">
        <v>4.6800987000000003</v>
      </c>
      <c r="J13567" s="8">
        <v>-74.166044900000003</v>
      </c>
    </row>
    <row r="13568" spans="1:10" x14ac:dyDescent="0.35">
      <c r="A13568" s="5" t="s">
        <v>10</v>
      </c>
      <c r="B13568" s="6">
        <v>247695</v>
      </c>
      <c r="C13568" s="6" t="s">
        <v>68</v>
      </c>
      <c r="D13568" s="6" t="s">
        <v>69</v>
      </c>
      <c r="E13568" s="6">
        <v>11001</v>
      </c>
      <c r="F13568" s="6" t="s">
        <v>18</v>
      </c>
      <c r="G13568" s="6" t="s">
        <v>25130</v>
      </c>
      <c r="H13568" s="6" t="s">
        <v>25131</v>
      </c>
      <c r="I13568" s="7">
        <v>4.5977252999999996</v>
      </c>
      <c r="J13568" s="8">
        <v>-74.088837900000001</v>
      </c>
    </row>
    <row r="13569" spans="1:10" x14ac:dyDescent="0.35">
      <c r="A13569" s="5" t="s">
        <v>10</v>
      </c>
      <c r="B13569" s="6">
        <v>247699</v>
      </c>
      <c r="C13569" s="6" t="s">
        <v>11</v>
      </c>
      <c r="D13569" s="6" t="s">
        <v>334</v>
      </c>
      <c r="E13569" s="6">
        <v>25754</v>
      </c>
      <c r="F13569" s="6" t="s">
        <v>18</v>
      </c>
      <c r="G13569" s="6" t="s">
        <v>25132</v>
      </c>
      <c r="H13569" s="6" t="s">
        <v>25133</v>
      </c>
      <c r="I13569" s="7">
        <v>4.3242370000000001</v>
      </c>
      <c r="J13569" s="8">
        <v>-74.804310700000002</v>
      </c>
    </row>
    <row r="13570" spans="1:10" x14ac:dyDescent="0.35">
      <c r="A13570" s="5" t="s">
        <v>10</v>
      </c>
      <c r="B13570" s="6">
        <v>247700</v>
      </c>
      <c r="C13570" s="6" t="s">
        <v>11</v>
      </c>
      <c r="D13570" s="6" t="s">
        <v>334</v>
      </c>
      <c r="E13570" s="6">
        <v>25754</v>
      </c>
      <c r="F13570" s="6" t="s">
        <v>18</v>
      </c>
      <c r="G13570" s="6" t="s">
        <v>25134</v>
      </c>
      <c r="H13570" s="6" t="s">
        <v>25135</v>
      </c>
      <c r="I13570" s="7">
        <v>4.5860441999999999</v>
      </c>
      <c r="J13570" s="8">
        <v>-74.1916224</v>
      </c>
    </row>
    <row r="13571" spans="1:10" x14ac:dyDescent="0.35">
      <c r="A13571" s="5" t="s">
        <v>10</v>
      </c>
      <c r="B13571" s="6">
        <v>247701</v>
      </c>
      <c r="C13571" s="6" t="s">
        <v>551</v>
      </c>
      <c r="D13571" s="6" t="s">
        <v>5873</v>
      </c>
      <c r="E13571" s="6">
        <v>20060</v>
      </c>
      <c r="F13571" s="6" t="s">
        <v>18</v>
      </c>
      <c r="G13571" s="6" t="s">
        <v>10104</v>
      </c>
      <c r="H13571" s="6" t="s">
        <v>25136</v>
      </c>
      <c r="I13571" s="7">
        <v>9.9755731999999995</v>
      </c>
      <c r="J13571" s="8">
        <v>-73.882773299999997</v>
      </c>
    </row>
    <row r="13572" spans="1:10" x14ac:dyDescent="0.35">
      <c r="A13572" s="5" t="s">
        <v>10</v>
      </c>
      <c r="B13572" s="6">
        <v>247712</v>
      </c>
      <c r="C13572" s="6" t="s">
        <v>117</v>
      </c>
      <c r="D13572" s="6" t="s">
        <v>1334</v>
      </c>
      <c r="E13572" s="6">
        <v>76001</v>
      </c>
      <c r="F13572" s="6" t="s">
        <v>18</v>
      </c>
      <c r="G13572" s="6" t="s">
        <v>25137</v>
      </c>
      <c r="H13572" s="6" t="s">
        <v>25138</v>
      </c>
      <c r="I13572" s="7">
        <v>3.4499705999999999</v>
      </c>
      <c r="J13572" s="8">
        <v>-76.494490799999994</v>
      </c>
    </row>
    <row r="13573" spans="1:10" x14ac:dyDescent="0.35">
      <c r="A13573" s="5" t="s">
        <v>10</v>
      </c>
      <c r="B13573" s="6">
        <v>247719</v>
      </c>
      <c r="C13573" s="6" t="s">
        <v>308</v>
      </c>
      <c r="D13573" s="6" t="s">
        <v>11004</v>
      </c>
      <c r="E13573" s="6">
        <v>23500</v>
      </c>
      <c r="F13573" s="6" t="s">
        <v>18</v>
      </c>
      <c r="G13573" s="6" t="s">
        <v>25139</v>
      </c>
      <c r="H13573" s="6" t="s">
        <v>25140</v>
      </c>
      <c r="I13573" s="7">
        <v>9.2417818999999994</v>
      </c>
      <c r="J13573" s="8">
        <v>-76.130382499999996</v>
      </c>
    </row>
    <row r="13574" spans="1:10" x14ac:dyDescent="0.35">
      <c r="A13574" s="5" t="s">
        <v>10</v>
      </c>
      <c r="B13574" s="6">
        <v>247721</v>
      </c>
      <c r="C13574" s="6" t="s">
        <v>61</v>
      </c>
      <c r="D13574" s="6" t="s">
        <v>124</v>
      </c>
      <c r="E13574" s="6">
        <v>63401</v>
      </c>
      <c r="F13574" s="6" t="s">
        <v>18</v>
      </c>
      <c r="G13574" s="6" t="s">
        <v>25141</v>
      </c>
      <c r="H13574" s="6" t="s">
        <v>25142</v>
      </c>
      <c r="I13574" s="7">
        <v>4.4531608</v>
      </c>
      <c r="J13574" s="8">
        <v>-75.7898134</v>
      </c>
    </row>
    <row r="13575" spans="1:10" x14ac:dyDescent="0.35">
      <c r="A13575" s="5" t="s">
        <v>10</v>
      </c>
      <c r="B13575" s="6">
        <v>247727</v>
      </c>
      <c r="C13575" s="6" t="s">
        <v>11</v>
      </c>
      <c r="D13575" s="6" t="s">
        <v>334</v>
      </c>
      <c r="E13575" s="6">
        <v>25754</v>
      </c>
      <c r="F13575" s="6" t="s">
        <v>18</v>
      </c>
      <c r="G13575" s="6" t="s">
        <v>25143</v>
      </c>
      <c r="H13575" s="6" t="s">
        <v>25144</v>
      </c>
      <c r="I13575" s="7">
        <v>4.5876397000000004</v>
      </c>
      <c r="J13575" s="8">
        <v>-74.230012400000007</v>
      </c>
    </row>
    <row r="13576" spans="1:10" x14ac:dyDescent="0.35">
      <c r="A13576" s="5" t="s">
        <v>10</v>
      </c>
      <c r="B13576" s="6">
        <v>247729</v>
      </c>
      <c r="C13576" s="6" t="s">
        <v>466</v>
      </c>
      <c r="D13576" s="6" t="s">
        <v>467</v>
      </c>
      <c r="E13576" s="6">
        <v>81736</v>
      </c>
      <c r="F13576" s="6" t="s">
        <v>18</v>
      </c>
      <c r="G13576" s="6" t="s">
        <v>25145</v>
      </c>
      <c r="H13576" s="6" t="s">
        <v>25146</v>
      </c>
      <c r="I13576" s="7">
        <v>6.9561070000000003</v>
      </c>
      <c r="J13576" s="8">
        <v>-71.872595000000004</v>
      </c>
    </row>
    <row r="13577" spans="1:10" x14ac:dyDescent="0.35">
      <c r="A13577" s="5" t="s">
        <v>10</v>
      </c>
      <c r="B13577" s="6">
        <v>247730</v>
      </c>
      <c r="C13577" s="6" t="s">
        <v>2130</v>
      </c>
      <c r="D13577" s="6" t="s">
        <v>2131</v>
      </c>
      <c r="E13577" s="6">
        <v>85001</v>
      </c>
      <c r="F13577" s="6" t="s">
        <v>18</v>
      </c>
      <c r="G13577" s="6" t="s">
        <v>25147</v>
      </c>
      <c r="H13577" s="6" t="s">
        <v>25148</v>
      </c>
      <c r="I13577" s="7">
        <v>5.3482516999999996</v>
      </c>
      <c r="J13577" s="8">
        <v>-72.398509099999998</v>
      </c>
    </row>
    <row r="13578" spans="1:10" x14ac:dyDescent="0.35">
      <c r="A13578" s="5" t="s">
        <v>10</v>
      </c>
      <c r="B13578" s="6">
        <v>247731</v>
      </c>
      <c r="C13578" s="6" t="s">
        <v>16</v>
      </c>
      <c r="D13578" s="6" t="s">
        <v>78</v>
      </c>
      <c r="E13578" s="6">
        <v>68001</v>
      </c>
      <c r="F13578" s="6" t="s">
        <v>18</v>
      </c>
      <c r="G13578" s="6" t="s">
        <v>113</v>
      </c>
      <c r="H13578" s="6" t="s">
        <v>25149</v>
      </c>
      <c r="I13578" s="7">
        <v>7.0962949999999996</v>
      </c>
      <c r="J13578" s="8">
        <v>-73.133687600000002</v>
      </c>
    </row>
    <row r="13579" spans="1:10" x14ac:dyDescent="0.35">
      <c r="A13579" s="5" t="s">
        <v>10</v>
      </c>
      <c r="B13579" s="6">
        <v>247736</v>
      </c>
      <c r="C13579" s="6" t="s">
        <v>117</v>
      </c>
      <c r="D13579" s="6" t="s">
        <v>1334</v>
      </c>
      <c r="E13579" s="6">
        <v>76001</v>
      </c>
      <c r="F13579" s="6" t="s">
        <v>18</v>
      </c>
      <c r="G13579" s="6" t="s">
        <v>25150</v>
      </c>
      <c r="H13579" s="6" t="s">
        <v>25151</v>
      </c>
      <c r="I13579" s="7">
        <v>3.4936992999999998</v>
      </c>
      <c r="J13579" s="8">
        <v>-76.488268000000005</v>
      </c>
    </row>
    <row r="13580" spans="1:10" x14ac:dyDescent="0.35">
      <c r="A13580" s="5" t="s">
        <v>10</v>
      </c>
      <c r="B13580" s="6">
        <v>247738</v>
      </c>
      <c r="C13580" s="6" t="s">
        <v>94</v>
      </c>
      <c r="D13580" s="6" t="s">
        <v>98</v>
      </c>
      <c r="E13580" s="6">
        <v>66001</v>
      </c>
      <c r="F13580" s="6" t="s">
        <v>18</v>
      </c>
      <c r="G13580" s="6" t="s">
        <v>25152</v>
      </c>
      <c r="H13580" s="6" t="s">
        <v>25153</v>
      </c>
      <c r="I13580" s="7">
        <v>4.8082899000000001</v>
      </c>
      <c r="J13580" s="8">
        <v>-75.689440000000005</v>
      </c>
    </row>
    <row r="13581" spans="1:10" x14ac:dyDescent="0.35">
      <c r="A13581" s="5" t="s">
        <v>10</v>
      </c>
      <c r="B13581" s="6">
        <v>247739</v>
      </c>
      <c r="C13581" s="6" t="s">
        <v>55</v>
      </c>
      <c r="D13581" s="6" t="s">
        <v>937</v>
      </c>
      <c r="E13581" s="6">
        <v>73585</v>
      </c>
      <c r="F13581" s="6" t="s">
        <v>18</v>
      </c>
      <c r="G13581" s="6" t="s">
        <v>25154</v>
      </c>
      <c r="H13581" s="6" t="s">
        <v>25155</v>
      </c>
      <c r="I13581" s="7">
        <v>3.8558075000000001</v>
      </c>
      <c r="J13581" s="8">
        <v>-74.934311500000007</v>
      </c>
    </row>
    <row r="13582" spans="1:10" x14ac:dyDescent="0.35">
      <c r="A13582" s="5" t="s">
        <v>10</v>
      </c>
      <c r="B13582" s="6">
        <v>247740</v>
      </c>
      <c r="C13582" s="6" t="s">
        <v>16</v>
      </c>
      <c r="D13582" s="6" t="s">
        <v>78</v>
      </c>
      <c r="E13582" s="6">
        <v>68001</v>
      </c>
      <c r="F13582" s="6" t="s">
        <v>18</v>
      </c>
      <c r="G13582" s="6" t="s">
        <v>25156</v>
      </c>
      <c r="H13582" s="6" t="s">
        <v>25157</v>
      </c>
      <c r="I13582" s="7">
        <v>7.0993653999999999</v>
      </c>
      <c r="J13582" s="8">
        <v>-73.108875600000005</v>
      </c>
    </row>
    <row r="13583" spans="1:10" x14ac:dyDescent="0.35">
      <c r="A13583" s="5" t="s">
        <v>10</v>
      </c>
      <c r="B13583" s="6">
        <v>247741</v>
      </c>
      <c r="C13583" s="6" t="s">
        <v>28</v>
      </c>
      <c r="D13583" s="6" t="s">
        <v>7134</v>
      </c>
      <c r="E13583" s="6">
        <v>54673</v>
      </c>
      <c r="F13583" s="6" t="s">
        <v>18</v>
      </c>
      <c r="G13583" s="6" t="s">
        <v>25158</v>
      </c>
      <c r="H13583" s="6" t="s">
        <v>25159</v>
      </c>
      <c r="I13583" s="7">
        <v>7.8774556999999996</v>
      </c>
      <c r="J13583" s="8">
        <v>-72.624690200000003</v>
      </c>
    </row>
    <row r="13584" spans="1:10" x14ac:dyDescent="0.35">
      <c r="A13584" s="5" t="s">
        <v>10</v>
      </c>
      <c r="B13584" s="6">
        <v>247743</v>
      </c>
      <c r="C13584" s="6" t="s">
        <v>16</v>
      </c>
      <c r="D13584" s="6" t="s">
        <v>78</v>
      </c>
      <c r="E13584" s="6">
        <v>68001</v>
      </c>
      <c r="F13584" s="6" t="s">
        <v>18</v>
      </c>
      <c r="G13584" s="6" t="s">
        <v>25160</v>
      </c>
      <c r="H13584" s="6" t="s">
        <v>25161</v>
      </c>
      <c r="I13584" s="7">
        <v>7.1209306000000003</v>
      </c>
      <c r="J13584" s="8">
        <v>-73.123008900000002</v>
      </c>
    </row>
    <row r="13585" spans="1:10" x14ac:dyDescent="0.35">
      <c r="A13585" s="5" t="s">
        <v>10</v>
      </c>
      <c r="B13585" s="6">
        <v>247744</v>
      </c>
      <c r="C13585" s="6" t="s">
        <v>117</v>
      </c>
      <c r="D13585" s="6" t="s">
        <v>3686</v>
      </c>
      <c r="E13585" s="6">
        <v>76111</v>
      </c>
      <c r="F13585" s="6" t="s">
        <v>18</v>
      </c>
      <c r="G13585" s="6" t="s">
        <v>25162</v>
      </c>
      <c r="H13585" s="6" t="s">
        <v>25163</v>
      </c>
      <c r="I13585" s="7">
        <v>3.89899</v>
      </c>
      <c r="J13585" s="8">
        <v>-76.306100000000001</v>
      </c>
    </row>
    <row r="13586" spans="1:10" x14ac:dyDescent="0.35">
      <c r="A13586" s="5" t="s">
        <v>10</v>
      </c>
      <c r="B13586" s="6">
        <v>247745</v>
      </c>
      <c r="C13586" s="6" t="s">
        <v>278</v>
      </c>
      <c r="D13586" s="6" t="s">
        <v>279</v>
      </c>
      <c r="E13586" s="6">
        <v>50001</v>
      </c>
      <c r="F13586" s="6" t="s">
        <v>18</v>
      </c>
      <c r="G13586" s="6" t="s">
        <v>7521</v>
      </c>
      <c r="H13586" s="6" t="s">
        <v>4846</v>
      </c>
      <c r="I13586" s="7">
        <v>4.1312682000000001</v>
      </c>
      <c r="J13586" s="8">
        <v>-73.632709399999996</v>
      </c>
    </row>
    <row r="13587" spans="1:10" x14ac:dyDescent="0.35">
      <c r="A13587" s="5" t="s">
        <v>10</v>
      </c>
      <c r="B13587" s="6">
        <v>247750</v>
      </c>
      <c r="C13587" s="6" t="s">
        <v>68</v>
      </c>
      <c r="D13587" s="6" t="s">
        <v>69</v>
      </c>
      <c r="E13587" s="6">
        <v>11001</v>
      </c>
      <c r="F13587" s="6" t="s">
        <v>18</v>
      </c>
      <c r="G13587" s="6" t="s">
        <v>25164</v>
      </c>
      <c r="H13587" s="6" t="s">
        <v>25165</v>
      </c>
      <c r="I13587" s="7">
        <v>4.5795862999999999</v>
      </c>
      <c r="J13587" s="8">
        <v>-74.098343999999997</v>
      </c>
    </row>
    <row r="13588" spans="1:10" x14ac:dyDescent="0.35">
      <c r="A13588" s="5" t="s">
        <v>10</v>
      </c>
      <c r="B13588" s="6">
        <v>247751</v>
      </c>
      <c r="C13588" s="6" t="s">
        <v>68</v>
      </c>
      <c r="D13588" s="6" t="s">
        <v>69</v>
      </c>
      <c r="E13588" s="6">
        <v>11001</v>
      </c>
      <c r="F13588" s="6" t="s">
        <v>18</v>
      </c>
      <c r="G13588" s="6" t="s">
        <v>25166</v>
      </c>
      <c r="H13588" s="6" t="s">
        <v>25167</v>
      </c>
      <c r="I13588" s="7">
        <v>4.7109886000000003</v>
      </c>
      <c r="J13588" s="8">
        <v>-74.072091999999998</v>
      </c>
    </row>
    <row r="13589" spans="1:10" x14ac:dyDescent="0.35">
      <c r="A13589" s="5" t="s">
        <v>10</v>
      </c>
      <c r="B13589" s="6">
        <v>247753</v>
      </c>
      <c r="C13589" s="6" t="s">
        <v>366</v>
      </c>
      <c r="D13589" s="6" t="s">
        <v>367</v>
      </c>
      <c r="E13589" s="6">
        <v>44430</v>
      </c>
      <c r="F13589" s="6" t="s">
        <v>18</v>
      </c>
      <c r="G13589" s="6" t="s">
        <v>25168</v>
      </c>
      <c r="H13589" s="6" t="s">
        <v>25169</v>
      </c>
      <c r="I13589" s="7">
        <v>11.379479999999999</v>
      </c>
      <c r="J13589" s="8">
        <v>-72.237333800000002</v>
      </c>
    </row>
    <row r="13590" spans="1:10" x14ac:dyDescent="0.35">
      <c r="A13590" s="5" t="s">
        <v>10</v>
      </c>
      <c r="B13590" s="6">
        <v>247754</v>
      </c>
      <c r="C13590" s="6" t="s">
        <v>68</v>
      </c>
      <c r="D13590" s="6" t="s">
        <v>69</v>
      </c>
      <c r="E13590" s="6">
        <v>11001</v>
      </c>
      <c r="F13590" s="6" t="s">
        <v>13</v>
      </c>
      <c r="G13590" s="6" t="s">
        <v>25170</v>
      </c>
      <c r="H13590" s="6" t="s">
        <v>25171</v>
      </c>
      <c r="I13590" s="7">
        <v>4.6098138296871403</v>
      </c>
      <c r="J13590" s="8">
        <v>-74.092929271164394</v>
      </c>
    </row>
    <row r="13591" spans="1:10" x14ac:dyDescent="0.35">
      <c r="A13591" s="5" t="s">
        <v>10</v>
      </c>
      <c r="B13591" s="6">
        <v>247759</v>
      </c>
      <c r="C13591" s="6" t="s">
        <v>302</v>
      </c>
      <c r="D13591" s="6" t="s">
        <v>359</v>
      </c>
      <c r="E13591" s="6">
        <v>8001</v>
      </c>
      <c r="F13591" s="6" t="s">
        <v>18</v>
      </c>
      <c r="G13591" s="6" t="s">
        <v>25172</v>
      </c>
      <c r="H13591" s="6" t="s">
        <v>25173</v>
      </c>
      <c r="I13591" s="7">
        <v>10.983378399999999</v>
      </c>
      <c r="J13591" s="8">
        <v>-74.793653300000003</v>
      </c>
    </row>
    <row r="13592" spans="1:10" x14ac:dyDescent="0.35">
      <c r="A13592" s="5" t="s">
        <v>10</v>
      </c>
      <c r="B13592" s="6">
        <v>247761</v>
      </c>
      <c r="C13592" s="6" t="s">
        <v>278</v>
      </c>
      <c r="D13592" s="6" t="s">
        <v>279</v>
      </c>
      <c r="E13592" s="6">
        <v>50001</v>
      </c>
      <c r="F13592" s="6" t="s">
        <v>18</v>
      </c>
      <c r="G13592" s="6" t="s">
        <v>25174</v>
      </c>
      <c r="H13592" s="6" t="s">
        <v>25175</v>
      </c>
      <c r="I13592" s="7">
        <v>4.1591125</v>
      </c>
      <c r="J13592" s="8">
        <v>-73.645084900000001</v>
      </c>
    </row>
    <row r="13593" spans="1:10" x14ac:dyDescent="0.35">
      <c r="A13593" s="5" t="s">
        <v>10</v>
      </c>
      <c r="B13593" s="6">
        <v>247762</v>
      </c>
      <c r="C13593" s="6" t="s">
        <v>94</v>
      </c>
      <c r="D13593" s="6" t="s">
        <v>242</v>
      </c>
      <c r="E13593" s="6">
        <v>66682</v>
      </c>
      <c r="F13593" s="6" t="s">
        <v>18</v>
      </c>
      <c r="G13593" s="6" t="s">
        <v>25176</v>
      </c>
      <c r="H13593" s="6" t="s">
        <v>25177</v>
      </c>
      <c r="I13593" s="7">
        <v>4.8634640999999998</v>
      </c>
      <c r="J13593" s="8">
        <v>-75.620382500000005</v>
      </c>
    </row>
    <row r="13594" spans="1:10" x14ac:dyDescent="0.35">
      <c r="A13594" s="5" t="s">
        <v>10</v>
      </c>
      <c r="B13594" s="6">
        <v>247763</v>
      </c>
      <c r="C13594" s="6" t="s">
        <v>68</v>
      </c>
      <c r="D13594" s="6" t="s">
        <v>69</v>
      </c>
      <c r="E13594" s="6">
        <v>11001</v>
      </c>
      <c r="F13594" s="6" t="s">
        <v>18</v>
      </c>
      <c r="G13594" s="6" t="s">
        <v>25178</v>
      </c>
      <c r="H13594" s="6" t="s">
        <v>25179</v>
      </c>
      <c r="I13594" s="7">
        <v>4.5626218999999999</v>
      </c>
      <c r="J13594" s="8">
        <v>-74.186719100000005</v>
      </c>
    </row>
    <row r="13595" spans="1:10" x14ac:dyDescent="0.35">
      <c r="A13595" s="5" t="s">
        <v>10</v>
      </c>
      <c r="B13595" s="6">
        <v>247764</v>
      </c>
      <c r="C13595" s="6" t="s">
        <v>294</v>
      </c>
      <c r="D13595" s="6" t="s">
        <v>703</v>
      </c>
      <c r="E13595" s="6">
        <v>41001</v>
      </c>
      <c r="F13595" s="6" t="s">
        <v>18</v>
      </c>
      <c r="G13595" s="6" t="s">
        <v>25180</v>
      </c>
      <c r="H13595" s="6" t="s">
        <v>25181</v>
      </c>
      <c r="I13595" s="7">
        <v>2.9383056999999999</v>
      </c>
      <c r="J13595" s="8">
        <v>-75.288826999999998</v>
      </c>
    </row>
    <row r="13596" spans="1:10" x14ac:dyDescent="0.35">
      <c r="A13596" s="5" t="s">
        <v>10</v>
      </c>
      <c r="B13596" s="6">
        <v>247765</v>
      </c>
      <c r="C13596" s="6" t="s">
        <v>11</v>
      </c>
      <c r="D13596" s="6" t="s">
        <v>337</v>
      </c>
      <c r="E13596" s="6">
        <v>25290</v>
      </c>
      <c r="F13596" s="6" t="s">
        <v>18</v>
      </c>
      <c r="G13596" s="6" t="s">
        <v>25182</v>
      </c>
      <c r="H13596" s="6" t="s">
        <v>25183</v>
      </c>
      <c r="I13596" s="7">
        <v>4.3450768999999996</v>
      </c>
      <c r="J13596" s="8">
        <v>-74.356215500000005</v>
      </c>
    </row>
    <row r="13597" spans="1:10" x14ac:dyDescent="0.35">
      <c r="A13597" s="5" t="s">
        <v>10</v>
      </c>
      <c r="B13597" s="6">
        <v>247766</v>
      </c>
      <c r="C13597" s="6" t="s">
        <v>68</v>
      </c>
      <c r="D13597" s="6" t="s">
        <v>69</v>
      </c>
      <c r="E13597" s="6">
        <v>11001</v>
      </c>
      <c r="F13597" s="6" t="s">
        <v>18</v>
      </c>
      <c r="G13597" s="6" t="s">
        <v>25184</v>
      </c>
      <c r="H13597" s="6" t="s">
        <v>25185</v>
      </c>
      <c r="I13597" s="7">
        <v>4.647049</v>
      </c>
      <c r="J13597" s="8">
        <v>-74.167377400000007</v>
      </c>
    </row>
    <row r="13598" spans="1:10" x14ac:dyDescent="0.35">
      <c r="A13598" s="5" t="s">
        <v>10</v>
      </c>
      <c r="B13598" s="6">
        <v>247776</v>
      </c>
      <c r="C13598" s="6" t="s">
        <v>11</v>
      </c>
      <c r="D13598" s="6" t="s">
        <v>334</v>
      </c>
      <c r="E13598" s="6">
        <v>25754</v>
      </c>
      <c r="F13598" s="6" t="s">
        <v>18</v>
      </c>
      <c r="G13598" s="6" t="s">
        <v>25186</v>
      </c>
      <c r="H13598" s="6" t="s">
        <v>25187</v>
      </c>
      <c r="I13598" s="7">
        <v>4.5811057999999996</v>
      </c>
      <c r="J13598" s="8">
        <v>-74.217395499999995</v>
      </c>
    </row>
    <row r="13599" spans="1:10" x14ac:dyDescent="0.35">
      <c r="A13599" s="5" t="s">
        <v>10</v>
      </c>
      <c r="B13599" s="6">
        <v>247777</v>
      </c>
      <c r="C13599" s="6" t="s">
        <v>294</v>
      </c>
      <c r="D13599" s="6" t="s">
        <v>543</v>
      </c>
      <c r="E13599" s="6">
        <v>41396</v>
      </c>
      <c r="F13599" s="6" t="s">
        <v>18</v>
      </c>
      <c r="G13599" s="6" t="s">
        <v>25188</v>
      </c>
      <c r="H13599" s="6" t="s">
        <v>25189</v>
      </c>
      <c r="I13599" s="7">
        <v>2.3928441999999999</v>
      </c>
      <c r="J13599" s="8">
        <v>-75.882058599999993</v>
      </c>
    </row>
    <row r="13600" spans="1:10" x14ac:dyDescent="0.35">
      <c r="A13600" s="5" t="s">
        <v>10</v>
      </c>
      <c r="B13600" s="6">
        <v>247778</v>
      </c>
      <c r="C13600" s="6" t="s">
        <v>68</v>
      </c>
      <c r="D13600" s="6" t="s">
        <v>69</v>
      </c>
      <c r="E13600" s="6">
        <v>11001</v>
      </c>
      <c r="F13600" s="6" t="s">
        <v>18</v>
      </c>
      <c r="G13600" s="6" t="s">
        <v>25190</v>
      </c>
      <c r="H13600" s="6" t="s">
        <v>25191</v>
      </c>
      <c r="I13600" s="7">
        <v>4.6765936000000004</v>
      </c>
      <c r="J13600" s="8">
        <v>-74.049978499999995</v>
      </c>
    </row>
    <row r="13601" spans="1:10" x14ac:dyDescent="0.35">
      <c r="A13601" s="5" t="s">
        <v>10</v>
      </c>
      <c r="B13601" s="6">
        <v>247779</v>
      </c>
      <c r="C13601" s="6" t="s">
        <v>42</v>
      </c>
      <c r="D13601" s="6" t="s">
        <v>1104</v>
      </c>
      <c r="E13601" s="6">
        <v>17272</v>
      </c>
      <c r="F13601" s="6" t="s">
        <v>18</v>
      </c>
      <c r="G13601" s="6" t="s">
        <v>25192</v>
      </c>
      <c r="H13601" s="6" t="s">
        <v>25193</v>
      </c>
      <c r="I13601" s="7">
        <v>5.231401</v>
      </c>
      <c r="J13601" s="8">
        <v>-75.570645999999996</v>
      </c>
    </row>
    <row r="13602" spans="1:10" x14ac:dyDescent="0.35">
      <c r="A13602" s="5" t="s">
        <v>10</v>
      </c>
      <c r="B13602" s="6">
        <v>247780</v>
      </c>
      <c r="C13602" s="6" t="s">
        <v>68</v>
      </c>
      <c r="D13602" s="6" t="s">
        <v>69</v>
      </c>
      <c r="E13602" s="6">
        <v>11001</v>
      </c>
      <c r="F13602" s="6" t="s">
        <v>18</v>
      </c>
      <c r="G13602" s="6" t="s">
        <v>25194</v>
      </c>
      <c r="H13602" s="6" t="s">
        <v>25195</v>
      </c>
      <c r="I13602" s="7">
        <v>4.6205138999999997</v>
      </c>
      <c r="J13602" s="8">
        <v>-74.092589200000006</v>
      </c>
    </row>
    <row r="13603" spans="1:10" x14ac:dyDescent="0.35">
      <c r="A13603" s="5" t="s">
        <v>10</v>
      </c>
      <c r="B13603" s="6">
        <v>247785</v>
      </c>
      <c r="C13603" s="6" t="s">
        <v>16</v>
      </c>
      <c r="D13603" s="6" t="s">
        <v>790</v>
      </c>
      <c r="E13603" s="6">
        <v>68229</v>
      </c>
      <c r="F13603" s="6" t="s">
        <v>18</v>
      </c>
      <c r="G13603" s="6" t="s">
        <v>25196</v>
      </c>
      <c r="H13603" s="6" t="s">
        <v>25197</v>
      </c>
      <c r="I13603" s="7">
        <v>7.1200134999999998</v>
      </c>
      <c r="J13603" s="8">
        <v>-73.127584400000003</v>
      </c>
    </row>
    <row r="13604" spans="1:10" x14ac:dyDescent="0.35">
      <c r="A13604" s="5" t="s">
        <v>10</v>
      </c>
      <c r="B13604" s="6">
        <v>247792</v>
      </c>
      <c r="C13604" s="6" t="s">
        <v>117</v>
      </c>
      <c r="D13604" s="6" t="s">
        <v>1334</v>
      </c>
      <c r="E13604" s="6">
        <v>76001</v>
      </c>
      <c r="F13604" s="6" t="s">
        <v>18</v>
      </c>
      <c r="G13604" s="6" t="s">
        <v>25198</v>
      </c>
      <c r="H13604" s="6" t="s">
        <v>25199</v>
      </c>
      <c r="I13604" s="7">
        <v>3.4814457999999999</v>
      </c>
      <c r="J13604" s="8">
        <v>-76.489809699999995</v>
      </c>
    </row>
    <row r="13605" spans="1:10" x14ac:dyDescent="0.35">
      <c r="A13605" s="5" t="s">
        <v>10</v>
      </c>
      <c r="B13605" s="6">
        <v>247824</v>
      </c>
      <c r="C13605" s="6" t="s">
        <v>366</v>
      </c>
      <c r="D13605" s="6" t="s">
        <v>367</v>
      </c>
      <c r="E13605" s="6">
        <v>44430</v>
      </c>
      <c r="F13605" s="6" t="s">
        <v>18</v>
      </c>
      <c r="G13605" s="6" t="s">
        <v>25200</v>
      </c>
      <c r="H13605" s="6" t="s">
        <v>25201</v>
      </c>
      <c r="I13605" s="7">
        <v>11.377124200000001</v>
      </c>
      <c r="J13605" s="8">
        <v>-72.243882900000003</v>
      </c>
    </row>
    <row r="13606" spans="1:10" x14ac:dyDescent="0.35">
      <c r="A13606" s="5" t="s">
        <v>10</v>
      </c>
      <c r="B13606" s="6">
        <v>247826</v>
      </c>
      <c r="C13606" s="6" t="s">
        <v>2130</v>
      </c>
      <c r="D13606" s="6" t="s">
        <v>3979</v>
      </c>
      <c r="E13606" s="6">
        <v>85010</v>
      </c>
      <c r="F13606" s="6" t="s">
        <v>18</v>
      </c>
      <c r="G13606" s="6" t="s">
        <v>25202</v>
      </c>
      <c r="H13606" s="6" t="s">
        <v>25203</v>
      </c>
      <c r="I13606" s="7">
        <v>5.1740573999999997</v>
      </c>
      <c r="J13606" s="8">
        <v>-72.5480728</v>
      </c>
    </row>
    <row r="13607" spans="1:10" x14ac:dyDescent="0.35">
      <c r="A13607" s="5" t="s">
        <v>10</v>
      </c>
      <c r="B13607" s="6">
        <v>247827</v>
      </c>
      <c r="C13607" s="6" t="s">
        <v>68</v>
      </c>
      <c r="D13607" s="6" t="s">
        <v>69</v>
      </c>
      <c r="E13607" s="6">
        <v>11001</v>
      </c>
      <c r="F13607" s="6" t="s">
        <v>18</v>
      </c>
      <c r="G13607" s="6" t="s">
        <v>25204</v>
      </c>
      <c r="H13607" s="6" t="s">
        <v>25205</v>
      </c>
      <c r="I13607" s="7">
        <v>4.65212</v>
      </c>
      <c r="J13607" s="8">
        <v>-74.063659999999999</v>
      </c>
    </row>
    <row r="13608" spans="1:10" x14ac:dyDescent="0.35">
      <c r="A13608" s="5" t="s">
        <v>10</v>
      </c>
      <c r="B13608" s="6">
        <v>247828</v>
      </c>
      <c r="C13608" s="6" t="s">
        <v>68</v>
      </c>
      <c r="D13608" s="6" t="s">
        <v>69</v>
      </c>
      <c r="E13608" s="6">
        <v>11001</v>
      </c>
      <c r="F13608" s="6" t="s">
        <v>18</v>
      </c>
      <c r="G13608" s="6" t="s">
        <v>25206</v>
      </c>
      <c r="H13608" s="6" t="s">
        <v>25207</v>
      </c>
      <c r="I13608" s="7">
        <v>4.6366582000000003</v>
      </c>
      <c r="J13608" s="8">
        <v>-74.169382499999998</v>
      </c>
    </row>
    <row r="13609" spans="1:10" x14ac:dyDescent="0.35">
      <c r="A13609" s="5" t="s">
        <v>10</v>
      </c>
      <c r="B13609" s="6">
        <v>247830</v>
      </c>
      <c r="C13609" s="6" t="s">
        <v>68</v>
      </c>
      <c r="D13609" s="6" t="s">
        <v>69</v>
      </c>
      <c r="E13609" s="6">
        <v>11001</v>
      </c>
      <c r="F13609" s="6" t="s">
        <v>18</v>
      </c>
      <c r="G13609" s="6" t="s">
        <v>3735</v>
      </c>
      <c r="H13609" s="6" t="s">
        <v>25208</v>
      </c>
      <c r="I13609" s="7">
        <v>4.5682118000000003</v>
      </c>
      <c r="J13609" s="8">
        <v>-74.163045600000004</v>
      </c>
    </row>
    <row r="13610" spans="1:10" x14ac:dyDescent="0.35">
      <c r="A13610" s="5" t="s">
        <v>10</v>
      </c>
      <c r="B13610" s="6">
        <v>247837</v>
      </c>
      <c r="C13610" s="6" t="s">
        <v>68</v>
      </c>
      <c r="D13610" s="6" t="s">
        <v>69</v>
      </c>
      <c r="E13610" s="6">
        <v>11001</v>
      </c>
      <c r="F13610" s="6" t="s">
        <v>2161</v>
      </c>
      <c r="G13610" s="6" t="s">
        <v>25209</v>
      </c>
      <c r="H13610" s="6" t="s">
        <v>25210</v>
      </c>
      <c r="I13610" s="7">
        <v>4.7140310000000003</v>
      </c>
      <c r="J13610" s="8">
        <v>-74.124326600000003</v>
      </c>
    </row>
    <row r="13611" spans="1:10" x14ac:dyDescent="0.35">
      <c r="A13611" s="5" t="s">
        <v>10</v>
      </c>
      <c r="B13611" s="6">
        <v>247840</v>
      </c>
      <c r="C13611" s="6" t="s">
        <v>68</v>
      </c>
      <c r="D13611" s="6" t="s">
        <v>69</v>
      </c>
      <c r="E13611" s="6">
        <v>11001</v>
      </c>
      <c r="F13611" s="6" t="s">
        <v>18</v>
      </c>
      <c r="G13611" s="6" t="s">
        <v>25211</v>
      </c>
      <c r="H13611" s="6" t="s">
        <v>25212</v>
      </c>
      <c r="I13611" s="7">
        <v>4.6277917000000004</v>
      </c>
      <c r="J13611" s="8">
        <v>-74.180992000000003</v>
      </c>
    </row>
    <row r="13612" spans="1:10" x14ac:dyDescent="0.35">
      <c r="A13612" s="5" t="s">
        <v>10</v>
      </c>
      <c r="B13612" s="6">
        <v>247841</v>
      </c>
      <c r="C13612" s="6" t="s">
        <v>68</v>
      </c>
      <c r="D13612" s="6" t="s">
        <v>69</v>
      </c>
      <c r="E13612" s="6">
        <v>11001</v>
      </c>
      <c r="F13612" s="6" t="s">
        <v>18</v>
      </c>
      <c r="G13612" s="6" t="s">
        <v>25213</v>
      </c>
      <c r="H13612" s="6" t="s">
        <v>25214</v>
      </c>
      <c r="I13612" s="7">
        <v>4.7009699999999999</v>
      </c>
      <c r="J13612" s="8">
        <v>-74.130279999999999</v>
      </c>
    </row>
    <row r="13613" spans="1:10" x14ac:dyDescent="0.35">
      <c r="A13613" s="5" t="s">
        <v>10</v>
      </c>
      <c r="B13613" s="6">
        <v>247843</v>
      </c>
      <c r="C13613" s="6" t="s">
        <v>68</v>
      </c>
      <c r="D13613" s="6" t="s">
        <v>69</v>
      </c>
      <c r="E13613" s="6">
        <v>11001</v>
      </c>
      <c r="F13613" s="6" t="s">
        <v>18</v>
      </c>
      <c r="G13613" s="6" t="s">
        <v>25215</v>
      </c>
      <c r="H13613" s="6" t="s">
        <v>25216</v>
      </c>
      <c r="I13613" s="7">
        <v>4.5583799999999997</v>
      </c>
      <c r="J13613" s="8">
        <v>-74.093620000000001</v>
      </c>
    </row>
    <row r="13614" spans="1:10" x14ac:dyDescent="0.35">
      <c r="A13614" s="5" t="s">
        <v>10</v>
      </c>
      <c r="B13614" s="6">
        <v>247850</v>
      </c>
      <c r="C13614" s="6" t="s">
        <v>294</v>
      </c>
      <c r="D13614" s="6" t="s">
        <v>447</v>
      </c>
      <c r="E13614" s="6">
        <v>41551</v>
      </c>
      <c r="F13614" s="6" t="s">
        <v>18</v>
      </c>
      <c r="G13614" s="6" t="s">
        <v>25217</v>
      </c>
      <c r="H13614" s="6" t="s">
        <v>25218</v>
      </c>
      <c r="I13614" s="7">
        <v>1.8563308999999999</v>
      </c>
      <c r="J13614" s="8">
        <v>-76.046161100000006</v>
      </c>
    </row>
    <row r="13615" spans="1:10" x14ac:dyDescent="0.35">
      <c r="A13615" s="5" t="s">
        <v>10</v>
      </c>
      <c r="B13615" s="6">
        <v>247854</v>
      </c>
      <c r="C13615" s="6" t="s">
        <v>190</v>
      </c>
      <c r="D13615" s="6" t="s">
        <v>4063</v>
      </c>
      <c r="E13615" s="6">
        <v>5088</v>
      </c>
      <c r="F13615" s="6" t="s">
        <v>18</v>
      </c>
      <c r="G13615" s="6" t="s">
        <v>25219</v>
      </c>
      <c r="H13615" s="6" t="s">
        <v>25220</v>
      </c>
      <c r="I13615" s="7">
        <v>6.3502068999999999</v>
      </c>
      <c r="J13615" s="8">
        <v>-75.567044800000005</v>
      </c>
    </row>
    <row r="13616" spans="1:10" x14ac:dyDescent="0.35">
      <c r="A13616" s="5" t="s">
        <v>10</v>
      </c>
      <c r="B13616" s="6">
        <v>247855</v>
      </c>
      <c r="C13616" s="6" t="s">
        <v>117</v>
      </c>
      <c r="D13616" s="6" t="s">
        <v>4146</v>
      </c>
      <c r="E13616" s="6">
        <v>76606</v>
      </c>
      <c r="F13616" s="6" t="s">
        <v>18</v>
      </c>
      <c r="G13616" s="6" t="s">
        <v>25221</v>
      </c>
      <c r="H13616" s="6" t="s">
        <v>25222</v>
      </c>
      <c r="I13616" s="7">
        <v>3.8196267000000002</v>
      </c>
      <c r="J13616" s="8">
        <v>-76.5719414</v>
      </c>
    </row>
    <row r="13617" spans="1:10" x14ac:dyDescent="0.35">
      <c r="A13617" s="5" t="s">
        <v>10</v>
      </c>
      <c r="B13617" s="6">
        <v>247869</v>
      </c>
      <c r="C13617" s="6" t="s">
        <v>68</v>
      </c>
      <c r="D13617" s="6" t="s">
        <v>69</v>
      </c>
      <c r="E13617" s="6">
        <v>11001</v>
      </c>
      <c r="F13617" s="6" t="s">
        <v>18</v>
      </c>
      <c r="G13617" s="6" t="s">
        <v>25223</v>
      </c>
      <c r="H13617" s="6" t="s">
        <v>25224</v>
      </c>
      <c r="I13617" s="7">
        <v>4.5611135000000003</v>
      </c>
      <c r="J13617" s="8">
        <v>-74.146417999999997</v>
      </c>
    </row>
    <row r="13618" spans="1:10" x14ac:dyDescent="0.35">
      <c r="A13618" s="5" t="s">
        <v>10</v>
      </c>
      <c r="B13618" s="6">
        <v>247875</v>
      </c>
      <c r="C13618" s="6" t="s">
        <v>294</v>
      </c>
      <c r="D13618" s="6" t="s">
        <v>6101</v>
      </c>
      <c r="E13618" s="6">
        <v>41349</v>
      </c>
      <c r="F13618" s="6" t="s">
        <v>18</v>
      </c>
      <c r="G13618" s="6" t="s">
        <v>25225</v>
      </c>
      <c r="H13618" s="6" t="s">
        <v>25226</v>
      </c>
      <c r="I13618" s="7">
        <v>2.5810640999999999</v>
      </c>
      <c r="J13618" s="8">
        <v>-75.448013000000003</v>
      </c>
    </row>
    <row r="13619" spans="1:10" x14ac:dyDescent="0.35">
      <c r="A13619" s="5" t="s">
        <v>10</v>
      </c>
      <c r="B13619" s="6">
        <v>247899</v>
      </c>
      <c r="C13619" s="6" t="s">
        <v>11</v>
      </c>
      <c r="D13619" s="6" t="s">
        <v>3724</v>
      </c>
      <c r="E13619" s="6">
        <v>25513</v>
      </c>
      <c r="F13619" s="6" t="s">
        <v>18</v>
      </c>
      <c r="G13619" s="6" t="s">
        <v>25227</v>
      </c>
      <c r="H13619" s="6" t="s">
        <v>25228</v>
      </c>
      <c r="I13619" s="7">
        <v>5.1305144</v>
      </c>
      <c r="J13619" s="8">
        <v>-74.158290199999996</v>
      </c>
    </row>
    <row r="13620" spans="1:10" x14ac:dyDescent="0.35">
      <c r="A13620" s="5" t="s">
        <v>10</v>
      </c>
      <c r="B13620" s="6">
        <v>247902</v>
      </c>
      <c r="C13620" s="6" t="s">
        <v>308</v>
      </c>
      <c r="D13620" s="6" t="s">
        <v>12930</v>
      </c>
      <c r="E13620" s="6">
        <v>23068</v>
      </c>
      <c r="F13620" s="6" t="s">
        <v>18</v>
      </c>
      <c r="G13620" s="6" t="s">
        <v>25229</v>
      </c>
      <c r="H13620" s="6" t="s">
        <v>25230</v>
      </c>
      <c r="I13620" s="7">
        <v>8.7412285999999995</v>
      </c>
      <c r="J13620" s="8">
        <v>-75.884744999999995</v>
      </c>
    </row>
    <row r="13621" spans="1:10" x14ac:dyDescent="0.35">
      <c r="A13621" s="5" t="s">
        <v>10</v>
      </c>
      <c r="B13621" s="6">
        <v>247903</v>
      </c>
      <c r="C13621" s="6" t="s">
        <v>68</v>
      </c>
      <c r="D13621" s="6" t="s">
        <v>69</v>
      </c>
      <c r="E13621" s="6">
        <v>11001</v>
      </c>
      <c r="F13621" s="6" t="s">
        <v>18</v>
      </c>
      <c r="G13621" s="6" t="s">
        <v>25231</v>
      </c>
      <c r="H13621" s="6" t="s">
        <v>25232</v>
      </c>
      <c r="I13621" s="7">
        <v>4.5866033000000002</v>
      </c>
      <c r="J13621" s="8">
        <v>-74.1488418</v>
      </c>
    </row>
    <row r="13622" spans="1:10" x14ac:dyDescent="0.35">
      <c r="A13622" s="5" t="s">
        <v>10</v>
      </c>
      <c r="B13622" s="6">
        <v>247904</v>
      </c>
      <c r="C13622" s="6" t="s">
        <v>551</v>
      </c>
      <c r="D13622" s="6" t="s">
        <v>1529</v>
      </c>
      <c r="E13622" s="6">
        <v>20400</v>
      </c>
      <c r="F13622" s="6" t="s">
        <v>18</v>
      </c>
      <c r="G13622" s="6" t="s">
        <v>25233</v>
      </c>
      <c r="H13622" s="6" t="s">
        <v>25234</v>
      </c>
      <c r="I13622" s="7">
        <v>9.5642946000000002</v>
      </c>
      <c r="J13622" s="8">
        <v>-73.335899800000007</v>
      </c>
    </row>
    <row r="13623" spans="1:10" x14ac:dyDescent="0.35">
      <c r="A13623" s="5" t="s">
        <v>10</v>
      </c>
      <c r="B13623" s="6">
        <v>247945</v>
      </c>
      <c r="C13623" s="6" t="s">
        <v>109</v>
      </c>
      <c r="D13623" s="6" t="s">
        <v>227</v>
      </c>
      <c r="E13623" s="6">
        <v>13001</v>
      </c>
      <c r="F13623" s="6" t="s">
        <v>18</v>
      </c>
      <c r="G13623" s="6" t="s">
        <v>25235</v>
      </c>
      <c r="H13623" s="6" t="s">
        <v>25236</v>
      </c>
      <c r="I13623" s="7">
        <v>10.393227700000001</v>
      </c>
      <c r="J13623" s="8">
        <v>-75.483231099999998</v>
      </c>
    </row>
    <row r="13624" spans="1:10" x14ac:dyDescent="0.35">
      <c r="A13624" s="5" t="s">
        <v>10</v>
      </c>
      <c r="B13624" s="6">
        <v>247953</v>
      </c>
      <c r="C13624" s="6" t="s">
        <v>68</v>
      </c>
      <c r="D13624" s="6" t="s">
        <v>69</v>
      </c>
      <c r="E13624" s="6">
        <v>11001</v>
      </c>
      <c r="F13624" s="6" t="s">
        <v>18</v>
      </c>
      <c r="G13624" s="6" t="s">
        <v>25237</v>
      </c>
      <c r="H13624" s="6" t="s">
        <v>25238</v>
      </c>
      <c r="I13624" s="7">
        <v>4.6864708999999998</v>
      </c>
      <c r="J13624" s="8">
        <v>-74.116888200000005</v>
      </c>
    </row>
    <row r="13625" spans="1:10" x14ac:dyDescent="0.35">
      <c r="A13625" s="5" t="s">
        <v>10</v>
      </c>
      <c r="B13625" s="6">
        <v>247961</v>
      </c>
      <c r="C13625" s="6" t="s">
        <v>55</v>
      </c>
      <c r="D13625" s="6" t="s">
        <v>2406</v>
      </c>
      <c r="E13625" s="6">
        <v>73686</v>
      </c>
      <c r="F13625" s="6" t="s">
        <v>18</v>
      </c>
      <c r="G13625" s="6" t="s">
        <v>25239</v>
      </c>
      <c r="H13625" s="6" t="s">
        <v>25240</v>
      </c>
      <c r="I13625" s="7">
        <v>4.7139740000000003</v>
      </c>
      <c r="J13625" s="8">
        <v>-75.097289200000006</v>
      </c>
    </row>
    <row r="13626" spans="1:10" x14ac:dyDescent="0.35">
      <c r="A13626" s="5" t="s">
        <v>10</v>
      </c>
      <c r="B13626" s="6">
        <v>247965</v>
      </c>
      <c r="C13626" s="6" t="s">
        <v>28</v>
      </c>
      <c r="D13626" s="6" t="s">
        <v>29</v>
      </c>
      <c r="E13626" s="6">
        <v>54001</v>
      </c>
      <c r="F13626" s="6" t="s">
        <v>18</v>
      </c>
      <c r="G13626" s="6" t="s">
        <v>25241</v>
      </c>
      <c r="H13626" s="6" t="s">
        <v>25242</v>
      </c>
      <c r="I13626" s="7">
        <v>8.2520500000000006</v>
      </c>
      <c r="J13626" s="8">
        <v>-73.353219899999999</v>
      </c>
    </row>
    <row r="13627" spans="1:10" x14ac:dyDescent="0.35">
      <c r="A13627" s="5" t="s">
        <v>10</v>
      </c>
      <c r="B13627" s="6">
        <v>247967</v>
      </c>
      <c r="C13627" s="6" t="s">
        <v>42</v>
      </c>
      <c r="D13627" s="6" t="s">
        <v>43</v>
      </c>
      <c r="E13627" s="6">
        <v>17001</v>
      </c>
      <c r="F13627" s="6" t="s">
        <v>18</v>
      </c>
      <c r="G13627" s="6" t="s">
        <v>25243</v>
      </c>
      <c r="H13627" s="6" t="s">
        <v>25244</v>
      </c>
      <c r="I13627" s="7">
        <v>5.0525558000000004</v>
      </c>
      <c r="J13627" s="8">
        <v>-75.488767300000006</v>
      </c>
    </row>
    <row r="13628" spans="1:10" x14ac:dyDescent="0.35">
      <c r="A13628" s="5" t="s">
        <v>10</v>
      </c>
      <c r="B13628" s="6">
        <v>247968</v>
      </c>
      <c r="C13628" s="6" t="s">
        <v>68</v>
      </c>
      <c r="D13628" s="6" t="s">
        <v>69</v>
      </c>
      <c r="E13628" s="6">
        <v>11001</v>
      </c>
      <c r="F13628" s="6" t="s">
        <v>18</v>
      </c>
      <c r="G13628" s="6" t="s">
        <v>25245</v>
      </c>
      <c r="H13628" s="6" t="s">
        <v>25246</v>
      </c>
      <c r="I13628" s="7">
        <v>4.7581341999999998</v>
      </c>
      <c r="J13628" s="8">
        <v>-74.026161099999996</v>
      </c>
    </row>
    <row r="13629" spans="1:10" x14ac:dyDescent="0.35">
      <c r="A13629" s="5" t="s">
        <v>10</v>
      </c>
      <c r="B13629" s="6">
        <v>247973</v>
      </c>
      <c r="C13629" s="6" t="s">
        <v>16</v>
      </c>
      <c r="D13629" s="6" t="s">
        <v>78</v>
      </c>
      <c r="E13629" s="6">
        <v>68001</v>
      </c>
      <c r="F13629" s="6" t="s">
        <v>18</v>
      </c>
      <c r="G13629" s="6" t="s">
        <v>25247</v>
      </c>
      <c r="H13629" s="6" t="s">
        <v>25248</v>
      </c>
      <c r="I13629" s="7">
        <v>7.1261763</v>
      </c>
      <c r="J13629" s="8">
        <v>-73.117895300000001</v>
      </c>
    </row>
    <row r="13630" spans="1:10" x14ac:dyDescent="0.35">
      <c r="A13630" s="5" t="s">
        <v>10</v>
      </c>
      <c r="B13630" s="6">
        <v>247974</v>
      </c>
      <c r="C13630" s="6" t="s">
        <v>68</v>
      </c>
      <c r="D13630" s="6" t="s">
        <v>69</v>
      </c>
      <c r="E13630" s="6">
        <v>11001</v>
      </c>
      <c r="F13630" s="6" t="s">
        <v>18</v>
      </c>
      <c r="G13630" s="6" t="s">
        <v>25249</v>
      </c>
      <c r="H13630" s="6" t="s">
        <v>25250</v>
      </c>
      <c r="I13630" s="7">
        <v>4.7109886000000003</v>
      </c>
      <c r="J13630" s="8">
        <v>-74.072091999999998</v>
      </c>
    </row>
    <row r="13631" spans="1:10" x14ac:dyDescent="0.35">
      <c r="A13631" s="5" t="s">
        <v>10</v>
      </c>
      <c r="B13631" s="6">
        <v>247977</v>
      </c>
      <c r="C13631" s="6" t="s">
        <v>68</v>
      </c>
      <c r="D13631" s="6" t="s">
        <v>69</v>
      </c>
      <c r="E13631" s="6">
        <v>11001</v>
      </c>
      <c r="F13631" s="6" t="s">
        <v>18</v>
      </c>
      <c r="G13631" s="6" t="s">
        <v>25251</v>
      </c>
      <c r="H13631" s="6" t="s">
        <v>25252</v>
      </c>
      <c r="I13631" s="7">
        <v>4.6241919999999999</v>
      </c>
      <c r="J13631" s="8">
        <v>-74.119123599999995</v>
      </c>
    </row>
    <row r="13632" spans="1:10" x14ac:dyDescent="0.35">
      <c r="A13632" s="5" t="s">
        <v>10</v>
      </c>
      <c r="B13632" s="6">
        <v>247979</v>
      </c>
      <c r="C13632" s="6" t="s">
        <v>117</v>
      </c>
      <c r="D13632" s="6" t="s">
        <v>3860</v>
      </c>
      <c r="E13632" s="6">
        <v>76130</v>
      </c>
      <c r="F13632" s="6" t="s">
        <v>18</v>
      </c>
      <c r="G13632" s="6" t="s">
        <v>25253</v>
      </c>
      <c r="H13632" s="6" t="s">
        <v>25254</v>
      </c>
      <c r="I13632" s="7">
        <v>3.3243375999999998</v>
      </c>
      <c r="J13632" s="8">
        <v>-76.351181699999998</v>
      </c>
    </row>
    <row r="13633" spans="1:10" x14ac:dyDescent="0.35">
      <c r="A13633" s="5" t="s">
        <v>10</v>
      </c>
      <c r="B13633" s="6">
        <v>247982</v>
      </c>
      <c r="C13633" s="6" t="s">
        <v>61</v>
      </c>
      <c r="D13633" s="6" t="s">
        <v>121</v>
      </c>
      <c r="E13633" s="6">
        <v>63130</v>
      </c>
      <c r="F13633" s="6" t="s">
        <v>18</v>
      </c>
      <c r="G13633" s="6" t="s">
        <v>25255</v>
      </c>
      <c r="H13633" s="6" t="s">
        <v>25256</v>
      </c>
      <c r="I13633" s="7">
        <v>4.5323978</v>
      </c>
      <c r="J13633" s="8">
        <v>-75.642553000000007</v>
      </c>
    </row>
    <row r="13634" spans="1:10" x14ac:dyDescent="0.35">
      <c r="A13634" s="5" t="s">
        <v>10</v>
      </c>
      <c r="B13634" s="6">
        <v>247984</v>
      </c>
      <c r="C13634" s="6" t="s">
        <v>68</v>
      </c>
      <c r="D13634" s="6" t="s">
        <v>69</v>
      </c>
      <c r="E13634" s="6">
        <v>11001</v>
      </c>
      <c r="F13634" s="6" t="s">
        <v>18</v>
      </c>
      <c r="G13634" s="6" t="s">
        <v>25257</v>
      </c>
      <c r="H13634" s="6" t="s">
        <v>25258</v>
      </c>
      <c r="I13634" s="7">
        <v>4.6335753999999998</v>
      </c>
      <c r="J13634" s="8">
        <v>-74.163500999999997</v>
      </c>
    </row>
    <row r="13635" spans="1:10" x14ac:dyDescent="0.35">
      <c r="A13635" s="5" t="s">
        <v>10</v>
      </c>
      <c r="B13635" s="6">
        <v>247986</v>
      </c>
      <c r="C13635" s="6" t="s">
        <v>11</v>
      </c>
      <c r="D13635" s="6" t="s">
        <v>4849</v>
      </c>
      <c r="E13635" s="6">
        <v>25839</v>
      </c>
      <c r="F13635" s="6" t="s">
        <v>18</v>
      </c>
      <c r="G13635" s="6" t="s">
        <v>25259</v>
      </c>
      <c r="H13635" s="6" t="s">
        <v>25260</v>
      </c>
      <c r="I13635" s="7">
        <v>4.7436496999999997</v>
      </c>
      <c r="J13635" s="8">
        <v>-73.534976599999993</v>
      </c>
    </row>
    <row r="13636" spans="1:10" x14ac:dyDescent="0.35">
      <c r="A13636" s="5" t="s">
        <v>10</v>
      </c>
      <c r="B13636" s="6">
        <v>247987</v>
      </c>
      <c r="C13636" s="6" t="s">
        <v>302</v>
      </c>
      <c r="D13636" s="6" t="s">
        <v>4041</v>
      </c>
      <c r="E13636" s="6">
        <v>8758</v>
      </c>
      <c r="F13636" s="6" t="s">
        <v>18</v>
      </c>
      <c r="G13636" s="6" t="s">
        <v>25261</v>
      </c>
      <c r="H13636" s="6" t="s">
        <v>25262</v>
      </c>
      <c r="I13636" s="7">
        <v>11.005709400000001</v>
      </c>
      <c r="J13636" s="8">
        <v>-74.842525800000004</v>
      </c>
    </row>
    <row r="13637" spans="1:10" x14ac:dyDescent="0.35">
      <c r="A13637" s="5" t="s">
        <v>10</v>
      </c>
      <c r="B13637" s="6">
        <v>247994</v>
      </c>
      <c r="C13637" s="6" t="s">
        <v>190</v>
      </c>
      <c r="D13637" s="6" t="s">
        <v>23185</v>
      </c>
      <c r="E13637" s="6">
        <v>5120</v>
      </c>
      <c r="F13637" s="6" t="s">
        <v>18</v>
      </c>
      <c r="G13637" s="6" t="s">
        <v>25263</v>
      </c>
      <c r="H13637" s="6" t="s">
        <v>25264</v>
      </c>
      <c r="I13637" s="7">
        <v>7.5788536999999998</v>
      </c>
      <c r="J13637" s="8">
        <v>-75.349264599999998</v>
      </c>
    </row>
    <row r="13638" spans="1:10" x14ac:dyDescent="0.35">
      <c r="A13638" s="5" t="s">
        <v>10</v>
      </c>
      <c r="B13638" s="6">
        <v>247995</v>
      </c>
      <c r="C13638" s="6" t="s">
        <v>68</v>
      </c>
      <c r="D13638" s="6" t="s">
        <v>69</v>
      </c>
      <c r="E13638" s="6">
        <v>11001</v>
      </c>
      <c r="F13638" s="6" t="s">
        <v>2161</v>
      </c>
      <c r="G13638" s="6" t="s">
        <v>25265</v>
      </c>
      <c r="H13638" s="6" t="s">
        <v>25266</v>
      </c>
      <c r="I13638" s="7">
        <v>4.7158164999999999</v>
      </c>
      <c r="J13638" s="8">
        <v>-74.128521500000005</v>
      </c>
    </row>
    <row r="13639" spans="1:10" x14ac:dyDescent="0.35">
      <c r="A13639" s="5" t="s">
        <v>10</v>
      </c>
      <c r="B13639" s="6">
        <v>247997</v>
      </c>
      <c r="C13639" s="6" t="s">
        <v>68</v>
      </c>
      <c r="D13639" s="6" t="s">
        <v>69</v>
      </c>
      <c r="E13639" s="6">
        <v>11001</v>
      </c>
      <c r="F13639" s="6" t="s">
        <v>18</v>
      </c>
      <c r="G13639" s="6" t="s">
        <v>25267</v>
      </c>
      <c r="H13639" s="6" t="s">
        <v>25268</v>
      </c>
      <c r="I13639" s="7">
        <v>4.8512817000000004</v>
      </c>
      <c r="J13639" s="8">
        <v>-74.270668299999997</v>
      </c>
    </row>
    <row r="13640" spans="1:10" x14ac:dyDescent="0.35">
      <c r="A13640" s="5" t="s">
        <v>10</v>
      </c>
      <c r="B13640" s="6">
        <v>247999</v>
      </c>
      <c r="C13640" s="6" t="s">
        <v>55</v>
      </c>
      <c r="D13640" s="6" t="s">
        <v>56</v>
      </c>
      <c r="E13640" s="6">
        <v>73001</v>
      </c>
      <c r="F13640" s="6" t="s">
        <v>18</v>
      </c>
      <c r="G13640" s="6" t="s">
        <v>25269</v>
      </c>
      <c r="H13640" s="6" t="s">
        <v>25270</v>
      </c>
      <c r="I13640" s="7">
        <v>4.4538500000000001</v>
      </c>
      <c r="J13640" s="8">
        <v>-75.238074999999995</v>
      </c>
    </row>
    <row r="13641" spans="1:10" x14ac:dyDescent="0.35">
      <c r="A13641" s="5" t="s">
        <v>10</v>
      </c>
      <c r="B13641" s="6">
        <v>248000</v>
      </c>
      <c r="C13641" s="6" t="s">
        <v>308</v>
      </c>
      <c r="D13641" s="6" t="s">
        <v>8102</v>
      </c>
      <c r="E13641" s="6">
        <v>23417</v>
      </c>
      <c r="F13641" s="6" t="s">
        <v>18</v>
      </c>
      <c r="G13641" s="6" t="s">
        <v>25271</v>
      </c>
      <c r="H13641" s="6" t="s">
        <v>25272</v>
      </c>
      <c r="I13641" s="7">
        <v>9.2326488999999992</v>
      </c>
      <c r="J13641" s="8">
        <v>-75.8124878</v>
      </c>
    </row>
    <row r="13642" spans="1:10" x14ac:dyDescent="0.35">
      <c r="A13642" s="5" t="s">
        <v>10</v>
      </c>
      <c r="B13642" s="6">
        <v>248007</v>
      </c>
      <c r="C13642" s="6" t="s">
        <v>38</v>
      </c>
      <c r="D13642" s="6" t="s">
        <v>10765</v>
      </c>
      <c r="E13642" s="6">
        <v>19130</v>
      </c>
      <c r="F13642" s="6" t="s">
        <v>18</v>
      </c>
      <c r="G13642" s="6" t="s">
        <v>25273</v>
      </c>
      <c r="H13642" s="6" t="s">
        <v>25274</v>
      </c>
      <c r="I13642" s="7">
        <v>2.6227863999999999</v>
      </c>
      <c r="J13642" s="8">
        <v>-76.569953499999997</v>
      </c>
    </row>
    <row r="13643" spans="1:10" x14ac:dyDescent="0.35">
      <c r="A13643" s="5" t="s">
        <v>10</v>
      </c>
      <c r="B13643" s="6">
        <v>248009</v>
      </c>
      <c r="C13643" s="6" t="s">
        <v>68</v>
      </c>
      <c r="D13643" s="6" t="s">
        <v>69</v>
      </c>
      <c r="E13643" s="6">
        <v>11001</v>
      </c>
      <c r="F13643" s="6" t="s">
        <v>18</v>
      </c>
      <c r="G13643" s="6" t="s">
        <v>25275</v>
      </c>
      <c r="H13643" s="6" t="s">
        <v>25276</v>
      </c>
      <c r="I13643" s="7">
        <v>4.5829189000000001</v>
      </c>
      <c r="J13643" s="8">
        <v>-74.118251200000003</v>
      </c>
    </row>
    <row r="13644" spans="1:10" x14ac:dyDescent="0.35">
      <c r="A13644" s="5" t="s">
        <v>10</v>
      </c>
      <c r="B13644" s="6">
        <v>248010</v>
      </c>
      <c r="C13644" s="6" t="s">
        <v>28</v>
      </c>
      <c r="D13644" s="6" t="s">
        <v>29</v>
      </c>
      <c r="E13644" s="6">
        <v>54001</v>
      </c>
      <c r="F13644" s="6" t="s">
        <v>18</v>
      </c>
      <c r="G13644" s="6" t="s">
        <v>25277</v>
      </c>
      <c r="H13644" s="6" t="s">
        <v>25278</v>
      </c>
      <c r="I13644" s="7">
        <v>7.8841812999999998</v>
      </c>
      <c r="J13644" s="8">
        <v>-72.503504599999999</v>
      </c>
    </row>
    <row r="13645" spans="1:10" x14ac:dyDescent="0.35">
      <c r="A13645" s="5" t="s">
        <v>10</v>
      </c>
      <c r="B13645" s="6">
        <v>248017</v>
      </c>
      <c r="C13645" s="6" t="s">
        <v>24</v>
      </c>
      <c r="D13645" s="6" t="s">
        <v>20133</v>
      </c>
      <c r="E13645" s="6">
        <v>15531</v>
      </c>
      <c r="F13645" s="6" t="s">
        <v>18</v>
      </c>
      <c r="G13645" s="6" t="s">
        <v>25279</v>
      </c>
      <c r="H13645" s="6" t="s">
        <v>25280</v>
      </c>
      <c r="I13645" s="7">
        <v>5.6564768000000001</v>
      </c>
      <c r="J13645" s="8">
        <v>-73.978536199999994</v>
      </c>
    </row>
    <row r="13646" spans="1:10" x14ac:dyDescent="0.35">
      <c r="A13646" s="5" t="s">
        <v>10</v>
      </c>
      <c r="B13646" s="6">
        <v>248020</v>
      </c>
      <c r="C13646" s="6" t="s">
        <v>308</v>
      </c>
      <c r="D13646" s="6" t="s">
        <v>10782</v>
      </c>
      <c r="E13646" s="6">
        <v>23570</v>
      </c>
      <c r="F13646" s="6" t="s">
        <v>18</v>
      </c>
      <c r="G13646" s="6" t="s">
        <v>25281</v>
      </c>
      <c r="H13646" s="6" t="s">
        <v>25282</v>
      </c>
      <c r="I13646" s="7">
        <v>8.5031780000000001</v>
      </c>
      <c r="J13646" s="8">
        <v>-75.507523899999995</v>
      </c>
    </row>
    <row r="13647" spans="1:10" x14ac:dyDescent="0.35">
      <c r="A13647" s="5" t="s">
        <v>10</v>
      </c>
      <c r="B13647" s="6">
        <v>248021</v>
      </c>
      <c r="C13647" s="6" t="s">
        <v>466</v>
      </c>
      <c r="D13647" s="6" t="s">
        <v>467</v>
      </c>
      <c r="E13647" s="6">
        <v>81736</v>
      </c>
      <c r="F13647" s="6" t="s">
        <v>18</v>
      </c>
      <c r="G13647" s="6" t="s">
        <v>25283</v>
      </c>
      <c r="H13647" s="6" t="s">
        <v>25284</v>
      </c>
      <c r="I13647" s="7">
        <v>6.9497004999999996</v>
      </c>
      <c r="J13647" s="8">
        <v>-71.879966300000007</v>
      </c>
    </row>
    <row r="13648" spans="1:10" x14ac:dyDescent="0.35">
      <c r="A13648" s="5" t="s">
        <v>10</v>
      </c>
      <c r="B13648" s="6">
        <v>248026</v>
      </c>
      <c r="C13648" s="6" t="s">
        <v>16</v>
      </c>
      <c r="D13648" s="6" t="s">
        <v>78</v>
      </c>
      <c r="E13648" s="6">
        <v>68001</v>
      </c>
      <c r="F13648" s="6" t="s">
        <v>18</v>
      </c>
      <c r="G13648" s="6" t="s">
        <v>25285</v>
      </c>
      <c r="H13648" s="6" t="s">
        <v>25286</v>
      </c>
      <c r="I13648" s="7">
        <v>7.1193489999999997</v>
      </c>
      <c r="J13648" s="8">
        <v>-73.122741599999998</v>
      </c>
    </row>
    <row r="13649" spans="1:10" x14ac:dyDescent="0.35">
      <c r="A13649" s="5" t="s">
        <v>10</v>
      </c>
      <c r="B13649" s="6">
        <v>248034</v>
      </c>
      <c r="C13649" s="6" t="s">
        <v>24</v>
      </c>
      <c r="D13649" s="6" t="s">
        <v>5770</v>
      </c>
      <c r="E13649" s="6">
        <v>15740</v>
      </c>
      <c r="F13649" s="6" t="s">
        <v>18</v>
      </c>
      <c r="G13649" s="6" t="s">
        <v>25287</v>
      </c>
      <c r="H13649" s="6" t="s">
        <v>25288</v>
      </c>
      <c r="I13649" s="7">
        <v>5.5120271000000001</v>
      </c>
      <c r="J13649" s="8">
        <v>-73.245949499999995</v>
      </c>
    </row>
    <row r="13650" spans="1:10" x14ac:dyDescent="0.35">
      <c r="A13650" s="5" t="s">
        <v>10</v>
      </c>
      <c r="B13650" s="6">
        <v>248046</v>
      </c>
      <c r="C13650" s="6" t="s">
        <v>11</v>
      </c>
      <c r="D13650" s="6" t="s">
        <v>21</v>
      </c>
      <c r="E13650" s="6">
        <v>25386</v>
      </c>
      <c r="F13650" s="6" t="s">
        <v>18</v>
      </c>
      <c r="G13650" s="6" t="s">
        <v>25289</v>
      </c>
      <c r="H13650" s="6" t="s">
        <v>25290</v>
      </c>
      <c r="I13650" s="7">
        <v>4.6321469999999998</v>
      </c>
      <c r="J13650" s="8">
        <v>-74.463014000000001</v>
      </c>
    </row>
    <row r="13651" spans="1:10" x14ac:dyDescent="0.35">
      <c r="A13651" s="5" t="s">
        <v>10</v>
      </c>
      <c r="B13651" s="6">
        <v>248047</v>
      </c>
      <c r="C13651" s="6" t="s">
        <v>68</v>
      </c>
      <c r="D13651" s="6" t="s">
        <v>69</v>
      </c>
      <c r="E13651" s="6">
        <v>11001</v>
      </c>
      <c r="F13651" s="6" t="s">
        <v>18</v>
      </c>
      <c r="G13651" s="6" t="s">
        <v>25291</v>
      </c>
      <c r="H13651" s="6" t="s">
        <v>25292</v>
      </c>
      <c r="I13651" s="7">
        <v>4.62073</v>
      </c>
      <c r="J13651" s="8">
        <v>-74.148160000000004</v>
      </c>
    </row>
    <row r="13652" spans="1:10" x14ac:dyDescent="0.35">
      <c r="A13652" s="5" t="s">
        <v>10</v>
      </c>
      <c r="B13652" s="6">
        <v>248050</v>
      </c>
      <c r="C13652" s="6" t="s">
        <v>117</v>
      </c>
      <c r="D13652" s="6" t="s">
        <v>2738</v>
      </c>
      <c r="E13652" s="6">
        <v>76622</v>
      </c>
      <c r="F13652" s="6" t="s">
        <v>18</v>
      </c>
      <c r="G13652" s="6" t="s">
        <v>25293</v>
      </c>
      <c r="H13652" s="6" t="s">
        <v>25294</v>
      </c>
      <c r="I13652" s="7">
        <v>4.4110524</v>
      </c>
      <c r="J13652" s="8">
        <v>-76.154355899999999</v>
      </c>
    </row>
    <row r="13653" spans="1:10" x14ac:dyDescent="0.35">
      <c r="A13653" s="5" t="s">
        <v>10</v>
      </c>
      <c r="B13653" s="6">
        <v>248051</v>
      </c>
      <c r="C13653" s="6" t="s">
        <v>117</v>
      </c>
      <c r="D13653" s="6" t="s">
        <v>3492</v>
      </c>
      <c r="E13653" s="6">
        <v>76520</v>
      </c>
      <c r="F13653" s="6" t="s">
        <v>18</v>
      </c>
      <c r="G13653" s="6" t="s">
        <v>25295</v>
      </c>
      <c r="H13653" s="6" t="s">
        <v>25296</v>
      </c>
      <c r="I13653" s="7">
        <v>3.5289256</v>
      </c>
      <c r="J13653" s="8">
        <v>-76.316181299999997</v>
      </c>
    </row>
    <row r="13654" spans="1:10" x14ac:dyDescent="0.35">
      <c r="A13654" s="5" t="s">
        <v>10</v>
      </c>
      <c r="B13654" s="6">
        <v>248052</v>
      </c>
      <c r="C13654" s="6" t="s">
        <v>28</v>
      </c>
      <c r="D13654" s="6" t="s">
        <v>489</v>
      </c>
      <c r="E13654" s="6">
        <v>54172</v>
      </c>
      <c r="F13654" s="6" t="s">
        <v>18</v>
      </c>
      <c r="G13654" s="6" t="s">
        <v>25297</v>
      </c>
      <c r="H13654" s="6" t="s">
        <v>25298</v>
      </c>
      <c r="I13654" s="7">
        <v>7.6104911</v>
      </c>
      <c r="J13654" s="8">
        <v>-72.600592899999995</v>
      </c>
    </row>
    <row r="13655" spans="1:10" x14ac:dyDescent="0.35">
      <c r="A13655" s="5" t="s">
        <v>10</v>
      </c>
      <c r="B13655" s="6">
        <v>248060</v>
      </c>
      <c r="C13655" s="6" t="s">
        <v>11</v>
      </c>
      <c r="D13655" s="6" t="s">
        <v>5259</v>
      </c>
      <c r="E13655" s="6">
        <v>25320</v>
      </c>
      <c r="F13655" s="6" t="s">
        <v>18</v>
      </c>
      <c r="G13655" s="6" t="s">
        <v>25299</v>
      </c>
      <c r="H13655" s="6" t="s">
        <v>25300</v>
      </c>
      <c r="I13655" s="7">
        <v>5.0689834999999999</v>
      </c>
      <c r="J13655" s="8">
        <v>-74.601743499999998</v>
      </c>
    </row>
    <row r="13656" spans="1:10" x14ac:dyDescent="0.35">
      <c r="A13656" s="5" t="s">
        <v>10</v>
      </c>
      <c r="B13656" s="6">
        <v>248062</v>
      </c>
      <c r="C13656" s="6" t="s">
        <v>55</v>
      </c>
      <c r="D13656" s="6" t="s">
        <v>56</v>
      </c>
      <c r="E13656" s="6">
        <v>73001</v>
      </c>
      <c r="F13656" s="6" t="s">
        <v>2161</v>
      </c>
      <c r="G13656" s="6" t="s">
        <v>25301</v>
      </c>
      <c r="H13656" s="6" t="s">
        <v>25302</v>
      </c>
      <c r="I13656" s="7">
        <v>4.4097976849977503</v>
      </c>
      <c r="J13656" s="8">
        <v>-75.163267971421504</v>
      </c>
    </row>
    <row r="13657" spans="1:10" x14ac:dyDescent="0.35">
      <c r="A13657" s="5" t="s">
        <v>10</v>
      </c>
      <c r="B13657" s="6">
        <v>248065</v>
      </c>
      <c r="C13657" s="6" t="s">
        <v>117</v>
      </c>
      <c r="D13657" s="6" t="s">
        <v>3492</v>
      </c>
      <c r="E13657" s="6">
        <v>76520</v>
      </c>
      <c r="F13657" s="6" t="s">
        <v>18</v>
      </c>
      <c r="G13657" s="6" t="s">
        <v>25303</v>
      </c>
      <c r="H13657" s="6" t="s">
        <v>25304</v>
      </c>
      <c r="I13657" s="7">
        <v>3.5573176000000002</v>
      </c>
      <c r="J13657" s="8">
        <v>-76.298643400000003</v>
      </c>
    </row>
    <row r="13658" spans="1:10" x14ac:dyDescent="0.35">
      <c r="A13658" s="5" t="s">
        <v>10</v>
      </c>
      <c r="B13658" s="6">
        <v>248069</v>
      </c>
      <c r="C13658" s="6" t="s">
        <v>117</v>
      </c>
      <c r="D13658" s="6" t="s">
        <v>1334</v>
      </c>
      <c r="E13658" s="6">
        <v>76001</v>
      </c>
      <c r="F13658" s="6" t="s">
        <v>18</v>
      </c>
      <c r="G13658" s="6" t="s">
        <v>25305</v>
      </c>
      <c r="H13658" s="6" t="s">
        <v>25306</v>
      </c>
      <c r="I13658" s="7">
        <v>3.4375002000000001</v>
      </c>
      <c r="J13658" s="8">
        <v>-76.5013206</v>
      </c>
    </row>
    <row r="13659" spans="1:10" x14ac:dyDescent="0.35">
      <c r="A13659" s="5" t="s">
        <v>10</v>
      </c>
      <c r="B13659" s="6">
        <v>248074</v>
      </c>
      <c r="C13659" s="6" t="s">
        <v>68</v>
      </c>
      <c r="D13659" s="6" t="s">
        <v>69</v>
      </c>
      <c r="E13659" s="6">
        <v>11001</v>
      </c>
      <c r="F13659" s="6" t="s">
        <v>18</v>
      </c>
      <c r="G13659" s="6" t="s">
        <v>25307</v>
      </c>
      <c r="H13659" s="6" t="s">
        <v>25308</v>
      </c>
      <c r="I13659" s="7">
        <v>4.5538325000000004</v>
      </c>
      <c r="J13659" s="8">
        <v>-74.140588500000007</v>
      </c>
    </row>
    <row r="13660" spans="1:10" x14ac:dyDescent="0.35">
      <c r="A13660" s="5" t="s">
        <v>10</v>
      </c>
      <c r="B13660" s="6">
        <v>248075</v>
      </c>
      <c r="C13660" s="6" t="s">
        <v>55</v>
      </c>
      <c r="D13660" s="6" t="s">
        <v>56</v>
      </c>
      <c r="E13660" s="6">
        <v>73001</v>
      </c>
      <c r="F13660" s="6" t="s">
        <v>18</v>
      </c>
      <c r="G13660" s="6" t="s">
        <v>25309</v>
      </c>
      <c r="H13660" s="6" t="s">
        <v>25310</v>
      </c>
      <c r="I13660" s="7">
        <v>4.4329264999999998</v>
      </c>
      <c r="J13660" s="8">
        <v>-75.217883099999995</v>
      </c>
    </row>
    <row r="13661" spans="1:10" x14ac:dyDescent="0.35">
      <c r="A13661" s="5" t="s">
        <v>10</v>
      </c>
      <c r="B13661" s="6">
        <v>248079</v>
      </c>
      <c r="C13661" s="6" t="s">
        <v>55</v>
      </c>
      <c r="D13661" s="6" t="s">
        <v>731</v>
      </c>
      <c r="E13661" s="6">
        <v>73268</v>
      </c>
      <c r="F13661" s="6" t="s">
        <v>18</v>
      </c>
      <c r="G13661" s="6" t="s">
        <v>25311</v>
      </c>
      <c r="H13661" s="6" t="s">
        <v>25312</v>
      </c>
      <c r="I13661" s="7">
        <v>4.1469604999999996</v>
      </c>
      <c r="J13661" s="8">
        <v>-74.880826499999998</v>
      </c>
    </row>
    <row r="13662" spans="1:10" x14ac:dyDescent="0.35">
      <c r="A13662" s="5" t="s">
        <v>10</v>
      </c>
      <c r="B13662" s="6">
        <v>248085</v>
      </c>
      <c r="C13662" s="6" t="s">
        <v>2130</v>
      </c>
      <c r="D13662" s="6" t="s">
        <v>4238</v>
      </c>
      <c r="E13662" s="6">
        <v>85410</v>
      </c>
      <c r="F13662" s="6" t="s">
        <v>18</v>
      </c>
      <c r="G13662" s="6" t="s">
        <v>25313</v>
      </c>
      <c r="H13662" s="6" t="s">
        <v>25314</v>
      </c>
      <c r="I13662" s="7">
        <v>5.0120801999999998</v>
      </c>
      <c r="J13662" s="8">
        <v>-72.749470400000007</v>
      </c>
    </row>
    <row r="13663" spans="1:10" x14ac:dyDescent="0.35">
      <c r="A13663" s="5" t="s">
        <v>10</v>
      </c>
      <c r="B13663" s="6">
        <v>248095</v>
      </c>
      <c r="C13663" s="6" t="s">
        <v>11</v>
      </c>
      <c r="D13663" s="6" t="s">
        <v>901</v>
      </c>
      <c r="E13663" s="6">
        <v>25307</v>
      </c>
      <c r="F13663" s="6" t="s">
        <v>18</v>
      </c>
      <c r="G13663" s="6" t="s">
        <v>25315</v>
      </c>
      <c r="H13663" s="6" t="s">
        <v>25316</v>
      </c>
      <c r="I13663" s="7">
        <v>4.3011759999999999</v>
      </c>
      <c r="J13663" s="8">
        <v>-74.793868500000002</v>
      </c>
    </row>
    <row r="13664" spans="1:10" x14ac:dyDescent="0.35">
      <c r="A13664" s="5" t="s">
        <v>10</v>
      </c>
      <c r="B13664" s="6">
        <v>248102</v>
      </c>
      <c r="C13664" s="6" t="s">
        <v>68</v>
      </c>
      <c r="D13664" s="6" t="s">
        <v>69</v>
      </c>
      <c r="E13664" s="6">
        <v>11001</v>
      </c>
      <c r="F13664" s="6" t="s">
        <v>18</v>
      </c>
      <c r="G13664" s="6" t="s">
        <v>25317</v>
      </c>
      <c r="H13664" s="6" t="s">
        <v>25318</v>
      </c>
      <c r="I13664" s="7">
        <v>4.7552149000000004</v>
      </c>
      <c r="J13664" s="8">
        <v>-74.085284000000001</v>
      </c>
    </row>
    <row r="13665" spans="1:10" x14ac:dyDescent="0.35">
      <c r="A13665" s="5" t="s">
        <v>10</v>
      </c>
      <c r="B13665" s="6">
        <v>248107</v>
      </c>
      <c r="C13665" s="6" t="s">
        <v>190</v>
      </c>
      <c r="D13665" s="6" t="s">
        <v>23431</v>
      </c>
      <c r="E13665" s="6">
        <v>5250</v>
      </c>
      <c r="F13665" s="6" t="s">
        <v>18</v>
      </c>
      <c r="G13665" s="6" t="s">
        <v>113</v>
      </c>
      <c r="H13665" s="6" t="s">
        <v>25319</v>
      </c>
      <c r="I13665" s="7">
        <v>7.6050462000000003</v>
      </c>
      <c r="J13665" s="8">
        <v>-74.808964599999996</v>
      </c>
    </row>
    <row r="13666" spans="1:10" x14ac:dyDescent="0.35">
      <c r="A13666" s="5" t="s">
        <v>10</v>
      </c>
      <c r="B13666" s="6">
        <v>248116</v>
      </c>
      <c r="C13666" s="6" t="s">
        <v>11</v>
      </c>
      <c r="D13666" s="6" t="s">
        <v>5942</v>
      </c>
      <c r="E13666" s="6">
        <v>25718</v>
      </c>
      <c r="F13666" s="6" t="s">
        <v>18</v>
      </c>
      <c r="G13666" s="6" t="s">
        <v>25320</v>
      </c>
      <c r="H13666" s="6" t="s">
        <v>25321</v>
      </c>
      <c r="I13666" s="7">
        <v>4.9604426999999998</v>
      </c>
      <c r="J13666" s="8">
        <v>-74.432308800000001</v>
      </c>
    </row>
    <row r="13667" spans="1:10" x14ac:dyDescent="0.35">
      <c r="A13667" s="5" t="s">
        <v>10</v>
      </c>
      <c r="B13667" s="6">
        <v>248117</v>
      </c>
      <c r="C13667" s="6" t="s">
        <v>28</v>
      </c>
      <c r="D13667" s="6" t="s">
        <v>29</v>
      </c>
      <c r="E13667" s="6">
        <v>54001</v>
      </c>
      <c r="F13667" s="6" t="s">
        <v>18</v>
      </c>
      <c r="G13667" s="6" t="s">
        <v>25322</v>
      </c>
      <c r="H13667" s="6" t="s">
        <v>25323</v>
      </c>
      <c r="I13667" s="7">
        <v>7.8946554000000004</v>
      </c>
      <c r="J13667" s="8">
        <v>-72.514081700000006</v>
      </c>
    </row>
    <row r="13668" spans="1:10" x14ac:dyDescent="0.35">
      <c r="A13668" s="5" t="s">
        <v>10</v>
      </c>
      <c r="B13668" s="6">
        <v>248119</v>
      </c>
      <c r="C13668" s="6" t="s">
        <v>61</v>
      </c>
      <c r="D13668" s="6" t="s">
        <v>62</v>
      </c>
      <c r="E13668" s="6">
        <v>63001</v>
      </c>
      <c r="F13668" s="6" t="s">
        <v>18</v>
      </c>
      <c r="G13668" s="6" t="s">
        <v>25324</v>
      </c>
      <c r="H13668" s="6" t="s">
        <v>21753</v>
      </c>
      <c r="I13668" s="7">
        <v>4.5350166999999999</v>
      </c>
      <c r="J13668" s="8">
        <v>-75.675678899999994</v>
      </c>
    </row>
    <row r="13669" spans="1:10" x14ac:dyDescent="0.35">
      <c r="A13669" s="5" t="s">
        <v>10</v>
      </c>
      <c r="B13669" s="6">
        <v>248121</v>
      </c>
      <c r="C13669" s="6" t="s">
        <v>457</v>
      </c>
      <c r="D13669" s="6" t="s">
        <v>118</v>
      </c>
      <c r="E13669" s="6">
        <v>52399</v>
      </c>
      <c r="F13669" s="6" t="s">
        <v>18</v>
      </c>
      <c r="G13669" s="6" t="s">
        <v>25325</v>
      </c>
      <c r="H13669" s="6" t="s">
        <v>25326</v>
      </c>
      <c r="I13669" s="7">
        <v>1.2891509999999999</v>
      </c>
      <c r="J13669" s="8">
        <v>-77.357939999999999</v>
      </c>
    </row>
    <row r="13670" spans="1:10" x14ac:dyDescent="0.35">
      <c r="A13670" s="5" t="s">
        <v>10</v>
      </c>
      <c r="B13670" s="6">
        <v>248125</v>
      </c>
      <c r="C13670" s="6" t="s">
        <v>16</v>
      </c>
      <c r="D13670" s="6" t="s">
        <v>78</v>
      </c>
      <c r="E13670" s="6">
        <v>68001</v>
      </c>
      <c r="F13670" s="6" t="s">
        <v>18</v>
      </c>
      <c r="G13670" s="6" t="s">
        <v>25327</v>
      </c>
      <c r="H13670" s="6" t="s">
        <v>8770</v>
      </c>
      <c r="I13670" s="7">
        <v>7.1250663000000003</v>
      </c>
      <c r="J13670" s="8">
        <v>-73.125452100000004</v>
      </c>
    </row>
    <row r="13671" spans="1:10" x14ac:dyDescent="0.35">
      <c r="A13671" s="5" t="s">
        <v>10</v>
      </c>
      <c r="B13671" s="6">
        <v>248127</v>
      </c>
      <c r="C13671" s="6" t="s">
        <v>28</v>
      </c>
      <c r="D13671" s="6" t="s">
        <v>29</v>
      </c>
      <c r="E13671" s="6">
        <v>54001</v>
      </c>
      <c r="F13671" s="6" t="s">
        <v>13</v>
      </c>
      <c r="G13671" s="6" t="s">
        <v>25328</v>
      </c>
      <c r="H13671" s="6" t="s">
        <v>25329</v>
      </c>
      <c r="I13671" s="7">
        <v>7.8947500000000002</v>
      </c>
      <c r="J13671" s="8">
        <v>-72.509320000000002</v>
      </c>
    </row>
    <row r="13672" spans="1:10" x14ac:dyDescent="0.35">
      <c r="A13672" s="5" t="s">
        <v>10</v>
      </c>
      <c r="B13672" s="6">
        <v>248132</v>
      </c>
      <c r="C13672" s="6" t="s">
        <v>6569</v>
      </c>
      <c r="D13672" s="6" t="s">
        <v>17303</v>
      </c>
      <c r="E13672" s="6">
        <v>91001</v>
      </c>
      <c r="F13672" s="6" t="s">
        <v>13</v>
      </c>
      <c r="G13672" s="6" t="s">
        <v>25330</v>
      </c>
      <c r="H13672" s="6" t="s">
        <v>25331</v>
      </c>
      <c r="I13672" s="7">
        <v>4.6171366000000003</v>
      </c>
      <c r="J13672" s="8">
        <v>-74.097512100000003</v>
      </c>
    </row>
    <row r="13673" spans="1:10" x14ac:dyDescent="0.35">
      <c r="A13673" s="5" t="s">
        <v>10</v>
      </c>
      <c r="B13673" s="6">
        <v>248136</v>
      </c>
      <c r="C13673" s="6" t="s">
        <v>16</v>
      </c>
      <c r="D13673" s="6" t="s">
        <v>8062</v>
      </c>
      <c r="E13673" s="6">
        <v>68575</v>
      </c>
      <c r="F13673" s="6" t="s">
        <v>18</v>
      </c>
      <c r="G13673" s="6" t="s">
        <v>25332</v>
      </c>
      <c r="H13673" s="6" t="s">
        <v>25333</v>
      </c>
      <c r="I13673" s="7">
        <v>7.3483695000000004</v>
      </c>
      <c r="J13673" s="8">
        <v>-73.902995399999995</v>
      </c>
    </row>
    <row r="13674" spans="1:10" x14ac:dyDescent="0.35">
      <c r="A13674" s="5" t="s">
        <v>10</v>
      </c>
      <c r="B13674" s="6">
        <v>248139</v>
      </c>
      <c r="C13674" s="6" t="s">
        <v>117</v>
      </c>
      <c r="D13674" s="6" t="s">
        <v>1334</v>
      </c>
      <c r="E13674" s="6">
        <v>76001</v>
      </c>
      <c r="F13674" s="6" t="s">
        <v>18</v>
      </c>
      <c r="G13674" s="6" t="s">
        <v>25334</v>
      </c>
      <c r="H13674" s="6" t="s">
        <v>25335</v>
      </c>
      <c r="I13674" s="7">
        <v>3.4441849000000002</v>
      </c>
      <c r="J13674" s="8">
        <v>-76.539211199999997</v>
      </c>
    </row>
    <row r="13675" spans="1:10" x14ac:dyDescent="0.35">
      <c r="A13675" s="5" t="s">
        <v>10</v>
      </c>
      <c r="B13675" s="6">
        <v>248149</v>
      </c>
      <c r="C13675" s="6" t="s">
        <v>117</v>
      </c>
      <c r="D13675" s="6" t="s">
        <v>1334</v>
      </c>
      <c r="E13675" s="6">
        <v>76001</v>
      </c>
      <c r="F13675" s="6" t="s">
        <v>18</v>
      </c>
      <c r="G13675" s="6" t="s">
        <v>25334</v>
      </c>
      <c r="H13675" s="6" t="s">
        <v>25336</v>
      </c>
      <c r="I13675" s="7">
        <v>3.4180310999999999</v>
      </c>
      <c r="J13675" s="8">
        <v>-76.496554700000004</v>
      </c>
    </row>
    <row r="13676" spans="1:10" x14ac:dyDescent="0.35">
      <c r="A13676" s="5" t="s">
        <v>10</v>
      </c>
      <c r="B13676" s="6">
        <v>248151</v>
      </c>
      <c r="C13676" s="6" t="s">
        <v>24</v>
      </c>
      <c r="D13676" s="6" t="s">
        <v>25337</v>
      </c>
      <c r="E13676" s="6">
        <v>15837</v>
      </c>
      <c r="F13676" s="6" t="s">
        <v>18</v>
      </c>
      <c r="G13676" s="6" t="s">
        <v>25338</v>
      </c>
      <c r="H13676" s="6" t="s">
        <v>25339</v>
      </c>
      <c r="I13676" s="7">
        <v>5.6922617999999998</v>
      </c>
      <c r="J13676" s="8">
        <v>-73.227330600000002</v>
      </c>
    </row>
    <row r="13677" spans="1:10" x14ac:dyDescent="0.35">
      <c r="A13677" s="5" t="s">
        <v>10</v>
      </c>
      <c r="B13677" s="6">
        <v>248152</v>
      </c>
      <c r="C13677" s="6" t="s">
        <v>28</v>
      </c>
      <c r="D13677" s="6" t="s">
        <v>29</v>
      </c>
      <c r="E13677" s="6">
        <v>54001</v>
      </c>
      <c r="F13677" s="6" t="s">
        <v>18</v>
      </c>
      <c r="G13677" s="6" t="s">
        <v>25340</v>
      </c>
      <c r="H13677" s="6" t="s">
        <v>25341</v>
      </c>
      <c r="I13677" s="7">
        <v>7.8901668000000003</v>
      </c>
      <c r="J13677" s="8">
        <v>-72.508559300000002</v>
      </c>
    </row>
    <row r="13678" spans="1:10" x14ac:dyDescent="0.35">
      <c r="A13678" s="5" t="s">
        <v>10</v>
      </c>
      <c r="B13678" s="6">
        <v>248159</v>
      </c>
      <c r="C13678" s="6" t="s">
        <v>16</v>
      </c>
      <c r="D13678" s="6" t="s">
        <v>2825</v>
      </c>
      <c r="E13678" s="6">
        <v>68276</v>
      </c>
      <c r="F13678" s="6" t="s">
        <v>18</v>
      </c>
      <c r="G13678" s="6" t="s">
        <v>25342</v>
      </c>
      <c r="H13678" s="6" t="s">
        <v>25343</v>
      </c>
      <c r="I13678" s="7">
        <v>7.0637936999999997</v>
      </c>
      <c r="J13678" s="8">
        <v>-73.102151899999996</v>
      </c>
    </row>
    <row r="13679" spans="1:10" x14ac:dyDescent="0.35">
      <c r="A13679" s="5" t="s">
        <v>10</v>
      </c>
      <c r="B13679" s="6">
        <v>248164</v>
      </c>
      <c r="C13679" s="6" t="s">
        <v>28</v>
      </c>
      <c r="D13679" s="6" t="s">
        <v>29</v>
      </c>
      <c r="E13679" s="6">
        <v>54001</v>
      </c>
      <c r="F13679" s="6" t="s">
        <v>18</v>
      </c>
      <c r="G13679" s="6" t="s">
        <v>25344</v>
      </c>
      <c r="H13679" s="6" t="s">
        <v>25345</v>
      </c>
      <c r="I13679" s="7">
        <v>7.8976176000000002</v>
      </c>
      <c r="J13679" s="8">
        <v>-72.488785300000004</v>
      </c>
    </row>
    <row r="13680" spans="1:10" x14ac:dyDescent="0.35">
      <c r="A13680" s="5" t="s">
        <v>10</v>
      </c>
      <c r="B13680" s="6">
        <v>248162</v>
      </c>
      <c r="C13680" s="6" t="s">
        <v>308</v>
      </c>
      <c r="D13680" s="6" t="s">
        <v>309</v>
      </c>
      <c r="E13680" s="6">
        <v>23001</v>
      </c>
      <c r="F13680" s="6" t="s">
        <v>13</v>
      </c>
      <c r="G13680" s="6" t="s">
        <v>25346</v>
      </c>
      <c r="H13680" s="6" t="s">
        <v>25347</v>
      </c>
      <c r="I13680" s="7">
        <v>8.7603462000000007</v>
      </c>
      <c r="J13680" s="8">
        <v>-75.877689700000005</v>
      </c>
    </row>
    <row r="13681" spans="1:10" x14ac:dyDescent="0.35">
      <c r="A13681" s="5" t="s">
        <v>10</v>
      </c>
      <c r="B13681" s="6">
        <v>248167</v>
      </c>
      <c r="C13681" s="6" t="s">
        <v>68</v>
      </c>
      <c r="D13681" s="6" t="s">
        <v>69</v>
      </c>
      <c r="E13681" s="6">
        <v>11001</v>
      </c>
      <c r="F13681" s="6" t="s">
        <v>18</v>
      </c>
      <c r="G13681" s="6" t="s">
        <v>25348</v>
      </c>
      <c r="H13681" s="6" t="s">
        <v>25349</v>
      </c>
      <c r="I13681" s="7">
        <v>4.6228382999999997</v>
      </c>
      <c r="J13681" s="8">
        <v>-74.113969600000004</v>
      </c>
    </row>
    <row r="13682" spans="1:10" x14ac:dyDescent="0.35">
      <c r="A13682" s="5" t="s">
        <v>10</v>
      </c>
      <c r="B13682" s="6">
        <v>248168</v>
      </c>
      <c r="C13682" s="6" t="s">
        <v>278</v>
      </c>
      <c r="D13682" s="6" t="s">
        <v>279</v>
      </c>
      <c r="E13682" s="6">
        <v>50001</v>
      </c>
      <c r="F13682" s="6" t="s">
        <v>18</v>
      </c>
      <c r="G13682" s="6" t="s">
        <v>25350</v>
      </c>
      <c r="H13682" s="6" t="s">
        <v>25351</v>
      </c>
      <c r="I13682" s="7">
        <v>4.1019953999999998</v>
      </c>
      <c r="J13682" s="8">
        <v>-73.649789600000005</v>
      </c>
    </row>
    <row r="13683" spans="1:10" x14ac:dyDescent="0.35">
      <c r="A13683" s="5" t="s">
        <v>10</v>
      </c>
      <c r="B13683" s="6">
        <v>248173</v>
      </c>
      <c r="C13683" s="6" t="s">
        <v>278</v>
      </c>
      <c r="D13683" s="6" t="s">
        <v>3873</v>
      </c>
      <c r="E13683" s="6">
        <v>50568</v>
      </c>
      <c r="F13683" s="6" t="s">
        <v>18</v>
      </c>
      <c r="G13683" s="6" t="s">
        <v>25352</v>
      </c>
      <c r="H13683" s="6" t="s">
        <v>25353</v>
      </c>
      <c r="I13683" s="7">
        <v>4.3123762000000001</v>
      </c>
      <c r="J13683" s="8">
        <v>-72.082682199999994</v>
      </c>
    </row>
    <row r="13684" spans="1:10" x14ac:dyDescent="0.35">
      <c r="A13684" s="5" t="s">
        <v>10</v>
      </c>
      <c r="B13684" s="6">
        <v>248178</v>
      </c>
      <c r="C13684" s="6" t="s">
        <v>117</v>
      </c>
      <c r="D13684" s="6" t="s">
        <v>1334</v>
      </c>
      <c r="E13684" s="6">
        <v>76001</v>
      </c>
      <c r="F13684" s="6" t="s">
        <v>18</v>
      </c>
      <c r="G13684" s="6" t="s">
        <v>25354</v>
      </c>
      <c r="H13684" s="6" t="s">
        <v>25355</v>
      </c>
      <c r="I13684" s="7">
        <v>3.4175148000000002</v>
      </c>
      <c r="J13684" s="8">
        <v>-76.520158499999994</v>
      </c>
    </row>
    <row r="13685" spans="1:10" x14ac:dyDescent="0.35">
      <c r="A13685" s="5" t="s">
        <v>10</v>
      </c>
      <c r="B13685" s="6">
        <v>248184</v>
      </c>
      <c r="C13685" s="6" t="s">
        <v>68</v>
      </c>
      <c r="D13685" s="6" t="s">
        <v>69</v>
      </c>
      <c r="E13685" s="6">
        <v>11001</v>
      </c>
      <c r="F13685" s="6" t="s">
        <v>2161</v>
      </c>
      <c r="G13685" s="6" t="s">
        <v>18232</v>
      </c>
      <c r="H13685" s="6" t="s">
        <v>25356</v>
      </c>
      <c r="I13685" s="7">
        <v>4.6750977000000002</v>
      </c>
      <c r="J13685" s="8">
        <v>-74.103243899999995</v>
      </c>
    </row>
    <row r="13686" spans="1:10" x14ac:dyDescent="0.35">
      <c r="A13686" s="5" t="s">
        <v>10</v>
      </c>
      <c r="B13686" s="6">
        <v>248191</v>
      </c>
      <c r="C13686" s="6" t="s">
        <v>68</v>
      </c>
      <c r="D13686" s="6" t="s">
        <v>69</v>
      </c>
      <c r="E13686" s="6">
        <v>11001</v>
      </c>
      <c r="F13686" s="6" t="s">
        <v>18</v>
      </c>
      <c r="G13686" s="6" t="s">
        <v>25357</v>
      </c>
      <c r="H13686" s="6" t="s">
        <v>25358</v>
      </c>
      <c r="I13686" s="7">
        <v>4.5770182999999998</v>
      </c>
      <c r="J13686" s="8">
        <v>-74.152312300000006</v>
      </c>
    </row>
    <row r="13687" spans="1:10" x14ac:dyDescent="0.35">
      <c r="A13687" s="5" t="s">
        <v>10</v>
      </c>
      <c r="B13687" s="6">
        <v>248197</v>
      </c>
      <c r="C13687" s="6" t="s">
        <v>28</v>
      </c>
      <c r="D13687" s="6" t="s">
        <v>29</v>
      </c>
      <c r="E13687" s="6">
        <v>54001</v>
      </c>
      <c r="F13687" s="6" t="s">
        <v>18</v>
      </c>
      <c r="G13687" s="6" t="s">
        <v>25359</v>
      </c>
      <c r="H13687" s="6" t="s">
        <v>25360</v>
      </c>
      <c r="I13687" s="7">
        <v>7.8856523999999997</v>
      </c>
      <c r="J13687" s="8">
        <v>-72.4998164</v>
      </c>
    </row>
    <row r="13688" spans="1:10" x14ac:dyDescent="0.35">
      <c r="A13688" s="5" t="s">
        <v>10</v>
      </c>
      <c r="B13688" s="6">
        <v>248200</v>
      </c>
      <c r="C13688" s="6" t="s">
        <v>11</v>
      </c>
      <c r="D13688" s="6" t="s">
        <v>334</v>
      </c>
      <c r="E13688" s="6">
        <v>25754</v>
      </c>
      <c r="F13688" s="6" t="s">
        <v>2161</v>
      </c>
      <c r="G13688" s="6" t="s">
        <v>25361</v>
      </c>
      <c r="H13688" s="6" t="s">
        <v>25362</v>
      </c>
      <c r="I13688" s="7">
        <v>4.5928969000000004</v>
      </c>
      <c r="J13688" s="8">
        <v>-74.194282599999994</v>
      </c>
    </row>
    <row r="13689" spans="1:10" x14ac:dyDescent="0.35">
      <c r="A13689" s="5" t="s">
        <v>10</v>
      </c>
      <c r="B13689" s="6">
        <v>248203</v>
      </c>
      <c r="C13689" s="6" t="s">
        <v>68</v>
      </c>
      <c r="D13689" s="6" t="s">
        <v>69</v>
      </c>
      <c r="E13689" s="6">
        <v>11001</v>
      </c>
      <c r="F13689" s="6" t="s">
        <v>18</v>
      </c>
      <c r="G13689" s="6" t="s">
        <v>25363</v>
      </c>
      <c r="H13689" s="6" t="s">
        <v>25364</v>
      </c>
      <c r="I13689" s="7">
        <v>4.5705049000000004</v>
      </c>
      <c r="J13689" s="8">
        <v>-74.163390500000006</v>
      </c>
    </row>
    <row r="13690" spans="1:10" x14ac:dyDescent="0.35">
      <c r="A13690" s="5" t="s">
        <v>10</v>
      </c>
      <c r="B13690" s="6">
        <v>248210</v>
      </c>
      <c r="C13690" s="6" t="s">
        <v>308</v>
      </c>
      <c r="D13690" s="6" t="s">
        <v>309</v>
      </c>
      <c r="E13690" s="6">
        <v>23001</v>
      </c>
      <c r="F13690" s="6" t="s">
        <v>13</v>
      </c>
      <c r="G13690" s="6" t="s">
        <v>25365</v>
      </c>
      <c r="H13690" s="6" t="s">
        <v>25366</v>
      </c>
      <c r="I13690" s="7">
        <v>8.7391650999999992</v>
      </c>
      <c r="J13690" s="8">
        <v>-75.873251199999999</v>
      </c>
    </row>
    <row r="13691" spans="1:10" x14ac:dyDescent="0.35">
      <c r="A13691" s="5" t="s">
        <v>10</v>
      </c>
      <c r="B13691" s="6">
        <v>248215</v>
      </c>
      <c r="C13691" s="6" t="s">
        <v>457</v>
      </c>
      <c r="D13691" s="6" t="s">
        <v>4400</v>
      </c>
      <c r="E13691" s="6">
        <v>52001</v>
      </c>
      <c r="F13691" s="6" t="s">
        <v>18</v>
      </c>
      <c r="G13691" s="6" t="s">
        <v>25367</v>
      </c>
      <c r="H13691" s="6" t="s">
        <v>25368</v>
      </c>
      <c r="I13691" s="7">
        <v>1.2215427999999999</v>
      </c>
      <c r="J13691" s="8">
        <v>-77.287641399999998</v>
      </c>
    </row>
    <row r="13692" spans="1:10" x14ac:dyDescent="0.35">
      <c r="A13692" s="5" t="s">
        <v>10</v>
      </c>
      <c r="B13692" s="6">
        <v>248221</v>
      </c>
      <c r="C13692" s="6" t="s">
        <v>42</v>
      </c>
      <c r="D13692" s="6" t="s">
        <v>1493</v>
      </c>
      <c r="E13692" s="6">
        <v>17873</v>
      </c>
      <c r="F13692" s="6" t="s">
        <v>18</v>
      </c>
      <c r="G13692" s="6" t="s">
        <v>25369</v>
      </c>
      <c r="H13692" s="6" t="s">
        <v>25370</v>
      </c>
      <c r="I13692" s="7">
        <v>5.0467069999999996</v>
      </c>
      <c r="J13692" s="8">
        <v>-75.516441799999996</v>
      </c>
    </row>
    <row r="13693" spans="1:10" x14ac:dyDescent="0.35">
      <c r="A13693" s="5" t="s">
        <v>10</v>
      </c>
      <c r="B13693" s="6">
        <v>248235</v>
      </c>
      <c r="C13693" s="6" t="s">
        <v>68</v>
      </c>
      <c r="D13693" s="6" t="s">
        <v>69</v>
      </c>
      <c r="E13693" s="6">
        <v>11001</v>
      </c>
      <c r="F13693" s="6" t="s">
        <v>2161</v>
      </c>
      <c r="G13693" s="6" t="s">
        <v>25371</v>
      </c>
      <c r="H13693" s="6" t="s">
        <v>25372</v>
      </c>
      <c r="I13693" s="7">
        <v>4.6503785000000004</v>
      </c>
      <c r="J13693" s="8">
        <v>-74.160962499999997</v>
      </c>
    </row>
    <row r="13694" spans="1:10" x14ac:dyDescent="0.35">
      <c r="A13694" s="5" t="s">
        <v>10</v>
      </c>
      <c r="B13694" s="6">
        <v>248237</v>
      </c>
      <c r="C13694" s="6" t="s">
        <v>28</v>
      </c>
      <c r="D13694" s="6" t="s">
        <v>29</v>
      </c>
      <c r="E13694" s="6">
        <v>54001</v>
      </c>
      <c r="F13694" s="6" t="s">
        <v>18</v>
      </c>
      <c r="G13694" s="6" t="s">
        <v>25373</v>
      </c>
      <c r="H13694" s="6" t="s">
        <v>2291</v>
      </c>
      <c r="I13694" s="7">
        <v>7.9379742999999996</v>
      </c>
      <c r="J13694" s="8">
        <v>-72.500607700000003</v>
      </c>
    </row>
    <row r="13695" spans="1:10" x14ac:dyDescent="0.35">
      <c r="A13695" s="5" t="s">
        <v>10</v>
      </c>
      <c r="B13695" s="6">
        <v>248238</v>
      </c>
      <c r="C13695" s="6" t="s">
        <v>24</v>
      </c>
      <c r="D13695" s="6" t="s">
        <v>416</v>
      </c>
      <c r="E13695" s="6">
        <v>15816</v>
      </c>
      <c r="F13695" s="6" t="s">
        <v>18</v>
      </c>
      <c r="G13695" s="6" t="s">
        <v>25374</v>
      </c>
      <c r="H13695" s="6" t="s">
        <v>25375</v>
      </c>
      <c r="I13695" s="7">
        <v>5.3906000000000001</v>
      </c>
      <c r="J13695" s="8">
        <v>-73.516729999999995</v>
      </c>
    </row>
    <row r="13696" spans="1:10" x14ac:dyDescent="0.35">
      <c r="A13696" s="5" t="s">
        <v>10</v>
      </c>
      <c r="B13696" s="6">
        <v>248240</v>
      </c>
      <c r="C13696" s="6" t="s">
        <v>68</v>
      </c>
      <c r="D13696" s="6" t="s">
        <v>69</v>
      </c>
      <c r="E13696" s="6">
        <v>11001</v>
      </c>
      <c r="F13696" s="6" t="s">
        <v>18</v>
      </c>
      <c r="G13696" s="6" t="s">
        <v>25376</v>
      </c>
      <c r="H13696" s="6" t="s">
        <v>25377</v>
      </c>
      <c r="I13696" s="7">
        <v>4.7374991</v>
      </c>
      <c r="J13696" s="8">
        <v>-74.101546600000006</v>
      </c>
    </row>
    <row r="13697" spans="1:10" x14ac:dyDescent="0.35">
      <c r="A13697" s="5" t="s">
        <v>10</v>
      </c>
      <c r="B13697" s="6">
        <v>248243</v>
      </c>
      <c r="C13697" s="6" t="s">
        <v>68</v>
      </c>
      <c r="D13697" s="6" t="s">
        <v>69</v>
      </c>
      <c r="E13697" s="6">
        <v>11001</v>
      </c>
      <c r="F13697" s="6" t="s">
        <v>18</v>
      </c>
      <c r="G13697" s="6" t="s">
        <v>13228</v>
      </c>
      <c r="H13697" s="6" t="s">
        <v>25378</v>
      </c>
      <c r="I13697" s="7">
        <v>4.6193026000000001</v>
      </c>
      <c r="J13697" s="8">
        <v>-74.203488800000002</v>
      </c>
    </row>
    <row r="13698" spans="1:10" x14ac:dyDescent="0.35">
      <c r="A13698" s="5" t="s">
        <v>10</v>
      </c>
      <c r="B13698" s="6">
        <v>248245</v>
      </c>
      <c r="C13698" s="6" t="s">
        <v>11</v>
      </c>
      <c r="D13698" s="6" t="s">
        <v>5441</v>
      </c>
      <c r="E13698" s="6">
        <v>25483</v>
      </c>
      <c r="F13698" s="6" t="s">
        <v>18</v>
      </c>
      <c r="G13698" s="6" t="s">
        <v>25379</v>
      </c>
      <c r="H13698" s="6" t="s">
        <v>25380</v>
      </c>
      <c r="I13698" s="7">
        <v>4.3978853000000004</v>
      </c>
      <c r="J13698" s="8">
        <v>-74.828292599999997</v>
      </c>
    </row>
    <row r="13699" spans="1:10" x14ac:dyDescent="0.35">
      <c r="A13699" s="5" t="s">
        <v>10</v>
      </c>
      <c r="B13699" s="6">
        <v>248248</v>
      </c>
      <c r="C13699" s="6" t="s">
        <v>117</v>
      </c>
      <c r="D13699" s="6" t="s">
        <v>5316</v>
      </c>
      <c r="E13699" s="6">
        <v>76109</v>
      </c>
      <c r="F13699" s="6" t="s">
        <v>18</v>
      </c>
      <c r="G13699" s="6" t="s">
        <v>25381</v>
      </c>
      <c r="H13699" s="6" t="s">
        <v>25382</v>
      </c>
      <c r="I13699" s="7">
        <v>3.8728297999999999</v>
      </c>
      <c r="J13699" s="8">
        <v>-77.003895099999994</v>
      </c>
    </row>
    <row r="13700" spans="1:10" x14ac:dyDescent="0.35">
      <c r="A13700" s="5" t="s">
        <v>10</v>
      </c>
      <c r="B13700" s="6">
        <v>248249</v>
      </c>
      <c r="C13700" s="6" t="s">
        <v>278</v>
      </c>
      <c r="D13700" s="6" t="s">
        <v>279</v>
      </c>
      <c r="E13700" s="6">
        <v>50001</v>
      </c>
      <c r="F13700" s="6" t="s">
        <v>18</v>
      </c>
      <c r="G13700" s="6" t="s">
        <v>25383</v>
      </c>
      <c r="H13700" s="6" t="s">
        <v>25384</v>
      </c>
      <c r="I13700" s="7">
        <v>4.1298002</v>
      </c>
      <c r="J13700" s="8">
        <v>-73.609780599999993</v>
      </c>
    </row>
    <row r="13701" spans="1:10" x14ac:dyDescent="0.35">
      <c r="A13701" s="5" t="s">
        <v>10</v>
      </c>
      <c r="B13701" s="6">
        <v>248257</v>
      </c>
      <c r="C13701" s="6" t="s">
        <v>68</v>
      </c>
      <c r="D13701" s="6" t="s">
        <v>69</v>
      </c>
      <c r="E13701" s="6">
        <v>11001</v>
      </c>
      <c r="F13701" s="6" t="s">
        <v>18</v>
      </c>
      <c r="G13701" s="6" t="s">
        <v>25385</v>
      </c>
      <c r="H13701" s="6" t="s">
        <v>25386</v>
      </c>
      <c r="I13701" s="7">
        <v>4.5034622000000004</v>
      </c>
      <c r="J13701" s="8">
        <v>-74.114350299999998</v>
      </c>
    </row>
    <row r="13702" spans="1:10" x14ac:dyDescent="0.35">
      <c r="A13702" s="5" t="s">
        <v>10</v>
      </c>
      <c r="B13702" s="6">
        <v>248263</v>
      </c>
      <c r="C13702" s="6" t="s">
        <v>457</v>
      </c>
      <c r="D13702" s="6" t="s">
        <v>4400</v>
      </c>
      <c r="E13702" s="6">
        <v>52001</v>
      </c>
      <c r="F13702" s="6" t="s">
        <v>18</v>
      </c>
      <c r="G13702" s="6" t="s">
        <v>25387</v>
      </c>
      <c r="H13702" s="6" t="s">
        <v>25388</v>
      </c>
      <c r="I13702" s="7">
        <v>1.1729996</v>
      </c>
      <c r="J13702" s="8">
        <v>-77.287812500000001</v>
      </c>
    </row>
    <row r="13703" spans="1:10" x14ac:dyDescent="0.35">
      <c r="A13703" s="5" t="s">
        <v>10</v>
      </c>
      <c r="B13703" s="6">
        <v>248265</v>
      </c>
      <c r="C13703" s="6" t="s">
        <v>117</v>
      </c>
      <c r="D13703" s="6" t="s">
        <v>3686</v>
      </c>
      <c r="E13703" s="6">
        <v>76111</v>
      </c>
      <c r="F13703" s="6" t="s">
        <v>18</v>
      </c>
      <c r="G13703" s="6" t="s">
        <v>25389</v>
      </c>
      <c r="H13703" s="6" t="s">
        <v>23749</v>
      </c>
      <c r="I13703" s="7">
        <v>3.8946048000000002</v>
      </c>
      <c r="J13703" s="8">
        <v>-76.305577200000002</v>
      </c>
    </row>
    <row r="13704" spans="1:10" x14ac:dyDescent="0.35">
      <c r="A13704" s="5" t="s">
        <v>10</v>
      </c>
      <c r="B13704" s="6">
        <v>248266</v>
      </c>
      <c r="C13704" s="6" t="s">
        <v>308</v>
      </c>
      <c r="D13704" s="6" t="s">
        <v>8599</v>
      </c>
      <c r="E13704" s="6">
        <v>23815</v>
      </c>
      <c r="F13704" s="6" t="s">
        <v>18</v>
      </c>
      <c r="G13704" s="6" t="s">
        <v>113</v>
      </c>
      <c r="H13704" s="6" t="s">
        <v>25390</v>
      </c>
      <c r="I13704" s="7">
        <v>9.1465052</v>
      </c>
      <c r="J13704" s="8">
        <v>-75.508769000000001</v>
      </c>
    </row>
    <row r="13705" spans="1:10" x14ac:dyDescent="0.35">
      <c r="A13705" s="5" t="s">
        <v>10</v>
      </c>
      <c r="B13705" s="6">
        <v>248267</v>
      </c>
      <c r="C13705" s="6" t="s">
        <v>457</v>
      </c>
      <c r="D13705" s="6" t="s">
        <v>3917</v>
      </c>
      <c r="E13705" s="6">
        <v>52685</v>
      </c>
      <c r="F13705" s="6" t="s">
        <v>18</v>
      </c>
      <c r="G13705" s="6" t="s">
        <v>25391</v>
      </c>
      <c r="H13705" s="6" t="s">
        <v>23208</v>
      </c>
      <c r="I13705" s="7">
        <v>1.2263200999999999</v>
      </c>
      <c r="J13705" s="8">
        <v>-77.282224400000004</v>
      </c>
    </row>
    <row r="13706" spans="1:10" x14ac:dyDescent="0.35">
      <c r="A13706" s="5" t="s">
        <v>10</v>
      </c>
      <c r="B13706" s="6">
        <v>248270</v>
      </c>
      <c r="C13706" s="6" t="s">
        <v>68</v>
      </c>
      <c r="D13706" s="6" t="s">
        <v>69</v>
      </c>
      <c r="E13706" s="6">
        <v>11001</v>
      </c>
      <c r="F13706" s="6" t="s">
        <v>18</v>
      </c>
      <c r="G13706" s="6" t="s">
        <v>25392</v>
      </c>
      <c r="H13706" s="6" t="s">
        <v>25393</v>
      </c>
      <c r="I13706" s="7">
        <v>4.7239659999999999</v>
      </c>
      <c r="J13706" s="8">
        <v>-74.089197999999996</v>
      </c>
    </row>
    <row r="13707" spans="1:10" x14ac:dyDescent="0.35">
      <c r="A13707" s="5" t="s">
        <v>10</v>
      </c>
      <c r="B13707" s="6">
        <v>248280</v>
      </c>
      <c r="C13707" s="6" t="s">
        <v>278</v>
      </c>
      <c r="D13707" s="6" t="s">
        <v>1331</v>
      </c>
      <c r="E13707" s="6">
        <v>50006</v>
      </c>
      <c r="F13707" s="6" t="s">
        <v>18</v>
      </c>
      <c r="G13707" s="6" t="s">
        <v>25394</v>
      </c>
      <c r="H13707" s="6" t="s">
        <v>25395</v>
      </c>
      <c r="I13707" s="7">
        <v>3.9839720000000001</v>
      </c>
      <c r="J13707" s="8">
        <v>-73.774193400000001</v>
      </c>
    </row>
    <row r="13708" spans="1:10" x14ac:dyDescent="0.35">
      <c r="A13708" s="5" t="s">
        <v>10</v>
      </c>
      <c r="B13708" s="6">
        <v>248292</v>
      </c>
      <c r="C13708" s="6" t="s">
        <v>68</v>
      </c>
      <c r="D13708" s="6" t="s">
        <v>69</v>
      </c>
      <c r="E13708" s="6">
        <v>11001</v>
      </c>
      <c r="F13708" s="6" t="s">
        <v>18</v>
      </c>
      <c r="G13708" s="6" t="s">
        <v>25396</v>
      </c>
      <c r="H13708" s="6" t="s">
        <v>25397</v>
      </c>
      <c r="I13708" s="7">
        <v>4.5703329999999998</v>
      </c>
      <c r="J13708" s="8">
        <v>-74.145110000000003</v>
      </c>
    </row>
    <row r="13709" spans="1:10" x14ac:dyDescent="0.35">
      <c r="A13709" s="5" t="s">
        <v>10</v>
      </c>
      <c r="B13709" s="6">
        <v>248295</v>
      </c>
      <c r="C13709" s="6" t="s">
        <v>278</v>
      </c>
      <c r="D13709" s="6" t="s">
        <v>7334</v>
      </c>
      <c r="E13709" s="6">
        <v>50711</v>
      </c>
      <c r="F13709" s="6" t="s">
        <v>18</v>
      </c>
      <c r="G13709" s="6" t="s">
        <v>25398</v>
      </c>
      <c r="H13709" s="6" t="s">
        <v>25399</v>
      </c>
      <c r="I13709" s="7">
        <v>3.1280496000000002</v>
      </c>
      <c r="J13709" s="8">
        <v>-73.751258800000002</v>
      </c>
    </row>
    <row r="13710" spans="1:10" x14ac:dyDescent="0.35">
      <c r="A13710" s="5" t="s">
        <v>10</v>
      </c>
      <c r="B13710" s="6">
        <v>248309</v>
      </c>
      <c r="C13710" s="6" t="s">
        <v>117</v>
      </c>
      <c r="D13710" s="6" t="s">
        <v>1334</v>
      </c>
      <c r="E13710" s="6">
        <v>76001</v>
      </c>
      <c r="F13710" s="6" t="s">
        <v>18</v>
      </c>
      <c r="G13710" s="6" t="s">
        <v>25400</v>
      </c>
      <c r="H13710" s="6" t="s">
        <v>25401</v>
      </c>
      <c r="I13710" s="7">
        <v>3.4085755</v>
      </c>
      <c r="J13710" s="8">
        <v>-76.529731600000005</v>
      </c>
    </row>
    <row r="13711" spans="1:10" x14ac:dyDescent="0.35">
      <c r="A13711" s="5" t="s">
        <v>10</v>
      </c>
      <c r="B13711" s="6">
        <v>248313</v>
      </c>
      <c r="C13711" s="6" t="s">
        <v>68</v>
      </c>
      <c r="D13711" s="6" t="s">
        <v>69</v>
      </c>
      <c r="E13711" s="6">
        <v>11001</v>
      </c>
      <c r="F13711" s="6" t="s">
        <v>18</v>
      </c>
      <c r="G13711" s="6" t="s">
        <v>25402</v>
      </c>
      <c r="H13711" s="6" t="s">
        <v>25403</v>
      </c>
      <c r="I13711" s="7">
        <v>4.5699170000000002</v>
      </c>
      <c r="J13711" s="8">
        <v>-74.164320000000004</v>
      </c>
    </row>
    <row r="13712" spans="1:10" x14ac:dyDescent="0.35">
      <c r="A13712" s="5" t="s">
        <v>10</v>
      </c>
      <c r="B13712" s="6">
        <v>248314</v>
      </c>
      <c r="C13712" s="6" t="s">
        <v>551</v>
      </c>
      <c r="D13712" s="6" t="s">
        <v>3892</v>
      </c>
      <c r="E13712" s="6">
        <v>20550</v>
      </c>
      <c r="F13712" s="6" t="s">
        <v>18</v>
      </c>
      <c r="G13712" s="6" t="s">
        <v>25404</v>
      </c>
      <c r="H13712" s="6" t="s">
        <v>25405</v>
      </c>
      <c r="I13712" s="7">
        <v>8.6889398</v>
      </c>
      <c r="J13712" s="8">
        <v>-73.667905700000006</v>
      </c>
    </row>
    <row r="13713" spans="1:10" x14ac:dyDescent="0.35">
      <c r="A13713" s="5" t="s">
        <v>10</v>
      </c>
      <c r="B13713" s="6">
        <v>248345</v>
      </c>
      <c r="C13713" s="6" t="s">
        <v>68</v>
      </c>
      <c r="D13713" s="6" t="s">
        <v>69</v>
      </c>
      <c r="E13713" s="6">
        <v>11001</v>
      </c>
      <c r="F13713" s="6" t="s">
        <v>18</v>
      </c>
      <c r="G13713" s="6" t="s">
        <v>25406</v>
      </c>
      <c r="H13713" s="6" t="s">
        <v>25407</v>
      </c>
      <c r="I13713" s="7">
        <v>4.6217249999999996</v>
      </c>
      <c r="J13713" s="8">
        <v>-74.189888300000007</v>
      </c>
    </row>
    <row r="13714" spans="1:10" x14ac:dyDescent="0.35">
      <c r="A13714" s="5" t="s">
        <v>10</v>
      </c>
      <c r="B13714" s="6">
        <v>248346</v>
      </c>
      <c r="C13714" s="6" t="s">
        <v>294</v>
      </c>
      <c r="D13714" s="6" t="s">
        <v>703</v>
      </c>
      <c r="E13714" s="6">
        <v>41001</v>
      </c>
      <c r="F13714" s="6" t="s">
        <v>18</v>
      </c>
      <c r="G13714" s="6" t="s">
        <v>25408</v>
      </c>
      <c r="H13714" s="6" t="s">
        <v>25409</v>
      </c>
      <c r="I13714" s="7">
        <v>2.9229714000000002</v>
      </c>
      <c r="J13714" s="8">
        <v>-75.289400900000004</v>
      </c>
    </row>
    <row r="13715" spans="1:10" x14ac:dyDescent="0.35">
      <c r="A13715" s="5" t="s">
        <v>10</v>
      </c>
      <c r="B13715" s="6">
        <v>248347</v>
      </c>
      <c r="C13715" s="6" t="s">
        <v>42</v>
      </c>
      <c r="D13715" s="6" t="s">
        <v>43</v>
      </c>
      <c r="E13715" s="6">
        <v>17001</v>
      </c>
      <c r="F13715" s="6" t="s">
        <v>18</v>
      </c>
      <c r="G13715" s="6" t="s">
        <v>25410</v>
      </c>
      <c r="H13715" s="6" t="s">
        <v>25411</v>
      </c>
      <c r="I13715" s="7">
        <v>5.0545232999999996</v>
      </c>
      <c r="J13715" s="8">
        <v>-75.5062645</v>
      </c>
    </row>
    <row r="13716" spans="1:10" x14ac:dyDescent="0.35">
      <c r="A13716" s="5" t="s">
        <v>10</v>
      </c>
      <c r="B13716" s="6">
        <v>248348</v>
      </c>
      <c r="C13716" s="6" t="s">
        <v>68</v>
      </c>
      <c r="D13716" s="6" t="s">
        <v>69</v>
      </c>
      <c r="E13716" s="6">
        <v>11001</v>
      </c>
      <c r="F13716" s="6" t="s">
        <v>18</v>
      </c>
      <c r="G13716" s="6" t="s">
        <v>25412</v>
      </c>
      <c r="H13716" s="6" t="s">
        <v>25413</v>
      </c>
      <c r="I13716" s="7">
        <v>4.6157402000000003</v>
      </c>
      <c r="J13716" s="8">
        <v>-74.189704899999995</v>
      </c>
    </row>
    <row r="13717" spans="1:10" x14ac:dyDescent="0.35">
      <c r="A13717" s="5" t="s">
        <v>10</v>
      </c>
      <c r="B13717" s="6">
        <v>248352</v>
      </c>
      <c r="C13717" s="6" t="s">
        <v>278</v>
      </c>
      <c r="D13717" s="6" t="s">
        <v>279</v>
      </c>
      <c r="E13717" s="6">
        <v>50001</v>
      </c>
      <c r="F13717" s="6" t="s">
        <v>18</v>
      </c>
      <c r="G13717" s="6" t="s">
        <v>25414</v>
      </c>
      <c r="H13717" s="6" t="s">
        <v>25415</v>
      </c>
      <c r="I13717" s="7">
        <v>4.1300889999999999</v>
      </c>
      <c r="J13717" s="8">
        <v>-73.634888200000006</v>
      </c>
    </row>
    <row r="13718" spans="1:10" x14ac:dyDescent="0.35">
      <c r="A13718" s="5" t="s">
        <v>10</v>
      </c>
      <c r="B13718" s="6">
        <v>248356</v>
      </c>
      <c r="C13718" s="6" t="s">
        <v>68</v>
      </c>
      <c r="D13718" s="6" t="s">
        <v>69</v>
      </c>
      <c r="E13718" s="6">
        <v>11001</v>
      </c>
      <c r="F13718" s="6" t="s">
        <v>2161</v>
      </c>
      <c r="G13718" s="6" t="s">
        <v>25416</v>
      </c>
      <c r="H13718" s="6" t="s">
        <v>25417</v>
      </c>
      <c r="I13718" s="7">
        <v>4.6801189000000001</v>
      </c>
      <c r="J13718" s="8">
        <v>-74.103913300000002</v>
      </c>
    </row>
    <row r="13719" spans="1:10" x14ac:dyDescent="0.35">
      <c r="A13719" s="5" t="s">
        <v>10</v>
      </c>
      <c r="B13719" s="6">
        <v>248357</v>
      </c>
      <c r="C13719" s="6" t="s">
        <v>308</v>
      </c>
      <c r="D13719" s="6" t="s">
        <v>8102</v>
      </c>
      <c r="E13719" s="6">
        <v>23417</v>
      </c>
      <c r="F13719" s="6" t="s">
        <v>18</v>
      </c>
      <c r="G13719" s="6" t="s">
        <v>25418</v>
      </c>
      <c r="H13719" s="6" t="s">
        <v>25419</v>
      </c>
      <c r="I13719" s="7">
        <v>9.2432993000000003</v>
      </c>
      <c r="J13719" s="8">
        <v>-75.815355499999995</v>
      </c>
    </row>
    <row r="13720" spans="1:10" x14ac:dyDescent="0.35">
      <c r="A13720" s="5" t="s">
        <v>10</v>
      </c>
      <c r="B13720" s="6">
        <v>248359</v>
      </c>
      <c r="C13720" s="6" t="s">
        <v>68</v>
      </c>
      <c r="D13720" s="6" t="s">
        <v>69</v>
      </c>
      <c r="E13720" s="6">
        <v>11001</v>
      </c>
      <c r="F13720" s="6" t="s">
        <v>18</v>
      </c>
      <c r="G13720" s="6" t="s">
        <v>25420</v>
      </c>
      <c r="H13720" s="6" t="s">
        <v>25421</v>
      </c>
      <c r="I13720" s="7">
        <v>4.6403116999999998</v>
      </c>
      <c r="J13720" s="8">
        <v>-74.136707299999998</v>
      </c>
    </row>
    <row r="13721" spans="1:10" x14ac:dyDescent="0.35">
      <c r="A13721" s="5" t="s">
        <v>10</v>
      </c>
      <c r="B13721" s="6">
        <v>248361</v>
      </c>
      <c r="C13721" s="6" t="s">
        <v>16</v>
      </c>
      <c r="D13721" s="6" t="s">
        <v>78</v>
      </c>
      <c r="E13721" s="6">
        <v>68001</v>
      </c>
      <c r="F13721" s="6" t="s">
        <v>18</v>
      </c>
      <c r="G13721" s="6" t="s">
        <v>25422</v>
      </c>
      <c r="H13721" s="6" t="s">
        <v>25423</v>
      </c>
      <c r="I13721" s="7">
        <v>7.0854505000000003</v>
      </c>
      <c r="J13721" s="8">
        <v>-73.117969900000006</v>
      </c>
    </row>
    <row r="13722" spans="1:10" x14ac:dyDescent="0.35">
      <c r="A13722" s="5" t="s">
        <v>10</v>
      </c>
      <c r="B13722" s="6">
        <v>248362</v>
      </c>
      <c r="C13722" s="6" t="s">
        <v>68</v>
      </c>
      <c r="D13722" s="6" t="s">
        <v>69</v>
      </c>
      <c r="E13722" s="6">
        <v>11001</v>
      </c>
      <c r="F13722" s="6" t="s">
        <v>18</v>
      </c>
      <c r="G13722" s="6" t="s">
        <v>25424</v>
      </c>
      <c r="H13722" s="6" t="s">
        <v>25425</v>
      </c>
      <c r="I13722" s="7">
        <v>4.6709338999999996</v>
      </c>
      <c r="J13722" s="8">
        <v>-74.046466499999994</v>
      </c>
    </row>
    <row r="13723" spans="1:10" x14ac:dyDescent="0.35">
      <c r="A13723" s="5" t="s">
        <v>10</v>
      </c>
      <c r="B13723" s="6">
        <v>248365</v>
      </c>
      <c r="C13723" s="6" t="s">
        <v>55</v>
      </c>
      <c r="D13723" s="6" t="s">
        <v>56</v>
      </c>
      <c r="E13723" s="6">
        <v>73001</v>
      </c>
      <c r="F13723" s="6" t="s">
        <v>18</v>
      </c>
      <c r="G13723" s="6" t="s">
        <v>25426</v>
      </c>
      <c r="H13723" s="6" t="s">
        <v>25427</v>
      </c>
      <c r="I13723" s="7">
        <v>4.4562771999999997</v>
      </c>
      <c r="J13723" s="8">
        <v>-75.181015799999997</v>
      </c>
    </row>
    <row r="13724" spans="1:10" x14ac:dyDescent="0.35">
      <c r="A13724" s="5" t="s">
        <v>10</v>
      </c>
      <c r="B13724" s="6">
        <v>248366</v>
      </c>
      <c r="C13724" s="6" t="s">
        <v>28</v>
      </c>
      <c r="D13724" s="6" t="s">
        <v>29</v>
      </c>
      <c r="E13724" s="6">
        <v>54001</v>
      </c>
      <c r="F13724" s="6" t="s">
        <v>18</v>
      </c>
      <c r="G13724" s="6" t="s">
        <v>25428</v>
      </c>
      <c r="H13724" s="6" t="s">
        <v>25429</v>
      </c>
      <c r="I13724" s="7">
        <v>7.8861755000000002</v>
      </c>
      <c r="J13724" s="8">
        <v>-72.503770200000005</v>
      </c>
    </row>
    <row r="13725" spans="1:10" x14ac:dyDescent="0.35">
      <c r="A13725" s="5" t="s">
        <v>10</v>
      </c>
      <c r="B13725" s="6">
        <v>248367</v>
      </c>
      <c r="C13725" s="6" t="s">
        <v>68</v>
      </c>
      <c r="D13725" s="6" t="s">
        <v>69</v>
      </c>
      <c r="E13725" s="6">
        <v>11001</v>
      </c>
      <c r="F13725" s="6" t="s">
        <v>18</v>
      </c>
      <c r="G13725" s="6" t="s">
        <v>25430</v>
      </c>
      <c r="H13725" s="6" t="s">
        <v>25431</v>
      </c>
      <c r="I13725" s="7">
        <v>4.6043645</v>
      </c>
      <c r="J13725" s="8">
        <v>-74.092270299999996</v>
      </c>
    </row>
    <row r="13726" spans="1:10" x14ac:dyDescent="0.35">
      <c r="A13726" s="5" t="s">
        <v>10</v>
      </c>
      <c r="B13726" s="6">
        <v>248368</v>
      </c>
      <c r="C13726" s="6" t="s">
        <v>68</v>
      </c>
      <c r="D13726" s="6" t="s">
        <v>69</v>
      </c>
      <c r="E13726" s="6">
        <v>11001</v>
      </c>
      <c r="F13726" s="6" t="s">
        <v>18</v>
      </c>
      <c r="G13726" s="6" t="s">
        <v>25432</v>
      </c>
      <c r="H13726" s="6" t="s">
        <v>25433</v>
      </c>
      <c r="I13726" s="7">
        <v>4.6105789000000001</v>
      </c>
      <c r="J13726" s="8">
        <v>-74.164047600000004</v>
      </c>
    </row>
    <row r="13727" spans="1:10" x14ac:dyDescent="0.35">
      <c r="A13727" s="5" t="s">
        <v>10</v>
      </c>
      <c r="B13727" s="6">
        <v>248369</v>
      </c>
      <c r="C13727" s="6" t="s">
        <v>68</v>
      </c>
      <c r="D13727" s="6" t="s">
        <v>69</v>
      </c>
      <c r="E13727" s="6">
        <v>11001</v>
      </c>
      <c r="F13727" s="6" t="s">
        <v>18</v>
      </c>
      <c r="G13727" s="6" t="s">
        <v>113</v>
      </c>
      <c r="H13727" s="6" t="s">
        <v>25434</v>
      </c>
      <c r="I13727" s="7">
        <v>4.5077978999999999</v>
      </c>
      <c r="J13727" s="8">
        <v>-74.108294000000001</v>
      </c>
    </row>
    <row r="13728" spans="1:10" x14ac:dyDescent="0.35">
      <c r="A13728" s="5" t="s">
        <v>10</v>
      </c>
      <c r="B13728" s="6">
        <v>248435</v>
      </c>
      <c r="C13728" s="6" t="s">
        <v>16</v>
      </c>
      <c r="D13728" s="6" t="s">
        <v>1266</v>
      </c>
      <c r="E13728" s="6">
        <v>68081</v>
      </c>
      <c r="F13728" s="6" t="s">
        <v>18</v>
      </c>
      <c r="G13728" s="6" t="s">
        <v>25435</v>
      </c>
      <c r="H13728" s="6" t="s">
        <v>25436</v>
      </c>
      <c r="I13728" s="7">
        <v>7.0617084999999999</v>
      </c>
      <c r="J13728" s="8">
        <v>-73.851931899999997</v>
      </c>
    </row>
    <row r="13729" spans="1:10" x14ac:dyDescent="0.35">
      <c r="A13729" s="5" t="s">
        <v>10</v>
      </c>
      <c r="B13729" s="6">
        <v>248441</v>
      </c>
      <c r="C13729" s="6" t="s">
        <v>117</v>
      </c>
      <c r="D13729" s="6" t="s">
        <v>1334</v>
      </c>
      <c r="E13729" s="6">
        <v>76001</v>
      </c>
      <c r="F13729" s="6" t="s">
        <v>18</v>
      </c>
      <c r="G13729" s="6" t="s">
        <v>25437</v>
      </c>
      <c r="H13729" s="6" t="s">
        <v>25438</v>
      </c>
      <c r="I13729" s="7">
        <v>3.3812163000000002</v>
      </c>
      <c r="J13729" s="8">
        <v>-76.515289800000005</v>
      </c>
    </row>
    <row r="13730" spans="1:10" x14ac:dyDescent="0.35">
      <c r="A13730" s="5" t="s">
        <v>10</v>
      </c>
      <c r="B13730" s="6">
        <v>248453</v>
      </c>
      <c r="C13730" s="6" t="s">
        <v>302</v>
      </c>
      <c r="D13730" s="6" t="s">
        <v>16300</v>
      </c>
      <c r="E13730" s="6">
        <v>8560</v>
      </c>
      <c r="F13730" s="6" t="s">
        <v>18</v>
      </c>
      <c r="G13730" s="6" t="s">
        <v>25439</v>
      </c>
      <c r="H13730" s="6" t="s">
        <v>25440</v>
      </c>
      <c r="I13730" s="7">
        <v>10.640477600000001</v>
      </c>
      <c r="J13730" s="8">
        <v>-74.749452500000004</v>
      </c>
    </row>
    <row r="13731" spans="1:10" x14ac:dyDescent="0.35">
      <c r="A13731" s="5" t="s">
        <v>10</v>
      </c>
      <c r="B13731" s="6">
        <v>248454</v>
      </c>
      <c r="C13731" s="6" t="s">
        <v>294</v>
      </c>
      <c r="D13731" s="6" t="s">
        <v>1902</v>
      </c>
      <c r="E13731" s="6">
        <v>41799</v>
      </c>
      <c r="F13731" s="6" t="s">
        <v>18</v>
      </c>
      <c r="G13731" s="6" t="s">
        <v>25441</v>
      </c>
      <c r="H13731" s="6" t="s">
        <v>25442</v>
      </c>
      <c r="I13731" s="7">
        <v>3.0646998999999999</v>
      </c>
      <c r="J13731" s="8">
        <v>-75.140877700000004</v>
      </c>
    </row>
    <row r="13732" spans="1:10" x14ac:dyDescent="0.35">
      <c r="A13732" s="5" t="s">
        <v>10</v>
      </c>
      <c r="B13732" s="6">
        <v>248458</v>
      </c>
      <c r="C13732" s="6" t="s">
        <v>68</v>
      </c>
      <c r="D13732" s="6" t="s">
        <v>69</v>
      </c>
      <c r="E13732" s="6">
        <v>11001</v>
      </c>
      <c r="F13732" s="6" t="s">
        <v>18</v>
      </c>
      <c r="G13732" s="6" t="s">
        <v>25443</v>
      </c>
      <c r="H13732" s="6" t="s">
        <v>25444</v>
      </c>
      <c r="I13732" s="7">
        <v>4.6465259999999997</v>
      </c>
      <c r="J13732" s="8">
        <v>-74.164133000000007</v>
      </c>
    </row>
    <row r="13733" spans="1:10" x14ac:dyDescent="0.35">
      <c r="A13733" s="5" t="s">
        <v>10</v>
      </c>
      <c r="B13733" s="6">
        <v>248460</v>
      </c>
      <c r="C13733" s="6" t="s">
        <v>2821</v>
      </c>
      <c r="D13733" s="6" t="s">
        <v>2822</v>
      </c>
      <c r="E13733" s="6">
        <v>47001</v>
      </c>
      <c r="F13733" s="6" t="s">
        <v>18</v>
      </c>
      <c r="G13733" s="6" t="s">
        <v>25445</v>
      </c>
      <c r="H13733" s="6" t="s">
        <v>25446</v>
      </c>
      <c r="I13733" s="7">
        <v>11.2289741</v>
      </c>
      <c r="J13733" s="8">
        <v>-74.205807500000006</v>
      </c>
    </row>
    <row r="13734" spans="1:10" x14ac:dyDescent="0.35">
      <c r="A13734" s="5" t="s">
        <v>10</v>
      </c>
      <c r="B13734" s="6">
        <v>248462</v>
      </c>
      <c r="C13734" s="6" t="s">
        <v>302</v>
      </c>
      <c r="D13734" s="6" t="s">
        <v>4041</v>
      </c>
      <c r="E13734" s="6">
        <v>8758</v>
      </c>
      <c r="F13734" s="6" t="s">
        <v>18</v>
      </c>
      <c r="G13734" s="6" t="s">
        <v>25447</v>
      </c>
      <c r="H13734" s="6" t="s">
        <v>25448</v>
      </c>
      <c r="I13734" s="7">
        <v>10.900577800000001</v>
      </c>
      <c r="J13734" s="8">
        <v>-74.809894900000003</v>
      </c>
    </row>
    <row r="13735" spans="1:10" x14ac:dyDescent="0.35">
      <c r="A13735" s="5" t="s">
        <v>10</v>
      </c>
      <c r="B13735" s="6">
        <v>248463</v>
      </c>
      <c r="C13735" s="6" t="s">
        <v>68</v>
      </c>
      <c r="D13735" s="6" t="s">
        <v>69</v>
      </c>
      <c r="E13735" s="6">
        <v>11001</v>
      </c>
      <c r="F13735" s="6" t="s">
        <v>18</v>
      </c>
      <c r="G13735" s="6" t="s">
        <v>25449</v>
      </c>
      <c r="H13735" s="6" t="s">
        <v>25450</v>
      </c>
      <c r="I13735" s="7">
        <v>4.6947340000000004</v>
      </c>
      <c r="J13735" s="8">
        <v>-74.0361829</v>
      </c>
    </row>
    <row r="13736" spans="1:10" x14ac:dyDescent="0.35">
      <c r="A13736" s="5" t="s">
        <v>10</v>
      </c>
      <c r="B13736" s="6">
        <v>248467</v>
      </c>
      <c r="C13736" s="6" t="s">
        <v>68</v>
      </c>
      <c r="D13736" s="6" t="s">
        <v>69</v>
      </c>
      <c r="E13736" s="6">
        <v>11001</v>
      </c>
      <c r="F13736" s="6" t="s">
        <v>18</v>
      </c>
      <c r="G13736" s="6" t="s">
        <v>25451</v>
      </c>
      <c r="H13736" s="6" t="s">
        <v>25452</v>
      </c>
      <c r="I13736" s="7">
        <v>4.6709478999999998</v>
      </c>
      <c r="J13736" s="8">
        <v>-74.081255999999996</v>
      </c>
    </row>
    <row r="13737" spans="1:10" x14ac:dyDescent="0.35">
      <c r="A13737" s="5" t="s">
        <v>10</v>
      </c>
      <c r="B13737" s="6">
        <v>248469</v>
      </c>
      <c r="C13737" s="6" t="s">
        <v>2130</v>
      </c>
      <c r="D13737" s="6" t="s">
        <v>5723</v>
      </c>
      <c r="E13737" s="6">
        <v>85250</v>
      </c>
      <c r="F13737" s="6" t="s">
        <v>18</v>
      </c>
      <c r="G13737" s="6" t="s">
        <v>25453</v>
      </c>
      <c r="H13737" s="6" t="s">
        <v>25454</v>
      </c>
      <c r="I13737" s="7">
        <v>5.8806390000000004</v>
      </c>
      <c r="J13737" s="8">
        <v>-71.892911999999995</v>
      </c>
    </row>
    <row r="13738" spans="1:10" x14ac:dyDescent="0.35">
      <c r="A13738" s="5" t="s">
        <v>10</v>
      </c>
      <c r="B13738" s="6">
        <v>248473</v>
      </c>
      <c r="C13738" s="6" t="s">
        <v>117</v>
      </c>
      <c r="D13738" s="6" t="s">
        <v>1334</v>
      </c>
      <c r="E13738" s="6">
        <v>76001</v>
      </c>
      <c r="F13738" s="6" t="s">
        <v>18</v>
      </c>
      <c r="G13738" s="6" t="s">
        <v>113</v>
      </c>
      <c r="H13738" s="6" t="s">
        <v>25455</v>
      </c>
      <c r="I13738" s="7">
        <v>3.4242821000000001</v>
      </c>
      <c r="J13738" s="8">
        <v>-76.4797461</v>
      </c>
    </row>
    <row r="13739" spans="1:10" x14ac:dyDescent="0.35">
      <c r="A13739" s="5" t="s">
        <v>10</v>
      </c>
      <c r="B13739" s="6">
        <v>248477</v>
      </c>
      <c r="C13739" s="6" t="s">
        <v>68</v>
      </c>
      <c r="D13739" s="6" t="s">
        <v>69</v>
      </c>
      <c r="E13739" s="6">
        <v>11001</v>
      </c>
      <c r="F13739" s="6" t="s">
        <v>18</v>
      </c>
      <c r="G13739" s="6" t="s">
        <v>25456</v>
      </c>
      <c r="H13739" s="6" t="s">
        <v>25457</v>
      </c>
      <c r="I13739" s="7">
        <v>4.6707109000000004</v>
      </c>
      <c r="J13739" s="8">
        <v>-74.067762799999997</v>
      </c>
    </row>
    <row r="13740" spans="1:10" x14ac:dyDescent="0.35">
      <c r="A13740" s="5" t="s">
        <v>10</v>
      </c>
      <c r="B13740" s="6">
        <v>248480</v>
      </c>
      <c r="C13740" s="6" t="s">
        <v>16</v>
      </c>
      <c r="D13740" s="6" t="s">
        <v>1266</v>
      </c>
      <c r="E13740" s="6">
        <v>68081</v>
      </c>
      <c r="F13740" s="6" t="s">
        <v>18</v>
      </c>
      <c r="G13740" s="6" t="s">
        <v>25458</v>
      </c>
      <c r="H13740" s="6" t="s">
        <v>25459</v>
      </c>
      <c r="I13740" s="7">
        <v>7.0690198999999998</v>
      </c>
      <c r="J13740" s="8">
        <v>-73.832093900000004</v>
      </c>
    </row>
    <row r="13741" spans="1:10" x14ac:dyDescent="0.35">
      <c r="A13741" s="5" t="s">
        <v>10</v>
      </c>
      <c r="B13741" s="6">
        <v>248483</v>
      </c>
      <c r="C13741" s="6" t="s">
        <v>551</v>
      </c>
      <c r="D13741" s="6" t="s">
        <v>3868</v>
      </c>
      <c r="E13741" s="6">
        <v>20001</v>
      </c>
      <c r="F13741" s="6" t="s">
        <v>18</v>
      </c>
      <c r="G13741" s="6" t="s">
        <v>25460</v>
      </c>
      <c r="H13741" s="6" t="s">
        <v>25461</v>
      </c>
      <c r="I13741" s="7">
        <v>10.452938899999999</v>
      </c>
      <c r="J13741" s="8">
        <v>-73.263790700000001</v>
      </c>
    </row>
    <row r="13742" spans="1:10" x14ac:dyDescent="0.35">
      <c r="A13742" s="5" t="s">
        <v>10</v>
      </c>
      <c r="B13742" s="6">
        <v>248484</v>
      </c>
      <c r="C13742" s="6" t="s">
        <v>466</v>
      </c>
      <c r="D13742" s="6" t="s">
        <v>467</v>
      </c>
      <c r="E13742" s="6">
        <v>81736</v>
      </c>
      <c r="F13742" s="6" t="s">
        <v>18</v>
      </c>
      <c r="G13742" s="6" t="s">
        <v>25462</v>
      </c>
      <c r="H13742" s="6" t="s">
        <v>25463</v>
      </c>
      <c r="I13742" s="7">
        <v>6.9479680999999998</v>
      </c>
      <c r="J13742" s="8">
        <v>-71.874389600000001</v>
      </c>
    </row>
    <row r="13743" spans="1:10" x14ac:dyDescent="0.35">
      <c r="A13743" s="5" t="s">
        <v>10</v>
      </c>
      <c r="B13743" s="6">
        <v>248494</v>
      </c>
      <c r="C13743" s="6" t="s">
        <v>28</v>
      </c>
      <c r="D13743" s="6" t="s">
        <v>29</v>
      </c>
      <c r="E13743" s="6">
        <v>54001</v>
      </c>
      <c r="F13743" s="6" t="s">
        <v>18</v>
      </c>
      <c r="G13743" s="6" t="s">
        <v>25464</v>
      </c>
      <c r="H13743" s="6" t="s">
        <v>25465</v>
      </c>
      <c r="I13743" s="7">
        <v>7.8883156999999997</v>
      </c>
      <c r="J13743" s="8">
        <v>-72.503042500000006</v>
      </c>
    </row>
    <row r="13744" spans="1:10" x14ac:dyDescent="0.35">
      <c r="A13744" s="5" t="s">
        <v>10</v>
      </c>
      <c r="B13744" s="6">
        <v>248495</v>
      </c>
      <c r="C13744" s="6" t="s">
        <v>190</v>
      </c>
      <c r="D13744" s="6" t="s">
        <v>23608</v>
      </c>
      <c r="E13744" s="6">
        <v>5541</v>
      </c>
      <c r="F13744" s="6" t="s">
        <v>18</v>
      </c>
      <c r="G13744" s="6" t="s">
        <v>25466</v>
      </c>
      <c r="H13744" s="6" t="s">
        <v>25467</v>
      </c>
      <c r="I13744" s="7">
        <v>6.2199662</v>
      </c>
      <c r="J13744" s="8">
        <v>-75.243530699999994</v>
      </c>
    </row>
    <row r="13745" spans="1:10" x14ac:dyDescent="0.35">
      <c r="A13745" s="5" t="s">
        <v>10</v>
      </c>
      <c r="B13745" s="6">
        <v>248496</v>
      </c>
      <c r="C13745" s="6" t="s">
        <v>24</v>
      </c>
      <c r="D13745" s="6" t="s">
        <v>168</v>
      </c>
      <c r="E13745" s="6">
        <v>15572</v>
      </c>
      <c r="F13745" s="6" t="s">
        <v>18</v>
      </c>
      <c r="G13745" s="6" t="s">
        <v>25468</v>
      </c>
      <c r="H13745" s="6" t="s">
        <v>25469</v>
      </c>
      <c r="I13745" s="7">
        <v>5.9753695000000002</v>
      </c>
      <c r="J13745" s="8">
        <v>-74.575792199999995</v>
      </c>
    </row>
    <row r="13746" spans="1:10" x14ac:dyDescent="0.35">
      <c r="A13746" s="5" t="s">
        <v>10</v>
      </c>
      <c r="B13746" s="6">
        <v>248501</v>
      </c>
      <c r="C13746" s="6" t="s">
        <v>551</v>
      </c>
      <c r="D13746" s="6" t="s">
        <v>4403</v>
      </c>
      <c r="E13746" s="6">
        <v>20013</v>
      </c>
      <c r="F13746" s="6" t="s">
        <v>18</v>
      </c>
      <c r="G13746" s="6" t="s">
        <v>25470</v>
      </c>
      <c r="H13746" s="6" t="s">
        <v>25471</v>
      </c>
      <c r="I13746" s="7">
        <v>10.0303451</v>
      </c>
      <c r="J13746" s="8">
        <v>-73.234898000000001</v>
      </c>
    </row>
    <row r="13747" spans="1:10" x14ac:dyDescent="0.35">
      <c r="A13747" s="5" t="s">
        <v>10</v>
      </c>
      <c r="B13747" s="6">
        <v>248507</v>
      </c>
      <c r="C13747" s="6" t="s">
        <v>11</v>
      </c>
      <c r="D13747" s="6" t="s">
        <v>507</v>
      </c>
      <c r="E13747" s="6">
        <v>25845</v>
      </c>
      <c r="F13747" s="6" t="s">
        <v>18</v>
      </c>
      <c r="G13747" s="6" t="s">
        <v>25472</v>
      </c>
      <c r="H13747" s="6" t="s">
        <v>25473</v>
      </c>
      <c r="I13747" s="7">
        <v>4.4025705999999998</v>
      </c>
      <c r="J13747" s="8">
        <v>-74.024734199999997</v>
      </c>
    </row>
    <row r="13748" spans="1:10" x14ac:dyDescent="0.35">
      <c r="A13748" s="5" t="s">
        <v>10</v>
      </c>
      <c r="B13748" s="6">
        <v>248509</v>
      </c>
      <c r="C13748" s="6" t="s">
        <v>68</v>
      </c>
      <c r="D13748" s="6" t="s">
        <v>69</v>
      </c>
      <c r="E13748" s="6">
        <v>11001</v>
      </c>
      <c r="F13748" s="6" t="s">
        <v>18</v>
      </c>
      <c r="G13748" s="6" t="s">
        <v>25474</v>
      </c>
      <c r="H13748" s="6" t="s">
        <v>25475</v>
      </c>
      <c r="I13748" s="7">
        <v>4.6145769000000003</v>
      </c>
      <c r="J13748" s="8">
        <v>-74.0911981</v>
      </c>
    </row>
    <row r="13749" spans="1:10" x14ac:dyDescent="0.35">
      <c r="A13749" s="5" t="s">
        <v>10</v>
      </c>
      <c r="B13749" s="6">
        <v>248516</v>
      </c>
      <c r="C13749" s="6" t="s">
        <v>68</v>
      </c>
      <c r="D13749" s="6" t="s">
        <v>69</v>
      </c>
      <c r="E13749" s="6">
        <v>11001</v>
      </c>
      <c r="F13749" s="6" t="s">
        <v>18</v>
      </c>
      <c r="G13749" s="6" t="s">
        <v>25476</v>
      </c>
      <c r="H13749" s="6" t="s">
        <v>25477</v>
      </c>
      <c r="I13749" s="7">
        <v>4.5815299999999999</v>
      </c>
      <c r="J13749" s="8">
        <v>-74.127740399999993</v>
      </c>
    </row>
    <row r="13750" spans="1:10" x14ac:dyDescent="0.35">
      <c r="A13750" s="5" t="s">
        <v>10</v>
      </c>
      <c r="B13750" s="6">
        <v>248519</v>
      </c>
      <c r="C13750" s="6" t="s">
        <v>3325</v>
      </c>
      <c r="D13750" s="6" t="s">
        <v>5991</v>
      </c>
      <c r="E13750" s="6">
        <v>95001</v>
      </c>
      <c r="F13750" s="6" t="s">
        <v>18</v>
      </c>
      <c r="G13750" s="6" t="s">
        <v>25478</v>
      </c>
      <c r="H13750" s="6" t="s">
        <v>25479</v>
      </c>
      <c r="I13750" s="7">
        <v>2.5677606000000002</v>
      </c>
      <c r="J13750" s="8">
        <v>-72.639653499999994</v>
      </c>
    </row>
    <row r="13751" spans="1:10" x14ac:dyDescent="0.35">
      <c r="A13751" s="5" t="s">
        <v>10</v>
      </c>
      <c r="B13751" s="6">
        <v>248520</v>
      </c>
      <c r="C13751" s="6" t="s">
        <v>94</v>
      </c>
      <c r="D13751" s="6" t="s">
        <v>242</v>
      </c>
      <c r="E13751" s="6">
        <v>66682</v>
      </c>
      <c r="F13751" s="6" t="s">
        <v>18</v>
      </c>
      <c r="G13751" s="6" t="s">
        <v>25480</v>
      </c>
      <c r="H13751" s="6" t="s">
        <v>25481</v>
      </c>
      <c r="I13751" s="7">
        <v>4.8779234999999996</v>
      </c>
      <c r="J13751" s="8">
        <v>-75.625983300000001</v>
      </c>
    </row>
    <row r="13752" spans="1:10" x14ac:dyDescent="0.35">
      <c r="A13752" s="5" t="s">
        <v>10</v>
      </c>
      <c r="B13752" s="6">
        <v>248528</v>
      </c>
      <c r="C13752" s="6" t="s">
        <v>68</v>
      </c>
      <c r="D13752" s="6" t="s">
        <v>69</v>
      </c>
      <c r="E13752" s="6">
        <v>11001</v>
      </c>
      <c r="F13752" s="6" t="s">
        <v>18</v>
      </c>
      <c r="G13752" s="6" t="s">
        <v>25482</v>
      </c>
      <c r="H13752" s="6" t="s">
        <v>25483</v>
      </c>
      <c r="I13752" s="7">
        <v>4.7376931999999998</v>
      </c>
      <c r="J13752" s="8">
        <v>-74.098851699999997</v>
      </c>
    </row>
    <row r="13753" spans="1:10" x14ac:dyDescent="0.35">
      <c r="A13753" s="5" t="s">
        <v>10</v>
      </c>
      <c r="B13753" s="6">
        <v>248530</v>
      </c>
      <c r="C13753" s="6" t="s">
        <v>68</v>
      </c>
      <c r="D13753" s="6" t="s">
        <v>69</v>
      </c>
      <c r="E13753" s="6">
        <v>11001</v>
      </c>
      <c r="F13753" s="6" t="s">
        <v>13</v>
      </c>
      <c r="G13753" s="6" t="s">
        <v>25484</v>
      </c>
      <c r="H13753" s="6" t="s">
        <v>25485</v>
      </c>
      <c r="I13753" s="7">
        <v>4.6039380000000003</v>
      </c>
      <c r="J13753" s="8">
        <v>-74.128618200000005</v>
      </c>
    </row>
    <row r="13754" spans="1:10" x14ac:dyDescent="0.35">
      <c r="A13754" s="5" t="s">
        <v>10</v>
      </c>
      <c r="B13754" s="6">
        <v>248542</v>
      </c>
      <c r="C13754" s="6" t="s">
        <v>55</v>
      </c>
      <c r="D13754" s="6" t="s">
        <v>56</v>
      </c>
      <c r="E13754" s="6">
        <v>73001</v>
      </c>
      <c r="F13754" s="6" t="s">
        <v>18</v>
      </c>
      <c r="G13754" s="6" t="s">
        <v>25486</v>
      </c>
      <c r="H13754" s="6" t="s">
        <v>25487</v>
      </c>
      <c r="I13754" s="7">
        <v>4.4450805000000004</v>
      </c>
      <c r="J13754" s="8">
        <v>-75.239424299999996</v>
      </c>
    </row>
    <row r="13755" spans="1:10" x14ac:dyDescent="0.35">
      <c r="A13755" s="5" t="s">
        <v>10</v>
      </c>
      <c r="B13755" s="6">
        <v>248546</v>
      </c>
      <c r="C13755" s="6" t="s">
        <v>38</v>
      </c>
      <c r="D13755" s="6" t="s">
        <v>4754</v>
      </c>
      <c r="E13755" s="6">
        <v>19455</v>
      </c>
      <c r="F13755" s="6" t="s">
        <v>18</v>
      </c>
      <c r="G13755" s="6" t="s">
        <v>25488</v>
      </c>
      <c r="H13755" s="6" t="s">
        <v>25489</v>
      </c>
      <c r="I13755" s="7">
        <v>3.2135541999999999</v>
      </c>
      <c r="J13755" s="8">
        <v>-76.213147399999997</v>
      </c>
    </row>
    <row r="13756" spans="1:10" x14ac:dyDescent="0.35">
      <c r="A13756" s="5" t="s">
        <v>10</v>
      </c>
      <c r="B13756" s="6">
        <v>248547</v>
      </c>
      <c r="C13756" s="6" t="s">
        <v>68</v>
      </c>
      <c r="D13756" s="6" t="s">
        <v>69</v>
      </c>
      <c r="E13756" s="6">
        <v>11001</v>
      </c>
      <c r="F13756" s="6" t="s">
        <v>18</v>
      </c>
      <c r="G13756" s="6" t="s">
        <v>25490</v>
      </c>
      <c r="H13756" s="6" t="s">
        <v>25491</v>
      </c>
      <c r="I13756" s="7">
        <v>4.7106779000000003</v>
      </c>
      <c r="J13756" s="8">
        <v>-74.137136600000005</v>
      </c>
    </row>
    <row r="13757" spans="1:10" x14ac:dyDescent="0.35">
      <c r="A13757" s="5" t="s">
        <v>10</v>
      </c>
      <c r="B13757" s="6">
        <v>248548</v>
      </c>
      <c r="C13757" s="6" t="s">
        <v>68</v>
      </c>
      <c r="D13757" s="6" t="s">
        <v>69</v>
      </c>
      <c r="E13757" s="6">
        <v>11001</v>
      </c>
      <c r="F13757" s="6" t="s">
        <v>18</v>
      </c>
      <c r="G13757" s="6" t="s">
        <v>25492</v>
      </c>
      <c r="H13757" s="6" t="s">
        <v>25493</v>
      </c>
      <c r="I13757" s="7">
        <v>4.6988580000000004</v>
      </c>
      <c r="J13757" s="8">
        <v>-74.127482999999998</v>
      </c>
    </row>
    <row r="13758" spans="1:10" x14ac:dyDescent="0.35">
      <c r="A13758" s="5" t="s">
        <v>10</v>
      </c>
      <c r="B13758" s="6">
        <v>248556</v>
      </c>
      <c r="C13758" s="6" t="s">
        <v>294</v>
      </c>
      <c r="D13758" s="6" t="s">
        <v>447</v>
      </c>
      <c r="E13758" s="6">
        <v>41551</v>
      </c>
      <c r="F13758" s="6" t="s">
        <v>18</v>
      </c>
      <c r="G13758" s="6" t="s">
        <v>25494</v>
      </c>
      <c r="H13758" s="6" t="s">
        <v>25495</v>
      </c>
      <c r="I13758" s="7">
        <v>1.8508443999999999</v>
      </c>
      <c r="J13758" s="8">
        <v>-76.043239400000004</v>
      </c>
    </row>
    <row r="13759" spans="1:10" x14ac:dyDescent="0.35">
      <c r="A13759" s="5" t="s">
        <v>10</v>
      </c>
      <c r="B13759" s="6">
        <v>248560</v>
      </c>
      <c r="C13759" s="6" t="s">
        <v>68</v>
      </c>
      <c r="D13759" s="6" t="s">
        <v>69</v>
      </c>
      <c r="E13759" s="6">
        <v>11001</v>
      </c>
      <c r="F13759" s="6" t="s">
        <v>18</v>
      </c>
      <c r="G13759" s="6" t="s">
        <v>25496</v>
      </c>
      <c r="H13759" s="6" t="s">
        <v>25497</v>
      </c>
      <c r="I13759" s="7">
        <v>4.5813541999999998</v>
      </c>
      <c r="J13759" s="8">
        <v>-74.102516600000001</v>
      </c>
    </row>
    <row r="13760" spans="1:10" x14ac:dyDescent="0.35">
      <c r="A13760" s="5" t="s">
        <v>10</v>
      </c>
      <c r="B13760" s="6">
        <v>248565</v>
      </c>
      <c r="C13760" s="6" t="s">
        <v>302</v>
      </c>
      <c r="D13760" s="6" t="s">
        <v>5913</v>
      </c>
      <c r="E13760" s="6">
        <v>8296</v>
      </c>
      <c r="F13760" s="6" t="s">
        <v>18</v>
      </c>
      <c r="G13760" s="6" t="s">
        <v>113</v>
      </c>
      <c r="H13760" s="6" t="s">
        <v>25498</v>
      </c>
      <c r="I13760" s="7">
        <v>10.9062599</v>
      </c>
      <c r="J13760" s="8">
        <v>-74.884070399999999</v>
      </c>
    </row>
    <row r="13761" spans="1:10" x14ac:dyDescent="0.35">
      <c r="A13761" s="5" t="s">
        <v>10</v>
      </c>
      <c r="B13761" s="6">
        <v>248568</v>
      </c>
      <c r="C13761" s="6" t="s">
        <v>68</v>
      </c>
      <c r="D13761" s="6" t="s">
        <v>69</v>
      </c>
      <c r="E13761" s="6">
        <v>11001</v>
      </c>
      <c r="F13761" s="6" t="s">
        <v>18</v>
      </c>
      <c r="G13761" s="6" t="s">
        <v>113</v>
      </c>
      <c r="H13761" s="6" t="s">
        <v>25499</v>
      </c>
      <c r="I13761" s="7">
        <v>4.7460731000000003</v>
      </c>
      <c r="J13761" s="8">
        <v>-74.062771400000003</v>
      </c>
    </row>
    <row r="13762" spans="1:10" x14ac:dyDescent="0.35">
      <c r="A13762" s="5" t="s">
        <v>10</v>
      </c>
      <c r="B13762" s="6">
        <v>248573</v>
      </c>
      <c r="C13762" s="6" t="s">
        <v>68</v>
      </c>
      <c r="D13762" s="6" t="s">
        <v>69</v>
      </c>
      <c r="E13762" s="6">
        <v>11001</v>
      </c>
      <c r="F13762" s="6" t="s">
        <v>2161</v>
      </c>
      <c r="G13762" s="6" t="s">
        <v>18243</v>
      </c>
      <c r="H13762" s="6" t="s">
        <v>25500</v>
      </c>
      <c r="I13762" s="7">
        <v>4.6782534</v>
      </c>
      <c r="J13762" s="8">
        <v>-74.148510799999997</v>
      </c>
    </row>
    <row r="13763" spans="1:10" x14ac:dyDescent="0.35">
      <c r="A13763" s="5" t="s">
        <v>10</v>
      </c>
      <c r="B13763" s="6">
        <v>248575</v>
      </c>
      <c r="C13763" s="6" t="s">
        <v>278</v>
      </c>
      <c r="D13763" s="6" t="s">
        <v>1331</v>
      </c>
      <c r="E13763" s="6">
        <v>50006</v>
      </c>
      <c r="F13763" s="6" t="s">
        <v>18</v>
      </c>
      <c r="G13763" s="6" t="s">
        <v>25501</v>
      </c>
      <c r="H13763" s="6" t="s">
        <v>25502</v>
      </c>
      <c r="I13763" s="7">
        <v>3.9916420000000001</v>
      </c>
      <c r="J13763" s="8">
        <v>-73.759653</v>
      </c>
    </row>
    <row r="13764" spans="1:10" x14ac:dyDescent="0.35">
      <c r="A13764" s="5" t="s">
        <v>10</v>
      </c>
      <c r="B13764" s="6">
        <v>248576</v>
      </c>
      <c r="C13764" s="6" t="s">
        <v>11</v>
      </c>
      <c r="D13764" s="6" t="s">
        <v>857</v>
      </c>
      <c r="E13764" s="6">
        <v>25758</v>
      </c>
      <c r="F13764" s="6" t="s">
        <v>18</v>
      </c>
      <c r="G13764" s="6" t="s">
        <v>25503</v>
      </c>
      <c r="H13764" s="6" t="s">
        <v>25504</v>
      </c>
      <c r="I13764" s="7">
        <v>4.9052692999999996</v>
      </c>
      <c r="J13764" s="8">
        <v>-73.941581200000002</v>
      </c>
    </row>
    <row r="13765" spans="1:10" x14ac:dyDescent="0.35">
      <c r="A13765" s="5" t="s">
        <v>10</v>
      </c>
      <c r="B13765" s="6">
        <v>248579</v>
      </c>
      <c r="C13765" s="6" t="s">
        <v>68</v>
      </c>
      <c r="D13765" s="6" t="s">
        <v>69</v>
      </c>
      <c r="E13765" s="6">
        <v>11001</v>
      </c>
      <c r="F13765" s="6" t="s">
        <v>18</v>
      </c>
      <c r="G13765" s="6" t="s">
        <v>25505</v>
      </c>
      <c r="H13765" s="6" t="s">
        <v>25506</v>
      </c>
      <c r="I13765" s="7">
        <v>4.5626109000000001</v>
      </c>
      <c r="J13765" s="8">
        <v>-74.141398300000006</v>
      </c>
    </row>
    <row r="13766" spans="1:10" x14ac:dyDescent="0.35">
      <c r="A13766" s="5" t="s">
        <v>10</v>
      </c>
      <c r="B13766" s="6">
        <v>248581</v>
      </c>
      <c r="C13766" s="6" t="s">
        <v>16</v>
      </c>
      <c r="D13766" s="6" t="s">
        <v>1401</v>
      </c>
      <c r="E13766" s="6">
        <v>68307</v>
      </c>
      <c r="F13766" s="6" t="s">
        <v>2161</v>
      </c>
      <c r="G13766" s="6" t="s">
        <v>25507</v>
      </c>
      <c r="H13766" s="6" t="s">
        <v>25508</v>
      </c>
      <c r="I13766" s="7">
        <v>7.0523885000000002</v>
      </c>
      <c r="J13766" s="8">
        <v>-73.167313300000004</v>
      </c>
    </row>
    <row r="13767" spans="1:10" x14ac:dyDescent="0.35">
      <c r="A13767" s="5" t="s">
        <v>10</v>
      </c>
      <c r="B13767" s="6">
        <v>248588</v>
      </c>
      <c r="C13767" s="6" t="s">
        <v>68</v>
      </c>
      <c r="D13767" s="6" t="s">
        <v>69</v>
      </c>
      <c r="E13767" s="6">
        <v>11001</v>
      </c>
      <c r="F13767" s="6" t="s">
        <v>18</v>
      </c>
      <c r="G13767" s="6" t="s">
        <v>25509</v>
      </c>
      <c r="H13767" s="6" t="s">
        <v>25510</v>
      </c>
      <c r="I13767" s="7">
        <v>4.6217826000000004</v>
      </c>
      <c r="J13767" s="8">
        <v>-74.202516099999997</v>
      </c>
    </row>
    <row r="13768" spans="1:10" x14ac:dyDescent="0.35">
      <c r="A13768" s="5" t="s">
        <v>10</v>
      </c>
      <c r="B13768" s="6">
        <v>248589</v>
      </c>
      <c r="C13768" s="6" t="s">
        <v>68</v>
      </c>
      <c r="D13768" s="6" t="s">
        <v>69</v>
      </c>
      <c r="E13768" s="6">
        <v>11001</v>
      </c>
      <c r="F13768" s="6" t="s">
        <v>18</v>
      </c>
      <c r="G13768" s="6" t="s">
        <v>25511</v>
      </c>
      <c r="H13768" s="6" t="s">
        <v>25512</v>
      </c>
      <c r="I13768" s="7">
        <v>4.5662716999999997</v>
      </c>
      <c r="J13768" s="8">
        <v>-74.132035999999999</v>
      </c>
    </row>
    <row r="13769" spans="1:10" x14ac:dyDescent="0.35">
      <c r="A13769" s="5" t="s">
        <v>10</v>
      </c>
      <c r="B13769" s="6">
        <v>248592</v>
      </c>
      <c r="C13769" s="6" t="s">
        <v>3788</v>
      </c>
      <c r="D13769" s="6" t="s">
        <v>3974</v>
      </c>
      <c r="E13769" s="6">
        <v>18001</v>
      </c>
      <c r="F13769" s="6" t="s">
        <v>18</v>
      </c>
      <c r="G13769" s="6" t="s">
        <v>25513</v>
      </c>
      <c r="H13769" s="6" t="s">
        <v>25514</v>
      </c>
      <c r="I13769" s="7">
        <v>1.6173519000000001</v>
      </c>
      <c r="J13769" s="8">
        <v>-75.610880199999997</v>
      </c>
    </row>
    <row r="13770" spans="1:10" x14ac:dyDescent="0.35">
      <c r="A13770" s="5" t="s">
        <v>10</v>
      </c>
      <c r="B13770" s="6">
        <v>248599</v>
      </c>
      <c r="C13770" s="6" t="s">
        <v>68</v>
      </c>
      <c r="D13770" s="6" t="s">
        <v>69</v>
      </c>
      <c r="E13770" s="6">
        <v>11001</v>
      </c>
      <c r="F13770" s="6" t="s">
        <v>18</v>
      </c>
      <c r="G13770" s="6" t="s">
        <v>113</v>
      </c>
      <c r="H13770" s="6" t="s">
        <v>25515</v>
      </c>
      <c r="I13770" s="7">
        <v>4.5460754000000003</v>
      </c>
      <c r="J13770" s="8">
        <v>-74.138242700000006</v>
      </c>
    </row>
    <row r="13771" spans="1:10" x14ac:dyDescent="0.35">
      <c r="A13771" s="5" t="s">
        <v>10</v>
      </c>
      <c r="B13771" s="6">
        <v>248602</v>
      </c>
      <c r="C13771" s="6" t="s">
        <v>68</v>
      </c>
      <c r="D13771" s="6" t="s">
        <v>69</v>
      </c>
      <c r="E13771" s="6">
        <v>11001</v>
      </c>
      <c r="F13771" s="6" t="s">
        <v>18</v>
      </c>
      <c r="G13771" s="6" t="s">
        <v>25516</v>
      </c>
      <c r="H13771" s="6" t="s">
        <v>25517</v>
      </c>
      <c r="I13771" s="7">
        <v>4.6413453999999996</v>
      </c>
      <c r="J13771" s="8">
        <v>-74.140251899999996</v>
      </c>
    </row>
    <row r="13772" spans="1:10" x14ac:dyDescent="0.35">
      <c r="A13772" s="5" t="s">
        <v>10</v>
      </c>
      <c r="B13772" s="6">
        <v>248603</v>
      </c>
      <c r="C13772" s="6" t="s">
        <v>38</v>
      </c>
      <c r="D13772" s="6" t="s">
        <v>39</v>
      </c>
      <c r="E13772" s="6">
        <v>19001</v>
      </c>
      <c r="F13772" s="6" t="s">
        <v>18</v>
      </c>
      <c r="G13772" s="6" t="s">
        <v>25518</v>
      </c>
      <c r="H13772" s="6" t="s">
        <v>25519</v>
      </c>
      <c r="I13772" s="7">
        <v>2.4422552</v>
      </c>
      <c r="J13772" s="8">
        <v>-76.612033199999999</v>
      </c>
    </row>
    <row r="13773" spans="1:10" x14ac:dyDescent="0.35">
      <c r="A13773" s="5" t="s">
        <v>10</v>
      </c>
      <c r="B13773" s="6">
        <v>248604</v>
      </c>
      <c r="C13773" s="6" t="s">
        <v>190</v>
      </c>
      <c r="D13773" s="6" t="s">
        <v>191</v>
      </c>
      <c r="E13773" s="6">
        <v>5001</v>
      </c>
      <c r="F13773" s="6" t="s">
        <v>18</v>
      </c>
      <c r="G13773" s="6" t="s">
        <v>25520</v>
      </c>
      <c r="H13773" s="6" t="s">
        <v>25521</v>
      </c>
      <c r="I13773" s="7">
        <v>6.2311055</v>
      </c>
      <c r="J13773" s="8">
        <v>-75.568605399999996</v>
      </c>
    </row>
    <row r="13774" spans="1:10" x14ac:dyDescent="0.35">
      <c r="A13774" s="5" t="s">
        <v>10</v>
      </c>
      <c r="B13774" s="6">
        <v>248605</v>
      </c>
      <c r="C13774" s="6" t="s">
        <v>55</v>
      </c>
      <c r="D13774" s="6" t="s">
        <v>1956</v>
      </c>
      <c r="E13774" s="6">
        <v>73226</v>
      </c>
      <c r="F13774" s="6" t="s">
        <v>18</v>
      </c>
      <c r="G13774" s="6" t="s">
        <v>25522</v>
      </c>
      <c r="H13774" s="6" t="s">
        <v>25523</v>
      </c>
      <c r="I13774" s="7">
        <v>4.0605029999999998</v>
      </c>
      <c r="J13774" s="8">
        <v>-74.691890000000001</v>
      </c>
    </row>
    <row r="13775" spans="1:10" x14ac:dyDescent="0.35">
      <c r="A13775" s="5" t="s">
        <v>10</v>
      </c>
      <c r="B13775" s="6">
        <v>248609</v>
      </c>
      <c r="C13775" s="6" t="s">
        <v>55</v>
      </c>
      <c r="D13775" s="6" t="s">
        <v>56</v>
      </c>
      <c r="E13775" s="6">
        <v>73001</v>
      </c>
      <c r="F13775" s="6" t="s">
        <v>18</v>
      </c>
      <c r="G13775" s="6" t="s">
        <v>25524</v>
      </c>
      <c r="H13775" s="6" t="s">
        <v>25525</v>
      </c>
      <c r="I13775" s="7">
        <v>4.4488789000000004</v>
      </c>
      <c r="J13775" s="8">
        <v>-75.243042399999993</v>
      </c>
    </row>
    <row r="13776" spans="1:10" x14ac:dyDescent="0.35">
      <c r="A13776" s="5" t="s">
        <v>10</v>
      </c>
      <c r="B13776" s="6">
        <v>248610</v>
      </c>
      <c r="C13776" s="6" t="s">
        <v>302</v>
      </c>
      <c r="D13776" s="6" t="s">
        <v>359</v>
      </c>
      <c r="E13776" s="6">
        <v>8001</v>
      </c>
      <c r="F13776" s="6" t="s">
        <v>18</v>
      </c>
      <c r="G13776" s="6" t="s">
        <v>25526</v>
      </c>
      <c r="H13776" s="6" t="s">
        <v>25527</v>
      </c>
      <c r="I13776" s="7">
        <v>10.9803294</v>
      </c>
      <c r="J13776" s="8">
        <v>-74.833253299999996</v>
      </c>
    </row>
    <row r="13777" spans="1:10" x14ac:dyDescent="0.35">
      <c r="A13777" s="5" t="s">
        <v>10</v>
      </c>
      <c r="B13777" s="6">
        <v>248614</v>
      </c>
      <c r="C13777" s="6" t="s">
        <v>68</v>
      </c>
      <c r="D13777" s="6" t="s">
        <v>69</v>
      </c>
      <c r="E13777" s="6">
        <v>11001</v>
      </c>
      <c r="F13777" s="6" t="s">
        <v>18</v>
      </c>
      <c r="G13777" s="6" t="s">
        <v>25528</v>
      </c>
      <c r="H13777" s="6" t="s">
        <v>25529</v>
      </c>
      <c r="I13777" s="7">
        <v>4.5444331</v>
      </c>
      <c r="J13777" s="8">
        <v>-74.094384000000005</v>
      </c>
    </row>
    <row r="13778" spans="1:10" x14ac:dyDescent="0.35">
      <c r="A13778" s="5" t="s">
        <v>10</v>
      </c>
      <c r="B13778" s="6">
        <v>248616</v>
      </c>
      <c r="C13778" s="6" t="s">
        <v>68</v>
      </c>
      <c r="D13778" s="6" t="s">
        <v>69</v>
      </c>
      <c r="E13778" s="6">
        <v>11001</v>
      </c>
      <c r="F13778" s="6" t="s">
        <v>18</v>
      </c>
      <c r="G13778" s="6" t="s">
        <v>25530</v>
      </c>
      <c r="H13778" s="6" t="s">
        <v>25531</v>
      </c>
      <c r="I13778" s="7">
        <v>4.6352111999999996</v>
      </c>
      <c r="J13778" s="8">
        <v>-74.170596200000006</v>
      </c>
    </row>
    <row r="13779" spans="1:10" x14ac:dyDescent="0.35">
      <c r="A13779" s="5" t="s">
        <v>10</v>
      </c>
      <c r="B13779" s="6">
        <v>248621</v>
      </c>
      <c r="C13779" s="6" t="s">
        <v>190</v>
      </c>
      <c r="D13779" s="6" t="s">
        <v>191</v>
      </c>
      <c r="E13779" s="6">
        <v>5001</v>
      </c>
      <c r="F13779" s="6" t="s">
        <v>18</v>
      </c>
      <c r="G13779" s="6" t="s">
        <v>25532</v>
      </c>
      <c r="H13779" s="6" t="s">
        <v>25533</v>
      </c>
      <c r="I13779" s="7">
        <v>1.2058837</v>
      </c>
      <c r="J13779" s="8">
        <v>-77.285786999999999</v>
      </c>
    </row>
    <row r="13780" spans="1:10" x14ac:dyDescent="0.35">
      <c r="A13780" s="5" t="s">
        <v>10</v>
      </c>
      <c r="B13780" s="6">
        <v>248625</v>
      </c>
      <c r="C13780" s="6" t="s">
        <v>68</v>
      </c>
      <c r="D13780" s="6" t="s">
        <v>69</v>
      </c>
      <c r="E13780" s="6">
        <v>11001</v>
      </c>
      <c r="F13780" s="6" t="s">
        <v>2161</v>
      </c>
      <c r="G13780" s="6" t="s">
        <v>25534</v>
      </c>
      <c r="H13780" s="6" t="s">
        <v>25535</v>
      </c>
      <c r="I13780" s="7">
        <v>4.5993554999999997</v>
      </c>
      <c r="J13780" s="8">
        <v>-74.147094899999999</v>
      </c>
    </row>
    <row r="13781" spans="1:10" x14ac:dyDescent="0.35">
      <c r="A13781" s="5" t="s">
        <v>10</v>
      </c>
      <c r="B13781" s="6">
        <v>248627</v>
      </c>
      <c r="C13781" s="6" t="s">
        <v>28</v>
      </c>
      <c r="D13781" s="6" t="s">
        <v>29</v>
      </c>
      <c r="E13781" s="6">
        <v>54001</v>
      </c>
      <c r="F13781" s="6" t="s">
        <v>18</v>
      </c>
      <c r="G13781" s="6" t="s">
        <v>25536</v>
      </c>
      <c r="H13781" s="6" t="s">
        <v>25537</v>
      </c>
      <c r="I13781" s="7">
        <v>7.8827574</v>
      </c>
      <c r="J13781" s="8">
        <v>-72.474290600000003</v>
      </c>
    </row>
    <row r="13782" spans="1:10" x14ac:dyDescent="0.35">
      <c r="A13782" s="5" t="s">
        <v>10</v>
      </c>
      <c r="B13782" s="6">
        <v>248630</v>
      </c>
      <c r="C13782" s="6" t="s">
        <v>466</v>
      </c>
      <c r="D13782" s="6" t="s">
        <v>2533</v>
      </c>
      <c r="E13782" s="6">
        <v>81591</v>
      </c>
      <c r="F13782" s="6" t="s">
        <v>18</v>
      </c>
      <c r="G13782" s="6" t="s">
        <v>25538</v>
      </c>
      <c r="H13782" s="6" t="s">
        <v>25539</v>
      </c>
      <c r="I13782" s="7">
        <v>6.2811669999999999</v>
      </c>
      <c r="J13782" s="8">
        <v>-71.104795899999999</v>
      </c>
    </row>
    <row r="13783" spans="1:10" x14ac:dyDescent="0.35">
      <c r="A13783" s="5" t="s">
        <v>10</v>
      </c>
      <c r="B13783" s="6">
        <v>248635</v>
      </c>
      <c r="C13783" s="6" t="s">
        <v>55</v>
      </c>
      <c r="D13783" s="6" t="s">
        <v>2854</v>
      </c>
      <c r="E13783" s="6">
        <v>73283</v>
      </c>
      <c r="F13783" s="6" t="s">
        <v>2161</v>
      </c>
      <c r="G13783" s="6" t="s">
        <v>25540</v>
      </c>
      <c r="H13783" s="6" t="s">
        <v>25541</v>
      </c>
      <c r="I13783" s="7">
        <v>5.1536442999999998</v>
      </c>
      <c r="J13783" s="8">
        <v>-75.035828800000004</v>
      </c>
    </row>
    <row r="13784" spans="1:10" x14ac:dyDescent="0.35">
      <c r="A13784" s="5" t="s">
        <v>10</v>
      </c>
      <c r="B13784" s="6">
        <v>248636</v>
      </c>
      <c r="C13784" s="6" t="s">
        <v>68</v>
      </c>
      <c r="D13784" s="6" t="s">
        <v>69</v>
      </c>
      <c r="E13784" s="6">
        <v>11001</v>
      </c>
      <c r="F13784" s="6" t="s">
        <v>18</v>
      </c>
      <c r="G13784" s="6" t="s">
        <v>25542</v>
      </c>
      <c r="H13784" s="6" t="s">
        <v>25543</v>
      </c>
      <c r="I13784" s="7">
        <v>4.6236667999999996</v>
      </c>
      <c r="J13784" s="8">
        <v>-74.178807899999995</v>
      </c>
    </row>
    <row r="13785" spans="1:10" x14ac:dyDescent="0.35">
      <c r="A13785" s="5" t="s">
        <v>10</v>
      </c>
      <c r="B13785" s="6">
        <v>248639</v>
      </c>
      <c r="C13785" s="6" t="s">
        <v>466</v>
      </c>
      <c r="D13785" s="6" t="s">
        <v>1262</v>
      </c>
      <c r="E13785" s="6">
        <v>81001</v>
      </c>
      <c r="F13785" s="6" t="s">
        <v>18</v>
      </c>
      <c r="G13785" s="6" t="s">
        <v>25544</v>
      </c>
      <c r="H13785" s="6" t="s">
        <v>25545</v>
      </c>
      <c r="I13785" s="7">
        <v>6.4478323</v>
      </c>
      <c r="J13785" s="8">
        <v>-71.772491500000001</v>
      </c>
    </row>
    <row r="13786" spans="1:10" x14ac:dyDescent="0.35">
      <c r="A13786" s="5" t="s">
        <v>10</v>
      </c>
      <c r="B13786" s="6">
        <v>248641</v>
      </c>
      <c r="C13786" s="6" t="s">
        <v>109</v>
      </c>
      <c r="D13786" s="6" t="s">
        <v>227</v>
      </c>
      <c r="E13786" s="6">
        <v>13001</v>
      </c>
      <c r="F13786" s="6" t="s">
        <v>18</v>
      </c>
      <c r="G13786" s="6" t="s">
        <v>25546</v>
      </c>
      <c r="H13786" s="6" t="s">
        <v>25547</v>
      </c>
      <c r="I13786" s="7">
        <v>10.4257738</v>
      </c>
      <c r="J13786" s="8">
        <v>-75.547088700000003</v>
      </c>
    </row>
    <row r="13787" spans="1:10" x14ac:dyDescent="0.35">
      <c r="A13787" s="5" t="s">
        <v>10</v>
      </c>
      <c r="B13787" s="6">
        <v>248648</v>
      </c>
      <c r="C13787" s="6" t="s">
        <v>302</v>
      </c>
      <c r="D13787" s="6" t="s">
        <v>7833</v>
      </c>
      <c r="E13787" s="6">
        <v>8685</v>
      </c>
      <c r="F13787" s="6" t="s">
        <v>18</v>
      </c>
      <c r="G13787" s="6" t="s">
        <v>25548</v>
      </c>
      <c r="H13787" s="6" t="s">
        <v>25549</v>
      </c>
      <c r="I13787" s="7">
        <v>10.7587273</v>
      </c>
      <c r="J13787" s="8">
        <v>-74.758286100000007</v>
      </c>
    </row>
    <row r="13788" spans="1:10" x14ac:dyDescent="0.35">
      <c r="A13788" s="5" t="s">
        <v>10</v>
      </c>
      <c r="B13788" s="6">
        <v>248653</v>
      </c>
      <c r="C13788" s="6" t="s">
        <v>68</v>
      </c>
      <c r="D13788" s="6" t="s">
        <v>69</v>
      </c>
      <c r="E13788" s="6">
        <v>11001</v>
      </c>
      <c r="F13788" s="6" t="s">
        <v>18</v>
      </c>
      <c r="G13788" s="6" t="s">
        <v>25550</v>
      </c>
      <c r="H13788" s="6" t="s">
        <v>25551</v>
      </c>
      <c r="I13788" s="7">
        <v>4.7163699000000001</v>
      </c>
      <c r="J13788" s="8">
        <v>-74.126211400000003</v>
      </c>
    </row>
    <row r="13789" spans="1:10" x14ac:dyDescent="0.35">
      <c r="A13789" s="5" t="s">
        <v>10</v>
      </c>
      <c r="B13789" s="6">
        <v>248654</v>
      </c>
      <c r="C13789" s="6" t="s">
        <v>2130</v>
      </c>
      <c r="D13789" s="6" t="s">
        <v>3979</v>
      </c>
      <c r="E13789" s="6">
        <v>85010</v>
      </c>
      <c r="F13789" s="6" t="s">
        <v>18</v>
      </c>
      <c r="G13789" s="6" t="s">
        <v>25552</v>
      </c>
      <c r="H13789" s="6" t="s">
        <v>25553</v>
      </c>
      <c r="I13789" s="7">
        <v>5.1670680999999998</v>
      </c>
      <c r="J13789" s="8">
        <v>-72.540675100000001</v>
      </c>
    </row>
    <row r="13790" spans="1:10" x14ac:dyDescent="0.35">
      <c r="A13790" s="5" t="s">
        <v>10</v>
      </c>
      <c r="B13790" s="6">
        <v>248655</v>
      </c>
      <c r="C13790" s="6" t="s">
        <v>68</v>
      </c>
      <c r="D13790" s="6" t="s">
        <v>69</v>
      </c>
      <c r="E13790" s="6">
        <v>11001</v>
      </c>
      <c r="F13790" s="6" t="s">
        <v>18</v>
      </c>
      <c r="G13790" s="6" t="s">
        <v>25554</v>
      </c>
      <c r="H13790" s="6" t="s">
        <v>25555</v>
      </c>
      <c r="I13790" s="7">
        <v>4.6229456999999998</v>
      </c>
      <c r="J13790" s="8">
        <v>-74.101477900000006</v>
      </c>
    </row>
    <row r="13791" spans="1:10" x14ac:dyDescent="0.35">
      <c r="A13791" s="5" t="s">
        <v>10</v>
      </c>
      <c r="B13791" s="6">
        <v>248659</v>
      </c>
      <c r="C13791" s="6" t="s">
        <v>68</v>
      </c>
      <c r="D13791" s="6" t="s">
        <v>69</v>
      </c>
      <c r="E13791" s="6">
        <v>11001</v>
      </c>
      <c r="F13791" s="6" t="s">
        <v>18</v>
      </c>
      <c r="G13791" s="6" t="s">
        <v>25556</v>
      </c>
      <c r="H13791" s="6" t="s">
        <v>25557</v>
      </c>
      <c r="I13791" s="7">
        <v>4.5461175999999996</v>
      </c>
      <c r="J13791" s="8">
        <v>-74.144789500000002</v>
      </c>
    </row>
    <row r="13792" spans="1:10" x14ac:dyDescent="0.35">
      <c r="A13792" s="5" t="s">
        <v>10</v>
      </c>
      <c r="B13792" s="6">
        <v>248662</v>
      </c>
      <c r="C13792" s="6" t="s">
        <v>11</v>
      </c>
      <c r="D13792" s="6" t="s">
        <v>407</v>
      </c>
      <c r="E13792" s="6">
        <v>25126</v>
      </c>
      <c r="F13792" s="6" t="s">
        <v>18</v>
      </c>
      <c r="G13792" s="6" t="s">
        <v>25558</v>
      </c>
      <c r="H13792" s="6" t="s">
        <v>25559</v>
      </c>
      <c r="I13792" s="7">
        <v>4.9277717000000001</v>
      </c>
      <c r="J13792" s="8">
        <v>-74.022690800000007</v>
      </c>
    </row>
    <row r="13793" spans="1:10" x14ac:dyDescent="0.35">
      <c r="A13793" s="5" t="s">
        <v>10</v>
      </c>
      <c r="B13793" s="6">
        <v>248663</v>
      </c>
      <c r="C13793" s="6" t="s">
        <v>16</v>
      </c>
      <c r="D13793" s="6" t="s">
        <v>22083</v>
      </c>
      <c r="E13793" s="6">
        <v>68682</v>
      </c>
      <c r="F13793" s="6" t="s">
        <v>18</v>
      </c>
      <c r="G13793" s="6" t="s">
        <v>25560</v>
      </c>
      <c r="H13793" s="6" t="s">
        <v>25561</v>
      </c>
      <c r="I13793" s="7">
        <v>6.4274464</v>
      </c>
      <c r="J13793" s="8">
        <v>-72.8679846</v>
      </c>
    </row>
    <row r="13794" spans="1:10" x14ac:dyDescent="0.35">
      <c r="A13794" s="5" t="s">
        <v>10</v>
      </c>
      <c r="B13794" s="6">
        <v>248668</v>
      </c>
      <c r="C13794" s="6" t="s">
        <v>68</v>
      </c>
      <c r="D13794" s="6" t="s">
        <v>69</v>
      </c>
      <c r="E13794" s="6">
        <v>11001</v>
      </c>
      <c r="F13794" s="6" t="s">
        <v>18</v>
      </c>
      <c r="G13794" s="6" t="s">
        <v>13584</v>
      </c>
      <c r="H13794" s="6" t="s">
        <v>23749</v>
      </c>
      <c r="I13794" s="7">
        <v>4.6013789999999997</v>
      </c>
      <c r="J13794" s="8">
        <v>-74.086074300000007</v>
      </c>
    </row>
    <row r="13795" spans="1:10" x14ac:dyDescent="0.35">
      <c r="A13795" s="5" t="s">
        <v>10</v>
      </c>
      <c r="B13795" s="6">
        <v>248674</v>
      </c>
      <c r="C13795" s="6" t="s">
        <v>24</v>
      </c>
      <c r="D13795" s="6" t="s">
        <v>2733</v>
      </c>
      <c r="E13795" s="6">
        <v>15774</v>
      </c>
      <c r="F13795" s="6" t="s">
        <v>18</v>
      </c>
      <c r="G13795" s="6" t="s">
        <v>25562</v>
      </c>
      <c r="H13795" s="6" t="s">
        <v>25563</v>
      </c>
      <c r="I13795" s="7">
        <v>6.2307845999999998</v>
      </c>
      <c r="J13795" s="8">
        <v>-72.689765699999995</v>
      </c>
    </row>
    <row r="13796" spans="1:10" x14ac:dyDescent="0.35">
      <c r="A13796" s="5" t="s">
        <v>10</v>
      </c>
      <c r="B13796" s="6">
        <v>248683</v>
      </c>
      <c r="C13796" s="6" t="s">
        <v>278</v>
      </c>
      <c r="D13796" s="6" t="s">
        <v>279</v>
      </c>
      <c r="E13796" s="6">
        <v>50001</v>
      </c>
      <c r="F13796" s="6" t="s">
        <v>18</v>
      </c>
      <c r="G13796" s="6" t="s">
        <v>25564</v>
      </c>
      <c r="H13796" s="6" t="s">
        <v>25565</v>
      </c>
      <c r="I13796" s="7">
        <v>4.1530237000000003</v>
      </c>
      <c r="J13796" s="8">
        <v>-73.636864299999999</v>
      </c>
    </row>
    <row r="13797" spans="1:10" x14ac:dyDescent="0.35">
      <c r="A13797" s="5" t="s">
        <v>10</v>
      </c>
      <c r="B13797" s="6">
        <v>248685</v>
      </c>
      <c r="C13797" s="6" t="s">
        <v>68</v>
      </c>
      <c r="D13797" s="6" t="s">
        <v>69</v>
      </c>
      <c r="E13797" s="6">
        <v>11001</v>
      </c>
      <c r="F13797" s="6" t="s">
        <v>18</v>
      </c>
      <c r="G13797" s="6" t="s">
        <v>25566</v>
      </c>
      <c r="H13797" s="6" t="s">
        <v>25567</v>
      </c>
      <c r="I13797" s="7">
        <v>4.7414851999999996</v>
      </c>
      <c r="J13797" s="8">
        <v>-74.097179400000002</v>
      </c>
    </row>
    <row r="13798" spans="1:10" x14ac:dyDescent="0.35">
      <c r="A13798" s="5" t="s">
        <v>10</v>
      </c>
      <c r="B13798" s="6">
        <v>248686</v>
      </c>
      <c r="C13798" s="6" t="s">
        <v>117</v>
      </c>
      <c r="D13798" s="6" t="s">
        <v>1334</v>
      </c>
      <c r="E13798" s="6">
        <v>76001</v>
      </c>
      <c r="F13798" s="6" t="s">
        <v>18</v>
      </c>
      <c r="G13798" s="6" t="s">
        <v>25568</v>
      </c>
      <c r="H13798" s="6" t="s">
        <v>25569</v>
      </c>
      <c r="I13798" s="7">
        <v>3.4209298000000001</v>
      </c>
      <c r="J13798" s="8">
        <v>-76.464883099999994</v>
      </c>
    </row>
    <row r="13799" spans="1:10" x14ac:dyDescent="0.35">
      <c r="A13799" s="5" t="s">
        <v>10</v>
      </c>
      <c r="B13799" s="6">
        <v>248689</v>
      </c>
      <c r="C13799" s="6" t="s">
        <v>551</v>
      </c>
      <c r="D13799" s="6" t="s">
        <v>5178</v>
      </c>
      <c r="E13799" s="6">
        <v>20045</v>
      </c>
      <c r="F13799" s="6" t="s">
        <v>18</v>
      </c>
      <c r="G13799" s="6" t="s">
        <v>25570</v>
      </c>
      <c r="H13799" s="6" t="s">
        <v>25571</v>
      </c>
      <c r="I13799" s="7">
        <v>9.7024887999999994</v>
      </c>
      <c r="J13799" s="8">
        <v>-73.280878700000002</v>
      </c>
    </row>
    <row r="13800" spans="1:10" x14ac:dyDescent="0.35">
      <c r="A13800" s="5" t="s">
        <v>10</v>
      </c>
      <c r="B13800" s="6">
        <v>248704</v>
      </c>
      <c r="C13800" s="6" t="s">
        <v>308</v>
      </c>
      <c r="D13800" s="6" t="s">
        <v>9180</v>
      </c>
      <c r="E13800" s="6">
        <v>23675</v>
      </c>
      <c r="F13800" s="6" t="s">
        <v>18</v>
      </c>
      <c r="G13800" s="6" t="s">
        <v>25572</v>
      </c>
      <c r="H13800" s="6" t="s">
        <v>25573</v>
      </c>
      <c r="I13800" s="7">
        <v>9.3532284000000008</v>
      </c>
      <c r="J13800" s="8">
        <v>-75.954561499999997</v>
      </c>
    </row>
    <row r="13801" spans="1:10" x14ac:dyDescent="0.35">
      <c r="A13801" s="5" t="s">
        <v>10</v>
      </c>
      <c r="B13801" s="6">
        <v>248709</v>
      </c>
      <c r="C13801" s="6" t="s">
        <v>11</v>
      </c>
      <c r="D13801" s="6" t="s">
        <v>20024</v>
      </c>
      <c r="E13801" s="6">
        <v>25326</v>
      </c>
      <c r="F13801" s="6" t="s">
        <v>18</v>
      </c>
      <c r="G13801" s="6" t="s">
        <v>25574</v>
      </c>
      <c r="H13801" s="6" t="s">
        <v>25575</v>
      </c>
      <c r="I13801" s="7">
        <v>4.9341594999999998</v>
      </c>
      <c r="J13801" s="8">
        <v>-73.832778399999995</v>
      </c>
    </row>
    <row r="13802" spans="1:10" x14ac:dyDescent="0.35">
      <c r="A13802" s="5" t="s">
        <v>10</v>
      </c>
      <c r="B13802" s="6">
        <v>248715</v>
      </c>
      <c r="C13802" s="6" t="s">
        <v>2821</v>
      </c>
      <c r="D13802" s="6" t="s">
        <v>9371</v>
      </c>
      <c r="E13802" s="6">
        <v>47551</v>
      </c>
      <c r="F13802" s="6" t="s">
        <v>18</v>
      </c>
      <c r="G13802" s="6" t="s">
        <v>25576</v>
      </c>
      <c r="H13802" s="6" t="s">
        <v>25577</v>
      </c>
      <c r="I13802" s="7">
        <v>10.460984</v>
      </c>
      <c r="J13802" s="8">
        <v>-74.620844399999996</v>
      </c>
    </row>
    <row r="13803" spans="1:10" x14ac:dyDescent="0.35">
      <c r="A13803" s="5" t="s">
        <v>10</v>
      </c>
      <c r="B13803" s="6">
        <v>248720</v>
      </c>
      <c r="C13803" s="6" t="s">
        <v>42</v>
      </c>
      <c r="D13803" s="6" t="s">
        <v>396</v>
      </c>
      <c r="E13803" s="6">
        <v>17380</v>
      </c>
      <c r="F13803" s="6" t="s">
        <v>18</v>
      </c>
      <c r="G13803" s="6" t="s">
        <v>25578</v>
      </c>
      <c r="H13803" s="6" t="s">
        <v>25579</v>
      </c>
      <c r="I13803" s="7">
        <v>5.472709</v>
      </c>
      <c r="J13803" s="8">
        <v>-74.667984000000004</v>
      </c>
    </row>
    <row r="13804" spans="1:10" x14ac:dyDescent="0.35">
      <c r="A13804" s="5" t="s">
        <v>10</v>
      </c>
      <c r="B13804" s="6">
        <v>248721</v>
      </c>
      <c r="C13804" s="6" t="s">
        <v>11</v>
      </c>
      <c r="D13804" s="6" t="s">
        <v>3763</v>
      </c>
      <c r="E13804" s="6">
        <v>25438</v>
      </c>
      <c r="F13804" s="6" t="s">
        <v>18</v>
      </c>
      <c r="G13804" s="6" t="s">
        <v>25580</v>
      </c>
      <c r="H13804" s="6" t="s">
        <v>25581</v>
      </c>
      <c r="I13804" s="7">
        <v>4.5097170000000002</v>
      </c>
      <c r="J13804" s="8">
        <v>-73.350781299999994</v>
      </c>
    </row>
    <row r="13805" spans="1:10" x14ac:dyDescent="0.35">
      <c r="A13805" s="5" t="s">
        <v>10</v>
      </c>
      <c r="B13805" s="6">
        <v>248722</v>
      </c>
      <c r="C13805" s="6" t="s">
        <v>308</v>
      </c>
      <c r="D13805" s="6" t="s">
        <v>309</v>
      </c>
      <c r="E13805" s="6">
        <v>23001</v>
      </c>
      <c r="F13805" s="6" t="s">
        <v>18</v>
      </c>
      <c r="G13805" s="6" t="s">
        <v>25582</v>
      </c>
      <c r="H13805" s="6" t="s">
        <v>25583</v>
      </c>
      <c r="I13805" s="7">
        <v>8.7761327999999992</v>
      </c>
      <c r="J13805" s="8">
        <v>-75.863953300000006</v>
      </c>
    </row>
    <row r="13806" spans="1:10" x14ac:dyDescent="0.35">
      <c r="A13806" s="5" t="s">
        <v>10</v>
      </c>
      <c r="B13806" s="6">
        <v>248723</v>
      </c>
      <c r="C13806" s="6" t="s">
        <v>24</v>
      </c>
      <c r="D13806" s="6" t="s">
        <v>85</v>
      </c>
      <c r="E13806" s="6">
        <v>15759</v>
      </c>
      <c r="F13806" s="6" t="s">
        <v>18</v>
      </c>
      <c r="G13806" s="6" t="s">
        <v>25584</v>
      </c>
      <c r="H13806" s="6" t="s">
        <v>25585</v>
      </c>
      <c r="I13806" s="7">
        <v>5.7586190999999998</v>
      </c>
      <c r="J13806" s="8">
        <v>-72.902312800000004</v>
      </c>
    </row>
    <row r="13807" spans="1:10" x14ac:dyDescent="0.35">
      <c r="A13807" s="5" t="s">
        <v>10</v>
      </c>
      <c r="B13807" s="6">
        <v>248725</v>
      </c>
      <c r="C13807" s="6" t="s">
        <v>551</v>
      </c>
      <c r="D13807" s="6" t="s">
        <v>977</v>
      </c>
      <c r="E13807" s="6">
        <v>20011</v>
      </c>
      <c r="F13807" s="6" t="s">
        <v>18</v>
      </c>
      <c r="G13807" s="6" t="s">
        <v>25586</v>
      </c>
      <c r="H13807" s="6" t="s">
        <v>25587</v>
      </c>
      <c r="I13807" s="7">
        <v>8.3097376000000001</v>
      </c>
      <c r="J13807" s="8">
        <v>-73.6192937</v>
      </c>
    </row>
    <row r="13808" spans="1:10" x14ac:dyDescent="0.35">
      <c r="A13808" s="5" t="s">
        <v>10</v>
      </c>
      <c r="B13808" s="6">
        <v>248727</v>
      </c>
      <c r="C13808" s="6" t="s">
        <v>68</v>
      </c>
      <c r="D13808" s="6" t="s">
        <v>69</v>
      </c>
      <c r="E13808" s="6">
        <v>11001</v>
      </c>
      <c r="F13808" s="6" t="s">
        <v>18</v>
      </c>
      <c r="G13808" s="6" t="s">
        <v>25588</v>
      </c>
      <c r="H13808" s="6" t="s">
        <v>25589</v>
      </c>
      <c r="I13808" s="7">
        <v>4.5661452999999996</v>
      </c>
      <c r="J13808" s="8">
        <v>-74.090784099999993</v>
      </c>
    </row>
    <row r="13809" spans="1:10" x14ac:dyDescent="0.35">
      <c r="A13809" s="5" t="s">
        <v>10</v>
      </c>
      <c r="B13809" s="6">
        <v>248728</v>
      </c>
      <c r="C13809" s="6" t="s">
        <v>190</v>
      </c>
      <c r="D13809" s="6" t="s">
        <v>191</v>
      </c>
      <c r="E13809" s="6">
        <v>5001</v>
      </c>
      <c r="F13809" s="6" t="s">
        <v>18</v>
      </c>
      <c r="G13809" s="6" t="s">
        <v>25590</v>
      </c>
      <c r="H13809" s="6" t="s">
        <v>25591</v>
      </c>
      <c r="I13809" s="7">
        <v>6.2820869999999998</v>
      </c>
      <c r="J13809" s="8">
        <v>-75.556181899999999</v>
      </c>
    </row>
    <row r="13810" spans="1:10" x14ac:dyDescent="0.35">
      <c r="A13810" s="5" t="s">
        <v>10</v>
      </c>
      <c r="B13810" s="6">
        <v>248731</v>
      </c>
      <c r="C13810" s="6" t="s">
        <v>16</v>
      </c>
      <c r="D13810" s="6" t="s">
        <v>1266</v>
      </c>
      <c r="E13810" s="6">
        <v>68081</v>
      </c>
      <c r="F13810" s="6" t="s">
        <v>18</v>
      </c>
      <c r="G13810" s="6" t="s">
        <v>25592</v>
      </c>
      <c r="H13810" s="6" t="s">
        <v>25593</v>
      </c>
      <c r="I13810" s="7">
        <v>7.0413661000000003</v>
      </c>
      <c r="J13810" s="8">
        <v>-73.837513900000005</v>
      </c>
    </row>
    <row r="13811" spans="1:10" x14ac:dyDescent="0.35">
      <c r="A13811" s="5" t="s">
        <v>10</v>
      </c>
      <c r="B13811" s="6">
        <v>248775</v>
      </c>
      <c r="C13811" s="6" t="s">
        <v>61</v>
      </c>
      <c r="D13811" s="6" t="s">
        <v>62</v>
      </c>
      <c r="E13811" s="6">
        <v>63001</v>
      </c>
      <c r="F13811" s="6" t="s">
        <v>18</v>
      </c>
      <c r="G13811" s="6" t="s">
        <v>25594</v>
      </c>
      <c r="H13811" s="6" t="s">
        <v>25595</v>
      </c>
      <c r="I13811" s="7">
        <v>4.6762186000000003</v>
      </c>
      <c r="J13811" s="8">
        <v>-75.658085400000004</v>
      </c>
    </row>
    <row r="13812" spans="1:10" x14ac:dyDescent="0.35">
      <c r="A13812" s="5" t="s">
        <v>10</v>
      </c>
      <c r="B13812" s="6">
        <v>248779</v>
      </c>
      <c r="C13812" s="6" t="s">
        <v>68</v>
      </c>
      <c r="D13812" s="6" t="s">
        <v>69</v>
      </c>
      <c r="E13812" s="6">
        <v>11001</v>
      </c>
      <c r="F13812" s="6" t="s">
        <v>18</v>
      </c>
      <c r="G13812" s="6" t="s">
        <v>25596</v>
      </c>
      <c r="H13812" s="6" t="s">
        <v>25597</v>
      </c>
      <c r="I13812" s="7">
        <v>4.6587829000000003</v>
      </c>
      <c r="J13812" s="8">
        <v>-74.070876400000003</v>
      </c>
    </row>
    <row r="13813" spans="1:10" x14ac:dyDescent="0.35">
      <c r="A13813" s="5" t="s">
        <v>10</v>
      </c>
      <c r="B13813" s="6">
        <v>248785</v>
      </c>
      <c r="C13813" s="6" t="s">
        <v>94</v>
      </c>
      <c r="D13813" s="6" t="s">
        <v>242</v>
      </c>
      <c r="E13813" s="6">
        <v>66682</v>
      </c>
      <c r="F13813" s="6" t="s">
        <v>18</v>
      </c>
      <c r="G13813" s="6" t="s">
        <v>25598</v>
      </c>
      <c r="H13813" s="6" t="s">
        <v>25599</v>
      </c>
      <c r="I13813" s="7">
        <v>4.8796787000000004</v>
      </c>
      <c r="J13813" s="8">
        <v>-75.624097800000001</v>
      </c>
    </row>
    <row r="13814" spans="1:10" x14ac:dyDescent="0.35">
      <c r="A13814" s="5" t="s">
        <v>10</v>
      </c>
      <c r="B13814" s="6">
        <v>248786</v>
      </c>
      <c r="C13814" s="6" t="s">
        <v>278</v>
      </c>
      <c r="D13814" s="6" t="s">
        <v>4146</v>
      </c>
      <c r="E13814" s="6">
        <v>50606</v>
      </c>
      <c r="F13814" s="6" t="s">
        <v>18</v>
      </c>
      <c r="G13814" s="6" t="s">
        <v>6286</v>
      </c>
      <c r="H13814" s="6" t="s">
        <v>25600</v>
      </c>
      <c r="I13814" s="7">
        <v>4.2622521000000004</v>
      </c>
      <c r="J13814" s="8">
        <v>-73.564908299999999</v>
      </c>
    </row>
    <row r="13815" spans="1:10" x14ac:dyDescent="0.35">
      <c r="A13815" s="5" t="s">
        <v>10</v>
      </c>
      <c r="B13815" s="6">
        <v>248789</v>
      </c>
      <c r="C13815" s="6" t="s">
        <v>16</v>
      </c>
      <c r="D13815" s="6" t="s">
        <v>1401</v>
      </c>
      <c r="E13815" s="6">
        <v>68307</v>
      </c>
      <c r="F13815" s="6" t="s">
        <v>18</v>
      </c>
      <c r="G13815" s="6" t="s">
        <v>25601</v>
      </c>
      <c r="H13815" s="6" t="s">
        <v>25602</v>
      </c>
      <c r="I13815" s="7">
        <v>7.0805844000000002</v>
      </c>
      <c r="J13815" s="8">
        <v>-73.171689099999995</v>
      </c>
    </row>
    <row r="13816" spans="1:10" x14ac:dyDescent="0.35">
      <c r="A13816" s="5" t="s">
        <v>10</v>
      </c>
      <c r="B13816" s="6">
        <v>248790</v>
      </c>
      <c r="C13816" s="6" t="s">
        <v>2821</v>
      </c>
      <c r="D13816" s="6" t="s">
        <v>9371</v>
      </c>
      <c r="E13816" s="6">
        <v>47551</v>
      </c>
      <c r="F13816" s="6" t="s">
        <v>18</v>
      </c>
      <c r="G13816" s="6" t="s">
        <v>25603</v>
      </c>
      <c r="H13816" s="6" t="s">
        <v>25604</v>
      </c>
      <c r="I13816" s="7">
        <v>10.461634699999999</v>
      </c>
      <c r="J13816" s="8">
        <v>-74.620776000000006</v>
      </c>
    </row>
    <row r="13817" spans="1:10" x14ac:dyDescent="0.35">
      <c r="A13817" s="5" t="s">
        <v>10</v>
      </c>
      <c r="B13817" s="6">
        <v>248793</v>
      </c>
      <c r="C13817" s="6" t="s">
        <v>190</v>
      </c>
      <c r="D13817" s="6" t="s">
        <v>191</v>
      </c>
      <c r="E13817" s="6">
        <v>5001</v>
      </c>
      <c r="F13817" s="6" t="s">
        <v>18</v>
      </c>
      <c r="G13817" s="6" t="s">
        <v>25605</v>
      </c>
      <c r="H13817" s="6" t="s">
        <v>25606</v>
      </c>
      <c r="I13817" s="7">
        <v>6.2325587000000002</v>
      </c>
      <c r="J13817" s="8">
        <v>-75.537370600000003</v>
      </c>
    </row>
    <row r="13818" spans="1:10" x14ac:dyDescent="0.35">
      <c r="A13818" s="5" t="s">
        <v>10</v>
      </c>
      <c r="B13818" s="6">
        <v>248794</v>
      </c>
      <c r="C13818" s="6" t="s">
        <v>68</v>
      </c>
      <c r="D13818" s="6" t="s">
        <v>69</v>
      </c>
      <c r="E13818" s="6">
        <v>11001</v>
      </c>
      <c r="F13818" s="6" t="s">
        <v>18</v>
      </c>
      <c r="G13818" s="6" t="s">
        <v>25607</v>
      </c>
      <c r="H13818" s="6" t="s">
        <v>25608</v>
      </c>
      <c r="I13818" s="7">
        <v>4.6511328000000001</v>
      </c>
      <c r="J13818" s="8">
        <v>-74.058053299999997</v>
      </c>
    </row>
    <row r="13819" spans="1:10" x14ac:dyDescent="0.35">
      <c r="A13819" s="5" t="s">
        <v>10</v>
      </c>
      <c r="B13819" s="6">
        <v>248795</v>
      </c>
      <c r="C13819" s="6" t="s">
        <v>55</v>
      </c>
      <c r="D13819" s="6" t="s">
        <v>56</v>
      </c>
      <c r="E13819" s="6">
        <v>73001</v>
      </c>
      <c r="F13819" s="6" t="s">
        <v>18</v>
      </c>
      <c r="G13819" s="6" t="s">
        <v>25609</v>
      </c>
      <c r="H13819" s="6" t="s">
        <v>25610</v>
      </c>
      <c r="I13819" s="7">
        <v>4.4450963999999997</v>
      </c>
      <c r="J13819" s="8">
        <v>-75.240845699999994</v>
      </c>
    </row>
    <row r="13820" spans="1:10" x14ac:dyDescent="0.35">
      <c r="A13820" s="5" t="s">
        <v>10</v>
      </c>
      <c r="B13820" s="6">
        <v>248660</v>
      </c>
      <c r="C13820" s="6" t="s">
        <v>68</v>
      </c>
      <c r="D13820" s="6" t="s">
        <v>69</v>
      </c>
      <c r="E13820" s="6">
        <v>11001</v>
      </c>
      <c r="F13820" s="6" t="s">
        <v>18</v>
      </c>
      <c r="G13820" s="6" t="s">
        <v>25611</v>
      </c>
      <c r="H13820" s="6" t="s">
        <v>25612</v>
      </c>
      <c r="I13820" s="7">
        <v>4.7563262999999996</v>
      </c>
      <c r="J13820" s="8">
        <v>-74.099282599999995</v>
      </c>
    </row>
    <row r="13821" spans="1:10" x14ac:dyDescent="0.35">
      <c r="A13821" s="5" t="s">
        <v>10</v>
      </c>
      <c r="B13821" s="6">
        <v>248799</v>
      </c>
      <c r="C13821" s="6" t="s">
        <v>16</v>
      </c>
      <c r="D13821" s="6" t="s">
        <v>1266</v>
      </c>
      <c r="E13821" s="6">
        <v>68081</v>
      </c>
      <c r="F13821" s="6" t="s">
        <v>18</v>
      </c>
      <c r="G13821" s="6" t="s">
        <v>25613</v>
      </c>
      <c r="H13821" s="6" t="s">
        <v>25614</v>
      </c>
      <c r="I13821" s="7">
        <v>7.0724077000000003</v>
      </c>
      <c r="J13821" s="8">
        <v>-73.829527299999995</v>
      </c>
    </row>
    <row r="13822" spans="1:10" x14ac:dyDescent="0.35">
      <c r="A13822" s="5" t="s">
        <v>10</v>
      </c>
      <c r="B13822" s="6">
        <v>248801</v>
      </c>
      <c r="C13822" s="6" t="s">
        <v>117</v>
      </c>
      <c r="D13822" s="6" t="s">
        <v>1334</v>
      </c>
      <c r="E13822" s="6">
        <v>76001</v>
      </c>
      <c r="F13822" s="6" t="s">
        <v>18</v>
      </c>
      <c r="G13822" s="6" t="s">
        <v>25615</v>
      </c>
      <c r="H13822" s="6" t="s">
        <v>25616</v>
      </c>
      <c r="I13822" s="7">
        <v>3.4480013</v>
      </c>
      <c r="J13822" s="8">
        <v>-76.5214122</v>
      </c>
    </row>
    <row r="13823" spans="1:10" x14ac:dyDescent="0.35">
      <c r="A13823" s="5" t="s">
        <v>10</v>
      </c>
      <c r="B13823" s="6">
        <v>248803</v>
      </c>
      <c r="C13823" s="6" t="s">
        <v>190</v>
      </c>
      <c r="D13823" s="6" t="s">
        <v>14322</v>
      </c>
      <c r="E13823" s="6">
        <v>5893</v>
      </c>
      <c r="F13823" s="6" t="s">
        <v>18</v>
      </c>
      <c r="G13823" s="6" t="s">
        <v>25617</v>
      </c>
      <c r="H13823" s="6" t="s">
        <v>25618</v>
      </c>
      <c r="I13823" s="7">
        <v>7.0092850999999996</v>
      </c>
      <c r="J13823" s="8">
        <v>-73.909764899999999</v>
      </c>
    </row>
    <row r="13824" spans="1:10" x14ac:dyDescent="0.35">
      <c r="A13824" s="5" t="s">
        <v>10</v>
      </c>
      <c r="B13824" s="6">
        <v>248816</v>
      </c>
      <c r="C13824" s="6" t="s">
        <v>28</v>
      </c>
      <c r="D13824" s="6" t="s">
        <v>29</v>
      </c>
      <c r="E13824" s="6">
        <v>54001</v>
      </c>
      <c r="F13824" s="6" t="s">
        <v>18</v>
      </c>
      <c r="G13824" s="6" t="s">
        <v>25619</v>
      </c>
      <c r="H13824" s="6" t="s">
        <v>25620</v>
      </c>
      <c r="I13824" s="7">
        <v>7.8829887999999997</v>
      </c>
      <c r="J13824" s="8">
        <v>-72.500938000000005</v>
      </c>
    </row>
    <row r="13825" spans="1:10" x14ac:dyDescent="0.35">
      <c r="A13825" s="5" t="s">
        <v>10</v>
      </c>
      <c r="B13825" s="6">
        <v>248819</v>
      </c>
      <c r="C13825" s="6" t="s">
        <v>68</v>
      </c>
      <c r="D13825" s="6" t="s">
        <v>69</v>
      </c>
      <c r="E13825" s="6">
        <v>11001</v>
      </c>
      <c r="F13825" s="6" t="s">
        <v>18</v>
      </c>
      <c r="G13825" s="6" t="s">
        <v>113</v>
      </c>
      <c r="H13825" s="6" t="s">
        <v>25621</v>
      </c>
      <c r="I13825" s="7">
        <v>4.6750935</v>
      </c>
      <c r="J13825" s="8">
        <v>-74.110575900000001</v>
      </c>
    </row>
    <row r="13826" spans="1:10" x14ac:dyDescent="0.35">
      <c r="A13826" s="5" t="s">
        <v>10</v>
      </c>
      <c r="B13826" s="6">
        <v>248822</v>
      </c>
      <c r="C13826" s="6" t="s">
        <v>11</v>
      </c>
      <c r="D13826" s="6" t="s">
        <v>334</v>
      </c>
      <c r="E13826" s="6">
        <v>25754</v>
      </c>
      <c r="F13826" s="6" t="s">
        <v>13</v>
      </c>
      <c r="G13826" s="6" t="s">
        <v>25622</v>
      </c>
      <c r="H13826" s="6" t="s">
        <v>25623</v>
      </c>
      <c r="I13826" s="7">
        <v>4.5827226999999997</v>
      </c>
      <c r="J13826" s="8">
        <v>-74.211746500000004</v>
      </c>
    </row>
    <row r="13827" spans="1:10" x14ac:dyDescent="0.35">
      <c r="A13827" s="5" t="s">
        <v>10</v>
      </c>
      <c r="B13827" s="6">
        <v>248832</v>
      </c>
      <c r="C13827" s="6" t="s">
        <v>190</v>
      </c>
      <c r="D13827" s="6" t="s">
        <v>4063</v>
      </c>
      <c r="E13827" s="6">
        <v>5088</v>
      </c>
      <c r="F13827" s="6" t="s">
        <v>18</v>
      </c>
      <c r="G13827" s="6" t="s">
        <v>25624</v>
      </c>
      <c r="H13827" s="6" t="s">
        <v>25625</v>
      </c>
      <c r="I13827" s="7">
        <v>6.3167308999999996</v>
      </c>
      <c r="J13827" s="8">
        <v>-75.563583899999998</v>
      </c>
    </row>
    <row r="13828" spans="1:10" x14ac:dyDescent="0.35">
      <c r="A13828" s="5" t="s">
        <v>10</v>
      </c>
      <c r="B13828" s="6">
        <v>248833</v>
      </c>
      <c r="C13828" s="6" t="s">
        <v>68</v>
      </c>
      <c r="D13828" s="6" t="s">
        <v>69</v>
      </c>
      <c r="E13828" s="6">
        <v>11001</v>
      </c>
      <c r="F13828" s="6" t="s">
        <v>18</v>
      </c>
      <c r="G13828" s="6" t="s">
        <v>25626</v>
      </c>
      <c r="H13828" s="6" t="s">
        <v>25627</v>
      </c>
      <c r="I13828" s="7">
        <v>4.6103360999999996</v>
      </c>
      <c r="J13828" s="8">
        <v>-74.196553699999996</v>
      </c>
    </row>
    <row r="13829" spans="1:10" x14ac:dyDescent="0.35">
      <c r="A13829" s="5" t="s">
        <v>10</v>
      </c>
      <c r="B13829" s="6">
        <v>248837</v>
      </c>
      <c r="C13829" s="6" t="s">
        <v>278</v>
      </c>
      <c r="D13829" s="6" t="s">
        <v>3873</v>
      </c>
      <c r="E13829" s="6">
        <v>50568</v>
      </c>
      <c r="F13829" s="6" t="s">
        <v>18</v>
      </c>
      <c r="G13829" s="6" t="s">
        <v>25628</v>
      </c>
      <c r="H13829" s="6" t="s">
        <v>25629</v>
      </c>
      <c r="I13829" s="7">
        <v>4.3133005999999998</v>
      </c>
      <c r="J13829" s="8">
        <v>-72.0785056</v>
      </c>
    </row>
    <row r="13830" spans="1:10" x14ac:dyDescent="0.35">
      <c r="A13830" s="5" t="s">
        <v>10</v>
      </c>
      <c r="B13830" s="6">
        <v>248838</v>
      </c>
      <c r="C13830" s="6" t="s">
        <v>68</v>
      </c>
      <c r="D13830" s="6" t="s">
        <v>69</v>
      </c>
      <c r="E13830" s="6">
        <v>11001</v>
      </c>
      <c r="F13830" s="6" t="s">
        <v>18</v>
      </c>
      <c r="G13830" s="6" t="s">
        <v>25630</v>
      </c>
      <c r="H13830" s="6" t="s">
        <v>25631</v>
      </c>
      <c r="I13830" s="7">
        <v>4.6025273000000002</v>
      </c>
      <c r="J13830" s="8">
        <v>-74.187217799999999</v>
      </c>
    </row>
    <row r="13831" spans="1:10" x14ac:dyDescent="0.35">
      <c r="A13831" s="5" t="s">
        <v>10</v>
      </c>
      <c r="B13831" s="6">
        <v>248839</v>
      </c>
      <c r="C13831" s="6" t="s">
        <v>94</v>
      </c>
      <c r="D13831" s="6" t="s">
        <v>98</v>
      </c>
      <c r="E13831" s="6">
        <v>66001</v>
      </c>
      <c r="F13831" s="6" t="s">
        <v>18</v>
      </c>
      <c r="G13831" s="6" t="s">
        <v>25632</v>
      </c>
      <c r="H13831" s="6" t="s">
        <v>25633</v>
      </c>
      <c r="I13831" s="7">
        <v>4.7986522999999996</v>
      </c>
      <c r="J13831" s="8">
        <v>-75.737608300000005</v>
      </c>
    </row>
    <row r="13832" spans="1:10" x14ac:dyDescent="0.35">
      <c r="A13832" s="5" t="s">
        <v>10</v>
      </c>
      <c r="B13832" s="6">
        <v>248840</v>
      </c>
      <c r="C13832" s="6" t="s">
        <v>551</v>
      </c>
      <c r="D13832" s="6" t="s">
        <v>3868</v>
      </c>
      <c r="E13832" s="6">
        <v>20001</v>
      </c>
      <c r="F13832" s="6" t="s">
        <v>18</v>
      </c>
      <c r="G13832" s="6" t="s">
        <v>25634</v>
      </c>
      <c r="H13832" s="6" t="s">
        <v>25635</v>
      </c>
      <c r="I13832" s="7">
        <v>10.4734797</v>
      </c>
      <c r="J13832" s="8">
        <v>-73.266895199999993</v>
      </c>
    </row>
    <row r="13833" spans="1:10" x14ac:dyDescent="0.35">
      <c r="A13833" s="5" t="s">
        <v>10</v>
      </c>
      <c r="B13833" s="6">
        <v>248841</v>
      </c>
      <c r="C13833" s="6" t="s">
        <v>457</v>
      </c>
      <c r="D13833" s="6" t="s">
        <v>13453</v>
      </c>
      <c r="E13833" s="6">
        <v>52585</v>
      </c>
      <c r="F13833" s="6" t="s">
        <v>18</v>
      </c>
      <c r="G13833" s="6" t="s">
        <v>25636</v>
      </c>
      <c r="H13833" s="6" t="s">
        <v>25637</v>
      </c>
      <c r="I13833" s="7">
        <v>0.8716351</v>
      </c>
      <c r="J13833" s="8">
        <v>-77.642262000000002</v>
      </c>
    </row>
    <row r="13834" spans="1:10" x14ac:dyDescent="0.35">
      <c r="A13834" s="5" t="s">
        <v>10</v>
      </c>
      <c r="B13834" s="6">
        <v>248845</v>
      </c>
      <c r="C13834" s="6" t="s">
        <v>11</v>
      </c>
      <c r="D13834" s="6" t="s">
        <v>337</v>
      </c>
      <c r="E13834" s="6">
        <v>25290</v>
      </c>
      <c r="F13834" s="6" t="s">
        <v>18</v>
      </c>
      <c r="G13834" s="6" t="s">
        <v>113</v>
      </c>
      <c r="H13834" s="6" t="s">
        <v>25638</v>
      </c>
      <c r="I13834" s="7">
        <v>4.3422279000000001</v>
      </c>
      <c r="J13834" s="8">
        <v>-74.365301599999995</v>
      </c>
    </row>
    <row r="13835" spans="1:10" x14ac:dyDescent="0.35">
      <c r="A13835" s="5" t="s">
        <v>10</v>
      </c>
      <c r="B13835" s="6">
        <v>248846</v>
      </c>
      <c r="C13835" s="6" t="s">
        <v>11</v>
      </c>
      <c r="D13835" s="6" t="s">
        <v>101</v>
      </c>
      <c r="E13835" s="6">
        <v>25473</v>
      </c>
      <c r="F13835" s="6" t="s">
        <v>18</v>
      </c>
      <c r="G13835" s="6" t="s">
        <v>25639</v>
      </c>
      <c r="H13835" s="6" t="s">
        <v>25640</v>
      </c>
      <c r="I13835" s="7">
        <v>4.7066685000000001</v>
      </c>
      <c r="J13835" s="8">
        <v>-74.218588600000004</v>
      </c>
    </row>
    <row r="13836" spans="1:10" x14ac:dyDescent="0.35">
      <c r="A13836" s="5" t="s">
        <v>10</v>
      </c>
      <c r="B13836" s="6">
        <v>248847</v>
      </c>
      <c r="C13836" s="6" t="s">
        <v>11</v>
      </c>
      <c r="D13836" s="6" t="s">
        <v>7134</v>
      </c>
      <c r="E13836" s="6">
        <v>25653</v>
      </c>
      <c r="F13836" s="6" t="s">
        <v>18</v>
      </c>
      <c r="G13836" s="6" t="s">
        <v>25641</v>
      </c>
      <c r="H13836" s="6" t="s">
        <v>25642</v>
      </c>
      <c r="I13836" s="7">
        <v>5.0234750000000004</v>
      </c>
      <c r="J13836" s="8">
        <v>-74.005245700000003</v>
      </c>
    </row>
    <row r="13837" spans="1:10" x14ac:dyDescent="0.35">
      <c r="A13837" s="5" t="s">
        <v>10</v>
      </c>
      <c r="B13837" s="6">
        <v>248852</v>
      </c>
      <c r="C13837" s="6" t="s">
        <v>109</v>
      </c>
      <c r="D13837" s="6" t="s">
        <v>227</v>
      </c>
      <c r="E13837" s="6">
        <v>13001</v>
      </c>
      <c r="F13837" s="6" t="s">
        <v>18</v>
      </c>
      <c r="G13837" s="6" t="s">
        <v>25643</v>
      </c>
      <c r="H13837" s="6" t="s">
        <v>25644</v>
      </c>
      <c r="I13837" s="7">
        <v>10.3915548</v>
      </c>
      <c r="J13837" s="8">
        <v>-75.505020500000001</v>
      </c>
    </row>
    <row r="13838" spans="1:10" x14ac:dyDescent="0.35">
      <c r="A13838" s="5" t="s">
        <v>10</v>
      </c>
      <c r="B13838" s="6">
        <v>248853</v>
      </c>
      <c r="C13838" s="6" t="s">
        <v>68</v>
      </c>
      <c r="D13838" s="6" t="s">
        <v>69</v>
      </c>
      <c r="E13838" s="6">
        <v>11001</v>
      </c>
      <c r="F13838" s="6" t="s">
        <v>18</v>
      </c>
      <c r="G13838" s="6" t="s">
        <v>25645</v>
      </c>
      <c r="H13838" s="6" t="s">
        <v>25646</v>
      </c>
      <c r="I13838" s="7">
        <v>4.6579613000000002</v>
      </c>
      <c r="J13838" s="8">
        <v>-74.105483899999996</v>
      </c>
    </row>
    <row r="13839" spans="1:10" x14ac:dyDescent="0.35">
      <c r="A13839" s="5" t="s">
        <v>10</v>
      </c>
      <c r="B13839" s="6">
        <v>248862</v>
      </c>
      <c r="C13839" s="6" t="s">
        <v>16</v>
      </c>
      <c r="D13839" s="6" t="s">
        <v>1266</v>
      </c>
      <c r="E13839" s="6">
        <v>68081</v>
      </c>
      <c r="F13839" s="6" t="s">
        <v>18</v>
      </c>
      <c r="G13839" s="6" t="s">
        <v>25647</v>
      </c>
      <c r="H13839" s="6" t="s">
        <v>25648</v>
      </c>
      <c r="I13839" s="7">
        <v>7.0743084999999999</v>
      </c>
      <c r="J13839" s="8">
        <v>-73.845741399999994</v>
      </c>
    </row>
    <row r="13840" spans="1:10" x14ac:dyDescent="0.35">
      <c r="A13840" s="5" t="s">
        <v>10</v>
      </c>
      <c r="B13840" s="6">
        <v>248864</v>
      </c>
      <c r="C13840" s="6" t="s">
        <v>11</v>
      </c>
      <c r="D13840" s="6" t="s">
        <v>407</v>
      </c>
      <c r="E13840" s="6">
        <v>25126</v>
      </c>
      <c r="F13840" s="6" t="s">
        <v>18</v>
      </c>
      <c r="G13840" s="6" t="s">
        <v>25649</v>
      </c>
      <c r="H13840" s="6" t="s">
        <v>25650</v>
      </c>
      <c r="I13840" s="7">
        <v>4.9154071000000004</v>
      </c>
      <c r="J13840" s="8">
        <v>-74.026741299999998</v>
      </c>
    </row>
    <row r="13841" spans="1:10" x14ac:dyDescent="0.35">
      <c r="A13841" s="5" t="s">
        <v>10</v>
      </c>
      <c r="B13841" s="6">
        <v>248872</v>
      </c>
      <c r="C13841" s="6" t="s">
        <v>11</v>
      </c>
      <c r="D13841" s="6" t="s">
        <v>21</v>
      </c>
      <c r="E13841" s="6">
        <v>25386</v>
      </c>
      <c r="F13841" s="6" t="s">
        <v>2161</v>
      </c>
      <c r="G13841" s="6" t="s">
        <v>25651</v>
      </c>
      <c r="H13841" s="6" t="s">
        <v>25652</v>
      </c>
      <c r="I13841" s="7">
        <v>4.6308923999999996</v>
      </c>
      <c r="J13841" s="8">
        <v>-74.457726100000002</v>
      </c>
    </row>
    <row r="13842" spans="1:10" x14ac:dyDescent="0.35">
      <c r="A13842" s="5" t="s">
        <v>10</v>
      </c>
      <c r="B13842" s="6">
        <v>248876</v>
      </c>
      <c r="C13842" s="6" t="s">
        <v>11</v>
      </c>
      <c r="D13842" s="6" t="s">
        <v>6229</v>
      </c>
      <c r="E13842" s="6">
        <v>25805</v>
      </c>
      <c r="F13842" s="6" t="s">
        <v>18</v>
      </c>
      <c r="G13842" s="6" t="s">
        <v>25653</v>
      </c>
      <c r="H13842" s="6" t="s">
        <v>25654</v>
      </c>
      <c r="I13842" s="7">
        <v>4.3475523999999997</v>
      </c>
      <c r="J13842" s="8">
        <v>-74.452555799999999</v>
      </c>
    </row>
    <row r="13843" spans="1:10" x14ac:dyDescent="0.35">
      <c r="A13843" s="5" t="s">
        <v>10</v>
      </c>
      <c r="B13843" s="6">
        <v>248881</v>
      </c>
      <c r="C13843" s="6" t="s">
        <v>117</v>
      </c>
      <c r="D13843" s="6" t="s">
        <v>12738</v>
      </c>
      <c r="E13843" s="6">
        <v>76895</v>
      </c>
      <c r="F13843" s="6" t="s">
        <v>18</v>
      </c>
      <c r="G13843" s="6" t="s">
        <v>10664</v>
      </c>
      <c r="H13843" s="6" t="s">
        <v>25655</v>
      </c>
      <c r="I13843" s="7">
        <v>4.3948650000000002</v>
      </c>
      <c r="J13843" s="8">
        <v>-76.072854000000007</v>
      </c>
    </row>
    <row r="13844" spans="1:10" x14ac:dyDescent="0.35">
      <c r="A13844" s="5" t="s">
        <v>10</v>
      </c>
      <c r="B13844" s="6">
        <v>248894</v>
      </c>
      <c r="C13844" s="6" t="s">
        <v>302</v>
      </c>
      <c r="D13844" s="6" t="s">
        <v>359</v>
      </c>
      <c r="E13844" s="6">
        <v>8001</v>
      </c>
      <c r="F13844" s="6" t="s">
        <v>18</v>
      </c>
      <c r="G13844" s="6" t="s">
        <v>25656</v>
      </c>
      <c r="H13844" s="6" t="s">
        <v>25657</v>
      </c>
      <c r="I13844" s="7">
        <v>11.009253299999999</v>
      </c>
      <c r="J13844" s="8">
        <v>-74.811413099999996</v>
      </c>
    </row>
    <row r="13845" spans="1:10" x14ac:dyDescent="0.35">
      <c r="A13845" s="5" t="s">
        <v>10</v>
      </c>
      <c r="B13845" s="6">
        <v>248895</v>
      </c>
      <c r="C13845" s="6" t="s">
        <v>68</v>
      </c>
      <c r="D13845" s="6" t="s">
        <v>69</v>
      </c>
      <c r="E13845" s="6">
        <v>11001</v>
      </c>
      <c r="F13845" s="6" t="s">
        <v>18</v>
      </c>
      <c r="G13845" s="6" t="s">
        <v>25658</v>
      </c>
      <c r="H13845" s="6" t="s">
        <v>25659</v>
      </c>
      <c r="I13845" s="7">
        <v>4.7400653999999998</v>
      </c>
      <c r="J13845" s="8">
        <v>-74.029490699999997</v>
      </c>
    </row>
    <row r="13846" spans="1:10" x14ac:dyDescent="0.35">
      <c r="A13846" s="5" t="s">
        <v>10</v>
      </c>
      <c r="B13846" s="6">
        <v>248899</v>
      </c>
      <c r="C13846" s="6" t="s">
        <v>11</v>
      </c>
      <c r="D13846" s="6" t="s">
        <v>221</v>
      </c>
      <c r="E13846" s="6">
        <v>25430</v>
      </c>
      <c r="F13846" s="6" t="s">
        <v>18</v>
      </c>
      <c r="G13846" s="6" t="s">
        <v>25660</v>
      </c>
      <c r="H13846" s="6" t="s">
        <v>25661</v>
      </c>
      <c r="I13846" s="7">
        <v>4.7346700000000004</v>
      </c>
      <c r="J13846" s="8">
        <v>-74.255755600000001</v>
      </c>
    </row>
    <row r="13847" spans="1:10" x14ac:dyDescent="0.35">
      <c r="A13847" s="5" t="s">
        <v>10</v>
      </c>
      <c r="B13847" s="6">
        <v>248901</v>
      </c>
      <c r="C13847" s="6" t="s">
        <v>4364</v>
      </c>
      <c r="D13847" s="6" t="s">
        <v>8079</v>
      </c>
      <c r="E13847" s="6">
        <v>70215</v>
      </c>
      <c r="F13847" s="6" t="s">
        <v>18</v>
      </c>
      <c r="G13847" s="6" t="s">
        <v>25662</v>
      </c>
      <c r="H13847" s="6" t="s">
        <v>25663</v>
      </c>
      <c r="I13847" s="7">
        <v>9.3219151</v>
      </c>
      <c r="J13847" s="8">
        <v>-75.294203800000005</v>
      </c>
    </row>
    <row r="13848" spans="1:10" x14ac:dyDescent="0.35">
      <c r="A13848" s="5" t="s">
        <v>10</v>
      </c>
      <c r="B13848" s="6">
        <v>248940</v>
      </c>
      <c r="C13848" s="6" t="s">
        <v>68</v>
      </c>
      <c r="D13848" s="6" t="s">
        <v>69</v>
      </c>
      <c r="E13848" s="6">
        <v>11001</v>
      </c>
      <c r="F13848" s="6" t="s">
        <v>18</v>
      </c>
      <c r="G13848" s="6" t="s">
        <v>25664</v>
      </c>
      <c r="H13848" s="6" t="s">
        <v>25665</v>
      </c>
      <c r="I13848" s="7">
        <v>4.6188661</v>
      </c>
      <c r="J13848" s="8">
        <v>-74.142631899999998</v>
      </c>
    </row>
    <row r="13849" spans="1:10" x14ac:dyDescent="0.35">
      <c r="A13849" s="5" t="s">
        <v>10</v>
      </c>
      <c r="B13849" s="6">
        <v>248941</v>
      </c>
      <c r="C13849" s="6" t="s">
        <v>3788</v>
      </c>
      <c r="D13849" s="6" t="s">
        <v>3974</v>
      </c>
      <c r="E13849" s="6">
        <v>18001</v>
      </c>
      <c r="F13849" s="6" t="s">
        <v>18</v>
      </c>
      <c r="G13849" s="6" t="s">
        <v>25666</v>
      </c>
      <c r="H13849" s="6" t="s">
        <v>25667</v>
      </c>
      <c r="I13849" s="7">
        <v>1.6103048</v>
      </c>
      <c r="J13849" s="8">
        <v>-75.609831</v>
      </c>
    </row>
    <row r="13850" spans="1:10" x14ac:dyDescent="0.35">
      <c r="A13850" s="5" t="s">
        <v>10</v>
      </c>
      <c r="B13850" s="6">
        <v>248944</v>
      </c>
      <c r="C13850" s="6" t="s">
        <v>16</v>
      </c>
      <c r="D13850" s="6" t="s">
        <v>25668</v>
      </c>
      <c r="E13850" s="6">
        <v>68318</v>
      </c>
      <c r="F13850" s="6" t="s">
        <v>18</v>
      </c>
      <c r="G13850" s="6" t="s">
        <v>25669</v>
      </c>
      <c r="H13850" s="6" t="s">
        <v>25670</v>
      </c>
      <c r="I13850" s="7">
        <v>7.1250663000000003</v>
      </c>
      <c r="J13850" s="8">
        <v>-73.125452100000004</v>
      </c>
    </row>
    <row r="13851" spans="1:10" x14ac:dyDescent="0.35">
      <c r="A13851" s="5" t="s">
        <v>10</v>
      </c>
      <c r="B13851" s="6">
        <v>248949</v>
      </c>
      <c r="C13851" s="6" t="s">
        <v>16</v>
      </c>
      <c r="D13851" s="6" t="s">
        <v>1266</v>
      </c>
      <c r="E13851" s="6">
        <v>68081</v>
      </c>
      <c r="F13851" s="6" t="s">
        <v>18</v>
      </c>
      <c r="G13851" s="6" t="s">
        <v>25671</v>
      </c>
      <c r="H13851" s="6" t="s">
        <v>8770</v>
      </c>
      <c r="I13851" s="7">
        <v>7.1250663000000003</v>
      </c>
      <c r="J13851" s="8">
        <v>-73.125452100000004</v>
      </c>
    </row>
    <row r="13852" spans="1:10" x14ac:dyDescent="0.35">
      <c r="A13852" s="5" t="s">
        <v>10</v>
      </c>
      <c r="B13852" s="6">
        <v>248952</v>
      </c>
      <c r="C13852" s="6" t="s">
        <v>190</v>
      </c>
      <c r="D13852" s="6" t="s">
        <v>15610</v>
      </c>
      <c r="E13852" s="6">
        <v>5789</v>
      </c>
      <c r="F13852" s="6" t="s">
        <v>18</v>
      </c>
      <c r="G13852" s="6" t="s">
        <v>25672</v>
      </c>
      <c r="H13852" s="6" t="s">
        <v>25673</v>
      </c>
      <c r="I13852" s="7">
        <v>5.6646843000000002</v>
      </c>
      <c r="J13852" s="8">
        <v>-75.713711200000006</v>
      </c>
    </row>
    <row r="13853" spans="1:10" x14ac:dyDescent="0.35">
      <c r="A13853" s="5" t="s">
        <v>10</v>
      </c>
      <c r="B13853" s="6">
        <v>248954</v>
      </c>
      <c r="C13853" s="6" t="s">
        <v>68</v>
      </c>
      <c r="D13853" s="6" t="s">
        <v>69</v>
      </c>
      <c r="E13853" s="6">
        <v>11001</v>
      </c>
      <c r="F13853" s="6" t="s">
        <v>18</v>
      </c>
      <c r="G13853" s="6" t="s">
        <v>25674</v>
      </c>
      <c r="H13853" s="6" t="s">
        <v>25675</v>
      </c>
      <c r="I13853" s="7">
        <v>4.7311461000000001</v>
      </c>
      <c r="J13853" s="8">
        <v>-74.045126499999995</v>
      </c>
    </row>
    <row r="13854" spans="1:10" x14ac:dyDescent="0.35">
      <c r="A13854" s="5" t="s">
        <v>10</v>
      </c>
      <c r="B13854" s="6">
        <v>248955</v>
      </c>
      <c r="C13854" s="6" t="s">
        <v>55</v>
      </c>
      <c r="D13854" s="6" t="s">
        <v>731</v>
      </c>
      <c r="E13854" s="6">
        <v>73268</v>
      </c>
      <c r="F13854" s="6" t="s">
        <v>18</v>
      </c>
      <c r="G13854" s="6" t="s">
        <v>25676</v>
      </c>
      <c r="H13854" s="6" t="s">
        <v>25677</v>
      </c>
      <c r="I13854" s="7">
        <v>4.1471475</v>
      </c>
      <c r="J13854" s="8">
        <v>-74.896169700000002</v>
      </c>
    </row>
    <row r="13855" spans="1:10" x14ac:dyDescent="0.35">
      <c r="A13855" s="5" t="s">
        <v>10</v>
      </c>
      <c r="B13855" s="6">
        <v>248957</v>
      </c>
      <c r="C13855" s="6" t="s">
        <v>55</v>
      </c>
      <c r="D13855" s="6" t="s">
        <v>937</v>
      </c>
      <c r="E13855" s="6">
        <v>73585</v>
      </c>
      <c r="F13855" s="6" t="s">
        <v>18</v>
      </c>
      <c r="G13855" s="6" t="s">
        <v>25678</v>
      </c>
      <c r="H13855" s="6" t="s">
        <v>25679</v>
      </c>
      <c r="I13855" s="7">
        <v>3.8599842</v>
      </c>
      <c r="J13855" s="8">
        <v>-74.928033099999993</v>
      </c>
    </row>
    <row r="13856" spans="1:10" x14ac:dyDescent="0.35">
      <c r="A13856" s="5" t="s">
        <v>10</v>
      </c>
      <c r="B13856" s="6">
        <v>248961</v>
      </c>
      <c r="C13856" s="6" t="s">
        <v>55</v>
      </c>
      <c r="D13856" s="6" t="s">
        <v>56</v>
      </c>
      <c r="E13856" s="6">
        <v>73001</v>
      </c>
      <c r="F13856" s="6" t="s">
        <v>18</v>
      </c>
      <c r="G13856" s="6" t="s">
        <v>25680</v>
      </c>
      <c r="H13856" s="6" t="s">
        <v>25681</v>
      </c>
      <c r="I13856" s="7">
        <v>4.4442092999999998</v>
      </c>
      <c r="J13856" s="8">
        <v>-75.217305100000004</v>
      </c>
    </row>
    <row r="13857" spans="1:10" x14ac:dyDescent="0.35">
      <c r="A13857" s="5" t="s">
        <v>10</v>
      </c>
      <c r="B13857" s="6">
        <v>248963</v>
      </c>
      <c r="C13857" s="6" t="s">
        <v>3788</v>
      </c>
      <c r="D13857" s="6" t="s">
        <v>6771</v>
      </c>
      <c r="E13857" s="6">
        <v>18753</v>
      </c>
      <c r="F13857" s="6" t="s">
        <v>18</v>
      </c>
      <c r="G13857" s="6" t="s">
        <v>5911</v>
      </c>
      <c r="H13857" s="6" t="s">
        <v>25682</v>
      </c>
      <c r="I13857" s="7">
        <v>2.1131158999999999</v>
      </c>
      <c r="J13857" s="8">
        <v>-74.769092799999996</v>
      </c>
    </row>
    <row r="13858" spans="1:10" x14ac:dyDescent="0.35">
      <c r="A13858" s="5" t="s">
        <v>10</v>
      </c>
      <c r="B13858" s="6">
        <v>248995</v>
      </c>
      <c r="C13858" s="6" t="s">
        <v>3819</v>
      </c>
      <c r="D13858" s="6" t="s">
        <v>5557</v>
      </c>
      <c r="E13858" s="6">
        <v>86568</v>
      </c>
      <c r="F13858" s="6" t="s">
        <v>18</v>
      </c>
      <c r="G13858" s="6" t="s">
        <v>25683</v>
      </c>
      <c r="H13858" s="6" t="s">
        <v>25684</v>
      </c>
      <c r="I13858" s="7">
        <v>0.49720910000000001</v>
      </c>
      <c r="J13858" s="8">
        <v>-76.503005799999997</v>
      </c>
    </row>
    <row r="13859" spans="1:10" x14ac:dyDescent="0.35">
      <c r="A13859" s="5" t="s">
        <v>10</v>
      </c>
      <c r="B13859" s="6">
        <v>249004</v>
      </c>
      <c r="C13859" s="6" t="s">
        <v>11</v>
      </c>
      <c r="D13859" s="6" t="s">
        <v>337</v>
      </c>
      <c r="E13859" s="6">
        <v>25290</v>
      </c>
      <c r="F13859" s="6" t="s">
        <v>18</v>
      </c>
      <c r="G13859" s="6" t="s">
        <v>25685</v>
      </c>
      <c r="H13859" s="6" t="s">
        <v>25686</v>
      </c>
      <c r="I13859" s="7">
        <v>4.3451785999999997</v>
      </c>
      <c r="J13859" s="8">
        <v>-74.376911300000003</v>
      </c>
    </row>
    <row r="13860" spans="1:10" x14ac:dyDescent="0.35">
      <c r="A13860" s="5" t="s">
        <v>10</v>
      </c>
      <c r="B13860" s="6">
        <v>249014</v>
      </c>
      <c r="C13860" s="6" t="s">
        <v>117</v>
      </c>
      <c r="D13860" s="6" t="s">
        <v>1334</v>
      </c>
      <c r="E13860" s="6">
        <v>76001</v>
      </c>
      <c r="F13860" s="6" t="s">
        <v>18</v>
      </c>
      <c r="G13860" s="6" t="s">
        <v>25687</v>
      </c>
      <c r="H13860" s="6" t="s">
        <v>25688</v>
      </c>
      <c r="I13860" s="7">
        <v>3.4083652999999998</v>
      </c>
      <c r="J13860" s="8">
        <v>-76.523403500000001</v>
      </c>
    </row>
    <row r="13861" spans="1:10" x14ac:dyDescent="0.35">
      <c r="A13861" s="5" t="s">
        <v>10</v>
      </c>
      <c r="B13861" s="6">
        <v>249015</v>
      </c>
      <c r="C13861" s="6" t="s">
        <v>302</v>
      </c>
      <c r="D13861" s="6" t="s">
        <v>359</v>
      </c>
      <c r="E13861" s="6">
        <v>8001</v>
      </c>
      <c r="F13861" s="6" t="s">
        <v>18</v>
      </c>
      <c r="G13861" s="6" t="s">
        <v>113</v>
      </c>
      <c r="H13861" s="6" t="s">
        <v>25689</v>
      </c>
      <c r="I13861" s="7">
        <v>10.9292867</v>
      </c>
      <c r="J13861" s="8">
        <v>-74.806315999999995</v>
      </c>
    </row>
    <row r="13862" spans="1:10" x14ac:dyDescent="0.35">
      <c r="A13862" s="5" t="s">
        <v>10</v>
      </c>
      <c r="B13862" s="6">
        <v>249016</v>
      </c>
      <c r="C13862" s="6" t="s">
        <v>68</v>
      </c>
      <c r="D13862" s="6" t="s">
        <v>69</v>
      </c>
      <c r="E13862" s="6">
        <v>11001</v>
      </c>
      <c r="F13862" s="6" t="s">
        <v>18</v>
      </c>
      <c r="G13862" s="6" t="s">
        <v>25690</v>
      </c>
      <c r="H13862" s="6" t="s">
        <v>25691</v>
      </c>
      <c r="I13862" s="7">
        <v>4.6465832000000002</v>
      </c>
      <c r="J13862" s="8">
        <v>-74.167214099999995</v>
      </c>
    </row>
    <row r="13863" spans="1:10" x14ac:dyDescent="0.35">
      <c r="A13863" s="5" t="s">
        <v>10</v>
      </c>
      <c r="B13863" s="6">
        <v>249017</v>
      </c>
      <c r="C13863" s="6" t="s">
        <v>68</v>
      </c>
      <c r="D13863" s="6" t="s">
        <v>69</v>
      </c>
      <c r="E13863" s="6">
        <v>11001</v>
      </c>
      <c r="F13863" s="6" t="s">
        <v>18</v>
      </c>
      <c r="G13863" s="6" t="s">
        <v>25692</v>
      </c>
      <c r="H13863" s="6" t="s">
        <v>25693</v>
      </c>
      <c r="I13863" s="7">
        <v>4.7119967000000003</v>
      </c>
      <c r="J13863" s="8">
        <v>-74.138795099999996</v>
      </c>
    </row>
    <row r="13864" spans="1:10" x14ac:dyDescent="0.35">
      <c r="A13864" s="5" t="s">
        <v>10</v>
      </c>
      <c r="B13864" s="6">
        <v>249024</v>
      </c>
      <c r="C13864" s="6" t="s">
        <v>11</v>
      </c>
      <c r="D13864" s="6" t="s">
        <v>221</v>
      </c>
      <c r="E13864" s="6">
        <v>25430</v>
      </c>
      <c r="F13864" s="6" t="s">
        <v>18</v>
      </c>
      <c r="G13864" s="6" t="s">
        <v>25694</v>
      </c>
      <c r="H13864" s="6" t="s">
        <v>25695</v>
      </c>
      <c r="I13864" s="7">
        <v>4.7315177000000004</v>
      </c>
      <c r="J13864" s="8">
        <v>-74.251409600000002</v>
      </c>
    </row>
    <row r="13865" spans="1:10" x14ac:dyDescent="0.35">
      <c r="A13865" s="5" t="s">
        <v>10</v>
      </c>
      <c r="B13865" s="6">
        <v>249027</v>
      </c>
      <c r="C13865" s="6" t="s">
        <v>190</v>
      </c>
      <c r="D13865" s="6" t="s">
        <v>191</v>
      </c>
      <c r="E13865" s="6">
        <v>5001</v>
      </c>
      <c r="F13865" s="6" t="s">
        <v>18</v>
      </c>
      <c r="G13865" s="6" t="s">
        <v>25696</v>
      </c>
      <c r="H13865" s="6" t="s">
        <v>25697</v>
      </c>
      <c r="I13865" s="7">
        <v>6.3063699</v>
      </c>
      <c r="J13865" s="8">
        <v>-75.555542900000006</v>
      </c>
    </row>
    <row r="13866" spans="1:10" x14ac:dyDescent="0.35">
      <c r="A13866" s="5" t="s">
        <v>10</v>
      </c>
      <c r="B13866" s="6">
        <v>249029</v>
      </c>
      <c r="C13866" s="6" t="s">
        <v>68</v>
      </c>
      <c r="D13866" s="6" t="s">
        <v>69</v>
      </c>
      <c r="E13866" s="6">
        <v>11001</v>
      </c>
      <c r="F13866" s="6" t="s">
        <v>18</v>
      </c>
      <c r="G13866" s="6" t="s">
        <v>25698</v>
      </c>
      <c r="H13866" s="6" t="s">
        <v>25699</v>
      </c>
      <c r="I13866" s="7">
        <v>4.7109886000000003</v>
      </c>
      <c r="J13866" s="8">
        <v>-74.072091999999998</v>
      </c>
    </row>
    <row r="13867" spans="1:10" x14ac:dyDescent="0.35">
      <c r="A13867" s="5" t="s">
        <v>10</v>
      </c>
      <c r="B13867" s="6">
        <v>249036</v>
      </c>
      <c r="C13867" s="6" t="s">
        <v>55</v>
      </c>
      <c r="D13867" s="6" t="s">
        <v>5655</v>
      </c>
      <c r="E13867" s="6">
        <v>73168</v>
      </c>
      <c r="F13867" s="6" t="s">
        <v>18</v>
      </c>
      <c r="G13867" s="6" t="s">
        <v>25700</v>
      </c>
      <c r="H13867" s="6" t="s">
        <v>25701</v>
      </c>
      <c r="I13867" s="7">
        <v>4.4666300000000003</v>
      </c>
      <c r="J13867" s="8">
        <v>-75.533410000000003</v>
      </c>
    </row>
    <row r="13868" spans="1:10" x14ac:dyDescent="0.35">
      <c r="A13868" s="5" t="s">
        <v>10</v>
      </c>
      <c r="B13868" s="6">
        <v>249045</v>
      </c>
      <c r="C13868" s="6" t="s">
        <v>294</v>
      </c>
      <c r="D13868" s="6" t="s">
        <v>4244</v>
      </c>
      <c r="E13868" s="6">
        <v>41298</v>
      </c>
      <c r="F13868" s="6" t="s">
        <v>18</v>
      </c>
      <c r="G13868" s="6" t="s">
        <v>25702</v>
      </c>
      <c r="H13868" s="6" t="s">
        <v>25703</v>
      </c>
      <c r="I13868" s="7">
        <v>2.1955550000000001</v>
      </c>
      <c r="J13868" s="8">
        <v>-75.623280300000005</v>
      </c>
    </row>
    <row r="13869" spans="1:10" x14ac:dyDescent="0.35">
      <c r="A13869" s="5" t="s">
        <v>10</v>
      </c>
      <c r="B13869" s="6">
        <v>249050</v>
      </c>
      <c r="C13869" s="6" t="s">
        <v>190</v>
      </c>
      <c r="D13869" s="6" t="s">
        <v>191</v>
      </c>
      <c r="E13869" s="6">
        <v>5001</v>
      </c>
      <c r="F13869" s="6" t="s">
        <v>18</v>
      </c>
      <c r="G13869" s="6" t="s">
        <v>25704</v>
      </c>
      <c r="H13869" s="6" t="s">
        <v>25705</v>
      </c>
      <c r="I13869" s="7">
        <v>6.2979390999999998</v>
      </c>
      <c r="J13869" s="8">
        <v>-75.575783999999999</v>
      </c>
    </row>
    <row r="13870" spans="1:10" x14ac:dyDescent="0.35">
      <c r="A13870" s="5" t="s">
        <v>10</v>
      </c>
      <c r="B13870" s="6">
        <v>249062</v>
      </c>
      <c r="C13870" s="6" t="s">
        <v>16</v>
      </c>
      <c r="D13870" s="6" t="s">
        <v>1266</v>
      </c>
      <c r="E13870" s="6">
        <v>68081</v>
      </c>
      <c r="F13870" s="6" t="s">
        <v>18</v>
      </c>
      <c r="G13870" s="6" t="s">
        <v>21209</v>
      </c>
      <c r="H13870" s="6" t="s">
        <v>25706</v>
      </c>
      <c r="I13870" s="7">
        <v>7.0410171999999998</v>
      </c>
      <c r="J13870" s="8">
        <v>-73.845491999999993</v>
      </c>
    </row>
    <row r="13871" spans="1:10" x14ac:dyDescent="0.35">
      <c r="A13871" s="5" t="s">
        <v>10</v>
      </c>
      <c r="B13871" s="6">
        <v>249064</v>
      </c>
      <c r="C13871" s="6" t="s">
        <v>11</v>
      </c>
      <c r="D13871" s="6" t="s">
        <v>3724</v>
      </c>
      <c r="E13871" s="6">
        <v>25513</v>
      </c>
      <c r="F13871" s="6" t="s">
        <v>18</v>
      </c>
      <c r="G13871" s="6" t="s">
        <v>18320</v>
      </c>
      <c r="H13871" s="6" t="s">
        <v>25707</v>
      </c>
      <c r="I13871" s="7">
        <v>5.1323062000000004</v>
      </c>
      <c r="J13871" s="8">
        <v>-74.157700700000007</v>
      </c>
    </row>
    <row r="13872" spans="1:10" x14ac:dyDescent="0.35">
      <c r="A13872" s="5" t="s">
        <v>10</v>
      </c>
      <c r="B13872" s="6">
        <v>249065</v>
      </c>
      <c r="C13872" s="6" t="s">
        <v>68</v>
      </c>
      <c r="D13872" s="6" t="s">
        <v>69</v>
      </c>
      <c r="E13872" s="6">
        <v>11001</v>
      </c>
      <c r="F13872" s="6" t="s">
        <v>18</v>
      </c>
      <c r="G13872" s="6" t="s">
        <v>25708</v>
      </c>
      <c r="H13872" s="6" t="s">
        <v>25709</v>
      </c>
      <c r="I13872" s="7">
        <v>4.6221794999999997</v>
      </c>
      <c r="J13872" s="8">
        <v>-74.205734100000001</v>
      </c>
    </row>
    <row r="13873" spans="1:10" x14ac:dyDescent="0.35">
      <c r="A13873" s="5" t="s">
        <v>10</v>
      </c>
      <c r="B13873" s="6">
        <v>249070</v>
      </c>
      <c r="C13873" s="6" t="s">
        <v>308</v>
      </c>
      <c r="D13873" s="6" t="s">
        <v>10782</v>
      </c>
      <c r="E13873" s="6">
        <v>23570</v>
      </c>
      <c r="F13873" s="6" t="s">
        <v>18</v>
      </c>
      <c r="G13873" s="6" t="s">
        <v>113</v>
      </c>
      <c r="H13873" s="6" t="s">
        <v>25710</v>
      </c>
      <c r="I13873" s="7">
        <v>8.5016043000000003</v>
      </c>
      <c r="J13873" s="8">
        <v>-75.5087805</v>
      </c>
    </row>
    <row r="13874" spans="1:10" x14ac:dyDescent="0.35">
      <c r="A13874" s="5" t="s">
        <v>10</v>
      </c>
      <c r="B13874" s="6">
        <v>249072</v>
      </c>
      <c r="C13874" s="6" t="s">
        <v>109</v>
      </c>
      <c r="D13874" s="6" t="s">
        <v>227</v>
      </c>
      <c r="E13874" s="6">
        <v>13001</v>
      </c>
      <c r="F13874" s="6" t="s">
        <v>18</v>
      </c>
      <c r="G13874" s="6" t="s">
        <v>25711</v>
      </c>
      <c r="H13874" s="6" t="s">
        <v>25712</v>
      </c>
      <c r="I13874" s="7">
        <v>10.375712099999999</v>
      </c>
      <c r="J13874" s="8">
        <v>-75.478573499999996</v>
      </c>
    </row>
    <row r="13875" spans="1:10" x14ac:dyDescent="0.35">
      <c r="A13875" s="5" t="s">
        <v>10</v>
      </c>
      <c r="B13875" s="6">
        <v>249074</v>
      </c>
      <c r="C13875" s="6" t="s">
        <v>11</v>
      </c>
      <c r="D13875" s="6" t="s">
        <v>334</v>
      </c>
      <c r="E13875" s="6">
        <v>25754</v>
      </c>
      <c r="F13875" s="6" t="s">
        <v>18</v>
      </c>
      <c r="G13875" s="6" t="s">
        <v>25713</v>
      </c>
      <c r="H13875" s="6" t="s">
        <v>25714</v>
      </c>
      <c r="I13875" s="7">
        <v>4.5647754999999997</v>
      </c>
      <c r="J13875" s="8">
        <v>-74.236486499999998</v>
      </c>
    </row>
    <row r="13876" spans="1:10" x14ac:dyDescent="0.35">
      <c r="A13876" s="5" t="s">
        <v>10</v>
      </c>
      <c r="B13876" s="6">
        <v>249088</v>
      </c>
      <c r="C13876" s="6" t="s">
        <v>68</v>
      </c>
      <c r="D13876" s="6" t="s">
        <v>69</v>
      </c>
      <c r="E13876" s="6">
        <v>11001</v>
      </c>
      <c r="F13876" s="6" t="s">
        <v>2161</v>
      </c>
      <c r="G13876" s="6" t="s">
        <v>25715</v>
      </c>
      <c r="H13876" s="6" t="s">
        <v>25716</v>
      </c>
      <c r="I13876" s="7">
        <v>4.7034148</v>
      </c>
      <c r="J13876" s="8">
        <v>-74.095539700000003</v>
      </c>
    </row>
    <row r="13877" spans="1:10" x14ac:dyDescent="0.35">
      <c r="A13877" s="5" t="s">
        <v>10</v>
      </c>
      <c r="B13877" s="6">
        <v>249091</v>
      </c>
      <c r="C13877" s="6" t="s">
        <v>68</v>
      </c>
      <c r="D13877" s="6" t="s">
        <v>69</v>
      </c>
      <c r="E13877" s="6">
        <v>11001</v>
      </c>
      <c r="F13877" s="6" t="s">
        <v>18</v>
      </c>
      <c r="G13877" s="6" t="s">
        <v>25717</v>
      </c>
      <c r="H13877" s="6" t="s">
        <v>25718</v>
      </c>
      <c r="I13877" s="7">
        <v>4.6041572000000004</v>
      </c>
      <c r="J13877" s="8">
        <v>-74.090546399999994</v>
      </c>
    </row>
    <row r="13878" spans="1:10" x14ac:dyDescent="0.35">
      <c r="A13878" s="5" t="s">
        <v>10</v>
      </c>
      <c r="B13878" s="6">
        <v>249097</v>
      </c>
      <c r="C13878" s="6" t="s">
        <v>68</v>
      </c>
      <c r="D13878" s="6" t="s">
        <v>69</v>
      </c>
      <c r="E13878" s="6">
        <v>11001</v>
      </c>
      <c r="F13878" s="6" t="s">
        <v>18</v>
      </c>
      <c r="G13878" s="6" t="s">
        <v>25719</v>
      </c>
      <c r="H13878" s="6" t="s">
        <v>25720</v>
      </c>
      <c r="I13878" s="7">
        <v>4.5933219000000003</v>
      </c>
      <c r="J13878" s="8">
        <v>-74.130355100000003</v>
      </c>
    </row>
    <row r="13879" spans="1:10" x14ac:dyDescent="0.35">
      <c r="A13879" s="5" t="s">
        <v>10</v>
      </c>
      <c r="B13879" s="6">
        <v>249098</v>
      </c>
      <c r="C13879" s="6" t="s">
        <v>68</v>
      </c>
      <c r="D13879" s="6" t="s">
        <v>69</v>
      </c>
      <c r="E13879" s="6">
        <v>11001</v>
      </c>
      <c r="F13879" s="6" t="s">
        <v>18</v>
      </c>
      <c r="G13879" s="6" t="s">
        <v>25721</v>
      </c>
      <c r="H13879" s="6" t="s">
        <v>25722</v>
      </c>
      <c r="I13879" s="7">
        <v>4.6047579000000001</v>
      </c>
      <c r="J13879" s="8">
        <v>-74.154018500000006</v>
      </c>
    </row>
    <row r="13880" spans="1:10" x14ac:dyDescent="0.35">
      <c r="A13880" s="5" t="s">
        <v>10</v>
      </c>
      <c r="B13880" s="6">
        <v>249108</v>
      </c>
      <c r="C13880" s="6" t="s">
        <v>61</v>
      </c>
      <c r="D13880" s="6" t="s">
        <v>121</v>
      </c>
      <c r="E13880" s="6">
        <v>63130</v>
      </c>
      <c r="F13880" s="6" t="s">
        <v>18</v>
      </c>
      <c r="G13880" s="6" t="s">
        <v>25723</v>
      </c>
      <c r="H13880" s="6" t="s">
        <v>25724</v>
      </c>
      <c r="I13880" s="7">
        <v>4.5392086000000003</v>
      </c>
      <c r="J13880" s="8">
        <v>-75.640967799999999</v>
      </c>
    </row>
    <row r="13881" spans="1:10" x14ac:dyDescent="0.35">
      <c r="A13881" s="5" t="s">
        <v>10</v>
      </c>
      <c r="B13881" s="6">
        <v>249146</v>
      </c>
      <c r="C13881" s="6" t="s">
        <v>68</v>
      </c>
      <c r="D13881" s="6" t="s">
        <v>69</v>
      </c>
      <c r="E13881" s="6">
        <v>11001</v>
      </c>
      <c r="F13881" s="6" t="s">
        <v>18</v>
      </c>
      <c r="G13881" s="6" t="s">
        <v>25725</v>
      </c>
      <c r="H13881" s="6" t="s">
        <v>25726</v>
      </c>
      <c r="I13881" s="7">
        <v>4.5765630000000002</v>
      </c>
      <c r="J13881" s="8">
        <v>-74.153589999999994</v>
      </c>
    </row>
    <row r="13882" spans="1:10" x14ac:dyDescent="0.35">
      <c r="A13882" s="5" t="s">
        <v>10</v>
      </c>
      <c r="B13882" s="6">
        <v>246727</v>
      </c>
      <c r="C13882" s="6" t="s">
        <v>11</v>
      </c>
      <c r="D13882" s="6" t="s">
        <v>1547</v>
      </c>
      <c r="E13882" s="6">
        <v>25817</v>
      </c>
      <c r="F13882" s="6" t="s">
        <v>13</v>
      </c>
      <c r="G13882" s="6" t="s">
        <v>25727</v>
      </c>
      <c r="H13882" s="6" t="s">
        <v>25728</v>
      </c>
      <c r="I13882" s="7">
        <v>4.96413885425864</v>
      </c>
      <c r="J13882" s="8">
        <v>-73.914885903033095</v>
      </c>
    </row>
    <row r="13883" spans="1:10" x14ac:dyDescent="0.35">
      <c r="A13883" s="5" t="s">
        <v>10</v>
      </c>
      <c r="B13883" s="6">
        <v>246731</v>
      </c>
      <c r="C13883" s="6" t="s">
        <v>68</v>
      </c>
      <c r="D13883" s="6" t="s">
        <v>69</v>
      </c>
      <c r="E13883" s="6">
        <v>11001</v>
      </c>
      <c r="F13883" s="6" t="s">
        <v>13</v>
      </c>
      <c r="G13883" s="6" t="s">
        <v>9321</v>
      </c>
      <c r="H13883" s="6" t="s">
        <v>9322</v>
      </c>
      <c r="I13883" s="7">
        <v>4.5787523670148502</v>
      </c>
      <c r="J13883" s="8">
        <v>-74.099394045361294</v>
      </c>
    </row>
    <row r="13884" spans="1:10" x14ac:dyDescent="0.35">
      <c r="A13884" s="5" t="s">
        <v>10</v>
      </c>
      <c r="B13884" s="6">
        <v>246731</v>
      </c>
      <c r="C13884" s="6" t="s">
        <v>68</v>
      </c>
      <c r="D13884" s="6" t="s">
        <v>69</v>
      </c>
      <c r="E13884" s="6">
        <v>11001</v>
      </c>
      <c r="F13884" s="6" t="s">
        <v>13</v>
      </c>
      <c r="G13884" s="6" t="s">
        <v>9321</v>
      </c>
      <c r="H13884" s="6" t="s">
        <v>9322</v>
      </c>
      <c r="I13884" s="7">
        <v>4.5787523670148502</v>
      </c>
      <c r="J13884" s="8">
        <v>-74.099394045361294</v>
      </c>
    </row>
    <row r="13885" spans="1:10" x14ac:dyDescent="0.35">
      <c r="A13885" s="5" t="s">
        <v>10</v>
      </c>
      <c r="B13885" s="6">
        <v>246731</v>
      </c>
      <c r="C13885" s="6" t="s">
        <v>68</v>
      </c>
      <c r="D13885" s="6" t="s">
        <v>69</v>
      </c>
      <c r="E13885" s="6">
        <v>11001</v>
      </c>
      <c r="F13885" s="6" t="s">
        <v>13</v>
      </c>
      <c r="G13885" s="6" t="s">
        <v>9321</v>
      </c>
      <c r="H13885" s="6" t="s">
        <v>9322</v>
      </c>
      <c r="I13885" s="7">
        <v>4.5787523670148502</v>
      </c>
      <c r="J13885" s="8">
        <v>-74.099394045361294</v>
      </c>
    </row>
    <row r="13886" spans="1:10" x14ac:dyDescent="0.35">
      <c r="A13886" s="5" t="s">
        <v>10</v>
      </c>
      <c r="B13886" s="6">
        <v>246968</v>
      </c>
      <c r="C13886" s="6" t="s">
        <v>11</v>
      </c>
      <c r="D13886" s="6" t="s">
        <v>221</v>
      </c>
      <c r="E13886" s="6">
        <v>25430</v>
      </c>
      <c r="F13886" s="6" t="s">
        <v>13</v>
      </c>
      <c r="G13886" s="6" t="s">
        <v>25729</v>
      </c>
      <c r="H13886" s="6" t="s">
        <v>25730</v>
      </c>
      <c r="I13886" s="7">
        <v>4.7335684999999996</v>
      </c>
      <c r="J13886" s="8">
        <v>-74.278987200000003</v>
      </c>
    </row>
    <row r="13887" spans="1:10" x14ac:dyDescent="0.35">
      <c r="A13887" s="5" t="s">
        <v>10</v>
      </c>
      <c r="B13887" s="6">
        <v>248544</v>
      </c>
      <c r="C13887" s="6" t="s">
        <v>68</v>
      </c>
      <c r="D13887" s="6" t="s">
        <v>69</v>
      </c>
      <c r="E13887" s="6">
        <v>11001</v>
      </c>
      <c r="F13887" s="6" t="s">
        <v>13</v>
      </c>
      <c r="G13887" s="6" t="s">
        <v>25731</v>
      </c>
      <c r="H13887" s="6" t="s">
        <v>25732</v>
      </c>
      <c r="I13887" s="7">
        <v>4.6152438</v>
      </c>
      <c r="J13887" s="8">
        <v>-74.197367700000001</v>
      </c>
    </row>
    <row r="13888" spans="1:10" x14ac:dyDescent="0.35">
      <c r="A13888" s="5" t="s">
        <v>10</v>
      </c>
      <c r="B13888" s="6">
        <v>248732</v>
      </c>
      <c r="C13888" s="6" t="s">
        <v>294</v>
      </c>
      <c r="D13888" s="6" t="s">
        <v>703</v>
      </c>
      <c r="E13888" s="6">
        <v>41001</v>
      </c>
      <c r="F13888" s="6" t="s">
        <v>70</v>
      </c>
      <c r="G13888" s="6" t="s">
        <v>25069</v>
      </c>
      <c r="H13888" s="6" t="s">
        <v>25733</v>
      </c>
      <c r="I13888" s="7">
        <v>2.9138351</v>
      </c>
      <c r="J13888" s="8">
        <v>-75.269414600000005</v>
      </c>
    </row>
    <row r="13889" spans="1:10" x14ac:dyDescent="0.35">
      <c r="A13889" s="5" t="s">
        <v>10</v>
      </c>
      <c r="B13889" s="6">
        <v>249108</v>
      </c>
      <c r="C13889" s="6" t="s">
        <v>61</v>
      </c>
      <c r="D13889" s="6" t="s">
        <v>121</v>
      </c>
      <c r="E13889" s="6">
        <v>63130</v>
      </c>
      <c r="F13889" s="6" t="s">
        <v>18</v>
      </c>
      <c r="G13889" s="6" t="s">
        <v>25723</v>
      </c>
      <c r="H13889" s="6" t="s">
        <v>25724</v>
      </c>
      <c r="I13889" s="7">
        <v>4.5392086000000003</v>
      </c>
      <c r="J13889" s="8">
        <v>-75.640967799999999</v>
      </c>
    </row>
    <row r="13890" spans="1:10" x14ac:dyDescent="0.35">
      <c r="A13890" s="5" t="s">
        <v>10</v>
      </c>
      <c r="B13890" s="6">
        <v>248044</v>
      </c>
      <c r="C13890" s="6" t="s">
        <v>68</v>
      </c>
      <c r="D13890" s="6" t="s">
        <v>69</v>
      </c>
      <c r="E13890" s="6">
        <v>11001</v>
      </c>
      <c r="F13890" s="6" t="s">
        <v>13</v>
      </c>
      <c r="G13890" s="6" t="s">
        <v>25734</v>
      </c>
      <c r="H13890" s="6" t="s">
        <v>25735</v>
      </c>
      <c r="I13890" s="7">
        <v>4.5855391000000001</v>
      </c>
      <c r="J13890" s="8">
        <v>-74.179666299999994</v>
      </c>
    </row>
    <row r="13891" spans="1:10" x14ac:dyDescent="0.35">
      <c r="A13891" s="5" t="s">
        <v>10</v>
      </c>
      <c r="B13891" s="6">
        <v>248225</v>
      </c>
      <c r="C13891" s="6" t="s">
        <v>55</v>
      </c>
      <c r="D13891" s="6" t="s">
        <v>56</v>
      </c>
      <c r="E13891" s="6">
        <v>73001</v>
      </c>
      <c r="F13891" s="6" t="s">
        <v>70</v>
      </c>
      <c r="G13891" s="6" t="s">
        <v>25736</v>
      </c>
      <c r="H13891" s="6" t="s">
        <v>25737</v>
      </c>
      <c r="I13891" s="7">
        <v>4.4453060999999998</v>
      </c>
      <c r="J13891" s="8">
        <v>-75.246672200000006</v>
      </c>
    </row>
    <row r="13892" spans="1:10" x14ac:dyDescent="0.35">
      <c r="A13892" s="5" t="s">
        <v>10</v>
      </c>
      <c r="B13892" s="6">
        <v>248713</v>
      </c>
      <c r="C13892" s="6" t="s">
        <v>11</v>
      </c>
      <c r="D13892" s="6" t="s">
        <v>334</v>
      </c>
      <c r="E13892" s="6">
        <v>25754</v>
      </c>
      <c r="F13892" s="6" t="s">
        <v>13</v>
      </c>
      <c r="G13892" s="6" t="s">
        <v>25738</v>
      </c>
      <c r="H13892" s="6" t="s">
        <v>25739</v>
      </c>
      <c r="I13892" s="7">
        <v>4.6102204000000002</v>
      </c>
      <c r="J13892" s="8">
        <v>-74.214493300000001</v>
      </c>
    </row>
    <row r="13893" spans="1:10" x14ac:dyDescent="0.35">
      <c r="A13893" s="5" t="s">
        <v>10</v>
      </c>
      <c r="B13893" s="6">
        <v>192462</v>
      </c>
      <c r="C13893" s="6" t="s">
        <v>11</v>
      </c>
      <c r="D13893" s="6" t="s">
        <v>334</v>
      </c>
      <c r="E13893" s="6">
        <v>25754</v>
      </c>
      <c r="F13893" s="6" t="s">
        <v>18</v>
      </c>
      <c r="G13893" s="6" t="s">
        <v>22264</v>
      </c>
      <c r="H13893" s="6" t="s">
        <v>25740</v>
      </c>
      <c r="I13893" s="7">
        <v>4.5796874999999897</v>
      </c>
      <c r="J13893" s="8">
        <v>-74.212259699999905</v>
      </c>
    </row>
    <row r="13894" spans="1:10" x14ac:dyDescent="0.35">
      <c r="A13894" s="5" t="s">
        <v>10</v>
      </c>
      <c r="B13894" s="6">
        <v>232016</v>
      </c>
      <c r="C13894" s="6" t="s">
        <v>16</v>
      </c>
      <c r="D13894" s="6" t="s">
        <v>2825</v>
      </c>
      <c r="E13894" s="6">
        <v>68276</v>
      </c>
      <c r="F13894" s="6" t="s">
        <v>18</v>
      </c>
      <c r="G13894" s="6" t="s">
        <v>25741</v>
      </c>
      <c r="H13894" s="6" t="s">
        <v>25742</v>
      </c>
      <c r="I13894" s="7">
        <v>7.0812495000000002</v>
      </c>
      <c r="J13894" s="8">
        <v>-73.100197600000001</v>
      </c>
    </row>
    <row r="13895" spans="1:10" x14ac:dyDescent="0.35">
      <c r="A13895" s="5" t="s">
        <v>10</v>
      </c>
      <c r="B13895" s="6">
        <v>232026</v>
      </c>
      <c r="C13895" s="6" t="s">
        <v>94</v>
      </c>
      <c r="D13895" s="6" t="s">
        <v>98</v>
      </c>
      <c r="E13895" s="6">
        <v>66001</v>
      </c>
      <c r="F13895" s="6" t="s">
        <v>18</v>
      </c>
      <c r="G13895" s="6" t="s">
        <v>25743</v>
      </c>
      <c r="H13895" s="6" t="s">
        <v>25744</v>
      </c>
      <c r="I13895" s="7">
        <v>4.8153778999999997</v>
      </c>
      <c r="J13895" s="8">
        <v>-75.693960899999993</v>
      </c>
    </row>
    <row r="13896" spans="1:10" x14ac:dyDescent="0.35">
      <c r="A13896" s="5" t="s">
        <v>10</v>
      </c>
      <c r="B13896" s="6">
        <v>232465</v>
      </c>
      <c r="C13896" s="6" t="s">
        <v>68</v>
      </c>
      <c r="D13896" s="6" t="s">
        <v>69</v>
      </c>
      <c r="E13896" s="6">
        <v>11001</v>
      </c>
      <c r="F13896" s="6" t="s">
        <v>18</v>
      </c>
      <c r="G13896" s="6" t="s">
        <v>25745</v>
      </c>
      <c r="H13896" s="6" t="s">
        <v>25746</v>
      </c>
      <c r="I13896" s="7">
        <v>4.6753552000000003</v>
      </c>
      <c r="J13896" s="8">
        <v>-74.145852599999998</v>
      </c>
    </row>
    <row r="13897" spans="1:10" x14ac:dyDescent="0.35">
      <c r="A13897" s="5" t="s">
        <v>10</v>
      </c>
      <c r="B13897" s="6">
        <v>228917</v>
      </c>
      <c r="C13897" s="6" t="s">
        <v>68</v>
      </c>
      <c r="D13897" s="6" t="s">
        <v>69</v>
      </c>
      <c r="E13897" s="6">
        <v>11001</v>
      </c>
      <c r="F13897" s="6" t="s">
        <v>18</v>
      </c>
      <c r="G13897" s="6" t="s">
        <v>25747</v>
      </c>
      <c r="H13897" s="6" t="s">
        <v>25748</v>
      </c>
      <c r="I13897" s="7">
        <v>4.5681517999999999</v>
      </c>
      <c r="J13897" s="8">
        <v>-74.094327399999997</v>
      </c>
    </row>
    <row r="13898" spans="1:10" x14ac:dyDescent="0.35">
      <c r="A13898" s="5" t="s">
        <v>10</v>
      </c>
      <c r="B13898" s="6">
        <v>233513</v>
      </c>
      <c r="C13898" s="6" t="s">
        <v>68</v>
      </c>
      <c r="D13898" s="6" t="s">
        <v>69</v>
      </c>
      <c r="E13898" s="6">
        <v>11001</v>
      </c>
      <c r="F13898" s="6" t="s">
        <v>18</v>
      </c>
      <c r="G13898" s="6" t="s">
        <v>25749</v>
      </c>
      <c r="H13898" s="6" t="s">
        <v>25750</v>
      </c>
      <c r="I13898" s="7">
        <v>4.6443599999999998</v>
      </c>
      <c r="J13898" s="8">
        <v>-74.19444</v>
      </c>
    </row>
    <row r="13899" spans="1:10" x14ac:dyDescent="0.35">
      <c r="A13899" s="5" t="s">
        <v>10</v>
      </c>
      <c r="B13899" s="6">
        <v>234736</v>
      </c>
      <c r="C13899" s="6" t="s">
        <v>68</v>
      </c>
      <c r="D13899" s="6" t="s">
        <v>69</v>
      </c>
      <c r="E13899" s="6">
        <v>11001</v>
      </c>
      <c r="F13899" s="6" t="s">
        <v>18</v>
      </c>
      <c r="G13899" s="6" t="s">
        <v>25751</v>
      </c>
      <c r="H13899" s="6" t="s">
        <v>25752</v>
      </c>
      <c r="I13899" s="7">
        <v>4.6193536999999996</v>
      </c>
      <c r="J13899" s="8">
        <v>-74.1957855</v>
      </c>
    </row>
    <row r="13900" spans="1:10" x14ac:dyDescent="0.35">
      <c r="A13900" s="5" t="s">
        <v>10</v>
      </c>
      <c r="B13900" s="6">
        <v>238279</v>
      </c>
      <c r="C13900" s="6" t="s">
        <v>11</v>
      </c>
      <c r="D13900" s="6" t="s">
        <v>334</v>
      </c>
      <c r="E13900" s="6">
        <v>25754</v>
      </c>
      <c r="F13900" s="6" t="s">
        <v>18</v>
      </c>
      <c r="G13900" s="6" t="s">
        <v>24115</v>
      </c>
      <c r="H13900" s="6" t="s">
        <v>24116</v>
      </c>
      <c r="I13900" s="7">
        <v>4.5782518999999997</v>
      </c>
      <c r="J13900" s="8">
        <v>-74.230328099999994</v>
      </c>
    </row>
    <row r="13901" spans="1:10" x14ac:dyDescent="0.35">
      <c r="A13901" s="5" t="s">
        <v>10</v>
      </c>
      <c r="B13901" s="6">
        <v>244916</v>
      </c>
      <c r="C13901" s="6" t="s">
        <v>366</v>
      </c>
      <c r="D13901" s="6" t="s">
        <v>7786</v>
      </c>
      <c r="E13901" s="6">
        <v>44378</v>
      </c>
      <c r="F13901" s="6" t="s">
        <v>18</v>
      </c>
      <c r="G13901" s="6" t="s">
        <v>25753</v>
      </c>
      <c r="H13901" s="6" t="s">
        <v>25754</v>
      </c>
      <c r="I13901" s="7">
        <v>11.066345</v>
      </c>
      <c r="J13901" s="8">
        <v>-72.762546</v>
      </c>
    </row>
    <row r="13902" spans="1:10" x14ac:dyDescent="0.35">
      <c r="A13902" s="5" t="s">
        <v>10</v>
      </c>
      <c r="B13902" s="6">
        <v>245071</v>
      </c>
      <c r="C13902" s="6" t="s">
        <v>68</v>
      </c>
      <c r="D13902" s="6" t="s">
        <v>69</v>
      </c>
      <c r="E13902" s="6">
        <v>11001</v>
      </c>
      <c r="F13902" s="6" t="s">
        <v>18</v>
      </c>
      <c r="G13902" s="6" t="s">
        <v>25755</v>
      </c>
      <c r="H13902" s="6" t="s">
        <v>25756</v>
      </c>
      <c r="I13902" s="7">
        <v>4.5694435000000002</v>
      </c>
      <c r="J13902" s="8">
        <v>-74.078434400000006</v>
      </c>
    </row>
    <row r="13903" spans="1:10" x14ac:dyDescent="0.35">
      <c r="A13903" s="5" t="s">
        <v>10</v>
      </c>
      <c r="B13903" s="6">
        <v>247406</v>
      </c>
      <c r="C13903" s="6" t="s">
        <v>68</v>
      </c>
      <c r="D13903" s="6" t="s">
        <v>69</v>
      </c>
      <c r="E13903" s="6">
        <v>11001</v>
      </c>
      <c r="F13903" s="6" t="s">
        <v>18</v>
      </c>
      <c r="G13903" s="6" t="s">
        <v>25757</v>
      </c>
      <c r="H13903" s="6" t="s">
        <v>25758</v>
      </c>
      <c r="I13903" s="7">
        <v>4.5814781</v>
      </c>
      <c r="J13903" s="8">
        <v>-74.185105399999998</v>
      </c>
    </row>
    <row r="13904" spans="1:10" x14ac:dyDescent="0.35">
      <c r="A13904" s="5" t="s">
        <v>10</v>
      </c>
      <c r="B13904" s="6">
        <v>245080</v>
      </c>
      <c r="C13904" s="6" t="s">
        <v>68</v>
      </c>
      <c r="D13904" s="6" t="s">
        <v>69</v>
      </c>
      <c r="E13904" s="6">
        <v>11001</v>
      </c>
      <c r="F13904" s="6" t="s">
        <v>18</v>
      </c>
      <c r="G13904" s="6" t="s">
        <v>25759</v>
      </c>
      <c r="H13904" s="6" t="s">
        <v>25760</v>
      </c>
      <c r="I13904" s="7">
        <v>4.7066682000000002</v>
      </c>
      <c r="J13904" s="8">
        <v>-74.125339100000005</v>
      </c>
    </row>
    <row r="13905" spans="1:10" x14ac:dyDescent="0.35">
      <c r="A13905" s="5" t="s">
        <v>10</v>
      </c>
      <c r="B13905" s="6">
        <v>245383</v>
      </c>
      <c r="C13905" s="6" t="s">
        <v>2821</v>
      </c>
      <c r="D13905" s="6" t="s">
        <v>25761</v>
      </c>
      <c r="E13905" s="6">
        <v>47268</v>
      </c>
      <c r="F13905" s="6" t="s">
        <v>18</v>
      </c>
      <c r="G13905" s="6" t="s">
        <v>25762</v>
      </c>
      <c r="H13905" s="6" t="s">
        <v>25763</v>
      </c>
      <c r="I13905" s="7">
        <v>10.611793</v>
      </c>
      <c r="J13905" s="8">
        <v>-74.269383000000005</v>
      </c>
    </row>
    <row r="13906" spans="1:10" x14ac:dyDescent="0.35">
      <c r="A13906" s="5" t="s">
        <v>10</v>
      </c>
      <c r="B13906" s="6">
        <v>245939</v>
      </c>
      <c r="C13906" s="6" t="s">
        <v>24</v>
      </c>
      <c r="D13906" s="6" t="s">
        <v>88</v>
      </c>
      <c r="E13906" s="6">
        <v>15001</v>
      </c>
      <c r="F13906" s="6" t="s">
        <v>18</v>
      </c>
      <c r="G13906" s="6" t="s">
        <v>25764</v>
      </c>
      <c r="H13906" s="6" t="s">
        <v>25765</v>
      </c>
      <c r="I13906" s="7">
        <v>5.5353671999999996</v>
      </c>
      <c r="J13906" s="8">
        <v>-73.356413399999994</v>
      </c>
    </row>
    <row r="13907" spans="1:10" x14ac:dyDescent="0.35">
      <c r="A13907" s="5" t="s">
        <v>10</v>
      </c>
      <c r="B13907" s="6">
        <v>246343</v>
      </c>
      <c r="C13907" s="6" t="s">
        <v>366</v>
      </c>
      <c r="D13907" s="6" t="s">
        <v>8296</v>
      </c>
      <c r="E13907" s="6">
        <v>44001</v>
      </c>
      <c r="F13907" s="6" t="s">
        <v>18</v>
      </c>
      <c r="G13907" s="6" t="s">
        <v>25766</v>
      </c>
      <c r="H13907" s="6" t="s">
        <v>25767</v>
      </c>
      <c r="I13907" s="7">
        <v>11.5366795</v>
      </c>
      <c r="J13907" s="8">
        <v>-72.915663899999998</v>
      </c>
    </row>
    <row r="13908" spans="1:10" x14ac:dyDescent="0.35">
      <c r="A13908" s="5" t="s">
        <v>10</v>
      </c>
      <c r="B13908" s="6">
        <v>246649</v>
      </c>
      <c r="C13908" s="6" t="s">
        <v>68</v>
      </c>
      <c r="D13908" s="6" t="s">
        <v>69</v>
      </c>
      <c r="E13908" s="6">
        <v>11001</v>
      </c>
      <c r="F13908" s="6" t="s">
        <v>18</v>
      </c>
      <c r="G13908" s="6" t="s">
        <v>25768</v>
      </c>
      <c r="H13908" s="6" t="s">
        <v>25769</v>
      </c>
      <c r="I13908" s="7">
        <v>4.6052989000000002</v>
      </c>
      <c r="J13908" s="8">
        <v>-74.155546200000003</v>
      </c>
    </row>
    <row r="13909" spans="1:10" x14ac:dyDescent="0.35">
      <c r="A13909" s="5" t="s">
        <v>10</v>
      </c>
      <c r="B13909" s="6">
        <v>248645</v>
      </c>
      <c r="C13909" s="6" t="s">
        <v>16</v>
      </c>
      <c r="D13909" s="6" t="s">
        <v>1401</v>
      </c>
      <c r="E13909" s="6">
        <v>68307</v>
      </c>
      <c r="F13909" s="6" t="s">
        <v>18</v>
      </c>
      <c r="G13909" s="6" t="s">
        <v>25770</v>
      </c>
      <c r="H13909" s="6" t="s">
        <v>25771</v>
      </c>
      <c r="I13909" s="7">
        <v>7.0795054999999998</v>
      </c>
      <c r="J13909" s="8">
        <v>-73.174946599999998</v>
      </c>
    </row>
    <row r="13910" spans="1:10" x14ac:dyDescent="0.35">
      <c r="A13910" s="5" t="s">
        <v>10</v>
      </c>
      <c r="B13910" s="6">
        <v>246822</v>
      </c>
      <c r="C13910" s="6" t="s">
        <v>11</v>
      </c>
      <c r="D13910" s="6" t="s">
        <v>1547</v>
      </c>
      <c r="E13910" s="6">
        <v>25817</v>
      </c>
      <c r="F13910" s="6" t="s">
        <v>18</v>
      </c>
      <c r="G13910" s="6" t="s">
        <v>25772</v>
      </c>
      <c r="H13910" s="6" t="s">
        <v>25773</v>
      </c>
      <c r="I13910" s="7">
        <v>4.9659373000000002</v>
      </c>
      <c r="J13910" s="8">
        <v>-73.913059899999993</v>
      </c>
    </row>
    <row r="13911" spans="1:10" x14ac:dyDescent="0.35">
      <c r="A13911" s="5" t="s">
        <v>10</v>
      </c>
      <c r="B13911" s="6">
        <v>246914</v>
      </c>
      <c r="C13911" s="6" t="s">
        <v>11</v>
      </c>
      <c r="D13911" s="6" t="s">
        <v>8897</v>
      </c>
      <c r="E13911" s="6">
        <v>25335</v>
      </c>
      <c r="F13911" s="6" t="s">
        <v>18</v>
      </c>
      <c r="G13911" s="6" t="s">
        <v>25774</v>
      </c>
      <c r="H13911" s="6" t="s">
        <v>25775</v>
      </c>
      <c r="I13911" s="7">
        <v>4.2165499999999998</v>
      </c>
      <c r="J13911" s="8">
        <v>-73.816550300000003</v>
      </c>
    </row>
    <row r="13912" spans="1:10" x14ac:dyDescent="0.35">
      <c r="A13912" s="5" t="s">
        <v>10</v>
      </c>
      <c r="B13912" s="6">
        <v>247384</v>
      </c>
      <c r="C13912" s="6" t="s">
        <v>117</v>
      </c>
      <c r="D13912" s="6" t="s">
        <v>3860</v>
      </c>
      <c r="E13912" s="6">
        <v>76130</v>
      </c>
      <c r="F13912" s="6" t="s">
        <v>18</v>
      </c>
      <c r="G13912" s="6" t="s">
        <v>25776</v>
      </c>
      <c r="H13912" s="6" t="s">
        <v>25777</v>
      </c>
      <c r="I13912" s="7">
        <v>3.4102305999999998</v>
      </c>
      <c r="J13912" s="8">
        <v>-76.349286899999996</v>
      </c>
    </row>
    <row r="13913" spans="1:10" x14ac:dyDescent="0.35">
      <c r="A13913" s="5" t="s">
        <v>10</v>
      </c>
      <c r="B13913" s="6">
        <v>247423</v>
      </c>
      <c r="C13913" s="6" t="s">
        <v>68</v>
      </c>
      <c r="D13913" s="6" t="s">
        <v>69</v>
      </c>
      <c r="E13913" s="6">
        <v>11001</v>
      </c>
      <c r="F13913" s="6" t="s">
        <v>18</v>
      </c>
      <c r="G13913" s="6" t="s">
        <v>25778</v>
      </c>
      <c r="H13913" s="6" t="s">
        <v>25779</v>
      </c>
      <c r="I13913" s="7">
        <v>4.6143447999999996</v>
      </c>
      <c r="J13913" s="8">
        <v>-74.196401300000005</v>
      </c>
    </row>
    <row r="13914" spans="1:10" x14ac:dyDescent="0.35">
      <c r="A13914" s="5" t="s">
        <v>10</v>
      </c>
      <c r="B13914" s="6">
        <v>247709</v>
      </c>
      <c r="C13914" s="6" t="s">
        <v>94</v>
      </c>
      <c r="D13914" s="6" t="s">
        <v>242</v>
      </c>
      <c r="E13914" s="6">
        <v>66682</v>
      </c>
      <c r="F13914" s="6" t="s">
        <v>18</v>
      </c>
      <c r="G13914" s="6" t="s">
        <v>25780</v>
      </c>
      <c r="H13914" s="6" t="s">
        <v>25781</v>
      </c>
      <c r="I13914" s="7">
        <v>4.8701210000000001</v>
      </c>
      <c r="J13914" s="8">
        <v>-75.622389999999996</v>
      </c>
    </row>
    <row r="13915" spans="1:10" x14ac:dyDescent="0.35">
      <c r="A13915" s="5" t="s">
        <v>10</v>
      </c>
      <c r="B13915" s="6">
        <v>247786</v>
      </c>
      <c r="C13915" s="6" t="s">
        <v>68</v>
      </c>
      <c r="D13915" s="6" t="s">
        <v>69</v>
      </c>
      <c r="E13915" s="6">
        <v>11001</v>
      </c>
      <c r="F13915" s="6" t="s">
        <v>18</v>
      </c>
      <c r="G13915" s="6" t="s">
        <v>25782</v>
      </c>
      <c r="H13915" s="6" t="s">
        <v>25783</v>
      </c>
      <c r="I13915" s="7">
        <v>4.5112446999999998</v>
      </c>
      <c r="J13915" s="8">
        <v>-74.116257700000006</v>
      </c>
    </row>
    <row r="13916" spans="1:10" x14ac:dyDescent="0.35">
      <c r="A13916" s="5" t="s">
        <v>10</v>
      </c>
      <c r="B13916" s="6">
        <v>248157</v>
      </c>
      <c r="C13916" s="6" t="s">
        <v>68</v>
      </c>
      <c r="D13916" s="6" t="s">
        <v>69</v>
      </c>
      <c r="E13916" s="6">
        <v>11001</v>
      </c>
      <c r="F13916" s="6" t="s">
        <v>18</v>
      </c>
      <c r="G13916" s="6" t="s">
        <v>25784</v>
      </c>
      <c r="H13916" s="6" t="s">
        <v>25785</v>
      </c>
      <c r="I13916" s="7">
        <v>4.5666934000000001</v>
      </c>
      <c r="J13916" s="8">
        <v>-74.101766900000001</v>
      </c>
    </row>
    <row r="13917" spans="1:10" x14ac:dyDescent="0.35">
      <c r="A13917" s="5" t="s">
        <v>10</v>
      </c>
      <c r="B13917" s="6">
        <v>248217</v>
      </c>
      <c r="C13917" s="6" t="s">
        <v>16</v>
      </c>
      <c r="D13917" s="6" t="s">
        <v>1266</v>
      </c>
      <c r="E13917" s="6">
        <v>68081</v>
      </c>
      <c r="F13917" s="6" t="s">
        <v>18</v>
      </c>
      <c r="G13917" s="6" t="s">
        <v>22109</v>
      </c>
      <c r="H13917" s="6" t="s">
        <v>25786</v>
      </c>
      <c r="I13917" s="7">
        <v>7.0607683000000003</v>
      </c>
      <c r="J13917" s="8">
        <v>-73.868836200000004</v>
      </c>
    </row>
    <row r="13918" spans="1:10" x14ac:dyDescent="0.35">
      <c r="A13918" s="5" t="s">
        <v>10</v>
      </c>
      <c r="B13918" s="6">
        <v>248291</v>
      </c>
      <c r="C13918" s="6" t="s">
        <v>294</v>
      </c>
      <c r="D13918" s="6" t="s">
        <v>703</v>
      </c>
      <c r="E13918" s="6">
        <v>41001</v>
      </c>
      <c r="F13918" s="6" t="s">
        <v>18</v>
      </c>
      <c r="G13918" s="6" t="s">
        <v>25787</v>
      </c>
      <c r="H13918" s="6" t="s">
        <v>25788</v>
      </c>
      <c r="I13918" s="7">
        <v>2.9228054999999999</v>
      </c>
      <c r="J13918" s="8">
        <v>-75.291546299999993</v>
      </c>
    </row>
    <row r="13919" spans="1:10" x14ac:dyDescent="0.35">
      <c r="A13919" s="5" t="s">
        <v>10</v>
      </c>
      <c r="B13919" s="6">
        <v>248311</v>
      </c>
      <c r="C13919" s="6" t="s">
        <v>4364</v>
      </c>
      <c r="D13919" s="6" t="s">
        <v>8079</v>
      </c>
      <c r="E13919" s="6">
        <v>70215</v>
      </c>
      <c r="F13919" s="6" t="s">
        <v>18</v>
      </c>
      <c r="G13919" s="6" t="s">
        <v>25789</v>
      </c>
      <c r="H13919" s="6" t="s">
        <v>25790</v>
      </c>
      <c r="I13919" s="7">
        <v>9.3111996999999995</v>
      </c>
      <c r="J13919" s="8">
        <v>-75.294108600000001</v>
      </c>
    </row>
    <row r="13920" spans="1:10" x14ac:dyDescent="0.35">
      <c r="A13920" s="5" t="s">
        <v>10</v>
      </c>
      <c r="B13920" s="6">
        <v>248355</v>
      </c>
      <c r="C13920" s="6" t="s">
        <v>68</v>
      </c>
      <c r="D13920" s="6" t="s">
        <v>69</v>
      </c>
      <c r="E13920" s="6">
        <v>11001</v>
      </c>
      <c r="F13920" s="6" t="s">
        <v>18</v>
      </c>
      <c r="G13920" s="6" t="s">
        <v>25791</v>
      </c>
      <c r="H13920" s="6" t="s">
        <v>25792</v>
      </c>
      <c r="I13920" s="7">
        <v>4.7109886000000003</v>
      </c>
      <c r="J13920" s="8">
        <v>-74.072091999999998</v>
      </c>
    </row>
    <row r="13921" spans="1:10" x14ac:dyDescent="0.35">
      <c r="A13921" s="5" t="s">
        <v>10</v>
      </c>
      <c r="B13921" s="6">
        <v>248443</v>
      </c>
      <c r="C13921" s="6" t="s">
        <v>117</v>
      </c>
      <c r="D13921" s="6" t="s">
        <v>1334</v>
      </c>
      <c r="E13921" s="6">
        <v>76001</v>
      </c>
      <c r="F13921" s="6" t="s">
        <v>18</v>
      </c>
      <c r="G13921" s="6" t="s">
        <v>25437</v>
      </c>
      <c r="H13921" s="6" t="s">
        <v>25793</v>
      </c>
      <c r="I13921" s="7">
        <v>3.4306255000000001</v>
      </c>
      <c r="J13921" s="8">
        <v>-76.517985300000007</v>
      </c>
    </row>
    <row r="13922" spans="1:10" x14ac:dyDescent="0.35">
      <c r="A13922" s="5" t="s">
        <v>10</v>
      </c>
      <c r="B13922" s="6">
        <v>248445</v>
      </c>
      <c r="C13922" s="6" t="s">
        <v>68</v>
      </c>
      <c r="D13922" s="6" t="s">
        <v>69</v>
      </c>
      <c r="E13922" s="6">
        <v>11001</v>
      </c>
      <c r="F13922" s="6" t="s">
        <v>18</v>
      </c>
      <c r="G13922" s="6" t="s">
        <v>25794</v>
      </c>
      <c r="H13922" s="6" t="s">
        <v>25795</v>
      </c>
      <c r="I13922" s="7">
        <v>4.7411846000000004</v>
      </c>
      <c r="J13922" s="8">
        <v>-74.110426500000003</v>
      </c>
    </row>
    <row r="13923" spans="1:10" x14ac:dyDescent="0.35">
      <c r="A13923" s="5" t="s">
        <v>10</v>
      </c>
      <c r="B13923" s="6">
        <v>248527</v>
      </c>
      <c r="C13923" s="6" t="s">
        <v>68</v>
      </c>
      <c r="D13923" s="6" t="s">
        <v>69</v>
      </c>
      <c r="E13923" s="6">
        <v>11001</v>
      </c>
      <c r="F13923" s="6" t="s">
        <v>18</v>
      </c>
      <c r="G13923" s="6" t="s">
        <v>25796</v>
      </c>
      <c r="H13923" s="6" t="s">
        <v>25797</v>
      </c>
      <c r="I13923" s="7">
        <v>4.6422369000000003</v>
      </c>
      <c r="J13923" s="8">
        <v>-74.160821200000001</v>
      </c>
    </row>
    <row r="13924" spans="1:10" x14ac:dyDescent="0.35">
      <c r="A13924" s="5" t="s">
        <v>10</v>
      </c>
      <c r="B13924" s="6">
        <v>249293</v>
      </c>
      <c r="C13924" s="6" t="s">
        <v>68</v>
      </c>
      <c r="D13924" s="6" t="s">
        <v>69</v>
      </c>
      <c r="E13924" s="6">
        <v>11001</v>
      </c>
      <c r="F13924" s="6" t="s">
        <v>18</v>
      </c>
      <c r="G13924" s="6" t="s">
        <v>25798</v>
      </c>
      <c r="H13924" s="6" t="s">
        <v>25799</v>
      </c>
      <c r="I13924" s="7">
        <v>4.6395036999999997</v>
      </c>
      <c r="J13924" s="8">
        <v>-74.140144699999993</v>
      </c>
    </row>
    <row r="13925" spans="1:10" x14ac:dyDescent="0.35">
      <c r="A13925" s="5" t="s">
        <v>10</v>
      </c>
      <c r="B13925" s="6">
        <v>248557</v>
      </c>
      <c r="C13925" s="6" t="s">
        <v>457</v>
      </c>
      <c r="D13925" s="6" t="s">
        <v>118</v>
      </c>
      <c r="E13925" s="6">
        <v>52399</v>
      </c>
      <c r="F13925" s="6" t="s">
        <v>18</v>
      </c>
      <c r="G13925" s="6" t="s">
        <v>25800</v>
      </c>
      <c r="H13925" s="6" t="s">
        <v>25801</v>
      </c>
      <c r="I13925" s="7">
        <v>1.1967257</v>
      </c>
      <c r="J13925" s="8">
        <v>-77.280228600000001</v>
      </c>
    </row>
    <row r="13926" spans="1:10" x14ac:dyDescent="0.35">
      <c r="A13926" s="5" t="s">
        <v>10</v>
      </c>
      <c r="B13926" s="6">
        <v>248600</v>
      </c>
      <c r="C13926" s="6" t="s">
        <v>294</v>
      </c>
      <c r="D13926" s="6" t="s">
        <v>5342</v>
      </c>
      <c r="E13926" s="6">
        <v>41801</v>
      </c>
      <c r="F13926" s="6" t="s">
        <v>18</v>
      </c>
      <c r="G13926" s="6" t="s">
        <v>25802</v>
      </c>
      <c r="H13926" s="6" t="s">
        <v>25803</v>
      </c>
      <c r="I13926" s="7">
        <v>2.7393741999999999</v>
      </c>
      <c r="J13926" s="8">
        <v>-75.569417400000006</v>
      </c>
    </row>
    <row r="13927" spans="1:10" x14ac:dyDescent="0.35">
      <c r="A13927" s="5" t="s">
        <v>10</v>
      </c>
      <c r="B13927" s="6">
        <v>248619</v>
      </c>
      <c r="C13927" s="6" t="s">
        <v>68</v>
      </c>
      <c r="D13927" s="6" t="s">
        <v>69</v>
      </c>
      <c r="E13927" s="6">
        <v>11001</v>
      </c>
      <c r="F13927" s="6" t="s">
        <v>18</v>
      </c>
      <c r="G13927" s="6" t="s">
        <v>25804</v>
      </c>
      <c r="H13927" s="6" t="s">
        <v>25805</v>
      </c>
      <c r="I13927" s="7">
        <v>4.5697207000000004</v>
      </c>
      <c r="J13927" s="8">
        <v>-74.145302299999997</v>
      </c>
    </row>
    <row r="13928" spans="1:10" x14ac:dyDescent="0.35">
      <c r="A13928" s="5" t="s">
        <v>10</v>
      </c>
      <c r="B13928" s="6">
        <v>248693</v>
      </c>
      <c r="C13928" s="6" t="s">
        <v>24</v>
      </c>
      <c r="D13928" s="6" t="s">
        <v>88</v>
      </c>
      <c r="E13928" s="6">
        <v>15001</v>
      </c>
      <c r="F13928" s="6" t="s">
        <v>2161</v>
      </c>
      <c r="G13928" s="6" t="s">
        <v>25806</v>
      </c>
      <c r="H13928" s="6" t="s">
        <v>25807</v>
      </c>
      <c r="I13928" s="7">
        <v>5.5238547999999996</v>
      </c>
      <c r="J13928" s="8">
        <v>-73.355296100000004</v>
      </c>
    </row>
    <row r="13929" spans="1:10" x14ac:dyDescent="0.35">
      <c r="A13929" s="5" t="s">
        <v>10</v>
      </c>
      <c r="B13929" s="6">
        <v>248778</v>
      </c>
      <c r="C13929" s="6" t="s">
        <v>42</v>
      </c>
      <c r="D13929" s="6" t="s">
        <v>1066</v>
      </c>
      <c r="E13929" s="6">
        <v>17653</v>
      </c>
      <c r="F13929" s="6" t="s">
        <v>18</v>
      </c>
      <c r="G13929" s="6" t="s">
        <v>25808</v>
      </c>
      <c r="H13929" s="6" t="s">
        <v>25809</v>
      </c>
      <c r="I13929" s="7">
        <v>5.4086723000000001</v>
      </c>
      <c r="J13929" s="8">
        <v>-75.488635500000001</v>
      </c>
    </row>
    <row r="13930" spans="1:10" x14ac:dyDescent="0.35">
      <c r="A13930" s="5" t="s">
        <v>10</v>
      </c>
      <c r="B13930" s="6">
        <v>248818</v>
      </c>
      <c r="C13930" s="6" t="s">
        <v>28</v>
      </c>
      <c r="D13930" s="6" t="s">
        <v>1171</v>
      </c>
      <c r="E13930" s="6">
        <v>54810</v>
      </c>
      <c r="F13930" s="6" t="s">
        <v>13</v>
      </c>
      <c r="G13930" s="6" t="s">
        <v>25810</v>
      </c>
      <c r="H13930" s="6" t="s">
        <v>25811</v>
      </c>
      <c r="I13930" s="7">
        <v>8.2347479000000003</v>
      </c>
      <c r="J13930" s="8">
        <v>-73.361081200000001</v>
      </c>
    </row>
    <row r="13931" spans="1:10" x14ac:dyDescent="0.35">
      <c r="A13931" s="5" t="s">
        <v>10</v>
      </c>
      <c r="B13931" s="6">
        <v>248896</v>
      </c>
      <c r="C13931" s="6" t="s">
        <v>117</v>
      </c>
      <c r="D13931" s="6" t="s">
        <v>1334</v>
      </c>
      <c r="E13931" s="6">
        <v>76001</v>
      </c>
      <c r="F13931" s="6" t="s">
        <v>18</v>
      </c>
      <c r="G13931" s="6" t="s">
        <v>25812</v>
      </c>
      <c r="H13931" s="6" t="s">
        <v>25813</v>
      </c>
      <c r="I13931" s="7">
        <v>3.4630334999999999</v>
      </c>
      <c r="J13931" s="8">
        <v>-76.484917100000004</v>
      </c>
    </row>
    <row r="13932" spans="1:10" x14ac:dyDescent="0.35">
      <c r="A13932" s="5" t="s">
        <v>10</v>
      </c>
      <c r="B13932" s="6">
        <v>248948</v>
      </c>
      <c r="C13932" s="6" t="s">
        <v>117</v>
      </c>
      <c r="D13932" s="6" t="s">
        <v>3860</v>
      </c>
      <c r="E13932" s="6">
        <v>76130</v>
      </c>
      <c r="F13932" s="6" t="s">
        <v>18</v>
      </c>
      <c r="G13932" s="6" t="s">
        <v>25814</v>
      </c>
      <c r="H13932" s="6" t="s">
        <v>25815</v>
      </c>
      <c r="I13932" s="7">
        <v>3.4105707000000001</v>
      </c>
      <c r="J13932" s="8">
        <v>-76.459062500000002</v>
      </c>
    </row>
    <row r="13933" spans="1:10" x14ac:dyDescent="0.35">
      <c r="A13933" s="5" t="s">
        <v>10</v>
      </c>
      <c r="B13933" s="6">
        <v>249047</v>
      </c>
      <c r="C13933" s="6" t="s">
        <v>68</v>
      </c>
      <c r="D13933" s="6" t="s">
        <v>69</v>
      </c>
      <c r="E13933" s="6">
        <v>11001</v>
      </c>
      <c r="F13933" s="6" t="s">
        <v>2161</v>
      </c>
      <c r="G13933" s="6" t="s">
        <v>25816</v>
      </c>
      <c r="H13933" s="6" t="s">
        <v>25817</v>
      </c>
      <c r="I13933" s="7">
        <v>4.7232994000000001</v>
      </c>
      <c r="J13933" s="8">
        <v>-74.0972802</v>
      </c>
    </row>
    <row r="13934" spans="1:10" x14ac:dyDescent="0.35">
      <c r="A13934" s="5" t="s">
        <v>10</v>
      </c>
      <c r="B13934" s="6">
        <v>249054</v>
      </c>
      <c r="C13934" s="6" t="s">
        <v>278</v>
      </c>
      <c r="D13934" s="6" t="s">
        <v>279</v>
      </c>
      <c r="E13934" s="6">
        <v>50001</v>
      </c>
      <c r="F13934" s="6" t="s">
        <v>18</v>
      </c>
      <c r="G13934" s="6" t="s">
        <v>25818</v>
      </c>
      <c r="H13934" s="6" t="s">
        <v>25819</v>
      </c>
      <c r="I13934" s="7">
        <v>4.1345264999999998</v>
      </c>
      <c r="J13934" s="8">
        <v>-73.612525399999996</v>
      </c>
    </row>
    <row r="13935" spans="1:10" x14ac:dyDescent="0.35">
      <c r="A13935" s="5" t="s">
        <v>10</v>
      </c>
      <c r="B13935" s="6">
        <v>249102</v>
      </c>
      <c r="C13935" s="6" t="s">
        <v>24</v>
      </c>
      <c r="D13935" s="6" t="s">
        <v>88</v>
      </c>
      <c r="E13935" s="6">
        <v>15001</v>
      </c>
      <c r="F13935" s="6" t="s">
        <v>18</v>
      </c>
      <c r="G13935" s="6" t="s">
        <v>25820</v>
      </c>
      <c r="H13935" s="6" t="s">
        <v>25821</v>
      </c>
      <c r="I13935" s="7">
        <v>5.5174656000000004</v>
      </c>
      <c r="J13935" s="8">
        <v>-73.367060199999997</v>
      </c>
    </row>
    <row r="13936" spans="1:10" x14ac:dyDescent="0.35">
      <c r="A13936" s="5" t="s">
        <v>10</v>
      </c>
      <c r="B13936" s="6">
        <v>249542</v>
      </c>
      <c r="C13936" s="6" t="s">
        <v>11</v>
      </c>
      <c r="D13936" s="6" t="s">
        <v>4661</v>
      </c>
      <c r="E13936" s="6">
        <v>25662</v>
      </c>
      <c r="F13936" s="6" t="s">
        <v>18</v>
      </c>
      <c r="G13936" s="6" t="s">
        <v>25822</v>
      </c>
      <c r="H13936" s="6" t="s">
        <v>25823</v>
      </c>
      <c r="I13936" s="7">
        <v>4.8468910000000003</v>
      </c>
      <c r="J13936" s="8">
        <v>-74.622303000000002</v>
      </c>
    </row>
    <row r="13937" spans="1:10" x14ac:dyDescent="0.35">
      <c r="A13937" s="5" t="s">
        <v>10</v>
      </c>
      <c r="B13937" s="6">
        <v>249544</v>
      </c>
      <c r="C13937" s="6" t="s">
        <v>68</v>
      </c>
      <c r="D13937" s="6" t="s">
        <v>69</v>
      </c>
      <c r="E13937" s="6">
        <v>11001</v>
      </c>
      <c r="F13937" s="6" t="s">
        <v>18</v>
      </c>
      <c r="G13937" s="6" t="s">
        <v>25824</v>
      </c>
      <c r="H13937" s="6" t="s">
        <v>25825</v>
      </c>
      <c r="I13937" s="7">
        <v>4.6883056999999999</v>
      </c>
      <c r="J13937" s="8">
        <v>-74.099515499999995</v>
      </c>
    </row>
    <row r="13938" spans="1:10" x14ac:dyDescent="0.35">
      <c r="A13938" s="5" t="s">
        <v>10</v>
      </c>
      <c r="B13938" s="6">
        <v>249121</v>
      </c>
      <c r="C13938" s="6" t="s">
        <v>68</v>
      </c>
      <c r="D13938" s="6" t="s">
        <v>69</v>
      </c>
      <c r="E13938" s="6">
        <v>11001</v>
      </c>
      <c r="F13938" s="6" t="s">
        <v>2161</v>
      </c>
      <c r="G13938" s="6" t="s">
        <v>25826</v>
      </c>
      <c r="H13938" s="6" t="s">
        <v>25827</v>
      </c>
      <c r="I13938" s="7">
        <v>4.5344201000000002</v>
      </c>
      <c r="J13938" s="8">
        <v>-74.110633000000007</v>
      </c>
    </row>
    <row r="13939" spans="1:10" x14ac:dyDescent="0.35">
      <c r="A13939" s="5" t="s">
        <v>10</v>
      </c>
      <c r="B13939" s="6">
        <v>249141</v>
      </c>
      <c r="C13939" s="6" t="s">
        <v>68</v>
      </c>
      <c r="D13939" s="6" t="s">
        <v>69</v>
      </c>
      <c r="E13939" s="6">
        <v>11001</v>
      </c>
      <c r="F13939" s="6" t="s">
        <v>18</v>
      </c>
      <c r="G13939" s="6" t="s">
        <v>25828</v>
      </c>
      <c r="H13939" s="6" t="s">
        <v>25829</v>
      </c>
      <c r="I13939" s="7">
        <v>4.7189271000000002</v>
      </c>
      <c r="J13939" s="8">
        <v>-74.124712500000001</v>
      </c>
    </row>
    <row r="13940" spans="1:10" x14ac:dyDescent="0.35">
      <c r="A13940" s="5" t="s">
        <v>10</v>
      </c>
      <c r="B13940" s="6">
        <v>249186</v>
      </c>
      <c r="C13940" s="6" t="s">
        <v>68</v>
      </c>
      <c r="D13940" s="6" t="s">
        <v>69</v>
      </c>
      <c r="E13940" s="6">
        <v>11001</v>
      </c>
      <c r="F13940" s="6" t="s">
        <v>13</v>
      </c>
      <c r="G13940" s="6" t="s">
        <v>25830</v>
      </c>
      <c r="H13940" s="6" t="s">
        <v>25831</v>
      </c>
      <c r="I13940" s="7">
        <v>4.7390613999999998</v>
      </c>
      <c r="J13940" s="8">
        <v>-74.027824600000002</v>
      </c>
    </row>
    <row r="13941" spans="1:10" x14ac:dyDescent="0.35">
      <c r="A13941" s="5" t="s">
        <v>10</v>
      </c>
      <c r="B13941" s="6">
        <v>249223</v>
      </c>
      <c r="C13941" s="6" t="s">
        <v>42</v>
      </c>
      <c r="D13941" s="6" t="s">
        <v>1182</v>
      </c>
      <c r="E13941" s="6">
        <v>17541</v>
      </c>
      <c r="F13941" s="6" t="s">
        <v>18</v>
      </c>
      <c r="G13941" s="6" t="s">
        <v>25832</v>
      </c>
      <c r="H13941" s="6" t="s">
        <v>25833</v>
      </c>
      <c r="I13941" s="7">
        <v>6.0900698000000002</v>
      </c>
      <c r="J13941" s="8">
        <v>-75.633305199999995</v>
      </c>
    </row>
    <row r="13942" spans="1:10" x14ac:dyDescent="0.35">
      <c r="A13942" s="5" t="s">
        <v>10</v>
      </c>
      <c r="B13942" s="6">
        <v>249241</v>
      </c>
      <c r="C13942" s="6" t="s">
        <v>11</v>
      </c>
      <c r="D13942" s="6" t="s">
        <v>106</v>
      </c>
      <c r="E13942" s="6">
        <v>25843</v>
      </c>
      <c r="F13942" s="6" t="s">
        <v>18</v>
      </c>
      <c r="G13942" s="6" t="s">
        <v>25834</v>
      </c>
      <c r="H13942" s="6" t="s">
        <v>25835</v>
      </c>
      <c r="I13942" s="7">
        <v>5.0260030000000002</v>
      </c>
      <c r="J13942" s="8">
        <v>-74.030012200000002</v>
      </c>
    </row>
    <row r="13943" spans="1:10" x14ac:dyDescent="0.35">
      <c r="A13943" s="5" t="s">
        <v>10</v>
      </c>
      <c r="B13943" s="6">
        <v>249245</v>
      </c>
      <c r="C13943" s="6" t="s">
        <v>24</v>
      </c>
      <c r="D13943" s="6" t="s">
        <v>3413</v>
      </c>
      <c r="E13943" s="6">
        <v>15798</v>
      </c>
      <c r="F13943" s="6" t="s">
        <v>18</v>
      </c>
      <c r="G13943" s="6" t="s">
        <v>25836</v>
      </c>
      <c r="H13943" s="6" t="s">
        <v>25837</v>
      </c>
      <c r="I13943" s="7">
        <v>5.0773109999999999</v>
      </c>
      <c r="J13943" s="8">
        <v>-73.421475999999998</v>
      </c>
    </row>
    <row r="13944" spans="1:10" x14ac:dyDescent="0.35">
      <c r="A13944" s="5" t="s">
        <v>10</v>
      </c>
      <c r="B13944" s="6">
        <v>249255</v>
      </c>
      <c r="C13944" s="6" t="s">
        <v>11</v>
      </c>
      <c r="D13944" s="6" t="s">
        <v>407</v>
      </c>
      <c r="E13944" s="6">
        <v>25126</v>
      </c>
      <c r="F13944" s="6" t="s">
        <v>18</v>
      </c>
      <c r="G13944" s="6" t="s">
        <v>4458</v>
      </c>
      <c r="H13944" s="6" t="s">
        <v>25838</v>
      </c>
      <c r="I13944" s="7">
        <v>4.9157662999999996</v>
      </c>
      <c r="J13944" s="8">
        <v>-74.013314699999995</v>
      </c>
    </row>
    <row r="13945" spans="1:10" x14ac:dyDescent="0.35">
      <c r="A13945" s="5" t="s">
        <v>10</v>
      </c>
      <c r="B13945" s="6">
        <v>249631</v>
      </c>
      <c r="C13945" s="6" t="s">
        <v>308</v>
      </c>
      <c r="D13945" s="6" t="s">
        <v>11004</v>
      </c>
      <c r="E13945" s="6">
        <v>23500</v>
      </c>
      <c r="F13945" s="6" t="s">
        <v>18</v>
      </c>
      <c r="G13945" s="6" t="s">
        <v>25839</v>
      </c>
      <c r="H13945" s="6" t="s">
        <v>25840</v>
      </c>
      <c r="I13945" s="7">
        <v>8.7509715999999997</v>
      </c>
      <c r="J13945" s="8">
        <v>-75.878543800000003</v>
      </c>
    </row>
    <row r="13946" spans="1:10" x14ac:dyDescent="0.35">
      <c r="A13946" s="5" t="s">
        <v>10</v>
      </c>
      <c r="B13946" s="6">
        <v>249279</v>
      </c>
      <c r="C13946" s="6" t="s">
        <v>94</v>
      </c>
      <c r="D13946" s="6" t="s">
        <v>242</v>
      </c>
      <c r="E13946" s="6">
        <v>66682</v>
      </c>
      <c r="F13946" s="6" t="s">
        <v>18</v>
      </c>
      <c r="G13946" s="6" t="s">
        <v>25841</v>
      </c>
      <c r="H13946" s="6" t="s">
        <v>25842</v>
      </c>
      <c r="I13946" s="7">
        <v>4.8661411000000001</v>
      </c>
      <c r="J13946" s="8">
        <v>-75.620148400000005</v>
      </c>
    </row>
    <row r="13947" spans="1:10" x14ac:dyDescent="0.35">
      <c r="A13947" s="5" t="s">
        <v>10</v>
      </c>
      <c r="B13947" s="6">
        <v>249338</v>
      </c>
      <c r="C13947" s="6" t="s">
        <v>11</v>
      </c>
      <c r="D13947" s="6" t="s">
        <v>1193</v>
      </c>
      <c r="E13947" s="6">
        <v>25035</v>
      </c>
      <c r="F13947" s="6" t="s">
        <v>18</v>
      </c>
      <c r="G13947" s="6" t="s">
        <v>25843</v>
      </c>
      <c r="H13947" s="6" t="s">
        <v>25844</v>
      </c>
      <c r="I13947" s="7">
        <v>4.7880599999999998</v>
      </c>
      <c r="J13947" s="8">
        <v>-73.716980000000007</v>
      </c>
    </row>
    <row r="13948" spans="1:10" x14ac:dyDescent="0.35">
      <c r="A13948" s="5" t="s">
        <v>10</v>
      </c>
      <c r="B13948" s="6">
        <v>249346</v>
      </c>
      <c r="C13948" s="6" t="s">
        <v>55</v>
      </c>
      <c r="D13948" s="6" t="s">
        <v>1622</v>
      </c>
      <c r="E13948" s="6">
        <v>73861</v>
      </c>
      <c r="F13948" s="6" t="s">
        <v>18</v>
      </c>
      <c r="G13948" s="6" t="s">
        <v>25845</v>
      </c>
      <c r="H13948" s="6" t="s">
        <v>25846</v>
      </c>
      <c r="I13948" s="7">
        <v>4.3560800000000004</v>
      </c>
      <c r="J13948" s="8">
        <v>-75.379450000000006</v>
      </c>
    </row>
    <row r="13949" spans="1:10" x14ac:dyDescent="0.35">
      <c r="A13949" s="5" t="s">
        <v>10</v>
      </c>
      <c r="B13949" s="6">
        <v>249348</v>
      </c>
      <c r="C13949" s="6" t="s">
        <v>117</v>
      </c>
      <c r="D13949" s="6" t="s">
        <v>1334</v>
      </c>
      <c r="E13949" s="6">
        <v>76001</v>
      </c>
      <c r="F13949" s="6" t="s">
        <v>18</v>
      </c>
      <c r="G13949" s="6" t="s">
        <v>25847</v>
      </c>
      <c r="H13949" s="6" t="s">
        <v>25848</v>
      </c>
      <c r="I13949" s="7">
        <v>3.4309501999999998</v>
      </c>
      <c r="J13949" s="8">
        <v>-76.497094899999993</v>
      </c>
    </row>
    <row r="13950" spans="1:10" x14ac:dyDescent="0.35">
      <c r="A13950" s="5" t="s">
        <v>10</v>
      </c>
      <c r="B13950" s="6">
        <v>249354</v>
      </c>
      <c r="C13950" s="6" t="s">
        <v>68</v>
      </c>
      <c r="D13950" s="6" t="s">
        <v>69</v>
      </c>
      <c r="E13950" s="6">
        <v>11001</v>
      </c>
      <c r="F13950" s="6" t="s">
        <v>2161</v>
      </c>
      <c r="G13950" s="6" t="s">
        <v>25849</v>
      </c>
      <c r="H13950" s="6" t="s">
        <v>25850</v>
      </c>
      <c r="I13950" s="7">
        <v>4.7027529000000001</v>
      </c>
      <c r="J13950" s="8">
        <v>-74.132001200000005</v>
      </c>
    </row>
    <row r="13951" spans="1:10" x14ac:dyDescent="0.35">
      <c r="A13951" s="5" t="s">
        <v>10</v>
      </c>
      <c r="B13951" s="6">
        <v>249363</v>
      </c>
      <c r="C13951" s="6" t="s">
        <v>68</v>
      </c>
      <c r="D13951" s="6" t="s">
        <v>69</v>
      </c>
      <c r="E13951" s="6">
        <v>11001</v>
      </c>
      <c r="F13951" s="6" t="s">
        <v>18</v>
      </c>
      <c r="G13951" s="6" t="s">
        <v>25851</v>
      </c>
      <c r="H13951" s="6" t="s">
        <v>25852</v>
      </c>
      <c r="I13951" s="7">
        <v>4.5929855000000002</v>
      </c>
      <c r="J13951" s="8">
        <v>-74.135610999999997</v>
      </c>
    </row>
    <row r="13952" spans="1:10" x14ac:dyDescent="0.35">
      <c r="A13952" s="5" t="s">
        <v>10</v>
      </c>
      <c r="B13952" s="6">
        <v>249392</v>
      </c>
      <c r="C13952" s="6" t="s">
        <v>28</v>
      </c>
      <c r="D13952" s="6" t="s">
        <v>29</v>
      </c>
      <c r="E13952" s="6">
        <v>54001</v>
      </c>
      <c r="F13952" s="6" t="s">
        <v>13</v>
      </c>
      <c r="G13952" s="6" t="s">
        <v>25328</v>
      </c>
      <c r="H13952" s="6" t="s">
        <v>25329</v>
      </c>
      <c r="I13952" s="7">
        <v>7.9022603</v>
      </c>
      <c r="J13952" s="8">
        <v>-72.486555299999907</v>
      </c>
    </row>
    <row r="13953" spans="1:10" x14ac:dyDescent="0.35">
      <c r="A13953" s="5" t="s">
        <v>10</v>
      </c>
      <c r="B13953" s="6">
        <v>249398</v>
      </c>
      <c r="C13953" s="6" t="s">
        <v>16</v>
      </c>
      <c r="D13953" s="6" t="s">
        <v>78</v>
      </c>
      <c r="E13953" s="6">
        <v>68001</v>
      </c>
      <c r="F13953" s="6" t="s">
        <v>18</v>
      </c>
      <c r="G13953" s="6" t="s">
        <v>25853</v>
      </c>
      <c r="H13953" s="6" t="s">
        <v>25854</v>
      </c>
      <c r="I13953" s="7">
        <v>7.9462830999999996</v>
      </c>
      <c r="J13953" s="8">
        <v>-72.898806899999997</v>
      </c>
    </row>
    <row r="13954" spans="1:10" x14ac:dyDescent="0.35">
      <c r="A13954" s="5" t="s">
        <v>10</v>
      </c>
      <c r="B13954" s="6">
        <v>249410</v>
      </c>
      <c r="C13954" s="6" t="s">
        <v>68</v>
      </c>
      <c r="D13954" s="6" t="s">
        <v>69</v>
      </c>
      <c r="E13954" s="6">
        <v>11001</v>
      </c>
      <c r="F13954" s="6" t="s">
        <v>18</v>
      </c>
      <c r="G13954" s="6" t="s">
        <v>25855</v>
      </c>
      <c r="H13954" s="6" t="s">
        <v>25856</v>
      </c>
      <c r="I13954" s="7">
        <v>4.8121165000000001</v>
      </c>
      <c r="J13954" s="8">
        <v>-74.099704399999993</v>
      </c>
    </row>
    <row r="13955" spans="1:10" x14ac:dyDescent="0.35">
      <c r="A13955" s="5" t="s">
        <v>10</v>
      </c>
      <c r="B13955" s="6">
        <v>249411</v>
      </c>
      <c r="C13955" s="6" t="s">
        <v>68</v>
      </c>
      <c r="D13955" s="6" t="s">
        <v>69</v>
      </c>
      <c r="E13955" s="6">
        <v>11001</v>
      </c>
      <c r="F13955" s="6" t="s">
        <v>18</v>
      </c>
      <c r="G13955" s="6" t="s">
        <v>10104</v>
      </c>
      <c r="H13955" s="6" t="s">
        <v>25857</v>
      </c>
      <c r="I13955" s="7">
        <v>4.5259387999999996</v>
      </c>
      <c r="J13955" s="8">
        <v>-74.1161709</v>
      </c>
    </row>
    <row r="13956" spans="1:10" x14ac:dyDescent="0.35">
      <c r="A13956" s="5" t="s">
        <v>10</v>
      </c>
      <c r="B13956" s="6">
        <v>249425</v>
      </c>
      <c r="C13956" s="6" t="s">
        <v>61</v>
      </c>
      <c r="D13956" s="6" t="s">
        <v>62</v>
      </c>
      <c r="E13956" s="6">
        <v>63001</v>
      </c>
      <c r="F13956" s="6" t="s">
        <v>18</v>
      </c>
      <c r="G13956" s="6" t="s">
        <v>25858</v>
      </c>
      <c r="H13956" s="6" t="s">
        <v>25859</v>
      </c>
      <c r="I13956" s="7">
        <v>4.521674</v>
      </c>
      <c r="J13956" s="8">
        <v>-75.699196299999997</v>
      </c>
    </row>
    <row r="13957" spans="1:10" x14ac:dyDescent="0.35">
      <c r="A13957" s="5" t="s">
        <v>10</v>
      </c>
      <c r="B13957" s="6">
        <v>249495</v>
      </c>
      <c r="C13957" s="6" t="s">
        <v>68</v>
      </c>
      <c r="D13957" s="6" t="s">
        <v>69</v>
      </c>
      <c r="E13957" s="6">
        <v>11001</v>
      </c>
      <c r="F13957" s="6" t="s">
        <v>18</v>
      </c>
      <c r="G13957" s="6" t="s">
        <v>25860</v>
      </c>
      <c r="H13957" s="6" t="s">
        <v>25861</v>
      </c>
      <c r="I13957" s="7">
        <v>4.6157268</v>
      </c>
      <c r="J13957" s="8">
        <v>-74.146424100000004</v>
      </c>
    </row>
    <row r="13958" spans="1:10" x14ac:dyDescent="0.35">
      <c r="A13958" s="5" t="s">
        <v>10</v>
      </c>
      <c r="B13958" s="6">
        <v>249518</v>
      </c>
      <c r="C13958" s="6" t="s">
        <v>68</v>
      </c>
      <c r="D13958" s="6" t="s">
        <v>69</v>
      </c>
      <c r="E13958" s="6">
        <v>11001</v>
      </c>
      <c r="F13958" s="6" t="s">
        <v>18</v>
      </c>
      <c r="G13958" s="6" t="s">
        <v>25862</v>
      </c>
      <c r="H13958" s="6" t="s">
        <v>25863</v>
      </c>
      <c r="I13958" s="7">
        <v>4.6377832999999997</v>
      </c>
      <c r="J13958" s="8">
        <v>-74.062244100000001</v>
      </c>
    </row>
    <row r="13959" spans="1:10" x14ac:dyDescent="0.35">
      <c r="A13959" s="5" t="s">
        <v>10</v>
      </c>
      <c r="B13959" s="6">
        <v>249522</v>
      </c>
      <c r="C13959" s="6" t="s">
        <v>68</v>
      </c>
      <c r="D13959" s="6" t="s">
        <v>69</v>
      </c>
      <c r="E13959" s="6">
        <v>11001</v>
      </c>
      <c r="F13959" s="6" t="s">
        <v>18</v>
      </c>
      <c r="G13959" s="6" t="s">
        <v>25864</v>
      </c>
      <c r="H13959" s="6" t="s">
        <v>25865</v>
      </c>
      <c r="I13959" s="7">
        <v>4.6347538000000004</v>
      </c>
      <c r="J13959" s="8">
        <v>-74.183195600000005</v>
      </c>
    </row>
    <row r="13960" spans="1:10" x14ac:dyDescent="0.35">
      <c r="A13960" s="5" t="s">
        <v>10</v>
      </c>
      <c r="B13960" s="6">
        <v>249525</v>
      </c>
      <c r="C13960" s="6" t="s">
        <v>11</v>
      </c>
      <c r="D13960" s="6" t="s">
        <v>337</v>
      </c>
      <c r="E13960" s="6">
        <v>25290</v>
      </c>
      <c r="F13960" s="6" t="s">
        <v>18</v>
      </c>
      <c r="G13960" s="6" t="s">
        <v>25866</v>
      </c>
      <c r="H13960" s="6" t="s">
        <v>25867</v>
      </c>
      <c r="I13960" s="7">
        <v>4.3286807999999999</v>
      </c>
      <c r="J13960" s="8">
        <v>-74.390503800000005</v>
      </c>
    </row>
    <row r="13961" spans="1:10" x14ac:dyDescent="0.35">
      <c r="A13961" s="5" t="s">
        <v>10</v>
      </c>
      <c r="B13961" s="6">
        <v>249526</v>
      </c>
      <c r="C13961" s="6" t="s">
        <v>3788</v>
      </c>
      <c r="D13961" s="6" t="s">
        <v>3974</v>
      </c>
      <c r="E13961" s="6">
        <v>18001</v>
      </c>
      <c r="F13961" s="6" t="s">
        <v>18</v>
      </c>
      <c r="G13961" s="6" t="s">
        <v>25868</v>
      </c>
      <c r="H13961" s="6" t="s">
        <v>25869</v>
      </c>
      <c r="I13961" s="7">
        <v>1.6153858000000001</v>
      </c>
      <c r="J13961" s="8">
        <v>-75.604236399999905</v>
      </c>
    </row>
    <row r="13962" spans="1:10" x14ac:dyDescent="0.35">
      <c r="A13962" s="5" t="s">
        <v>10</v>
      </c>
      <c r="B13962" s="6">
        <v>249527</v>
      </c>
      <c r="C13962" s="6" t="s">
        <v>24</v>
      </c>
      <c r="D13962" s="6" t="s">
        <v>137</v>
      </c>
      <c r="E13962" s="6">
        <v>15238</v>
      </c>
      <c r="F13962" s="6" t="s">
        <v>18</v>
      </c>
      <c r="G13962" s="6" t="s">
        <v>25870</v>
      </c>
      <c r="H13962" s="6" t="s">
        <v>25871</v>
      </c>
      <c r="I13962" s="7">
        <v>5.8258402</v>
      </c>
      <c r="J13962" s="8">
        <v>-73.033318399999999</v>
      </c>
    </row>
    <row r="13963" spans="1:10" x14ac:dyDescent="0.35">
      <c r="A13963" s="5" t="s">
        <v>10</v>
      </c>
      <c r="B13963" s="6">
        <v>249528</v>
      </c>
      <c r="C13963" s="6" t="s">
        <v>117</v>
      </c>
      <c r="D13963" s="6" t="s">
        <v>1334</v>
      </c>
      <c r="E13963" s="6">
        <v>76001</v>
      </c>
      <c r="F13963" s="6" t="s">
        <v>18</v>
      </c>
      <c r="G13963" s="6" t="s">
        <v>25872</v>
      </c>
      <c r="H13963" s="6" t="s">
        <v>25873</v>
      </c>
      <c r="I13963" s="7">
        <v>3.4849188</v>
      </c>
      <c r="J13963" s="8">
        <v>-76.490044499999996</v>
      </c>
    </row>
    <row r="13964" spans="1:10" x14ac:dyDescent="0.35">
      <c r="A13964" s="5" t="s">
        <v>10</v>
      </c>
      <c r="B13964" s="6">
        <v>249529</v>
      </c>
      <c r="C13964" s="6" t="s">
        <v>55</v>
      </c>
      <c r="D13964" s="6" t="s">
        <v>2519</v>
      </c>
      <c r="E13964" s="6">
        <v>73352</v>
      </c>
      <c r="F13964" s="6" t="s">
        <v>18</v>
      </c>
      <c r="G13964" s="6" t="s">
        <v>25874</v>
      </c>
      <c r="H13964" s="6" t="s">
        <v>25875</v>
      </c>
      <c r="I13964" s="7">
        <v>4.4510845999999997</v>
      </c>
      <c r="J13964" s="8">
        <v>-75.247001299999994</v>
      </c>
    </row>
    <row r="13965" spans="1:10" x14ac:dyDescent="0.35">
      <c r="A13965" s="5" t="s">
        <v>10</v>
      </c>
      <c r="B13965" s="6">
        <v>249536</v>
      </c>
      <c r="C13965" s="6" t="s">
        <v>68</v>
      </c>
      <c r="D13965" s="6" t="s">
        <v>69</v>
      </c>
      <c r="E13965" s="6">
        <v>11001</v>
      </c>
      <c r="F13965" s="6" t="s">
        <v>13</v>
      </c>
      <c r="G13965" s="6" t="s">
        <v>25876</v>
      </c>
      <c r="H13965" s="6" t="s">
        <v>25877</v>
      </c>
      <c r="I13965" s="7">
        <v>4.6232607000000003</v>
      </c>
      <c r="J13965" s="8">
        <v>-74.1974503</v>
      </c>
    </row>
    <row r="13966" spans="1:10" x14ac:dyDescent="0.35">
      <c r="A13966" s="5" t="s">
        <v>10</v>
      </c>
      <c r="B13966" s="6">
        <v>249540</v>
      </c>
      <c r="C13966" s="6" t="s">
        <v>68</v>
      </c>
      <c r="D13966" s="6" t="s">
        <v>69</v>
      </c>
      <c r="E13966" s="6">
        <v>11001</v>
      </c>
      <c r="F13966" s="6" t="s">
        <v>18</v>
      </c>
      <c r="G13966" s="6" t="s">
        <v>25878</v>
      </c>
      <c r="H13966" s="6" t="s">
        <v>25879</v>
      </c>
      <c r="I13966" s="7">
        <v>4.7103067999999997</v>
      </c>
      <c r="J13966" s="8">
        <v>-74.094758799999994</v>
      </c>
    </row>
    <row r="13967" spans="1:10" x14ac:dyDescent="0.35">
      <c r="A13967" s="5" t="s">
        <v>10</v>
      </c>
      <c r="B13967" s="6">
        <v>249541</v>
      </c>
      <c r="C13967" s="6" t="s">
        <v>2130</v>
      </c>
      <c r="D13967" s="6" t="s">
        <v>4241</v>
      </c>
      <c r="E13967" s="6">
        <v>85430</v>
      </c>
      <c r="F13967" s="6" t="s">
        <v>18</v>
      </c>
      <c r="G13967" s="6" t="s">
        <v>25880</v>
      </c>
      <c r="H13967" s="6" t="s">
        <v>25881</v>
      </c>
      <c r="I13967" s="7">
        <v>5.4062811999999996</v>
      </c>
      <c r="J13967" s="8">
        <v>-71.661805700000002</v>
      </c>
    </row>
    <row r="13968" spans="1:10" x14ac:dyDescent="0.35">
      <c r="A13968" s="5" t="s">
        <v>10</v>
      </c>
      <c r="B13968" s="6">
        <v>249550</v>
      </c>
      <c r="C13968" s="6" t="s">
        <v>68</v>
      </c>
      <c r="D13968" s="6" t="s">
        <v>69</v>
      </c>
      <c r="E13968" s="6">
        <v>11001</v>
      </c>
      <c r="F13968" s="6" t="s">
        <v>18</v>
      </c>
      <c r="G13968" s="6" t="s">
        <v>25882</v>
      </c>
      <c r="H13968" s="6" t="s">
        <v>25883</v>
      </c>
      <c r="I13968" s="7">
        <v>4.5467548999999998</v>
      </c>
      <c r="J13968" s="8">
        <v>-74.149760799999996</v>
      </c>
    </row>
    <row r="13969" spans="1:10" x14ac:dyDescent="0.35">
      <c r="A13969" s="5" t="s">
        <v>10</v>
      </c>
      <c r="B13969" s="6">
        <v>249553</v>
      </c>
      <c r="C13969" s="6" t="s">
        <v>68</v>
      </c>
      <c r="D13969" s="6" t="s">
        <v>69</v>
      </c>
      <c r="E13969" s="6">
        <v>11001</v>
      </c>
      <c r="F13969" s="6" t="s">
        <v>2161</v>
      </c>
      <c r="G13969" s="6" t="s">
        <v>25884</v>
      </c>
      <c r="H13969" s="6" t="s">
        <v>25885</v>
      </c>
      <c r="I13969" s="7">
        <v>4.6175769000000004</v>
      </c>
      <c r="J13969" s="8">
        <v>-74.081746199999998</v>
      </c>
    </row>
    <row r="13970" spans="1:10" x14ac:dyDescent="0.35">
      <c r="A13970" s="5" t="s">
        <v>10</v>
      </c>
      <c r="B13970" s="6">
        <v>249556</v>
      </c>
      <c r="C13970" s="6" t="s">
        <v>68</v>
      </c>
      <c r="D13970" s="6" t="s">
        <v>69</v>
      </c>
      <c r="E13970" s="6">
        <v>11001</v>
      </c>
      <c r="F13970" s="6" t="s">
        <v>2161</v>
      </c>
      <c r="G13970" s="6" t="s">
        <v>25886</v>
      </c>
      <c r="H13970" s="6" t="s">
        <v>25887</v>
      </c>
      <c r="I13970" s="7">
        <v>4.7040147000000001</v>
      </c>
      <c r="J13970" s="8">
        <v>-74.124514300000001</v>
      </c>
    </row>
    <row r="13971" spans="1:10" x14ac:dyDescent="0.35">
      <c r="A13971" s="5" t="s">
        <v>10</v>
      </c>
      <c r="B13971" s="6">
        <v>249561</v>
      </c>
      <c r="C13971" s="6" t="s">
        <v>302</v>
      </c>
      <c r="D13971" s="6" t="s">
        <v>359</v>
      </c>
      <c r="E13971" s="6">
        <v>8001</v>
      </c>
      <c r="F13971" s="6" t="s">
        <v>18</v>
      </c>
      <c r="G13971" s="6" t="s">
        <v>25888</v>
      </c>
      <c r="H13971" s="6" t="s">
        <v>25889</v>
      </c>
      <c r="I13971" s="7">
        <v>10.9258603</v>
      </c>
      <c r="J13971" s="8">
        <v>-74.798005000000003</v>
      </c>
    </row>
    <row r="13972" spans="1:10" x14ac:dyDescent="0.35">
      <c r="A13972" s="5" t="s">
        <v>10</v>
      </c>
      <c r="B13972" s="6">
        <v>249563</v>
      </c>
      <c r="C13972" s="6" t="s">
        <v>68</v>
      </c>
      <c r="D13972" s="6" t="s">
        <v>69</v>
      </c>
      <c r="E13972" s="6">
        <v>11001</v>
      </c>
      <c r="F13972" s="6" t="s">
        <v>18</v>
      </c>
      <c r="G13972" s="6" t="s">
        <v>25890</v>
      </c>
      <c r="H13972" s="6" t="s">
        <v>25891</v>
      </c>
      <c r="I13972" s="7">
        <v>4.6043634000000004</v>
      </c>
      <c r="J13972" s="8">
        <v>-74.076540399999999</v>
      </c>
    </row>
    <row r="13973" spans="1:10" x14ac:dyDescent="0.35">
      <c r="A13973" s="5" t="s">
        <v>10</v>
      </c>
      <c r="B13973" s="6">
        <v>249571</v>
      </c>
      <c r="C13973" s="6" t="s">
        <v>551</v>
      </c>
      <c r="D13973" s="6" t="s">
        <v>3868</v>
      </c>
      <c r="E13973" s="6">
        <v>20001</v>
      </c>
      <c r="F13973" s="6" t="s">
        <v>18</v>
      </c>
      <c r="G13973" s="6" t="s">
        <v>25892</v>
      </c>
      <c r="H13973" s="6" t="s">
        <v>25893</v>
      </c>
      <c r="I13973" s="7">
        <v>10.473055499999999</v>
      </c>
      <c r="J13973" s="8">
        <v>-73.242960600000004</v>
      </c>
    </row>
    <row r="13974" spans="1:10" x14ac:dyDescent="0.35">
      <c r="A13974" s="5" t="s">
        <v>10</v>
      </c>
      <c r="B13974" s="6">
        <v>249575</v>
      </c>
      <c r="C13974" s="6" t="s">
        <v>294</v>
      </c>
      <c r="D13974" s="6" t="s">
        <v>703</v>
      </c>
      <c r="E13974" s="6">
        <v>41001</v>
      </c>
      <c r="F13974" s="6" t="s">
        <v>18</v>
      </c>
      <c r="G13974" s="6" t="s">
        <v>25894</v>
      </c>
      <c r="H13974" s="6" t="s">
        <v>25895</v>
      </c>
      <c r="I13974" s="7">
        <v>2.9553235999999998</v>
      </c>
      <c r="J13974" s="8">
        <v>-75.285368899999995</v>
      </c>
    </row>
    <row r="13975" spans="1:10" x14ac:dyDescent="0.35">
      <c r="A13975" s="5" t="s">
        <v>10</v>
      </c>
      <c r="B13975" s="6">
        <v>249576</v>
      </c>
      <c r="C13975" s="6" t="s">
        <v>68</v>
      </c>
      <c r="D13975" s="6" t="s">
        <v>69</v>
      </c>
      <c r="E13975" s="6">
        <v>11001</v>
      </c>
      <c r="F13975" s="6" t="s">
        <v>18</v>
      </c>
      <c r="G13975" s="6" t="s">
        <v>25896</v>
      </c>
      <c r="H13975" s="6" t="s">
        <v>25897</v>
      </c>
      <c r="I13975" s="7">
        <v>4.5498732000000004</v>
      </c>
      <c r="J13975" s="8">
        <v>-74.139924399999998</v>
      </c>
    </row>
    <row r="13976" spans="1:10" x14ac:dyDescent="0.35">
      <c r="A13976" s="5" t="s">
        <v>10</v>
      </c>
      <c r="B13976" s="6">
        <v>249579</v>
      </c>
      <c r="C13976" s="6" t="s">
        <v>2130</v>
      </c>
      <c r="D13976" s="6" t="s">
        <v>2131</v>
      </c>
      <c r="E13976" s="6">
        <v>85001</v>
      </c>
      <c r="F13976" s="6" t="s">
        <v>18</v>
      </c>
      <c r="G13976" s="6" t="s">
        <v>25898</v>
      </c>
      <c r="H13976" s="6" t="s">
        <v>25899</v>
      </c>
      <c r="I13976" s="7">
        <v>5.3274895000000004</v>
      </c>
      <c r="J13976" s="8">
        <v>-72.391562399999998</v>
      </c>
    </row>
    <row r="13977" spans="1:10" x14ac:dyDescent="0.35">
      <c r="A13977" s="5" t="s">
        <v>10</v>
      </c>
      <c r="B13977" s="6">
        <v>249581</v>
      </c>
      <c r="C13977" s="6" t="s">
        <v>11</v>
      </c>
      <c r="D13977" s="6" t="s">
        <v>513</v>
      </c>
      <c r="E13977" s="6">
        <v>25286</v>
      </c>
      <c r="F13977" s="6" t="s">
        <v>18</v>
      </c>
      <c r="G13977" s="6" t="s">
        <v>25900</v>
      </c>
      <c r="H13977" s="6" t="s">
        <v>25901</v>
      </c>
      <c r="I13977" s="7">
        <v>4.7092191000000003</v>
      </c>
      <c r="J13977" s="8">
        <v>-74.213386499999999</v>
      </c>
    </row>
    <row r="13978" spans="1:10" x14ac:dyDescent="0.35">
      <c r="A13978" s="5" t="s">
        <v>10</v>
      </c>
      <c r="B13978" s="6">
        <v>249582</v>
      </c>
      <c r="C13978" s="6" t="s">
        <v>3788</v>
      </c>
      <c r="D13978" s="6" t="s">
        <v>3974</v>
      </c>
      <c r="E13978" s="6">
        <v>18001</v>
      </c>
      <c r="F13978" s="6" t="s">
        <v>18</v>
      </c>
      <c r="G13978" s="6" t="s">
        <v>25902</v>
      </c>
      <c r="H13978" s="6" t="s">
        <v>25903</v>
      </c>
      <c r="I13978" s="7">
        <v>1.6211183</v>
      </c>
      <c r="J13978" s="8">
        <v>-75.602475699999999</v>
      </c>
    </row>
    <row r="13979" spans="1:10" x14ac:dyDescent="0.35">
      <c r="A13979" s="5" t="s">
        <v>10</v>
      </c>
      <c r="B13979" s="6">
        <v>249621</v>
      </c>
      <c r="C13979" s="6" t="s">
        <v>16</v>
      </c>
      <c r="D13979" s="6" t="s">
        <v>78</v>
      </c>
      <c r="E13979" s="6">
        <v>68001</v>
      </c>
      <c r="F13979" s="6" t="s">
        <v>18</v>
      </c>
      <c r="G13979" s="6" t="s">
        <v>25904</v>
      </c>
      <c r="H13979" s="6" t="s">
        <v>25905</v>
      </c>
      <c r="I13979" s="7">
        <v>7.1193489999999997</v>
      </c>
      <c r="J13979" s="8">
        <v>-73.122741599999998</v>
      </c>
    </row>
    <row r="13980" spans="1:10" x14ac:dyDescent="0.35">
      <c r="A13980" s="5" t="s">
        <v>10</v>
      </c>
      <c r="B13980" s="6">
        <v>249628</v>
      </c>
      <c r="C13980" s="6" t="s">
        <v>117</v>
      </c>
      <c r="D13980" s="6" t="s">
        <v>4146</v>
      </c>
      <c r="E13980" s="6">
        <v>76606</v>
      </c>
      <c r="F13980" s="6" t="s">
        <v>18</v>
      </c>
      <c r="G13980" s="6" t="s">
        <v>25906</v>
      </c>
      <c r="H13980" s="6" t="s">
        <v>25907</v>
      </c>
      <c r="I13980" s="7">
        <v>3.823534</v>
      </c>
      <c r="J13980" s="8">
        <v>-76.522384000000002</v>
      </c>
    </row>
    <row r="13981" spans="1:10" x14ac:dyDescent="0.35">
      <c r="A13981" s="5" t="s">
        <v>10</v>
      </c>
      <c r="B13981" s="6">
        <v>249634</v>
      </c>
      <c r="C13981" s="6" t="s">
        <v>4364</v>
      </c>
      <c r="D13981" s="6" t="s">
        <v>4365</v>
      </c>
      <c r="E13981" s="6">
        <v>70001</v>
      </c>
      <c r="F13981" s="6" t="s">
        <v>18</v>
      </c>
      <c r="G13981" s="6" t="s">
        <v>25908</v>
      </c>
      <c r="H13981" s="6" t="s">
        <v>25909</v>
      </c>
      <c r="I13981" s="7">
        <v>9.2829656000000007</v>
      </c>
      <c r="J13981" s="8">
        <v>-75.384827599999994</v>
      </c>
    </row>
    <row r="13982" spans="1:10" x14ac:dyDescent="0.35">
      <c r="A13982" s="5" t="s">
        <v>10</v>
      </c>
      <c r="B13982" s="6">
        <v>249648</v>
      </c>
      <c r="C13982" s="6" t="s">
        <v>24</v>
      </c>
      <c r="D13982" s="6" t="s">
        <v>317</v>
      </c>
      <c r="E13982" s="6">
        <v>15176</v>
      </c>
      <c r="F13982" s="6" t="s">
        <v>18</v>
      </c>
      <c r="G13982" s="6" t="s">
        <v>25910</v>
      </c>
      <c r="H13982" s="6" t="s">
        <v>25911</v>
      </c>
      <c r="I13982" s="7">
        <v>5.6125549000000001</v>
      </c>
      <c r="J13982" s="8">
        <v>-73.820108899999994</v>
      </c>
    </row>
    <row r="13983" spans="1:10" x14ac:dyDescent="0.35">
      <c r="A13983" s="5" t="s">
        <v>10</v>
      </c>
      <c r="B13983" s="6">
        <v>249660</v>
      </c>
      <c r="C13983" s="6" t="s">
        <v>55</v>
      </c>
      <c r="D13983" s="6" t="s">
        <v>56</v>
      </c>
      <c r="E13983" s="6">
        <v>73001</v>
      </c>
      <c r="F13983" s="6" t="s">
        <v>18</v>
      </c>
      <c r="G13983" s="6" t="s">
        <v>25912</v>
      </c>
      <c r="H13983" s="6" t="s">
        <v>25913</v>
      </c>
      <c r="I13983" s="7">
        <v>4.4348274999999999</v>
      </c>
      <c r="J13983" s="8">
        <v>-75.195987099999996</v>
      </c>
    </row>
    <row r="13984" spans="1:10" x14ac:dyDescent="0.35">
      <c r="A13984" s="5" t="s">
        <v>10</v>
      </c>
      <c r="B13984" s="6">
        <v>249662</v>
      </c>
      <c r="C13984" s="6" t="s">
        <v>94</v>
      </c>
      <c r="D13984" s="6" t="s">
        <v>95</v>
      </c>
      <c r="E13984" s="6">
        <v>66170</v>
      </c>
      <c r="F13984" s="6" t="s">
        <v>18</v>
      </c>
      <c r="G13984" s="6" t="s">
        <v>25914</v>
      </c>
      <c r="H13984" s="6" t="s">
        <v>25915</v>
      </c>
      <c r="I13984" s="7" t="s">
        <v>25916</v>
      </c>
      <c r="J13984" s="8" t="s">
        <v>25917</v>
      </c>
    </row>
    <row r="13985" spans="1:10" x14ac:dyDescent="0.35">
      <c r="A13985" s="5" t="s">
        <v>10</v>
      </c>
      <c r="B13985" s="6">
        <v>249668</v>
      </c>
      <c r="C13985" s="6" t="s">
        <v>24</v>
      </c>
      <c r="D13985" s="6" t="s">
        <v>88</v>
      </c>
      <c r="E13985" s="6">
        <v>15001</v>
      </c>
      <c r="F13985" s="6" t="s">
        <v>18</v>
      </c>
      <c r="G13985" s="6" t="s">
        <v>25918</v>
      </c>
      <c r="H13985" s="6" t="s">
        <v>25919</v>
      </c>
      <c r="I13985" s="7">
        <v>5.5395719000000003</v>
      </c>
      <c r="J13985" s="8">
        <v>-73.362800199999995</v>
      </c>
    </row>
    <row r="13986" spans="1:10" x14ac:dyDescent="0.35">
      <c r="A13986" s="5" t="s">
        <v>10</v>
      </c>
      <c r="B13986" s="6">
        <v>249670</v>
      </c>
      <c r="C13986" s="6" t="s">
        <v>28</v>
      </c>
      <c r="D13986" s="6" t="s">
        <v>322</v>
      </c>
      <c r="E13986" s="6">
        <v>54405</v>
      </c>
      <c r="F13986" s="6" t="s">
        <v>18</v>
      </c>
      <c r="G13986" s="6" t="s">
        <v>25920</v>
      </c>
      <c r="H13986" s="6" t="s">
        <v>2291</v>
      </c>
      <c r="I13986" s="7" t="s">
        <v>25921</v>
      </c>
      <c r="J13986" s="8" t="s">
        <v>25922</v>
      </c>
    </row>
    <row r="13987" spans="1:10" x14ac:dyDescent="0.35">
      <c r="A13987" s="5" t="s">
        <v>10</v>
      </c>
      <c r="B13987" s="6">
        <v>249671</v>
      </c>
      <c r="C13987" s="6" t="s">
        <v>61</v>
      </c>
      <c r="D13987" s="6" t="s">
        <v>2676</v>
      </c>
      <c r="E13987" s="6">
        <v>63594</v>
      </c>
      <c r="F13987" s="6" t="s">
        <v>18</v>
      </c>
      <c r="G13987" s="6" t="s">
        <v>25923</v>
      </c>
      <c r="H13987" s="6" t="s">
        <v>25924</v>
      </c>
      <c r="I13987" s="7" t="s">
        <v>25925</v>
      </c>
      <c r="J13987" s="8" t="s">
        <v>25926</v>
      </c>
    </row>
    <row r="13988" spans="1:10" x14ac:dyDescent="0.35">
      <c r="A13988" s="5" t="s">
        <v>10</v>
      </c>
      <c r="B13988" s="6">
        <v>249674</v>
      </c>
      <c r="C13988" s="6" t="s">
        <v>68</v>
      </c>
      <c r="D13988" s="6" t="s">
        <v>69</v>
      </c>
      <c r="E13988" s="6">
        <v>11001</v>
      </c>
      <c r="F13988" s="6" t="s">
        <v>18</v>
      </c>
      <c r="G13988" s="6" t="s">
        <v>25927</v>
      </c>
      <c r="H13988" s="6" t="s">
        <v>25928</v>
      </c>
      <c r="I13988" s="7" t="s">
        <v>25929</v>
      </c>
      <c r="J13988" s="8" t="s">
        <v>25930</v>
      </c>
    </row>
    <row r="13989" spans="1:10" x14ac:dyDescent="0.35">
      <c r="A13989" s="5" t="s">
        <v>10</v>
      </c>
      <c r="B13989" s="6">
        <v>249676</v>
      </c>
      <c r="C13989" s="6" t="s">
        <v>68</v>
      </c>
      <c r="D13989" s="6" t="s">
        <v>69</v>
      </c>
      <c r="E13989" s="6">
        <v>11001</v>
      </c>
      <c r="F13989" s="6" t="s">
        <v>18</v>
      </c>
      <c r="G13989" s="6" t="s">
        <v>25931</v>
      </c>
      <c r="H13989" s="6" t="s">
        <v>25932</v>
      </c>
      <c r="I13989" s="7" t="s">
        <v>25933</v>
      </c>
      <c r="J13989" s="8" t="s">
        <v>25934</v>
      </c>
    </row>
    <row r="13990" spans="1:10" x14ac:dyDescent="0.35">
      <c r="A13990" s="5" t="s">
        <v>10</v>
      </c>
      <c r="B13990" s="6">
        <v>249677</v>
      </c>
      <c r="C13990" s="6" t="s">
        <v>68</v>
      </c>
      <c r="D13990" s="6" t="s">
        <v>69</v>
      </c>
      <c r="E13990" s="6">
        <v>11001</v>
      </c>
      <c r="F13990" s="6" t="s">
        <v>18</v>
      </c>
      <c r="G13990" s="6" t="s">
        <v>25935</v>
      </c>
      <c r="H13990" s="6" t="s">
        <v>25936</v>
      </c>
      <c r="I13990" s="7" t="s">
        <v>25937</v>
      </c>
      <c r="J13990" s="8" t="s">
        <v>25938</v>
      </c>
    </row>
    <row r="13991" spans="1:10" x14ac:dyDescent="0.35">
      <c r="A13991" s="5" t="s">
        <v>10</v>
      </c>
      <c r="B13991" s="6">
        <v>249679</v>
      </c>
      <c r="C13991" s="6" t="s">
        <v>68</v>
      </c>
      <c r="D13991" s="6" t="s">
        <v>69</v>
      </c>
      <c r="E13991" s="6">
        <v>11001</v>
      </c>
      <c r="F13991" s="6" t="s">
        <v>18</v>
      </c>
      <c r="G13991" s="6" t="s">
        <v>25939</v>
      </c>
      <c r="H13991" s="6" t="s">
        <v>25940</v>
      </c>
      <c r="I13991" s="7" t="s">
        <v>25941</v>
      </c>
      <c r="J13991" s="8" t="s">
        <v>25942</v>
      </c>
    </row>
    <row r="13992" spans="1:10" x14ac:dyDescent="0.35">
      <c r="A13992" s="5" t="s">
        <v>10</v>
      </c>
      <c r="B13992" s="6">
        <v>249680</v>
      </c>
      <c r="C13992" s="6" t="s">
        <v>68</v>
      </c>
      <c r="D13992" s="6" t="s">
        <v>69</v>
      </c>
      <c r="E13992" s="6">
        <v>11001</v>
      </c>
      <c r="F13992" s="6" t="s">
        <v>18</v>
      </c>
      <c r="G13992" s="6" t="s">
        <v>25943</v>
      </c>
      <c r="H13992" s="6" t="s">
        <v>25944</v>
      </c>
      <c r="I13992" s="7" t="s">
        <v>25945</v>
      </c>
      <c r="J13992" s="8" t="s">
        <v>25946</v>
      </c>
    </row>
    <row r="13993" spans="1:10" x14ac:dyDescent="0.35">
      <c r="A13993" s="5" t="s">
        <v>10</v>
      </c>
      <c r="B13993" s="6">
        <v>249682</v>
      </c>
      <c r="C13993" s="6" t="s">
        <v>28</v>
      </c>
      <c r="D13993" s="6" t="s">
        <v>322</v>
      </c>
      <c r="E13993" s="6">
        <v>54405</v>
      </c>
      <c r="F13993" s="6" t="s">
        <v>18</v>
      </c>
      <c r="G13993" s="6" t="s">
        <v>25947</v>
      </c>
      <c r="H13993" s="6" t="s">
        <v>25948</v>
      </c>
      <c r="I13993" s="7" t="s">
        <v>25949</v>
      </c>
      <c r="J13993" s="8" t="s">
        <v>25950</v>
      </c>
    </row>
    <row r="13994" spans="1:10" x14ac:dyDescent="0.35">
      <c r="A13994" s="5" t="s">
        <v>10</v>
      </c>
      <c r="B13994" s="6">
        <v>249685</v>
      </c>
      <c r="C13994" s="6" t="s">
        <v>68</v>
      </c>
      <c r="D13994" s="6" t="s">
        <v>69</v>
      </c>
      <c r="E13994" s="6">
        <v>11001</v>
      </c>
      <c r="F13994" s="6" t="s">
        <v>18</v>
      </c>
      <c r="G13994" s="6" t="s">
        <v>25951</v>
      </c>
      <c r="H13994" s="6" t="s">
        <v>25952</v>
      </c>
      <c r="I13994" s="7" t="s">
        <v>25953</v>
      </c>
      <c r="J13994" s="8" t="s">
        <v>25954</v>
      </c>
    </row>
    <row r="13995" spans="1:10" x14ac:dyDescent="0.35">
      <c r="A13995" s="5" t="s">
        <v>10</v>
      </c>
      <c r="B13995" s="6">
        <v>249687</v>
      </c>
      <c r="C13995" s="6" t="s">
        <v>117</v>
      </c>
      <c r="D13995" s="6" t="s">
        <v>1334</v>
      </c>
      <c r="E13995" s="6">
        <v>76001</v>
      </c>
      <c r="F13995" s="6" t="s">
        <v>18</v>
      </c>
      <c r="G13995" s="6" t="s">
        <v>25955</v>
      </c>
      <c r="H13995" s="6" t="s">
        <v>25956</v>
      </c>
      <c r="I13995" s="7">
        <v>3.4323245</v>
      </c>
      <c r="J13995" s="8">
        <v>-76.522377699999893</v>
      </c>
    </row>
    <row r="13996" spans="1:10" x14ac:dyDescent="0.35">
      <c r="A13996" s="5" t="s">
        <v>10</v>
      </c>
      <c r="B13996" s="6">
        <v>249694</v>
      </c>
      <c r="C13996" s="6" t="s">
        <v>28</v>
      </c>
      <c r="D13996" s="6" t="s">
        <v>322</v>
      </c>
      <c r="E13996" s="6">
        <v>54405</v>
      </c>
      <c r="F13996" s="6" t="s">
        <v>18</v>
      </c>
      <c r="G13996" s="6" t="s">
        <v>25957</v>
      </c>
      <c r="H13996" s="6" t="s">
        <v>25958</v>
      </c>
      <c r="I13996" s="7" t="s">
        <v>25959</v>
      </c>
      <c r="J13996" s="8" t="s">
        <v>25960</v>
      </c>
    </row>
    <row r="13997" spans="1:10" x14ac:dyDescent="0.35">
      <c r="A13997" s="5" t="s">
        <v>10</v>
      </c>
      <c r="B13997" s="6">
        <v>249695</v>
      </c>
      <c r="C13997" s="6" t="s">
        <v>11</v>
      </c>
      <c r="D13997" s="6" t="s">
        <v>8897</v>
      </c>
      <c r="E13997" s="6">
        <v>25335</v>
      </c>
      <c r="F13997" s="6" t="s">
        <v>18</v>
      </c>
      <c r="G13997" s="6" t="s">
        <v>25961</v>
      </c>
      <c r="H13997" s="6" t="s">
        <v>25962</v>
      </c>
      <c r="I13997" s="7" t="s">
        <v>25963</v>
      </c>
      <c r="J13997" s="8" t="s">
        <v>25964</v>
      </c>
    </row>
    <row r="13998" spans="1:10" x14ac:dyDescent="0.35">
      <c r="A13998" s="5" t="s">
        <v>10</v>
      </c>
      <c r="B13998" s="6">
        <v>249704</v>
      </c>
      <c r="C13998" s="6" t="s">
        <v>68</v>
      </c>
      <c r="D13998" s="6" t="s">
        <v>69</v>
      </c>
      <c r="E13998" s="6">
        <v>11001</v>
      </c>
      <c r="F13998" s="6" t="s">
        <v>18</v>
      </c>
      <c r="G13998" s="6" t="s">
        <v>25965</v>
      </c>
      <c r="H13998" s="6" t="s">
        <v>25966</v>
      </c>
      <c r="I13998" s="7" t="s">
        <v>25967</v>
      </c>
      <c r="J13998" s="8" t="s">
        <v>25968</v>
      </c>
    </row>
    <row r="13999" spans="1:10" x14ac:dyDescent="0.35">
      <c r="A13999" s="5" t="s">
        <v>10</v>
      </c>
      <c r="B13999" s="6">
        <v>249706</v>
      </c>
      <c r="C13999" s="6" t="s">
        <v>278</v>
      </c>
      <c r="D13999" s="6" t="s">
        <v>279</v>
      </c>
      <c r="E13999" s="6">
        <v>50001</v>
      </c>
      <c r="F13999" s="6" t="s">
        <v>18</v>
      </c>
      <c r="G13999" s="6" t="s">
        <v>25969</v>
      </c>
      <c r="H13999" s="6" t="s">
        <v>25970</v>
      </c>
      <c r="I13999" s="7">
        <v>4.1181409000000002</v>
      </c>
      <c r="J13999" s="8">
        <v>-73.627480000000006</v>
      </c>
    </row>
    <row r="14000" spans="1:10" x14ac:dyDescent="0.35">
      <c r="A14000" s="5" t="s">
        <v>10</v>
      </c>
      <c r="B14000" s="6">
        <v>249708</v>
      </c>
      <c r="C14000" s="6" t="s">
        <v>294</v>
      </c>
      <c r="D14000" s="6" t="s">
        <v>543</v>
      </c>
      <c r="E14000" s="6">
        <v>41396</v>
      </c>
      <c r="F14000" s="6" t="s">
        <v>18</v>
      </c>
      <c r="G14000" s="6" t="s">
        <v>25971</v>
      </c>
      <c r="H14000" s="6" t="s">
        <v>25972</v>
      </c>
      <c r="I14000" s="7" t="s">
        <v>25973</v>
      </c>
      <c r="J14000" s="8" t="s">
        <v>25974</v>
      </c>
    </row>
    <row r="14001" spans="1:10" x14ac:dyDescent="0.35">
      <c r="A14001" s="5" t="s">
        <v>10</v>
      </c>
      <c r="B14001" s="6">
        <v>249713</v>
      </c>
      <c r="C14001" s="6" t="s">
        <v>68</v>
      </c>
      <c r="D14001" s="6" t="s">
        <v>69</v>
      </c>
      <c r="E14001" s="6">
        <v>11001</v>
      </c>
      <c r="F14001" s="6" t="s">
        <v>18</v>
      </c>
      <c r="G14001" s="6" t="s">
        <v>25975</v>
      </c>
      <c r="H14001" s="6" t="s">
        <v>25976</v>
      </c>
      <c r="I14001" s="7" t="s">
        <v>25977</v>
      </c>
      <c r="J14001" s="8" t="s">
        <v>25978</v>
      </c>
    </row>
    <row r="14002" spans="1:10" x14ac:dyDescent="0.35">
      <c r="A14002" s="5" t="s">
        <v>10</v>
      </c>
      <c r="B14002" s="6">
        <v>249718</v>
      </c>
      <c r="C14002" s="6" t="s">
        <v>11</v>
      </c>
      <c r="D14002" s="6" t="s">
        <v>334</v>
      </c>
      <c r="E14002" s="6">
        <v>25754</v>
      </c>
      <c r="F14002" s="6" t="s">
        <v>18</v>
      </c>
      <c r="G14002" s="6" t="s">
        <v>25979</v>
      </c>
      <c r="H14002" s="6" t="s">
        <v>25980</v>
      </c>
      <c r="I14002" s="7" t="s">
        <v>25981</v>
      </c>
      <c r="J14002" s="8" t="s">
        <v>25982</v>
      </c>
    </row>
    <row r="14003" spans="1:10" x14ac:dyDescent="0.35">
      <c r="A14003" s="5" t="s">
        <v>10</v>
      </c>
      <c r="B14003" s="6">
        <v>249719</v>
      </c>
      <c r="C14003" s="6" t="s">
        <v>68</v>
      </c>
      <c r="D14003" s="6" t="s">
        <v>69</v>
      </c>
      <c r="E14003" s="6">
        <v>11001</v>
      </c>
      <c r="F14003" s="6" t="s">
        <v>18</v>
      </c>
      <c r="G14003" s="6" t="s">
        <v>25983</v>
      </c>
      <c r="H14003" s="6" t="s">
        <v>25984</v>
      </c>
      <c r="I14003" s="7" t="s">
        <v>25985</v>
      </c>
      <c r="J14003" s="8" t="s">
        <v>25986</v>
      </c>
    </row>
    <row r="14004" spans="1:10" x14ac:dyDescent="0.35">
      <c r="A14004" s="5" t="s">
        <v>10</v>
      </c>
      <c r="B14004" s="6">
        <v>249720</v>
      </c>
      <c r="C14004" s="6" t="s">
        <v>11</v>
      </c>
      <c r="D14004" s="6" t="s">
        <v>3724</v>
      </c>
      <c r="E14004" s="6">
        <v>25513</v>
      </c>
      <c r="F14004" s="6" t="s">
        <v>18</v>
      </c>
      <c r="G14004" s="6" t="s">
        <v>25987</v>
      </c>
      <c r="H14004" s="6" t="s">
        <v>25988</v>
      </c>
      <c r="I14004" s="7" t="s">
        <v>25989</v>
      </c>
      <c r="J14004" s="8" t="s">
        <v>25990</v>
      </c>
    </row>
    <row r="14005" spans="1:10" x14ac:dyDescent="0.35">
      <c r="A14005" s="5" t="s">
        <v>10</v>
      </c>
      <c r="B14005" s="6">
        <v>249721</v>
      </c>
      <c r="C14005" s="6" t="s">
        <v>117</v>
      </c>
      <c r="D14005" s="6" t="s">
        <v>4096</v>
      </c>
      <c r="E14005" s="6">
        <v>76233</v>
      </c>
      <c r="F14005" s="6" t="s">
        <v>18</v>
      </c>
      <c r="G14005" s="6" t="s">
        <v>25991</v>
      </c>
      <c r="H14005" s="6" t="s">
        <v>25992</v>
      </c>
      <c r="I14005" s="7" t="s">
        <v>25993</v>
      </c>
      <c r="J14005" s="8" t="s">
        <v>25994</v>
      </c>
    </row>
    <row r="14006" spans="1:10" x14ac:dyDescent="0.35">
      <c r="A14006" s="5" t="s">
        <v>10</v>
      </c>
      <c r="B14006" s="6">
        <v>249732</v>
      </c>
      <c r="C14006" s="6" t="s">
        <v>2821</v>
      </c>
      <c r="D14006" s="6" t="s">
        <v>2822</v>
      </c>
      <c r="E14006" s="6">
        <v>47001</v>
      </c>
      <c r="F14006" s="6" t="s">
        <v>18</v>
      </c>
      <c r="G14006" s="6" t="s">
        <v>25995</v>
      </c>
      <c r="H14006" s="6" t="s">
        <v>25996</v>
      </c>
      <c r="I14006" s="7" t="s">
        <v>25997</v>
      </c>
      <c r="J14006" s="8" t="s">
        <v>25998</v>
      </c>
    </row>
    <row r="14007" spans="1:10" x14ac:dyDescent="0.35">
      <c r="A14007" s="5" t="s">
        <v>10</v>
      </c>
      <c r="B14007" s="6">
        <v>249735</v>
      </c>
      <c r="C14007" s="6" t="s">
        <v>190</v>
      </c>
      <c r="D14007" s="6" t="s">
        <v>12276</v>
      </c>
      <c r="E14007" s="6">
        <v>5051</v>
      </c>
      <c r="F14007" s="6" t="s">
        <v>18</v>
      </c>
      <c r="G14007" s="6" t="s">
        <v>25999</v>
      </c>
      <c r="H14007" s="6" t="s">
        <v>26000</v>
      </c>
      <c r="I14007" s="7">
        <v>8.8499351999999991</v>
      </c>
      <c r="J14007" s="8">
        <v>-76.427788500000005</v>
      </c>
    </row>
    <row r="14008" spans="1:10" x14ac:dyDescent="0.35">
      <c r="A14008" s="5" t="s">
        <v>10</v>
      </c>
      <c r="B14008" s="6">
        <v>249740</v>
      </c>
      <c r="C14008" s="6" t="s">
        <v>68</v>
      </c>
      <c r="D14008" s="6" t="s">
        <v>69</v>
      </c>
      <c r="E14008" s="6">
        <v>11001</v>
      </c>
      <c r="F14008" s="6" t="s">
        <v>18</v>
      </c>
      <c r="G14008" s="6" t="s">
        <v>26001</v>
      </c>
      <c r="H14008" s="6" t="s">
        <v>26002</v>
      </c>
      <c r="I14008" s="7" t="s">
        <v>26003</v>
      </c>
      <c r="J14008" s="8" t="s">
        <v>26004</v>
      </c>
    </row>
    <row r="14009" spans="1:10" x14ac:dyDescent="0.35">
      <c r="A14009" s="5" t="s">
        <v>10</v>
      </c>
      <c r="B14009" s="6">
        <v>249751</v>
      </c>
      <c r="C14009" s="6" t="s">
        <v>68</v>
      </c>
      <c r="D14009" s="6" t="s">
        <v>69</v>
      </c>
      <c r="E14009" s="6">
        <v>11001</v>
      </c>
      <c r="F14009" s="6" t="s">
        <v>18</v>
      </c>
      <c r="G14009" s="6" t="s">
        <v>26005</v>
      </c>
      <c r="H14009" s="6" t="s">
        <v>26006</v>
      </c>
      <c r="I14009" s="7" t="s">
        <v>26007</v>
      </c>
      <c r="J14009" s="8" t="s">
        <v>26008</v>
      </c>
    </row>
    <row r="14010" spans="1:10" x14ac:dyDescent="0.35">
      <c r="A14010" s="5" t="s">
        <v>10</v>
      </c>
      <c r="B14010" s="6">
        <v>249754</v>
      </c>
      <c r="C14010" s="6" t="s">
        <v>117</v>
      </c>
      <c r="D14010" s="6" t="s">
        <v>1334</v>
      </c>
      <c r="E14010" s="6">
        <v>76001</v>
      </c>
      <c r="F14010" s="6" t="s">
        <v>18</v>
      </c>
      <c r="G14010" s="6" t="s">
        <v>26009</v>
      </c>
      <c r="H14010" s="6" t="s">
        <v>26010</v>
      </c>
      <c r="I14010" s="7" t="s">
        <v>26011</v>
      </c>
      <c r="J14010" s="8" t="s">
        <v>26012</v>
      </c>
    </row>
    <row r="14011" spans="1:10" x14ac:dyDescent="0.35">
      <c r="A14011" s="5" t="s">
        <v>10</v>
      </c>
      <c r="B14011" s="6">
        <v>249755</v>
      </c>
      <c r="C14011" s="6" t="s">
        <v>68</v>
      </c>
      <c r="D14011" s="6" t="s">
        <v>69</v>
      </c>
      <c r="E14011" s="6">
        <v>11001</v>
      </c>
      <c r="F14011" s="6" t="s">
        <v>18</v>
      </c>
      <c r="G14011" s="6" t="s">
        <v>26013</v>
      </c>
      <c r="H14011" s="6" t="s">
        <v>26014</v>
      </c>
      <c r="I14011" s="7" t="s">
        <v>26015</v>
      </c>
      <c r="J14011" s="8" t="s">
        <v>26016</v>
      </c>
    </row>
    <row r="14012" spans="1:10" x14ac:dyDescent="0.35">
      <c r="A14012" s="5" t="s">
        <v>10</v>
      </c>
      <c r="B14012" s="6">
        <v>249762</v>
      </c>
      <c r="C14012" s="6" t="s">
        <v>117</v>
      </c>
      <c r="D14012" s="6" t="s">
        <v>1334</v>
      </c>
      <c r="E14012" s="6">
        <v>76001</v>
      </c>
      <c r="F14012" s="6" t="s">
        <v>18</v>
      </c>
      <c r="G14012" s="6" t="s">
        <v>26017</v>
      </c>
      <c r="H14012" s="6" t="s">
        <v>26018</v>
      </c>
      <c r="I14012" s="7" t="s">
        <v>26019</v>
      </c>
      <c r="J14012" s="8" t="s">
        <v>26020</v>
      </c>
    </row>
    <row r="14013" spans="1:10" x14ac:dyDescent="0.35">
      <c r="A14013" s="5" t="s">
        <v>10</v>
      </c>
      <c r="B14013" s="6">
        <v>249763</v>
      </c>
      <c r="C14013" s="6" t="s">
        <v>68</v>
      </c>
      <c r="D14013" s="6" t="s">
        <v>69</v>
      </c>
      <c r="E14013" s="6">
        <v>11001</v>
      </c>
      <c r="F14013" s="6" t="s">
        <v>2161</v>
      </c>
      <c r="G14013" s="6" t="s">
        <v>26021</v>
      </c>
      <c r="H14013" s="6" t="s">
        <v>26022</v>
      </c>
      <c r="I14013" s="7" t="s">
        <v>26023</v>
      </c>
      <c r="J14013" s="8" t="s">
        <v>26024</v>
      </c>
    </row>
    <row r="14014" spans="1:10" x14ac:dyDescent="0.35">
      <c r="A14014" s="5" t="s">
        <v>10</v>
      </c>
      <c r="B14014" s="6">
        <v>249772</v>
      </c>
      <c r="C14014" s="6" t="s">
        <v>302</v>
      </c>
      <c r="D14014" s="6" t="s">
        <v>4041</v>
      </c>
      <c r="E14014" s="6">
        <v>8758</v>
      </c>
      <c r="F14014" s="6" t="s">
        <v>18</v>
      </c>
      <c r="G14014" s="6" t="s">
        <v>26025</v>
      </c>
      <c r="H14014" s="6" t="s">
        <v>26026</v>
      </c>
      <c r="I14014" s="7" t="s">
        <v>26027</v>
      </c>
      <c r="J14014" s="8" t="s">
        <v>26028</v>
      </c>
    </row>
    <row r="14015" spans="1:10" x14ac:dyDescent="0.35">
      <c r="A14015" s="5" t="s">
        <v>10</v>
      </c>
      <c r="B14015" s="6">
        <v>249774</v>
      </c>
      <c r="C14015" s="6" t="s">
        <v>2821</v>
      </c>
      <c r="D14015" s="6" t="s">
        <v>8204</v>
      </c>
      <c r="E14015" s="6">
        <v>47053</v>
      </c>
      <c r="F14015" s="6" t="s">
        <v>13</v>
      </c>
      <c r="G14015" s="6" t="s">
        <v>26029</v>
      </c>
      <c r="H14015" s="6" t="s">
        <v>26030</v>
      </c>
      <c r="I14015" s="7" t="s">
        <v>26031</v>
      </c>
      <c r="J14015" s="8" t="s">
        <v>26032</v>
      </c>
    </row>
    <row r="14016" spans="1:10" x14ac:dyDescent="0.35">
      <c r="A14016" s="5" t="s">
        <v>10</v>
      </c>
      <c r="B14016" s="6">
        <v>249775</v>
      </c>
      <c r="C14016" s="6" t="s">
        <v>68</v>
      </c>
      <c r="D14016" s="6" t="s">
        <v>69</v>
      </c>
      <c r="E14016" s="6">
        <v>11001</v>
      </c>
      <c r="F14016" s="6" t="s">
        <v>18</v>
      </c>
      <c r="G14016" s="6" t="s">
        <v>26033</v>
      </c>
      <c r="H14016" s="6" t="s">
        <v>26034</v>
      </c>
      <c r="I14016" s="7" t="s">
        <v>26035</v>
      </c>
      <c r="J14016" s="8" t="s">
        <v>26036</v>
      </c>
    </row>
    <row r="14017" spans="1:10" x14ac:dyDescent="0.35">
      <c r="A14017" s="5" t="s">
        <v>10</v>
      </c>
      <c r="B14017" s="6">
        <v>249776</v>
      </c>
      <c r="C14017" s="6" t="s">
        <v>551</v>
      </c>
      <c r="D14017" s="6" t="s">
        <v>4274</v>
      </c>
      <c r="E14017" s="6">
        <v>20383</v>
      </c>
      <c r="F14017" s="6" t="s">
        <v>18</v>
      </c>
      <c r="G14017" s="6" t="s">
        <v>26037</v>
      </c>
      <c r="H14017" s="6" t="s">
        <v>26038</v>
      </c>
      <c r="I14017" s="7" t="s">
        <v>26039</v>
      </c>
      <c r="J14017" s="8" t="s">
        <v>26040</v>
      </c>
    </row>
    <row r="14018" spans="1:10" x14ac:dyDescent="0.35">
      <c r="A14018" s="5" t="s">
        <v>10</v>
      </c>
      <c r="B14018" s="6">
        <v>249778</v>
      </c>
      <c r="C14018" s="6" t="s">
        <v>42</v>
      </c>
      <c r="D14018" s="6" t="s">
        <v>599</v>
      </c>
      <c r="E14018" s="6">
        <v>17013</v>
      </c>
      <c r="F14018" s="6" t="s">
        <v>18</v>
      </c>
      <c r="G14018" s="6" t="s">
        <v>26041</v>
      </c>
      <c r="H14018" s="6" t="s">
        <v>26042</v>
      </c>
      <c r="I14018" s="7">
        <v>5.6071206</v>
      </c>
      <c r="J14018" s="8">
        <v>-75.452968400000003</v>
      </c>
    </row>
    <row r="14019" spans="1:10" x14ac:dyDescent="0.35">
      <c r="A14019" s="5" t="s">
        <v>10</v>
      </c>
      <c r="B14019" s="6">
        <v>249788</v>
      </c>
      <c r="C14019" s="6" t="s">
        <v>2821</v>
      </c>
      <c r="D14019" s="6" t="s">
        <v>2822</v>
      </c>
      <c r="E14019" s="6">
        <v>47001</v>
      </c>
      <c r="F14019" s="6" t="s">
        <v>18</v>
      </c>
      <c r="G14019" s="6" t="s">
        <v>26043</v>
      </c>
      <c r="H14019" s="6" t="s">
        <v>26044</v>
      </c>
      <c r="I14019" s="7" t="s">
        <v>26045</v>
      </c>
      <c r="J14019" s="8" t="s">
        <v>26046</v>
      </c>
    </row>
    <row r="14020" spans="1:10" x14ac:dyDescent="0.35">
      <c r="A14020" s="5" t="s">
        <v>10</v>
      </c>
      <c r="B14020" s="6">
        <v>249797</v>
      </c>
      <c r="C14020" s="6" t="s">
        <v>68</v>
      </c>
      <c r="D14020" s="6" t="s">
        <v>69</v>
      </c>
      <c r="E14020" s="6">
        <v>11001</v>
      </c>
      <c r="F14020" s="6" t="s">
        <v>18</v>
      </c>
      <c r="G14020" s="6" t="s">
        <v>26047</v>
      </c>
      <c r="H14020" s="6" t="s">
        <v>26048</v>
      </c>
      <c r="I14020" s="7" t="s">
        <v>26049</v>
      </c>
      <c r="J14020" s="8" t="s">
        <v>26050</v>
      </c>
    </row>
    <row r="14021" spans="1:10" x14ac:dyDescent="0.35">
      <c r="A14021" s="5" t="s">
        <v>10</v>
      </c>
      <c r="B14021" s="6">
        <v>249802</v>
      </c>
      <c r="C14021" s="6" t="s">
        <v>68</v>
      </c>
      <c r="D14021" s="6" t="s">
        <v>69</v>
      </c>
      <c r="E14021" s="6">
        <v>11001</v>
      </c>
      <c r="F14021" s="6" t="s">
        <v>18</v>
      </c>
      <c r="G14021" s="6" t="s">
        <v>113</v>
      </c>
      <c r="H14021" s="6" t="s">
        <v>26051</v>
      </c>
      <c r="I14021" s="7" t="s">
        <v>26052</v>
      </c>
      <c r="J14021" s="8" t="s">
        <v>26053</v>
      </c>
    </row>
    <row r="14022" spans="1:10" x14ac:dyDescent="0.35">
      <c r="A14022" s="5" t="s">
        <v>10</v>
      </c>
      <c r="B14022" s="6">
        <v>249804</v>
      </c>
      <c r="C14022" s="6" t="s">
        <v>68</v>
      </c>
      <c r="D14022" s="6" t="s">
        <v>69</v>
      </c>
      <c r="E14022" s="6">
        <v>11001</v>
      </c>
      <c r="F14022" s="6" t="s">
        <v>18</v>
      </c>
      <c r="G14022" s="6" t="s">
        <v>113</v>
      </c>
      <c r="H14022" s="6" t="s">
        <v>26054</v>
      </c>
      <c r="I14022" s="7" t="s">
        <v>26052</v>
      </c>
      <c r="J14022" s="8" t="s">
        <v>26053</v>
      </c>
    </row>
    <row r="14023" spans="1:10" x14ac:dyDescent="0.35">
      <c r="A14023" s="5" t="s">
        <v>10</v>
      </c>
      <c r="B14023" s="6">
        <v>249805</v>
      </c>
      <c r="C14023" s="6" t="s">
        <v>28</v>
      </c>
      <c r="D14023" s="6" t="s">
        <v>91</v>
      </c>
      <c r="E14023" s="6">
        <v>54874</v>
      </c>
      <c r="F14023" s="6" t="s">
        <v>18</v>
      </c>
      <c r="G14023" s="6" t="s">
        <v>26055</v>
      </c>
      <c r="H14023" s="6" t="s">
        <v>2291</v>
      </c>
      <c r="I14023" s="7" t="s">
        <v>26056</v>
      </c>
      <c r="J14023" s="8" t="s">
        <v>26057</v>
      </c>
    </row>
    <row r="14024" spans="1:10" x14ac:dyDescent="0.35">
      <c r="A14024" s="5" t="s">
        <v>10</v>
      </c>
      <c r="B14024" s="6">
        <v>249809</v>
      </c>
      <c r="C14024" s="6" t="s">
        <v>38</v>
      </c>
      <c r="D14024" s="6" t="s">
        <v>18189</v>
      </c>
      <c r="E14024" s="6">
        <v>19450</v>
      </c>
      <c r="F14024" s="6" t="s">
        <v>18</v>
      </c>
      <c r="G14024" s="6" t="s">
        <v>26058</v>
      </c>
      <c r="H14024" s="6" t="s">
        <v>26059</v>
      </c>
      <c r="I14024" s="7">
        <v>1.7955289999999999</v>
      </c>
      <c r="J14024" s="8">
        <v>-77.163376200000002</v>
      </c>
    </row>
    <row r="14025" spans="1:10" x14ac:dyDescent="0.35">
      <c r="A14025" s="5" t="s">
        <v>10</v>
      </c>
      <c r="B14025" s="6">
        <v>249811</v>
      </c>
      <c r="C14025" s="6" t="s">
        <v>68</v>
      </c>
      <c r="D14025" s="6" t="s">
        <v>69</v>
      </c>
      <c r="E14025" s="6">
        <v>11001</v>
      </c>
      <c r="F14025" s="6" t="s">
        <v>18</v>
      </c>
      <c r="G14025" s="6" t="s">
        <v>26060</v>
      </c>
      <c r="H14025" s="6" t="s">
        <v>26061</v>
      </c>
      <c r="I14025" s="7" t="s">
        <v>26062</v>
      </c>
      <c r="J14025" s="8" t="s">
        <v>26063</v>
      </c>
    </row>
    <row r="14026" spans="1:10" x14ac:dyDescent="0.35">
      <c r="A14026" s="5" t="s">
        <v>10</v>
      </c>
      <c r="B14026" s="6">
        <v>249813</v>
      </c>
      <c r="C14026" s="6" t="s">
        <v>68</v>
      </c>
      <c r="D14026" s="6" t="s">
        <v>69</v>
      </c>
      <c r="E14026" s="6">
        <v>11001</v>
      </c>
      <c r="F14026" s="6" t="s">
        <v>18</v>
      </c>
      <c r="G14026" s="6" t="s">
        <v>26064</v>
      </c>
      <c r="H14026" s="6" t="s">
        <v>26065</v>
      </c>
      <c r="I14026" s="7" t="s">
        <v>26066</v>
      </c>
      <c r="J14026" s="8" t="s">
        <v>26067</v>
      </c>
    </row>
    <row r="14027" spans="1:10" x14ac:dyDescent="0.35">
      <c r="A14027" s="5" t="s">
        <v>10</v>
      </c>
      <c r="B14027" s="6">
        <v>249814</v>
      </c>
      <c r="C14027" s="6" t="s">
        <v>55</v>
      </c>
      <c r="D14027" s="6" t="s">
        <v>56</v>
      </c>
      <c r="E14027" s="6">
        <v>73001</v>
      </c>
      <c r="F14027" s="6" t="s">
        <v>18</v>
      </c>
      <c r="G14027" s="6" t="s">
        <v>26068</v>
      </c>
      <c r="H14027" s="6" t="s">
        <v>26069</v>
      </c>
      <c r="I14027" s="7">
        <v>4.4345875000000001</v>
      </c>
      <c r="J14027" s="8">
        <v>-75.199804999999998</v>
      </c>
    </row>
    <row r="14028" spans="1:10" x14ac:dyDescent="0.35">
      <c r="A14028" s="5" t="s">
        <v>10</v>
      </c>
      <c r="B14028" s="6">
        <v>249832</v>
      </c>
      <c r="C14028" s="6" t="s">
        <v>68</v>
      </c>
      <c r="D14028" s="6" t="s">
        <v>69</v>
      </c>
      <c r="E14028" s="6">
        <v>11001</v>
      </c>
      <c r="F14028" s="6" t="s">
        <v>18</v>
      </c>
      <c r="G14028" s="6" t="s">
        <v>26070</v>
      </c>
      <c r="H14028" s="6" t="s">
        <v>26071</v>
      </c>
      <c r="I14028" s="7" t="s">
        <v>26072</v>
      </c>
      <c r="J14028" s="8" t="s">
        <v>26073</v>
      </c>
    </row>
    <row r="14029" spans="1:10" x14ac:dyDescent="0.35">
      <c r="A14029" s="5" t="s">
        <v>10</v>
      </c>
      <c r="B14029" s="6">
        <v>239499</v>
      </c>
      <c r="C14029" s="6" t="s">
        <v>11</v>
      </c>
      <c r="D14029" s="6" t="s">
        <v>6067</v>
      </c>
      <c r="E14029" s="6">
        <v>25288</v>
      </c>
      <c r="F14029" s="6" t="s">
        <v>2161</v>
      </c>
      <c r="G14029" s="6" t="s">
        <v>26074</v>
      </c>
      <c r="H14029" s="6" t="s">
        <v>26075</v>
      </c>
      <c r="I14029" s="7">
        <v>5.4039412000000002</v>
      </c>
      <c r="J14029" s="8">
        <v>-73.795851999999996</v>
      </c>
    </row>
    <row r="14030" spans="1:10" x14ac:dyDescent="0.35">
      <c r="A14030" s="5" t="s">
        <v>10</v>
      </c>
      <c r="B14030" s="6">
        <v>239503</v>
      </c>
      <c r="C14030" s="6" t="s">
        <v>11</v>
      </c>
      <c r="D14030" s="6" t="s">
        <v>407</v>
      </c>
      <c r="E14030" s="6">
        <v>25126</v>
      </c>
      <c r="F14030" s="6" t="s">
        <v>2161</v>
      </c>
      <c r="G14030" s="6" t="s">
        <v>26076</v>
      </c>
      <c r="H14030" s="6" t="s">
        <v>26077</v>
      </c>
      <c r="I14030" s="7">
        <v>4.9196184000000001</v>
      </c>
      <c r="J14030" s="8">
        <v>-74.0271434</v>
      </c>
    </row>
    <row r="14031" spans="1:10" x14ac:dyDescent="0.35">
      <c r="A14031" s="5" t="s">
        <v>10</v>
      </c>
      <c r="B14031" s="6">
        <v>239504</v>
      </c>
      <c r="C14031" s="6" t="s">
        <v>11</v>
      </c>
      <c r="D14031" s="6" t="s">
        <v>407</v>
      </c>
      <c r="E14031" s="6">
        <v>25126</v>
      </c>
      <c r="F14031" s="6" t="s">
        <v>2161</v>
      </c>
      <c r="G14031" s="6" t="s">
        <v>26078</v>
      </c>
      <c r="H14031" s="6" t="s">
        <v>26079</v>
      </c>
      <c r="I14031" s="7">
        <v>4.9357031999999998</v>
      </c>
      <c r="J14031" s="8">
        <v>-74.021950700000005</v>
      </c>
    </row>
    <row r="14032" spans="1:10" x14ac:dyDescent="0.35">
      <c r="A14032" s="5" t="s">
        <v>10</v>
      </c>
      <c r="B14032" s="6">
        <v>239505</v>
      </c>
      <c r="C14032" s="6" t="s">
        <v>68</v>
      </c>
      <c r="D14032" s="6" t="s">
        <v>69</v>
      </c>
      <c r="E14032" s="6">
        <v>11001</v>
      </c>
      <c r="F14032" s="6" t="s">
        <v>2161</v>
      </c>
      <c r="G14032" s="6" t="s">
        <v>26080</v>
      </c>
      <c r="H14032" s="6" t="s">
        <v>26081</v>
      </c>
      <c r="I14032" s="7">
        <v>4.7530919999999997</v>
      </c>
      <c r="J14032" s="8">
        <v>-74.086997999999994</v>
      </c>
    </row>
    <row r="14033" spans="1:10" x14ac:dyDescent="0.35">
      <c r="A14033" s="5" t="s">
        <v>10</v>
      </c>
      <c r="B14033" s="6">
        <v>239506</v>
      </c>
      <c r="C14033" s="6" t="s">
        <v>28</v>
      </c>
      <c r="D14033" s="6" t="s">
        <v>352</v>
      </c>
      <c r="E14033" s="6">
        <v>54261</v>
      </c>
      <c r="F14033" s="6" t="s">
        <v>2161</v>
      </c>
      <c r="G14033" s="6" t="s">
        <v>26082</v>
      </c>
      <c r="H14033" s="6" t="s">
        <v>26083</v>
      </c>
      <c r="I14033" s="7">
        <v>7.9372889999999998</v>
      </c>
      <c r="J14033" s="8">
        <v>-72.604826000000003</v>
      </c>
    </row>
    <row r="14034" spans="1:10" x14ac:dyDescent="0.35">
      <c r="A14034" s="5" t="s">
        <v>10</v>
      </c>
      <c r="B14034" s="6">
        <v>239508</v>
      </c>
      <c r="C14034" s="6" t="s">
        <v>16</v>
      </c>
      <c r="D14034" s="6" t="s">
        <v>78</v>
      </c>
      <c r="E14034" s="6">
        <v>68001</v>
      </c>
      <c r="F14034" s="6" t="s">
        <v>2161</v>
      </c>
      <c r="G14034" s="6" t="s">
        <v>26084</v>
      </c>
      <c r="H14034" s="6" t="s">
        <v>26085</v>
      </c>
      <c r="I14034" s="7">
        <v>7.1223825999999999</v>
      </c>
      <c r="J14034" s="8">
        <v>-73.125152499999999</v>
      </c>
    </row>
    <row r="14035" spans="1:10" x14ac:dyDescent="0.35">
      <c r="A14035" s="5" t="s">
        <v>10</v>
      </c>
      <c r="B14035" s="6">
        <v>239511</v>
      </c>
      <c r="C14035" s="6" t="s">
        <v>68</v>
      </c>
      <c r="D14035" s="6" t="s">
        <v>69</v>
      </c>
      <c r="E14035" s="6">
        <v>11001</v>
      </c>
      <c r="F14035" s="6" t="s">
        <v>2161</v>
      </c>
      <c r="G14035" s="6" t="s">
        <v>26086</v>
      </c>
      <c r="H14035" s="6" t="s">
        <v>26087</v>
      </c>
      <c r="I14035" s="7">
        <v>4.7242585999999998</v>
      </c>
      <c r="J14035" s="8">
        <v>-74.030425399999999</v>
      </c>
    </row>
    <row r="14036" spans="1:10" x14ac:dyDescent="0.35">
      <c r="A14036" s="5" t="s">
        <v>10</v>
      </c>
      <c r="B14036" s="6">
        <v>239513</v>
      </c>
      <c r="C14036" s="6" t="s">
        <v>24</v>
      </c>
      <c r="D14036" s="6" t="s">
        <v>317</v>
      </c>
      <c r="E14036" s="6">
        <v>15176</v>
      </c>
      <c r="F14036" s="6" t="s">
        <v>2161</v>
      </c>
      <c r="G14036" s="6" t="s">
        <v>26088</v>
      </c>
      <c r="H14036" s="6" t="s">
        <v>26089</v>
      </c>
      <c r="I14036" s="7">
        <v>5.6168079999999998</v>
      </c>
      <c r="J14036" s="8">
        <v>-73.815520899999996</v>
      </c>
    </row>
    <row r="14037" spans="1:10" x14ac:dyDescent="0.35">
      <c r="A14037" s="5" t="s">
        <v>10</v>
      </c>
      <c r="B14037" s="6">
        <v>239514</v>
      </c>
      <c r="C14037" s="6" t="s">
        <v>11</v>
      </c>
      <c r="D14037" s="6" t="s">
        <v>513</v>
      </c>
      <c r="E14037" s="6">
        <v>25286</v>
      </c>
      <c r="F14037" s="6" t="s">
        <v>2161</v>
      </c>
      <c r="G14037" s="6" t="s">
        <v>26090</v>
      </c>
      <c r="H14037" s="6" t="s">
        <v>26091</v>
      </c>
      <c r="I14037" s="7">
        <v>4.7078759999999997</v>
      </c>
      <c r="J14037" s="8">
        <v>-74.209050899999994</v>
      </c>
    </row>
    <row r="14038" spans="1:10" x14ac:dyDescent="0.35">
      <c r="A14038" s="5" t="s">
        <v>10</v>
      </c>
      <c r="B14038" s="6">
        <v>239515</v>
      </c>
      <c r="C14038" s="6" t="s">
        <v>11</v>
      </c>
      <c r="D14038" s="6" t="s">
        <v>407</v>
      </c>
      <c r="E14038" s="6">
        <v>25126</v>
      </c>
      <c r="F14038" s="6" t="s">
        <v>2161</v>
      </c>
      <c r="G14038" s="6" t="s">
        <v>26092</v>
      </c>
      <c r="H14038" s="6" t="s">
        <v>26093</v>
      </c>
      <c r="I14038" s="7">
        <v>4.9140609</v>
      </c>
      <c r="J14038" s="8">
        <v>-74.028680499999993</v>
      </c>
    </row>
    <row r="14039" spans="1:10" x14ac:dyDescent="0.35">
      <c r="A14039" s="5" t="s">
        <v>10</v>
      </c>
      <c r="B14039" s="6">
        <v>239516</v>
      </c>
      <c r="C14039" s="6" t="s">
        <v>68</v>
      </c>
      <c r="D14039" s="6" t="s">
        <v>69</v>
      </c>
      <c r="E14039" s="6">
        <v>11001</v>
      </c>
      <c r="F14039" s="6" t="s">
        <v>2161</v>
      </c>
      <c r="G14039" s="6" t="s">
        <v>26094</v>
      </c>
      <c r="H14039" s="6" t="s">
        <v>26095</v>
      </c>
      <c r="I14039" s="7">
        <v>4.6715156000000002</v>
      </c>
      <c r="J14039" s="8">
        <v>-74.073825799999995</v>
      </c>
    </row>
    <row r="14040" spans="1:10" x14ac:dyDescent="0.35">
      <c r="A14040" s="5" t="s">
        <v>10</v>
      </c>
      <c r="B14040" s="6">
        <v>239517</v>
      </c>
      <c r="C14040" s="6" t="s">
        <v>68</v>
      </c>
      <c r="D14040" s="6" t="s">
        <v>69</v>
      </c>
      <c r="E14040" s="6">
        <v>11001</v>
      </c>
      <c r="F14040" s="6" t="s">
        <v>2161</v>
      </c>
      <c r="G14040" s="6" t="s">
        <v>26096</v>
      </c>
      <c r="H14040" s="6" t="s">
        <v>26097</v>
      </c>
      <c r="I14040" s="7">
        <v>4.7411605999999997</v>
      </c>
      <c r="J14040" s="8">
        <v>-74.095757399999997</v>
      </c>
    </row>
    <row r="14041" spans="1:10" x14ac:dyDescent="0.35">
      <c r="A14041" s="5" t="s">
        <v>10</v>
      </c>
      <c r="B14041" s="6">
        <v>244417</v>
      </c>
      <c r="C14041" s="6" t="s">
        <v>11</v>
      </c>
      <c r="D14041" s="6" t="s">
        <v>159</v>
      </c>
      <c r="E14041" s="6">
        <v>25175</v>
      </c>
      <c r="F14041" s="6" t="s">
        <v>2161</v>
      </c>
      <c r="G14041" s="6" t="s">
        <v>26098</v>
      </c>
      <c r="H14041" s="6" t="s">
        <v>26099</v>
      </c>
      <c r="I14041" s="7">
        <v>4.8472844999999998</v>
      </c>
      <c r="J14041" s="8">
        <v>-74.057924700000001</v>
      </c>
    </row>
    <row r="14042" spans="1:10" x14ac:dyDescent="0.35">
      <c r="A14042" s="5" t="s">
        <v>10</v>
      </c>
      <c r="B14042" s="6">
        <v>244418</v>
      </c>
      <c r="C14042" s="6" t="s">
        <v>11</v>
      </c>
      <c r="D14042" s="6" t="s">
        <v>1752</v>
      </c>
      <c r="E14042" s="6">
        <v>25799</v>
      </c>
      <c r="F14042" s="6" t="s">
        <v>2161</v>
      </c>
      <c r="G14042" s="6" t="s">
        <v>26100</v>
      </c>
      <c r="H14042" s="6" t="s">
        <v>26101</v>
      </c>
      <c r="I14042" s="7">
        <v>4.8720604999999999</v>
      </c>
      <c r="J14042" s="8">
        <v>-74.146309099999996</v>
      </c>
    </row>
    <row r="14043" spans="1:10" x14ac:dyDescent="0.35">
      <c r="A14043" s="5" t="s">
        <v>10</v>
      </c>
      <c r="B14043" s="6">
        <v>244419</v>
      </c>
      <c r="C14043" s="6" t="s">
        <v>11</v>
      </c>
      <c r="D14043" s="6" t="s">
        <v>12</v>
      </c>
      <c r="E14043" s="6">
        <v>25899</v>
      </c>
      <c r="F14043" s="6" t="s">
        <v>2161</v>
      </c>
      <c r="G14043" s="6" t="s">
        <v>26102</v>
      </c>
      <c r="H14043" s="6" t="s">
        <v>26103</v>
      </c>
      <c r="I14043" s="7">
        <v>5.026484</v>
      </c>
      <c r="J14043" s="8">
        <v>-73.999615500000004</v>
      </c>
    </row>
    <row r="14044" spans="1:10" x14ac:dyDescent="0.35">
      <c r="A14044" s="5" t="s">
        <v>10</v>
      </c>
      <c r="B14044" s="6">
        <v>244420</v>
      </c>
      <c r="C14044" s="6" t="s">
        <v>68</v>
      </c>
      <c r="D14044" s="6" t="s">
        <v>69</v>
      </c>
      <c r="E14044" s="6">
        <v>11001</v>
      </c>
      <c r="F14044" s="6" t="s">
        <v>2161</v>
      </c>
      <c r="G14044" s="6" t="s">
        <v>26104</v>
      </c>
      <c r="H14044" s="6" t="s">
        <v>26105</v>
      </c>
      <c r="I14044" s="7">
        <v>4.7362948999999999</v>
      </c>
      <c r="J14044" s="8">
        <v>-74.017702999999997</v>
      </c>
    </row>
    <row r="14045" spans="1:10" x14ac:dyDescent="0.35">
      <c r="A14045" s="5" t="s">
        <v>10</v>
      </c>
      <c r="B14045" s="6">
        <v>244422</v>
      </c>
      <c r="C14045" s="6" t="s">
        <v>2130</v>
      </c>
      <c r="D14045" s="6" t="s">
        <v>2131</v>
      </c>
      <c r="E14045" s="6">
        <v>85001</v>
      </c>
      <c r="F14045" s="6" t="s">
        <v>2161</v>
      </c>
      <c r="G14045" s="6" t="s">
        <v>26106</v>
      </c>
      <c r="H14045" s="6" t="s">
        <v>26107</v>
      </c>
      <c r="I14045" s="7">
        <v>5.3188966999999998</v>
      </c>
      <c r="J14045" s="8">
        <v>-72.394362799999996</v>
      </c>
    </row>
    <row r="14046" spans="1:10" x14ac:dyDescent="0.35">
      <c r="A14046" s="5" t="s">
        <v>10</v>
      </c>
      <c r="B14046" s="6">
        <v>244429</v>
      </c>
      <c r="C14046" s="6" t="s">
        <v>11</v>
      </c>
      <c r="D14046" s="6" t="s">
        <v>6667</v>
      </c>
      <c r="E14046" s="6">
        <v>25295</v>
      </c>
      <c r="F14046" s="6" t="s">
        <v>2161</v>
      </c>
      <c r="G14046" s="6" t="s">
        <v>26108</v>
      </c>
      <c r="H14046" s="6" t="s">
        <v>26109</v>
      </c>
      <c r="I14046" s="7">
        <v>4.9890049000000003</v>
      </c>
      <c r="J14046" s="8">
        <v>-73.874185699999998</v>
      </c>
    </row>
    <row r="14047" spans="1:10" x14ac:dyDescent="0.35">
      <c r="A14047" s="5" t="s">
        <v>10</v>
      </c>
      <c r="B14047" s="6">
        <v>244431</v>
      </c>
      <c r="C14047" s="6" t="s">
        <v>11</v>
      </c>
      <c r="D14047" s="6" t="s">
        <v>6667</v>
      </c>
      <c r="E14047" s="6">
        <v>25295</v>
      </c>
      <c r="F14047" s="6" t="s">
        <v>2161</v>
      </c>
      <c r="G14047" s="6" t="s">
        <v>26110</v>
      </c>
      <c r="H14047" s="6" t="s">
        <v>26111</v>
      </c>
      <c r="I14047" s="7">
        <v>4.9921430000000004</v>
      </c>
      <c r="J14047" s="8">
        <v>-73.872179099999997</v>
      </c>
    </row>
    <row r="14048" spans="1:10" x14ac:dyDescent="0.35">
      <c r="A14048" s="5" t="s">
        <v>10</v>
      </c>
      <c r="B14048" s="6">
        <v>244432</v>
      </c>
      <c r="C14048" s="6" t="s">
        <v>308</v>
      </c>
      <c r="D14048" s="6" t="s">
        <v>10782</v>
      </c>
      <c r="E14048" s="6">
        <v>23570</v>
      </c>
      <c r="F14048" s="6" t="s">
        <v>2161</v>
      </c>
      <c r="G14048" s="6" t="s">
        <v>26112</v>
      </c>
      <c r="H14048" s="6" t="s">
        <v>26113</v>
      </c>
      <c r="I14048" s="7">
        <v>8.5031780000000001</v>
      </c>
      <c r="J14048" s="8">
        <v>-75.507523899999995</v>
      </c>
    </row>
    <row r="14049" spans="1:10" x14ac:dyDescent="0.35">
      <c r="A14049" s="5" t="s">
        <v>10</v>
      </c>
      <c r="B14049" s="6">
        <v>244501</v>
      </c>
      <c r="C14049" s="6" t="s">
        <v>42</v>
      </c>
      <c r="D14049" s="6" t="s">
        <v>396</v>
      </c>
      <c r="E14049" s="6">
        <v>17380</v>
      </c>
      <c r="F14049" s="6" t="s">
        <v>18</v>
      </c>
      <c r="G14049" s="6" t="s">
        <v>26114</v>
      </c>
      <c r="H14049" s="6" t="s">
        <v>26115</v>
      </c>
      <c r="I14049" s="7">
        <v>5.472709</v>
      </c>
      <c r="J14049" s="8">
        <v>-74.667984000000004</v>
      </c>
    </row>
    <row r="14050" spans="1:10" x14ac:dyDescent="0.35">
      <c r="A14050" s="5" t="s">
        <v>10</v>
      </c>
      <c r="B14050" s="6">
        <v>244683</v>
      </c>
      <c r="C14050" s="6" t="s">
        <v>42</v>
      </c>
      <c r="D14050" s="6" t="s">
        <v>1493</v>
      </c>
      <c r="E14050" s="6">
        <v>17873</v>
      </c>
      <c r="F14050" s="6" t="s">
        <v>18</v>
      </c>
      <c r="G14050" s="6" t="s">
        <v>26116</v>
      </c>
      <c r="H14050" s="6" t="s">
        <v>26117</v>
      </c>
      <c r="I14050" s="7">
        <v>5.0448484000000002</v>
      </c>
      <c r="J14050" s="8">
        <v>-75.511253499999995</v>
      </c>
    </row>
    <row r="14051" spans="1:10" x14ac:dyDescent="0.35">
      <c r="A14051" s="5" t="s">
        <v>10</v>
      </c>
      <c r="B14051" s="6">
        <v>244979</v>
      </c>
      <c r="C14051" s="6" t="s">
        <v>42</v>
      </c>
      <c r="D14051" s="6" t="s">
        <v>43</v>
      </c>
      <c r="E14051" s="6">
        <v>17001</v>
      </c>
      <c r="F14051" s="6" t="s">
        <v>18</v>
      </c>
      <c r="G14051" s="6" t="s">
        <v>26118</v>
      </c>
      <c r="H14051" s="6" t="s">
        <v>26119</v>
      </c>
      <c r="I14051" s="7">
        <v>5.0655294</v>
      </c>
      <c r="J14051" s="8">
        <v>-75.488746199999994</v>
      </c>
    </row>
    <row r="14052" spans="1:10" x14ac:dyDescent="0.35">
      <c r="A14052" s="5" t="s">
        <v>10</v>
      </c>
      <c r="B14052" s="6">
        <v>245130</v>
      </c>
      <c r="C14052" s="6" t="s">
        <v>42</v>
      </c>
      <c r="D14052" s="6" t="s">
        <v>396</v>
      </c>
      <c r="E14052" s="6">
        <v>17380</v>
      </c>
      <c r="F14052" s="6" t="s">
        <v>18</v>
      </c>
      <c r="G14052" s="6" t="s">
        <v>26120</v>
      </c>
      <c r="H14052" s="6" t="s">
        <v>26121</v>
      </c>
      <c r="I14052" s="7">
        <v>5.472709</v>
      </c>
      <c r="J14052" s="8">
        <v>-74.667984000000004</v>
      </c>
    </row>
    <row r="14053" spans="1:10" x14ac:dyDescent="0.35">
      <c r="A14053" s="5" t="s">
        <v>10</v>
      </c>
      <c r="B14053" s="6">
        <v>245152</v>
      </c>
      <c r="C14053" s="6" t="s">
        <v>117</v>
      </c>
      <c r="D14053" s="6" t="s">
        <v>1334</v>
      </c>
      <c r="E14053" s="6">
        <v>76001</v>
      </c>
      <c r="F14053" s="6" t="s">
        <v>18</v>
      </c>
      <c r="G14053" s="6" t="s">
        <v>26122</v>
      </c>
      <c r="H14053" s="6" t="s">
        <v>26123</v>
      </c>
      <c r="I14053" s="7">
        <v>3.4451181000000002</v>
      </c>
      <c r="J14053" s="8">
        <v>-76.484772899999996</v>
      </c>
    </row>
    <row r="14054" spans="1:10" x14ac:dyDescent="0.35">
      <c r="A14054" s="5" t="s">
        <v>10</v>
      </c>
      <c r="B14054" s="6">
        <v>245202</v>
      </c>
      <c r="C14054" s="6" t="s">
        <v>2130</v>
      </c>
      <c r="D14054" s="6" t="s">
        <v>4021</v>
      </c>
      <c r="E14054" s="6">
        <v>85225</v>
      </c>
      <c r="F14054" s="6" t="s">
        <v>2161</v>
      </c>
      <c r="G14054" s="6" t="s">
        <v>26124</v>
      </c>
      <c r="H14054" s="6" t="s">
        <v>26125</v>
      </c>
      <c r="I14054" s="7">
        <v>5.6380970000000001</v>
      </c>
      <c r="J14054" s="8">
        <v>-72.195526999999998</v>
      </c>
    </row>
    <row r="14055" spans="1:10" x14ac:dyDescent="0.35">
      <c r="A14055" s="5" t="s">
        <v>10</v>
      </c>
      <c r="B14055" s="6">
        <v>245203</v>
      </c>
      <c r="C14055" s="6" t="s">
        <v>38</v>
      </c>
      <c r="D14055" s="6" t="s">
        <v>26126</v>
      </c>
      <c r="E14055" s="6">
        <v>19809</v>
      </c>
      <c r="F14055" s="6" t="s">
        <v>2161</v>
      </c>
      <c r="G14055" s="6" t="s">
        <v>26127</v>
      </c>
      <c r="H14055" s="6" t="s">
        <v>26128</v>
      </c>
      <c r="I14055" s="7">
        <v>2.2372399999999999</v>
      </c>
      <c r="J14055" s="8">
        <v>-76.620689999999996</v>
      </c>
    </row>
    <row r="14056" spans="1:10" x14ac:dyDescent="0.35">
      <c r="A14056" s="5" t="s">
        <v>10</v>
      </c>
      <c r="B14056" s="6">
        <v>245205</v>
      </c>
      <c r="C14056" s="6" t="s">
        <v>42</v>
      </c>
      <c r="D14056" s="6" t="s">
        <v>1104</v>
      </c>
      <c r="E14056" s="6">
        <v>17272</v>
      </c>
      <c r="F14056" s="6" t="s">
        <v>2161</v>
      </c>
      <c r="G14056" s="6" t="s">
        <v>26129</v>
      </c>
      <c r="H14056" s="6" t="s">
        <v>26130</v>
      </c>
      <c r="I14056" s="7">
        <v>5.2973077999999996</v>
      </c>
      <c r="J14056" s="8">
        <v>-75.562210300000004</v>
      </c>
    </row>
    <row r="14057" spans="1:10" x14ac:dyDescent="0.35">
      <c r="A14057" s="5" t="s">
        <v>10</v>
      </c>
      <c r="B14057" s="6">
        <v>245206</v>
      </c>
      <c r="C14057" s="6" t="s">
        <v>24</v>
      </c>
      <c r="D14057" s="6" t="s">
        <v>88</v>
      </c>
      <c r="E14057" s="6">
        <v>15001</v>
      </c>
      <c r="F14057" s="6" t="s">
        <v>2161</v>
      </c>
      <c r="G14057" s="6" t="s">
        <v>19087</v>
      </c>
      <c r="H14057" s="6" t="s">
        <v>26131</v>
      </c>
      <c r="I14057" s="7">
        <v>5.5372395000000001</v>
      </c>
      <c r="J14057" s="8">
        <v>-73.349539699999994</v>
      </c>
    </row>
    <row r="14058" spans="1:10" x14ac:dyDescent="0.35">
      <c r="A14058" s="5" t="s">
        <v>10</v>
      </c>
      <c r="B14058" s="6">
        <v>245208</v>
      </c>
      <c r="C14058" s="6" t="s">
        <v>11</v>
      </c>
      <c r="D14058" s="6" t="s">
        <v>1547</v>
      </c>
      <c r="E14058" s="6">
        <v>25817</v>
      </c>
      <c r="F14058" s="6" t="s">
        <v>2161</v>
      </c>
      <c r="G14058" s="6" t="s">
        <v>26132</v>
      </c>
      <c r="H14058" s="6" t="s">
        <v>26133</v>
      </c>
      <c r="I14058" s="7">
        <v>4.9641438999999998</v>
      </c>
      <c r="J14058" s="8">
        <v>-73.913637300000005</v>
      </c>
    </row>
    <row r="14059" spans="1:10" x14ac:dyDescent="0.35">
      <c r="A14059" s="5" t="s">
        <v>10</v>
      </c>
      <c r="B14059" s="6">
        <v>245209</v>
      </c>
      <c r="C14059" s="6" t="s">
        <v>7527</v>
      </c>
      <c r="D14059" s="6" t="s">
        <v>8759</v>
      </c>
      <c r="E14059" s="6">
        <v>27001</v>
      </c>
      <c r="F14059" s="6" t="s">
        <v>2161</v>
      </c>
      <c r="G14059" s="6" t="s">
        <v>26134</v>
      </c>
      <c r="H14059" s="6" t="s">
        <v>26135</v>
      </c>
      <c r="I14059" s="7">
        <v>5.6903153</v>
      </c>
      <c r="J14059" s="8">
        <v>-76.660602400000002</v>
      </c>
    </row>
    <row r="14060" spans="1:10" x14ac:dyDescent="0.35">
      <c r="A14060" s="5" t="s">
        <v>10</v>
      </c>
      <c r="B14060" s="6">
        <v>245424</v>
      </c>
      <c r="C14060" s="6" t="s">
        <v>55</v>
      </c>
      <c r="D14060" s="6" t="s">
        <v>1136</v>
      </c>
      <c r="E14060" s="6">
        <v>73483</v>
      </c>
      <c r="F14060" s="6" t="s">
        <v>18</v>
      </c>
      <c r="G14060" s="6" t="s">
        <v>26136</v>
      </c>
      <c r="H14060" s="6" t="s">
        <v>26137</v>
      </c>
      <c r="I14060" s="7">
        <v>3.6215125000000001</v>
      </c>
      <c r="J14060" s="8">
        <v>-75.094312900000006</v>
      </c>
    </row>
    <row r="14061" spans="1:10" x14ac:dyDescent="0.35">
      <c r="A14061" s="5" t="s">
        <v>10</v>
      </c>
      <c r="B14061" s="6">
        <v>245655</v>
      </c>
      <c r="C14061" s="6" t="s">
        <v>117</v>
      </c>
      <c r="D14061" s="6" t="s">
        <v>1334</v>
      </c>
      <c r="E14061" s="6">
        <v>76001</v>
      </c>
      <c r="F14061" s="6" t="s">
        <v>18</v>
      </c>
      <c r="G14061" s="6" t="s">
        <v>26138</v>
      </c>
      <c r="H14061" s="6" t="s">
        <v>26139</v>
      </c>
      <c r="I14061" s="7">
        <v>3.4388869999999998</v>
      </c>
      <c r="J14061" s="8">
        <v>-76.508920799999999</v>
      </c>
    </row>
    <row r="14062" spans="1:10" x14ac:dyDescent="0.35">
      <c r="A14062" s="5" t="s">
        <v>10</v>
      </c>
      <c r="B14062" s="6">
        <v>245859</v>
      </c>
      <c r="C14062" s="6" t="s">
        <v>16</v>
      </c>
      <c r="D14062" s="6" t="s">
        <v>78</v>
      </c>
      <c r="E14062" s="6">
        <v>68001</v>
      </c>
      <c r="F14062" s="6" t="s">
        <v>18</v>
      </c>
      <c r="G14062" s="6" t="s">
        <v>26140</v>
      </c>
      <c r="H14062" s="6" t="s">
        <v>26141</v>
      </c>
      <c r="I14062" s="7">
        <v>7.1556927999999997</v>
      </c>
      <c r="J14062" s="8">
        <v>-73.138458099999994</v>
      </c>
    </row>
    <row r="14063" spans="1:10" x14ac:dyDescent="0.35">
      <c r="A14063" s="5" t="s">
        <v>10</v>
      </c>
      <c r="B14063" s="6">
        <v>245861</v>
      </c>
      <c r="C14063" s="6" t="s">
        <v>94</v>
      </c>
      <c r="D14063" s="6" t="s">
        <v>95</v>
      </c>
      <c r="E14063" s="6">
        <v>66170</v>
      </c>
      <c r="F14063" s="6" t="s">
        <v>18</v>
      </c>
      <c r="G14063" s="6" t="s">
        <v>26142</v>
      </c>
      <c r="H14063" s="6" t="s">
        <v>26143</v>
      </c>
      <c r="I14063" s="7">
        <v>4.8318256000000002</v>
      </c>
      <c r="J14063" s="8">
        <v>-75.680567800000006</v>
      </c>
    </row>
    <row r="14064" spans="1:10" x14ac:dyDescent="0.35">
      <c r="A14064" s="5" t="s">
        <v>10</v>
      </c>
      <c r="B14064" s="6">
        <v>245881</v>
      </c>
      <c r="C14064" s="6" t="s">
        <v>61</v>
      </c>
      <c r="D14064" s="6" t="s">
        <v>121</v>
      </c>
      <c r="E14064" s="6">
        <v>63130</v>
      </c>
      <c r="F14064" s="6" t="s">
        <v>18</v>
      </c>
      <c r="G14064" s="6" t="s">
        <v>26144</v>
      </c>
      <c r="H14064" s="6" t="s">
        <v>26145</v>
      </c>
      <c r="I14064" s="7">
        <v>4.5239788000000001</v>
      </c>
      <c r="J14064" s="8">
        <v>-75.645625199999998</v>
      </c>
    </row>
    <row r="14065" spans="1:10" x14ac:dyDescent="0.35">
      <c r="A14065" s="5" t="s">
        <v>10</v>
      </c>
      <c r="B14065" s="6">
        <v>245986</v>
      </c>
      <c r="C14065" s="6" t="s">
        <v>2130</v>
      </c>
      <c r="D14065" s="6" t="s">
        <v>2131</v>
      </c>
      <c r="E14065" s="6">
        <v>85001</v>
      </c>
      <c r="F14065" s="6" t="s">
        <v>18</v>
      </c>
      <c r="G14065" s="6" t="s">
        <v>26146</v>
      </c>
      <c r="H14065" s="6" t="s">
        <v>26147</v>
      </c>
      <c r="I14065" s="7">
        <v>5.3372799000000004</v>
      </c>
      <c r="J14065" s="8">
        <v>-72.394720300000003</v>
      </c>
    </row>
    <row r="14066" spans="1:10" x14ac:dyDescent="0.35">
      <c r="A14066" s="5" t="s">
        <v>10</v>
      </c>
      <c r="B14066" s="6">
        <v>246057</v>
      </c>
      <c r="C14066" s="6" t="s">
        <v>16</v>
      </c>
      <c r="D14066" s="6" t="s">
        <v>2851</v>
      </c>
      <c r="E14066" s="6">
        <v>68524</v>
      </c>
      <c r="F14066" s="6" t="s">
        <v>18</v>
      </c>
      <c r="G14066" s="6" t="s">
        <v>26148</v>
      </c>
      <c r="H14066" s="6" t="s">
        <v>8770</v>
      </c>
      <c r="I14066" s="7">
        <v>7.1250663000000003</v>
      </c>
      <c r="J14066" s="8">
        <v>-73.125452100000004</v>
      </c>
    </row>
    <row r="14067" spans="1:10" x14ac:dyDescent="0.35">
      <c r="A14067" s="5" t="s">
        <v>10</v>
      </c>
      <c r="B14067" s="6">
        <v>246060</v>
      </c>
      <c r="C14067" s="6" t="s">
        <v>117</v>
      </c>
      <c r="D14067" s="6" t="s">
        <v>1334</v>
      </c>
      <c r="E14067" s="6">
        <v>76001</v>
      </c>
      <c r="F14067" s="6" t="s">
        <v>18</v>
      </c>
      <c r="G14067" s="6" t="s">
        <v>26149</v>
      </c>
      <c r="H14067" s="6" t="s">
        <v>26150</v>
      </c>
      <c r="I14067" s="7">
        <v>3.4635063000000001</v>
      </c>
      <c r="J14067" s="8">
        <v>-76.525290600000005</v>
      </c>
    </row>
    <row r="14068" spans="1:10" x14ac:dyDescent="0.35">
      <c r="A14068" s="5" t="s">
        <v>10</v>
      </c>
      <c r="B14068" s="6">
        <v>246067</v>
      </c>
      <c r="C14068" s="6" t="s">
        <v>117</v>
      </c>
      <c r="D14068" s="6" t="s">
        <v>1334</v>
      </c>
      <c r="E14068" s="6">
        <v>76001</v>
      </c>
      <c r="F14068" s="6" t="s">
        <v>18</v>
      </c>
      <c r="G14068" s="6" t="s">
        <v>26151</v>
      </c>
      <c r="H14068" s="6" t="s">
        <v>26152</v>
      </c>
      <c r="I14068" s="7">
        <v>3.4329958</v>
      </c>
      <c r="J14068" s="8">
        <v>-76.478892500000001</v>
      </c>
    </row>
    <row r="14069" spans="1:10" x14ac:dyDescent="0.35">
      <c r="A14069" s="5" t="s">
        <v>10</v>
      </c>
      <c r="B14069" s="6">
        <v>246070</v>
      </c>
      <c r="C14069" s="6" t="s">
        <v>16</v>
      </c>
      <c r="D14069" s="6" t="s">
        <v>2851</v>
      </c>
      <c r="E14069" s="6">
        <v>68524</v>
      </c>
      <c r="F14069" s="6" t="s">
        <v>18</v>
      </c>
      <c r="G14069" s="6" t="s">
        <v>26153</v>
      </c>
      <c r="H14069" s="6" t="s">
        <v>26154</v>
      </c>
      <c r="I14069" s="7">
        <v>6.4729628999999997</v>
      </c>
      <c r="J14069" s="8">
        <v>-73.261748400000002</v>
      </c>
    </row>
    <row r="14070" spans="1:10" x14ac:dyDescent="0.35">
      <c r="A14070" s="5" t="s">
        <v>10</v>
      </c>
      <c r="B14070" s="6">
        <v>246114</v>
      </c>
      <c r="C14070" s="6" t="s">
        <v>11</v>
      </c>
      <c r="D14070" s="6" t="s">
        <v>1633</v>
      </c>
      <c r="E14070" s="6">
        <v>25151</v>
      </c>
      <c r="F14070" s="6" t="s">
        <v>18</v>
      </c>
      <c r="G14070" s="6" t="s">
        <v>26155</v>
      </c>
      <c r="H14070" s="6" t="s">
        <v>26156</v>
      </c>
      <c r="I14070" s="7">
        <v>4.4056369000000002</v>
      </c>
      <c r="J14070" s="8">
        <v>-73.946686</v>
      </c>
    </row>
    <row r="14071" spans="1:10" x14ac:dyDescent="0.35">
      <c r="A14071" s="5" t="s">
        <v>10</v>
      </c>
      <c r="B14071" s="6">
        <v>246139</v>
      </c>
      <c r="C14071" s="6" t="s">
        <v>16</v>
      </c>
      <c r="D14071" s="6" t="s">
        <v>846</v>
      </c>
      <c r="E14071" s="6">
        <v>68500</v>
      </c>
      <c r="F14071" s="6" t="s">
        <v>18</v>
      </c>
      <c r="G14071" s="6" t="s">
        <v>26157</v>
      </c>
      <c r="H14071" s="6" t="s">
        <v>26158</v>
      </c>
      <c r="I14071" s="7">
        <v>6.2646699999999997</v>
      </c>
      <c r="J14071" s="8">
        <v>-73.298379999999995</v>
      </c>
    </row>
    <row r="14072" spans="1:10" x14ac:dyDescent="0.35">
      <c r="A14072" s="5" t="s">
        <v>10</v>
      </c>
      <c r="B14072" s="6">
        <v>246150</v>
      </c>
      <c r="C14072" s="6" t="s">
        <v>16</v>
      </c>
      <c r="D14072" s="6" t="s">
        <v>2825</v>
      </c>
      <c r="E14072" s="6">
        <v>68276</v>
      </c>
      <c r="F14072" s="6" t="s">
        <v>18</v>
      </c>
      <c r="G14072" s="6" t="s">
        <v>26159</v>
      </c>
      <c r="H14072" s="6" t="s">
        <v>6850</v>
      </c>
      <c r="I14072" s="7">
        <v>7.0882981000000003</v>
      </c>
      <c r="J14072" s="8">
        <v>-73.0759446</v>
      </c>
    </row>
    <row r="14073" spans="1:10" x14ac:dyDescent="0.35">
      <c r="A14073" s="5" t="s">
        <v>10</v>
      </c>
      <c r="B14073" s="6">
        <v>246153</v>
      </c>
      <c r="C14073" s="6" t="s">
        <v>117</v>
      </c>
      <c r="D14073" s="6" t="s">
        <v>1334</v>
      </c>
      <c r="E14073" s="6">
        <v>76001</v>
      </c>
      <c r="F14073" s="6" t="s">
        <v>18</v>
      </c>
      <c r="G14073" s="6" t="s">
        <v>26160</v>
      </c>
      <c r="H14073" s="6" t="s">
        <v>26161</v>
      </c>
      <c r="I14073" s="7">
        <v>3.4464324</v>
      </c>
      <c r="J14073" s="8">
        <v>-76.530745999999994</v>
      </c>
    </row>
    <row r="14074" spans="1:10" x14ac:dyDescent="0.35">
      <c r="A14074" s="5" t="s">
        <v>10</v>
      </c>
      <c r="B14074" s="6">
        <v>246202</v>
      </c>
      <c r="C14074" s="6" t="s">
        <v>117</v>
      </c>
      <c r="D14074" s="6" t="s">
        <v>1334</v>
      </c>
      <c r="E14074" s="6">
        <v>76001</v>
      </c>
      <c r="F14074" s="6" t="s">
        <v>18</v>
      </c>
      <c r="G14074" s="6" t="s">
        <v>26162</v>
      </c>
      <c r="H14074" s="6" t="s">
        <v>26163</v>
      </c>
      <c r="I14074" s="7">
        <v>3.4969850999999998</v>
      </c>
      <c r="J14074" s="8">
        <v>-76.490234599999994</v>
      </c>
    </row>
    <row r="14075" spans="1:10" x14ac:dyDescent="0.35">
      <c r="A14075" s="5" t="s">
        <v>10</v>
      </c>
      <c r="B14075" s="6">
        <v>246239</v>
      </c>
      <c r="C14075" s="6" t="s">
        <v>42</v>
      </c>
      <c r="D14075" s="6" t="s">
        <v>1438</v>
      </c>
      <c r="E14075" s="6">
        <v>17513</v>
      </c>
      <c r="F14075" s="6" t="s">
        <v>18</v>
      </c>
      <c r="G14075" s="6" t="s">
        <v>26164</v>
      </c>
      <c r="H14075" s="6" t="s">
        <v>26165</v>
      </c>
      <c r="I14075" s="7">
        <v>5.527228</v>
      </c>
      <c r="J14075" s="8">
        <v>-75.459056799999999</v>
      </c>
    </row>
    <row r="14076" spans="1:10" x14ac:dyDescent="0.35">
      <c r="A14076" s="5" t="s">
        <v>10</v>
      </c>
      <c r="B14076" s="6">
        <v>246274</v>
      </c>
      <c r="C14076" s="6" t="s">
        <v>3788</v>
      </c>
      <c r="D14076" s="6" t="s">
        <v>3974</v>
      </c>
      <c r="E14076" s="6">
        <v>18001</v>
      </c>
      <c r="F14076" s="6" t="s">
        <v>18</v>
      </c>
      <c r="G14076" s="6" t="s">
        <v>26166</v>
      </c>
      <c r="H14076" s="6" t="s">
        <v>26167</v>
      </c>
      <c r="I14076" s="7">
        <v>1.6153858000000001</v>
      </c>
      <c r="J14076" s="8">
        <v>-75.604236400000005</v>
      </c>
    </row>
    <row r="14077" spans="1:10" x14ac:dyDescent="0.35">
      <c r="A14077" s="5" t="s">
        <v>10</v>
      </c>
      <c r="B14077" s="6">
        <v>246277</v>
      </c>
      <c r="C14077" s="6" t="s">
        <v>457</v>
      </c>
      <c r="D14077" s="6" t="s">
        <v>14505</v>
      </c>
      <c r="E14077" s="6">
        <v>52573</v>
      </c>
      <c r="F14077" s="6" t="s">
        <v>18</v>
      </c>
      <c r="G14077" s="6" t="s">
        <v>26168</v>
      </c>
      <c r="H14077" s="6" t="s">
        <v>26169</v>
      </c>
      <c r="I14077" s="7">
        <v>0.88813229999999999</v>
      </c>
      <c r="J14077" s="8">
        <v>-77.504353800000004</v>
      </c>
    </row>
    <row r="14078" spans="1:10" x14ac:dyDescent="0.35">
      <c r="A14078" s="5" t="s">
        <v>10</v>
      </c>
      <c r="B14078" s="6">
        <v>246313</v>
      </c>
      <c r="C14078" s="6" t="s">
        <v>42</v>
      </c>
      <c r="D14078" s="6" t="s">
        <v>43</v>
      </c>
      <c r="E14078" s="6">
        <v>17001</v>
      </c>
      <c r="F14078" s="6" t="s">
        <v>18</v>
      </c>
      <c r="G14078" s="6" t="s">
        <v>26170</v>
      </c>
      <c r="H14078" s="6" t="s">
        <v>26171</v>
      </c>
      <c r="I14078" s="7">
        <v>5.0603179999999996</v>
      </c>
      <c r="J14078" s="8">
        <v>-75.503840699999998</v>
      </c>
    </row>
    <row r="14079" spans="1:10" x14ac:dyDescent="0.35">
      <c r="A14079" s="5" t="s">
        <v>10</v>
      </c>
      <c r="B14079" s="6">
        <v>246350</v>
      </c>
      <c r="C14079" s="6" t="s">
        <v>294</v>
      </c>
      <c r="D14079" s="6" t="s">
        <v>4257</v>
      </c>
      <c r="E14079" s="6">
        <v>41524</v>
      </c>
      <c r="F14079" s="6" t="s">
        <v>18</v>
      </c>
      <c r="G14079" s="6" t="s">
        <v>26172</v>
      </c>
      <c r="H14079" s="6" t="s">
        <v>26173</v>
      </c>
      <c r="I14079" s="7">
        <v>2.8862459999999999</v>
      </c>
      <c r="J14079" s="8">
        <v>-75.433419000000001</v>
      </c>
    </row>
    <row r="14080" spans="1:10" x14ac:dyDescent="0.35">
      <c r="A14080" s="5" t="s">
        <v>10</v>
      </c>
      <c r="B14080" s="6">
        <v>246398</v>
      </c>
      <c r="C14080" s="6" t="s">
        <v>24</v>
      </c>
      <c r="D14080" s="6" t="s">
        <v>85</v>
      </c>
      <c r="E14080" s="6">
        <v>15759</v>
      </c>
      <c r="F14080" s="6" t="s">
        <v>2161</v>
      </c>
      <c r="G14080" s="6" t="s">
        <v>3159</v>
      </c>
      <c r="H14080" s="6" t="s">
        <v>26174</v>
      </c>
      <c r="I14080" s="7">
        <v>5.7423327999999998</v>
      </c>
      <c r="J14080" s="8">
        <v>-72.915107800000001</v>
      </c>
    </row>
    <row r="14081" spans="1:10" x14ac:dyDescent="0.35">
      <c r="A14081" s="5" t="s">
        <v>10</v>
      </c>
      <c r="B14081" s="6">
        <v>246420</v>
      </c>
      <c r="C14081" s="6" t="s">
        <v>68</v>
      </c>
      <c r="D14081" s="6" t="s">
        <v>69</v>
      </c>
      <c r="E14081" s="6">
        <v>11001</v>
      </c>
      <c r="F14081" s="6" t="s">
        <v>18</v>
      </c>
      <c r="G14081" s="6" t="s">
        <v>26175</v>
      </c>
      <c r="H14081" s="6" t="s">
        <v>26176</v>
      </c>
      <c r="I14081" s="7">
        <v>4.7468709999999996</v>
      </c>
      <c r="J14081" s="8">
        <v>-74.113800900000001</v>
      </c>
    </row>
    <row r="14082" spans="1:10" x14ac:dyDescent="0.35">
      <c r="A14082" s="5" t="s">
        <v>10</v>
      </c>
      <c r="B14082" s="6">
        <v>246556</v>
      </c>
      <c r="C14082" s="6" t="s">
        <v>11</v>
      </c>
      <c r="D14082" s="6" t="s">
        <v>101</v>
      </c>
      <c r="E14082" s="6">
        <v>25473</v>
      </c>
      <c r="F14082" s="6" t="s">
        <v>18</v>
      </c>
      <c r="G14082" s="6" t="s">
        <v>18968</v>
      </c>
      <c r="H14082" s="6" t="s">
        <v>26177</v>
      </c>
      <c r="I14082" s="7">
        <v>4.7147531999999996</v>
      </c>
      <c r="J14082" s="8">
        <v>-74.212847999999994</v>
      </c>
    </row>
    <row r="14083" spans="1:10" x14ac:dyDescent="0.35">
      <c r="A14083" s="5" t="s">
        <v>10</v>
      </c>
      <c r="B14083" s="6">
        <v>246615</v>
      </c>
      <c r="C14083" s="6" t="s">
        <v>68</v>
      </c>
      <c r="D14083" s="6" t="s">
        <v>69</v>
      </c>
      <c r="E14083" s="6">
        <v>11001</v>
      </c>
      <c r="F14083" s="6" t="s">
        <v>18</v>
      </c>
      <c r="G14083" s="6" t="s">
        <v>26178</v>
      </c>
      <c r="H14083" s="6" t="s">
        <v>26179</v>
      </c>
      <c r="I14083" s="7">
        <v>4.6102403000000001</v>
      </c>
      <c r="J14083" s="8">
        <v>-74.108168599999999</v>
      </c>
    </row>
    <row r="14084" spans="1:10" x14ac:dyDescent="0.35">
      <c r="A14084" s="5" t="s">
        <v>10</v>
      </c>
      <c r="B14084" s="6">
        <v>246638</v>
      </c>
      <c r="C14084" s="6" t="s">
        <v>11</v>
      </c>
      <c r="D14084" s="6" t="s">
        <v>4684</v>
      </c>
      <c r="E14084" s="6">
        <v>25394</v>
      </c>
      <c r="F14084" s="6" t="s">
        <v>18</v>
      </c>
      <c r="G14084" s="6" t="s">
        <v>26180</v>
      </c>
      <c r="H14084" s="6" t="s">
        <v>26181</v>
      </c>
      <c r="I14084" s="7">
        <v>5.2981172000000001</v>
      </c>
      <c r="J14084" s="8">
        <v>-74.4291135</v>
      </c>
    </row>
    <row r="14085" spans="1:10" x14ac:dyDescent="0.35">
      <c r="A14085" s="5" t="s">
        <v>10</v>
      </c>
      <c r="B14085" s="6">
        <v>246689</v>
      </c>
      <c r="C14085" s="6" t="s">
        <v>4738</v>
      </c>
      <c r="D14085" s="6" t="s">
        <v>9973</v>
      </c>
      <c r="E14085" s="6">
        <v>88564</v>
      </c>
      <c r="F14085" s="6" t="s">
        <v>18</v>
      </c>
      <c r="G14085" s="6" t="s">
        <v>26182</v>
      </c>
      <c r="H14085" s="6" t="s">
        <v>26183</v>
      </c>
      <c r="I14085" s="7">
        <v>12.582084200000001</v>
      </c>
      <c r="J14085" s="8">
        <v>-81.696576199999996</v>
      </c>
    </row>
    <row r="14086" spans="1:10" x14ac:dyDescent="0.35">
      <c r="A14086" s="5" t="s">
        <v>10</v>
      </c>
      <c r="B14086" s="6">
        <v>246692</v>
      </c>
      <c r="C14086" s="6" t="s">
        <v>2130</v>
      </c>
      <c r="D14086" s="6" t="s">
        <v>303</v>
      </c>
      <c r="E14086" s="6">
        <v>85300</v>
      </c>
      <c r="F14086" s="6" t="s">
        <v>18</v>
      </c>
      <c r="G14086" s="6" t="s">
        <v>26184</v>
      </c>
      <c r="H14086" s="6" t="s">
        <v>26185</v>
      </c>
      <c r="I14086" s="7">
        <v>10.6313551</v>
      </c>
      <c r="J14086" s="8">
        <v>-74.932651399999997</v>
      </c>
    </row>
    <row r="14087" spans="1:10" x14ac:dyDescent="0.35">
      <c r="A14087" s="5" t="s">
        <v>10</v>
      </c>
      <c r="B14087" s="6">
        <v>246803</v>
      </c>
      <c r="C14087" s="6" t="s">
        <v>190</v>
      </c>
      <c r="D14087" s="6" t="s">
        <v>11984</v>
      </c>
      <c r="E14087" s="6">
        <v>5591</v>
      </c>
      <c r="F14087" s="6" t="s">
        <v>18</v>
      </c>
      <c r="G14087" s="6" t="s">
        <v>26186</v>
      </c>
      <c r="H14087" s="6" t="s">
        <v>26187</v>
      </c>
      <c r="I14087" s="7">
        <v>5.8706545999999999</v>
      </c>
      <c r="J14087" s="8">
        <v>-74.6409503</v>
      </c>
    </row>
    <row r="14088" spans="1:10" x14ac:dyDescent="0.35">
      <c r="A14088" s="5" t="s">
        <v>10</v>
      </c>
      <c r="B14088" s="6">
        <v>247001</v>
      </c>
      <c r="C14088" s="6" t="s">
        <v>42</v>
      </c>
      <c r="D14088" s="6" t="s">
        <v>1973</v>
      </c>
      <c r="E14088" s="6">
        <v>17662</v>
      </c>
      <c r="F14088" s="6" t="s">
        <v>18</v>
      </c>
      <c r="G14088" s="6" t="s">
        <v>21631</v>
      </c>
      <c r="H14088" s="6" t="s">
        <v>26188</v>
      </c>
      <c r="I14088" s="7">
        <v>5.4132654000000002</v>
      </c>
      <c r="J14088" s="8">
        <v>-74.992694299999997</v>
      </c>
    </row>
    <row r="14089" spans="1:10" x14ac:dyDescent="0.35">
      <c r="A14089" s="5" t="s">
        <v>10</v>
      </c>
      <c r="B14089" s="6">
        <v>247078</v>
      </c>
      <c r="C14089" s="6" t="s">
        <v>11</v>
      </c>
      <c r="D14089" s="6" t="s">
        <v>4089</v>
      </c>
      <c r="E14089" s="6">
        <v>25777</v>
      </c>
      <c r="F14089" s="6" t="s">
        <v>18</v>
      </c>
      <c r="G14089" s="6" t="s">
        <v>26189</v>
      </c>
      <c r="H14089" s="6" t="s">
        <v>26190</v>
      </c>
      <c r="I14089" s="7">
        <v>5.0612510999999998</v>
      </c>
      <c r="J14089" s="8">
        <v>-74.237550999999996</v>
      </c>
    </row>
    <row r="14090" spans="1:10" x14ac:dyDescent="0.35">
      <c r="A14090" s="5" t="s">
        <v>10</v>
      </c>
      <c r="B14090" s="6">
        <v>247087</v>
      </c>
      <c r="C14090" s="6" t="s">
        <v>117</v>
      </c>
      <c r="D14090" s="6" t="s">
        <v>1334</v>
      </c>
      <c r="E14090" s="6">
        <v>76001</v>
      </c>
      <c r="F14090" s="6" t="s">
        <v>18</v>
      </c>
      <c r="G14090" s="6" t="s">
        <v>26191</v>
      </c>
      <c r="H14090" s="6" t="s">
        <v>26192</v>
      </c>
      <c r="I14090" s="7">
        <v>3.4204479999999999</v>
      </c>
      <c r="J14090" s="8">
        <v>-76.522604700000002</v>
      </c>
    </row>
    <row r="14091" spans="1:10" x14ac:dyDescent="0.35">
      <c r="A14091" s="5" t="s">
        <v>10</v>
      </c>
      <c r="B14091" s="6">
        <v>247159</v>
      </c>
      <c r="C14091" s="6" t="s">
        <v>68</v>
      </c>
      <c r="D14091" s="6" t="s">
        <v>69</v>
      </c>
      <c r="E14091" s="6">
        <v>11001</v>
      </c>
      <c r="F14091" s="6" t="s">
        <v>18</v>
      </c>
      <c r="G14091" s="6" t="s">
        <v>26193</v>
      </c>
      <c r="H14091" s="6" t="s">
        <v>26194</v>
      </c>
      <c r="I14091" s="7">
        <v>4.4948117999999999</v>
      </c>
      <c r="J14091" s="8">
        <v>-74.120120200000002</v>
      </c>
    </row>
    <row r="14092" spans="1:10" x14ac:dyDescent="0.35">
      <c r="A14092" s="5" t="s">
        <v>10</v>
      </c>
      <c r="B14092" s="6">
        <v>247257</v>
      </c>
      <c r="C14092" s="6" t="s">
        <v>3788</v>
      </c>
      <c r="D14092" s="6" t="s">
        <v>3974</v>
      </c>
      <c r="E14092" s="6">
        <v>18001</v>
      </c>
      <c r="F14092" s="6" t="s">
        <v>18</v>
      </c>
      <c r="G14092" s="6" t="s">
        <v>24743</v>
      </c>
      <c r="H14092" s="6" t="s">
        <v>26195</v>
      </c>
      <c r="I14092" s="7">
        <v>1.6135067999999999</v>
      </c>
      <c r="J14092" s="8">
        <v>-75.614079500000003</v>
      </c>
    </row>
    <row r="14093" spans="1:10" x14ac:dyDescent="0.35">
      <c r="A14093" s="5" t="s">
        <v>10</v>
      </c>
      <c r="B14093" s="6">
        <v>247290</v>
      </c>
      <c r="C14093" s="6" t="s">
        <v>11</v>
      </c>
      <c r="D14093" s="6" t="s">
        <v>334</v>
      </c>
      <c r="E14093" s="6">
        <v>25754</v>
      </c>
      <c r="F14093" s="6" t="s">
        <v>18</v>
      </c>
      <c r="G14093" s="6" t="s">
        <v>26196</v>
      </c>
      <c r="H14093" s="6" t="s">
        <v>26197</v>
      </c>
      <c r="I14093" s="7">
        <v>4.5827226999999997</v>
      </c>
      <c r="J14093" s="8">
        <v>-74.211746500000004</v>
      </c>
    </row>
    <row r="14094" spans="1:10" x14ac:dyDescent="0.35">
      <c r="A14094" s="5" t="s">
        <v>10</v>
      </c>
      <c r="B14094" s="6">
        <v>247621</v>
      </c>
      <c r="C14094" s="6" t="s">
        <v>68</v>
      </c>
      <c r="D14094" s="6" t="s">
        <v>69</v>
      </c>
      <c r="E14094" s="6">
        <v>11001</v>
      </c>
      <c r="F14094" s="6" t="s">
        <v>18</v>
      </c>
      <c r="G14094" s="6" t="s">
        <v>26198</v>
      </c>
      <c r="H14094" s="6" t="s">
        <v>26199</v>
      </c>
      <c r="I14094" s="7">
        <v>4.6234263999999996</v>
      </c>
      <c r="J14094" s="8">
        <v>-74.077323199999995</v>
      </c>
    </row>
    <row r="14095" spans="1:10" x14ac:dyDescent="0.35">
      <c r="A14095" s="5" t="s">
        <v>10</v>
      </c>
      <c r="B14095" s="6">
        <v>247773</v>
      </c>
      <c r="C14095" s="6" t="s">
        <v>551</v>
      </c>
      <c r="D14095" s="6" t="s">
        <v>4924</v>
      </c>
      <c r="E14095" s="6">
        <v>20770</v>
      </c>
      <c r="F14095" s="6" t="s">
        <v>18</v>
      </c>
      <c r="G14095" s="6" t="s">
        <v>113</v>
      </c>
      <c r="H14095" s="6" t="s">
        <v>26200</v>
      </c>
      <c r="I14095" s="7">
        <v>4.6018001000000002</v>
      </c>
      <c r="J14095" s="8">
        <v>-74.072971300000006</v>
      </c>
    </row>
    <row r="14096" spans="1:10" x14ac:dyDescent="0.35">
      <c r="A14096" s="5" t="s">
        <v>10</v>
      </c>
      <c r="B14096" s="6">
        <v>247877</v>
      </c>
      <c r="C14096" s="6" t="s">
        <v>294</v>
      </c>
      <c r="D14096" s="6" t="s">
        <v>703</v>
      </c>
      <c r="E14096" s="6">
        <v>41001</v>
      </c>
      <c r="F14096" s="6" t="s">
        <v>18</v>
      </c>
      <c r="G14096" s="6" t="s">
        <v>26201</v>
      </c>
      <c r="H14096" s="6" t="s">
        <v>26202</v>
      </c>
      <c r="I14096" s="7">
        <v>2.9045671</v>
      </c>
      <c r="J14096" s="8">
        <v>-75.273785200000006</v>
      </c>
    </row>
    <row r="14097" spans="1:10" x14ac:dyDescent="0.35">
      <c r="A14097" s="5" t="s">
        <v>10</v>
      </c>
      <c r="B14097" s="6">
        <v>247970</v>
      </c>
      <c r="C14097" s="6" t="s">
        <v>3788</v>
      </c>
      <c r="D14097" s="6" t="s">
        <v>3974</v>
      </c>
      <c r="E14097" s="6">
        <v>18001</v>
      </c>
      <c r="F14097" s="6" t="s">
        <v>18</v>
      </c>
      <c r="G14097" s="6" t="s">
        <v>26203</v>
      </c>
      <c r="H14097" s="6" t="s">
        <v>26204</v>
      </c>
      <c r="I14097" s="7">
        <v>1.6211183</v>
      </c>
      <c r="J14097" s="8">
        <v>-75.602475699999999</v>
      </c>
    </row>
    <row r="14098" spans="1:10" x14ac:dyDescent="0.35">
      <c r="A14098" s="5" t="s">
        <v>10</v>
      </c>
      <c r="B14098" s="6">
        <v>248090</v>
      </c>
      <c r="C14098" s="6" t="s">
        <v>190</v>
      </c>
      <c r="D14098" s="6" t="s">
        <v>191</v>
      </c>
      <c r="E14098" s="6">
        <v>5001</v>
      </c>
      <c r="F14098" s="6" t="s">
        <v>18</v>
      </c>
      <c r="G14098" s="6" t="s">
        <v>26205</v>
      </c>
      <c r="H14098" s="6" t="s">
        <v>26206</v>
      </c>
      <c r="I14098" s="7">
        <v>6.1594023</v>
      </c>
      <c r="J14098" s="8">
        <v>-75.583128099999996</v>
      </c>
    </row>
    <row r="14099" spans="1:10" x14ac:dyDescent="0.35">
      <c r="A14099" s="5" t="s">
        <v>10</v>
      </c>
      <c r="B14099" s="6">
        <v>248380</v>
      </c>
      <c r="C14099" s="6" t="s">
        <v>457</v>
      </c>
      <c r="D14099" s="6" t="s">
        <v>4400</v>
      </c>
      <c r="E14099" s="6">
        <v>52001</v>
      </c>
      <c r="F14099" s="6" t="s">
        <v>2161</v>
      </c>
      <c r="G14099" s="6" t="s">
        <v>26207</v>
      </c>
      <c r="H14099" s="6" t="s">
        <v>26208</v>
      </c>
      <c r="I14099" s="7">
        <v>1.1994069999999999</v>
      </c>
      <c r="J14099" s="8">
        <v>-77.262770599999996</v>
      </c>
    </row>
    <row r="14100" spans="1:10" x14ac:dyDescent="0.35">
      <c r="A14100" s="5" t="s">
        <v>10</v>
      </c>
      <c r="B14100" s="6">
        <v>248385</v>
      </c>
      <c r="C14100" s="6" t="s">
        <v>11</v>
      </c>
      <c r="D14100" s="6" t="s">
        <v>106</v>
      </c>
      <c r="E14100" s="6">
        <v>25843</v>
      </c>
      <c r="F14100" s="6" t="s">
        <v>2161</v>
      </c>
      <c r="G14100" s="6" t="s">
        <v>25834</v>
      </c>
      <c r="H14100" s="6" t="s">
        <v>26209</v>
      </c>
      <c r="I14100" s="7">
        <v>5.3098907000000004</v>
      </c>
      <c r="J14100" s="8">
        <v>-73.810466399999996</v>
      </c>
    </row>
    <row r="14101" spans="1:10" x14ac:dyDescent="0.35">
      <c r="A14101" s="5" t="s">
        <v>10</v>
      </c>
      <c r="B14101" s="6">
        <v>248392</v>
      </c>
      <c r="C14101" s="6" t="s">
        <v>2130</v>
      </c>
      <c r="D14101" s="6" t="s">
        <v>2131</v>
      </c>
      <c r="E14101" s="6">
        <v>85001</v>
      </c>
      <c r="F14101" s="6" t="s">
        <v>2161</v>
      </c>
      <c r="G14101" s="6" t="s">
        <v>26210</v>
      </c>
      <c r="H14101" s="6" t="s">
        <v>26211</v>
      </c>
      <c r="I14101" s="7">
        <v>5.3143155000000002</v>
      </c>
      <c r="J14101" s="8">
        <v>-72.399657000000005</v>
      </c>
    </row>
    <row r="14102" spans="1:10" x14ac:dyDescent="0.35">
      <c r="A14102" s="5" t="s">
        <v>10</v>
      </c>
      <c r="B14102" s="6">
        <v>248393</v>
      </c>
      <c r="C14102" s="6" t="s">
        <v>457</v>
      </c>
      <c r="D14102" s="6" t="s">
        <v>18507</v>
      </c>
      <c r="E14102" s="6">
        <v>52250</v>
      </c>
      <c r="F14102" s="6" t="s">
        <v>2161</v>
      </c>
      <c r="G14102" s="6" t="s">
        <v>26212</v>
      </c>
      <c r="H14102" s="6" t="s">
        <v>26213</v>
      </c>
      <c r="I14102" s="7">
        <v>2.479311</v>
      </c>
      <c r="J14102" s="8">
        <v>-78.110211000000007</v>
      </c>
    </row>
    <row r="14103" spans="1:10" x14ac:dyDescent="0.35">
      <c r="A14103" s="5" t="s">
        <v>10</v>
      </c>
      <c r="B14103" s="6">
        <v>248405</v>
      </c>
      <c r="C14103" s="6" t="s">
        <v>68</v>
      </c>
      <c r="D14103" s="6" t="s">
        <v>69</v>
      </c>
      <c r="E14103" s="6">
        <v>11001</v>
      </c>
      <c r="F14103" s="6" t="s">
        <v>2161</v>
      </c>
      <c r="G14103" s="6" t="s">
        <v>15760</v>
      </c>
      <c r="H14103" s="6" t="s">
        <v>26214</v>
      </c>
      <c r="I14103" s="7">
        <v>4.7386340000000002</v>
      </c>
      <c r="J14103" s="8">
        <v>-74.043920600000007</v>
      </c>
    </row>
    <row r="14104" spans="1:10" x14ac:dyDescent="0.35">
      <c r="A14104" s="5" t="s">
        <v>10</v>
      </c>
      <c r="B14104" s="6">
        <v>248406</v>
      </c>
      <c r="C14104" s="6" t="s">
        <v>68</v>
      </c>
      <c r="D14104" s="6" t="s">
        <v>69</v>
      </c>
      <c r="E14104" s="6">
        <v>11001</v>
      </c>
      <c r="F14104" s="6" t="s">
        <v>2161</v>
      </c>
      <c r="G14104" s="6" t="s">
        <v>12685</v>
      </c>
      <c r="H14104" s="6" t="s">
        <v>26215</v>
      </c>
      <c r="I14104" s="7">
        <v>4.7568814000000001</v>
      </c>
      <c r="J14104" s="8">
        <v>-74.087519700000001</v>
      </c>
    </row>
    <row r="14105" spans="1:10" x14ac:dyDescent="0.35">
      <c r="A14105" s="5" t="s">
        <v>10</v>
      </c>
      <c r="B14105" s="6">
        <v>248407</v>
      </c>
      <c r="C14105" s="6" t="s">
        <v>68</v>
      </c>
      <c r="D14105" s="6" t="s">
        <v>69</v>
      </c>
      <c r="E14105" s="6">
        <v>11001</v>
      </c>
      <c r="F14105" s="6" t="s">
        <v>2161</v>
      </c>
      <c r="G14105" s="6" t="s">
        <v>26216</v>
      </c>
      <c r="H14105" s="6" t="s">
        <v>26217</v>
      </c>
      <c r="I14105" s="7">
        <v>4.7055363999999997</v>
      </c>
      <c r="J14105" s="8">
        <v>-74.038881599999996</v>
      </c>
    </row>
    <row r="14106" spans="1:10" x14ac:dyDescent="0.35">
      <c r="A14106" s="5" t="s">
        <v>10</v>
      </c>
      <c r="B14106" s="6">
        <v>248632</v>
      </c>
      <c r="C14106" s="6" t="s">
        <v>11</v>
      </c>
      <c r="D14106" s="6" t="s">
        <v>334</v>
      </c>
      <c r="E14106" s="6">
        <v>25754</v>
      </c>
      <c r="F14106" s="6" t="s">
        <v>18</v>
      </c>
      <c r="G14106" s="6" t="s">
        <v>26218</v>
      </c>
      <c r="H14106" s="6" t="s">
        <v>26219</v>
      </c>
      <c r="I14106" s="7">
        <v>4.5902668000000002</v>
      </c>
      <c r="J14106" s="8">
        <v>-74.219144200000002</v>
      </c>
    </row>
    <row r="14107" spans="1:10" x14ac:dyDescent="0.35">
      <c r="A14107" s="5" t="s">
        <v>10</v>
      </c>
      <c r="B14107" s="6">
        <v>248912</v>
      </c>
      <c r="C14107" s="6" t="s">
        <v>55</v>
      </c>
      <c r="D14107" s="6" t="s">
        <v>56</v>
      </c>
      <c r="E14107" s="6">
        <v>73001</v>
      </c>
      <c r="F14107" s="6" t="s">
        <v>18</v>
      </c>
      <c r="G14107" s="6" t="s">
        <v>26220</v>
      </c>
      <c r="H14107" s="6" t="s">
        <v>26221</v>
      </c>
      <c r="I14107" s="7">
        <v>4.4776999000000002</v>
      </c>
      <c r="J14107" s="8">
        <v>-75.134389999999996</v>
      </c>
    </row>
    <row r="14108" spans="1:10" x14ac:dyDescent="0.35">
      <c r="A14108" s="5" t="s">
        <v>10</v>
      </c>
      <c r="B14108" s="6">
        <v>249124</v>
      </c>
      <c r="C14108" s="6" t="s">
        <v>55</v>
      </c>
      <c r="D14108" s="6" t="s">
        <v>56</v>
      </c>
      <c r="E14108" s="6">
        <v>73001</v>
      </c>
      <c r="F14108" s="6" t="s">
        <v>18</v>
      </c>
      <c r="G14108" s="6" t="s">
        <v>26222</v>
      </c>
      <c r="H14108" s="6" t="s">
        <v>26223</v>
      </c>
      <c r="I14108" s="7">
        <v>4.4421356000000003</v>
      </c>
      <c r="J14108" s="8">
        <v>-75.199188500000005</v>
      </c>
    </row>
    <row r="14109" spans="1:10" x14ac:dyDescent="0.35">
      <c r="A14109" s="5" t="s">
        <v>10</v>
      </c>
      <c r="B14109" s="6">
        <v>249322</v>
      </c>
      <c r="C14109" s="6" t="s">
        <v>16</v>
      </c>
      <c r="D14109" s="6" t="s">
        <v>78</v>
      </c>
      <c r="E14109" s="6">
        <v>68001</v>
      </c>
      <c r="F14109" s="6" t="s">
        <v>2161</v>
      </c>
      <c r="G14109" s="6" t="s">
        <v>26224</v>
      </c>
      <c r="H14109" s="6" t="s">
        <v>26225</v>
      </c>
      <c r="I14109" s="7">
        <v>7.1215697999999996</v>
      </c>
      <c r="J14109" s="8">
        <v>-73.112078499999996</v>
      </c>
    </row>
    <row r="14110" spans="1:10" x14ac:dyDescent="0.35">
      <c r="A14110" s="5" t="s">
        <v>10</v>
      </c>
      <c r="B14110" s="6">
        <v>249323</v>
      </c>
      <c r="C14110" s="6" t="s">
        <v>68</v>
      </c>
      <c r="D14110" s="6" t="s">
        <v>69</v>
      </c>
      <c r="E14110" s="6">
        <v>11001</v>
      </c>
      <c r="F14110" s="6" t="s">
        <v>2161</v>
      </c>
      <c r="G14110" s="6" t="s">
        <v>26226</v>
      </c>
      <c r="H14110" s="6" t="s">
        <v>26227</v>
      </c>
      <c r="I14110" s="7">
        <v>4.7235810000000003</v>
      </c>
      <c r="J14110" s="8">
        <v>-74.109854999999996</v>
      </c>
    </row>
    <row r="14111" spans="1:10" x14ac:dyDescent="0.35">
      <c r="A14111" s="5" t="s">
        <v>10</v>
      </c>
      <c r="B14111" s="6">
        <v>249328</v>
      </c>
      <c r="C14111" s="6" t="s">
        <v>109</v>
      </c>
      <c r="D14111" s="6" t="s">
        <v>9142</v>
      </c>
      <c r="E14111" s="6">
        <v>13473</v>
      </c>
      <c r="F14111" s="6" t="s">
        <v>2161</v>
      </c>
      <c r="G14111" s="6" t="s">
        <v>9143</v>
      </c>
      <c r="H14111" s="6" t="s">
        <v>26228</v>
      </c>
      <c r="I14111" s="7">
        <v>8.2753300000000003</v>
      </c>
      <c r="J14111" s="8">
        <v>-73.868176000000005</v>
      </c>
    </row>
    <row r="14112" spans="1:10" x14ac:dyDescent="0.35">
      <c r="A14112" s="5" t="s">
        <v>10</v>
      </c>
      <c r="B14112" s="6">
        <v>249331</v>
      </c>
      <c r="C14112" s="6" t="s">
        <v>11</v>
      </c>
      <c r="D14112" s="6" t="s">
        <v>106</v>
      </c>
      <c r="E14112" s="6">
        <v>25843</v>
      </c>
      <c r="F14112" s="6" t="s">
        <v>2161</v>
      </c>
      <c r="G14112" s="6" t="s">
        <v>26229</v>
      </c>
      <c r="H14112" s="6" t="s">
        <v>26230</v>
      </c>
      <c r="I14112" s="7">
        <v>5.3107555</v>
      </c>
      <c r="J14112" s="8">
        <v>-73.814297100000005</v>
      </c>
    </row>
    <row r="14113" spans="1:10" x14ac:dyDescent="0.35">
      <c r="A14113" s="5" t="s">
        <v>10</v>
      </c>
      <c r="B14113" s="6">
        <v>249489</v>
      </c>
      <c r="C14113" s="6" t="s">
        <v>3819</v>
      </c>
      <c r="D14113" s="6" t="s">
        <v>26231</v>
      </c>
      <c r="E14113" s="6">
        <v>86320</v>
      </c>
      <c r="F14113" s="6" t="s">
        <v>18</v>
      </c>
      <c r="G14113" s="6" t="s">
        <v>26232</v>
      </c>
      <c r="H14113" s="6" t="s">
        <v>26233</v>
      </c>
      <c r="I14113" s="7">
        <v>6.6559765945352698</v>
      </c>
      <c r="J14113" s="8">
        <v>-76.868929266929598</v>
      </c>
    </row>
    <row r="14114" spans="1:10" x14ac:dyDescent="0.35">
      <c r="A14114" s="5" t="s">
        <v>10</v>
      </c>
      <c r="B14114" s="6">
        <v>249490</v>
      </c>
      <c r="C14114" s="6" t="s">
        <v>2130</v>
      </c>
      <c r="D14114" s="6" t="s">
        <v>2131</v>
      </c>
      <c r="E14114" s="6">
        <v>85001</v>
      </c>
      <c r="F14114" s="6" t="s">
        <v>18</v>
      </c>
      <c r="G14114" s="6" t="s">
        <v>26234</v>
      </c>
      <c r="H14114" s="6" t="s">
        <v>26235</v>
      </c>
      <c r="I14114" s="7">
        <v>5.3408682999999897</v>
      </c>
      <c r="J14114" s="8">
        <v>-72.384968700000002</v>
      </c>
    </row>
    <row r="14115" spans="1:10" x14ac:dyDescent="0.35">
      <c r="A14115" s="5" t="s">
        <v>10</v>
      </c>
      <c r="B14115" s="6">
        <v>249512</v>
      </c>
      <c r="C14115" s="6" t="s">
        <v>24</v>
      </c>
      <c r="D14115" s="6" t="s">
        <v>137</v>
      </c>
      <c r="E14115" s="6">
        <v>15238</v>
      </c>
      <c r="F14115" s="6" t="s">
        <v>18</v>
      </c>
      <c r="G14115" s="6" t="s">
        <v>26236</v>
      </c>
      <c r="H14115" s="6" t="s">
        <v>26237</v>
      </c>
      <c r="I14115" s="7">
        <v>5.8231213000000004</v>
      </c>
      <c r="J14115" s="8">
        <v>-73.041937200000007</v>
      </c>
    </row>
    <row r="14116" spans="1:10" x14ac:dyDescent="0.35">
      <c r="A14116" s="5" t="s">
        <v>10</v>
      </c>
      <c r="B14116" s="6">
        <v>249514</v>
      </c>
      <c r="C14116" s="6" t="s">
        <v>11</v>
      </c>
      <c r="D14116" s="6" t="s">
        <v>12</v>
      </c>
      <c r="E14116" s="6">
        <v>25899</v>
      </c>
      <c r="F14116" s="6" t="s">
        <v>18</v>
      </c>
      <c r="G14116" s="6" t="s">
        <v>26238</v>
      </c>
      <c r="H14116" s="6" t="s">
        <v>26239</v>
      </c>
      <c r="I14116" s="7">
        <v>5.0283502414217001</v>
      </c>
      <c r="J14116" s="8">
        <v>-73.990404009819002</v>
      </c>
    </row>
    <row r="14117" spans="1:10" x14ac:dyDescent="0.35">
      <c r="A14117" s="5" t="s">
        <v>10</v>
      </c>
      <c r="B14117" s="6">
        <v>249515</v>
      </c>
      <c r="C14117" s="6" t="s">
        <v>61</v>
      </c>
      <c r="D14117" s="6" t="s">
        <v>2676</v>
      </c>
      <c r="E14117" s="6">
        <v>63594</v>
      </c>
      <c r="F14117" s="6" t="s">
        <v>18</v>
      </c>
      <c r="G14117" s="6" t="s">
        <v>26240</v>
      </c>
      <c r="H14117" s="6" t="s">
        <v>26241</v>
      </c>
      <c r="I14117" s="7">
        <v>4.6354336847363804</v>
      </c>
      <c r="J14117" s="8">
        <v>-75.734424461352205</v>
      </c>
    </row>
    <row r="14118" spans="1:10" x14ac:dyDescent="0.35">
      <c r="A14118" s="5" t="s">
        <v>10</v>
      </c>
      <c r="B14118" s="6">
        <v>249590</v>
      </c>
      <c r="C14118" s="6" t="s">
        <v>11</v>
      </c>
      <c r="D14118" s="6" t="s">
        <v>1339</v>
      </c>
      <c r="E14118" s="6">
        <v>25120</v>
      </c>
      <c r="F14118" s="6" t="s">
        <v>18</v>
      </c>
      <c r="G14118" s="6" t="s">
        <v>26242</v>
      </c>
      <c r="H14118" s="6" t="s">
        <v>26243</v>
      </c>
      <c r="I14118" s="7">
        <v>4.5164469473656501</v>
      </c>
      <c r="J14118" s="8">
        <v>-74.789096117019596</v>
      </c>
    </row>
    <row r="14119" spans="1:10" x14ac:dyDescent="0.35">
      <c r="A14119" s="5" t="s">
        <v>10</v>
      </c>
      <c r="B14119" s="6">
        <v>249605</v>
      </c>
      <c r="C14119" s="6" t="s">
        <v>68</v>
      </c>
      <c r="D14119" s="6" t="s">
        <v>69</v>
      </c>
      <c r="E14119" s="6">
        <v>11001</v>
      </c>
      <c r="F14119" s="6" t="s">
        <v>18</v>
      </c>
      <c r="G14119" s="6" t="s">
        <v>26244</v>
      </c>
      <c r="H14119" s="6" t="s">
        <v>26245</v>
      </c>
      <c r="I14119" s="7">
        <v>4.6426810999999999</v>
      </c>
      <c r="J14119" s="8">
        <v>-74.192179199999998</v>
      </c>
    </row>
    <row r="14120" spans="1:10" x14ac:dyDescent="0.35">
      <c r="A14120" s="5" t="s">
        <v>10</v>
      </c>
      <c r="B14120" s="6">
        <v>249723</v>
      </c>
      <c r="C14120" s="6" t="s">
        <v>68</v>
      </c>
      <c r="D14120" s="6" t="s">
        <v>69</v>
      </c>
      <c r="E14120" s="6">
        <v>11001</v>
      </c>
      <c r="F14120" s="6" t="s">
        <v>18</v>
      </c>
      <c r="G14120" s="6" t="s">
        <v>26246</v>
      </c>
      <c r="H14120" s="6" t="s">
        <v>26247</v>
      </c>
      <c r="I14120" s="7">
        <v>4.6996599999999997</v>
      </c>
      <c r="J14120" s="8">
        <v>-74.055970000000002</v>
      </c>
    </row>
    <row r="14121" spans="1:10" x14ac:dyDescent="0.35">
      <c r="A14121" s="5" t="s">
        <v>10</v>
      </c>
      <c r="B14121" s="6">
        <v>249845</v>
      </c>
      <c r="C14121" s="6" t="s">
        <v>11</v>
      </c>
      <c r="D14121" s="6" t="s">
        <v>221</v>
      </c>
      <c r="E14121" s="6">
        <v>25430</v>
      </c>
      <c r="F14121" s="6" t="s">
        <v>2161</v>
      </c>
      <c r="G14121" s="6" t="s">
        <v>26248</v>
      </c>
      <c r="H14121" s="6" t="s">
        <v>26249</v>
      </c>
      <c r="I14121" s="7">
        <v>4.7320988809999998</v>
      </c>
      <c r="J14121" s="8">
        <v>-74.26415179</v>
      </c>
    </row>
    <row r="14122" spans="1:10" x14ac:dyDescent="0.35">
      <c r="A14122" s="5" t="s">
        <v>10</v>
      </c>
      <c r="B14122" s="6">
        <v>249854</v>
      </c>
      <c r="C14122" s="6" t="s">
        <v>366</v>
      </c>
      <c r="D14122" s="6" t="s">
        <v>16679</v>
      </c>
      <c r="E14122" s="6">
        <v>44090</v>
      </c>
      <c r="F14122" s="6" t="s">
        <v>18</v>
      </c>
      <c r="G14122" s="6" t="s">
        <v>26250</v>
      </c>
      <c r="H14122" s="6" t="s">
        <v>26251</v>
      </c>
      <c r="I14122" s="7">
        <v>11.2724671</v>
      </c>
      <c r="J14122" s="8">
        <v>-73.309494299999997</v>
      </c>
    </row>
    <row r="14123" spans="1:10" x14ac:dyDescent="0.35">
      <c r="A14123" s="5" t="s">
        <v>10</v>
      </c>
      <c r="B14123" s="6">
        <v>249871</v>
      </c>
      <c r="C14123" s="6" t="s">
        <v>68</v>
      </c>
      <c r="D14123" s="6" t="s">
        <v>69</v>
      </c>
      <c r="E14123" s="6">
        <v>11001</v>
      </c>
      <c r="F14123" s="6" t="s">
        <v>18</v>
      </c>
      <c r="G14123" s="6" t="s">
        <v>26252</v>
      </c>
      <c r="H14123" s="6" t="s">
        <v>26253</v>
      </c>
      <c r="I14123" s="7">
        <v>4.7109886000000003</v>
      </c>
      <c r="J14123" s="8">
        <v>-74.072091999999998</v>
      </c>
    </row>
    <row r="14124" spans="1:10" x14ac:dyDescent="0.35">
      <c r="A14124" s="5" t="s">
        <v>10</v>
      </c>
      <c r="B14124" s="6">
        <v>249953</v>
      </c>
      <c r="C14124" s="6" t="s">
        <v>302</v>
      </c>
      <c r="D14124" s="6" t="s">
        <v>4041</v>
      </c>
      <c r="E14124" s="6">
        <v>8758</v>
      </c>
      <c r="F14124" s="6" t="s">
        <v>18</v>
      </c>
      <c r="G14124" s="6" t="s">
        <v>26254</v>
      </c>
      <c r="H14124" s="6" t="s">
        <v>26255</v>
      </c>
      <c r="I14124" s="7">
        <v>10.9275021</v>
      </c>
      <c r="J14124" s="8">
        <v>-74.793209599999997</v>
      </c>
    </row>
    <row r="14125" spans="1:10" x14ac:dyDescent="0.35">
      <c r="A14125" s="5" t="s">
        <v>10</v>
      </c>
      <c r="B14125" s="6">
        <v>249954</v>
      </c>
      <c r="C14125" s="6" t="s">
        <v>68</v>
      </c>
      <c r="D14125" s="6" t="s">
        <v>69</v>
      </c>
      <c r="E14125" s="6">
        <v>11001</v>
      </c>
      <c r="F14125" s="6" t="s">
        <v>18</v>
      </c>
      <c r="G14125" s="6" t="s">
        <v>26256</v>
      </c>
      <c r="H14125" s="6" t="s">
        <v>26257</v>
      </c>
      <c r="I14125" s="7">
        <v>4.6274601000000004</v>
      </c>
      <c r="J14125" s="8">
        <v>-74.166891899999996</v>
      </c>
    </row>
    <row r="14126" spans="1:10" x14ac:dyDescent="0.35">
      <c r="A14126" s="5" t="s">
        <v>10</v>
      </c>
      <c r="B14126" s="6">
        <v>250092</v>
      </c>
      <c r="C14126" s="6" t="s">
        <v>24</v>
      </c>
      <c r="D14126" s="6" t="s">
        <v>683</v>
      </c>
      <c r="E14126" s="6">
        <v>15861</v>
      </c>
      <c r="F14126" s="6" t="s">
        <v>18</v>
      </c>
      <c r="G14126" s="6" t="s">
        <v>26258</v>
      </c>
      <c r="H14126" s="6" t="s">
        <v>26259</v>
      </c>
      <c r="I14126" s="7">
        <v>5.3854103999999996</v>
      </c>
      <c r="J14126" s="8">
        <v>-73.493716899999995</v>
      </c>
    </row>
    <row r="14127" spans="1:10" x14ac:dyDescent="0.35">
      <c r="A14127" s="5" t="s">
        <v>10</v>
      </c>
      <c r="B14127" s="6">
        <v>246792</v>
      </c>
      <c r="C14127" s="6" t="s">
        <v>11</v>
      </c>
      <c r="D14127" s="6" t="s">
        <v>334</v>
      </c>
      <c r="E14127" s="6">
        <v>25754</v>
      </c>
      <c r="F14127" s="6" t="s">
        <v>18</v>
      </c>
      <c r="G14127" s="6" t="s">
        <v>113</v>
      </c>
      <c r="H14127" s="6" t="s">
        <v>26260</v>
      </c>
      <c r="I14127" s="7">
        <v>4.5793907999999997</v>
      </c>
      <c r="J14127" s="8">
        <v>-74.212156300000004</v>
      </c>
    </row>
    <row r="14128" spans="1:10" x14ac:dyDescent="0.35">
      <c r="A14128" s="5" t="s">
        <v>10</v>
      </c>
      <c r="B14128" s="6">
        <v>246792</v>
      </c>
      <c r="C14128" s="6" t="s">
        <v>11</v>
      </c>
      <c r="D14128" s="6" t="s">
        <v>334</v>
      </c>
      <c r="E14128" s="6">
        <v>25754</v>
      </c>
      <c r="F14128" s="6" t="s">
        <v>18</v>
      </c>
      <c r="G14128" s="6" t="s">
        <v>113</v>
      </c>
      <c r="H14128" s="6" t="s">
        <v>26260</v>
      </c>
      <c r="I14128" s="7">
        <v>4.5793907999999997</v>
      </c>
      <c r="J14128" s="8">
        <v>-74.212156300000004</v>
      </c>
    </row>
    <row r="14129" spans="1:10" x14ac:dyDescent="0.35">
      <c r="A14129" s="5" t="s">
        <v>10</v>
      </c>
      <c r="B14129" s="6">
        <v>247445</v>
      </c>
      <c r="C14129" s="6" t="s">
        <v>16</v>
      </c>
      <c r="D14129" s="6" t="s">
        <v>510</v>
      </c>
      <c r="E14129" s="6">
        <v>68547</v>
      </c>
      <c r="F14129" s="6" t="s">
        <v>18</v>
      </c>
      <c r="G14129" s="6" t="s">
        <v>26261</v>
      </c>
      <c r="H14129" s="6" t="s">
        <v>26262</v>
      </c>
      <c r="I14129" s="7">
        <v>6.5567327999999998</v>
      </c>
      <c r="J14129" s="8">
        <v>-73.132696199999998</v>
      </c>
    </row>
    <row r="14130" spans="1:10" x14ac:dyDescent="0.35">
      <c r="A14130" s="5" t="s">
        <v>10</v>
      </c>
      <c r="B14130" s="6">
        <v>247698</v>
      </c>
      <c r="C14130" s="6" t="s">
        <v>366</v>
      </c>
      <c r="D14130" s="6" t="s">
        <v>367</v>
      </c>
      <c r="E14130" s="6">
        <v>44430</v>
      </c>
      <c r="F14130" s="6" t="s">
        <v>18</v>
      </c>
      <c r="G14130" s="6" t="s">
        <v>26263</v>
      </c>
      <c r="H14130" s="6" t="s">
        <v>26264</v>
      </c>
      <c r="I14130" s="7">
        <v>11.3808755</v>
      </c>
      <c r="J14130" s="8">
        <v>-72.237402599999996</v>
      </c>
    </row>
    <row r="14131" spans="1:10" x14ac:dyDescent="0.35">
      <c r="A14131" s="5" t="s">
        <v>10</v>
      </c>
      <c r="B14131" s="6">
        <v>249841</v>
      </c>
      <c r="C14131" s="6" t="s">
        <v>24</v>
      </c>
      <c r="D14131" s="6" t="s">
        <v>137</v>
      </c>
      <c r="E14131" s="6">
        <v>15238</v>
      </c>
      <c r="F14131" s="6" t="s">
        <v>2161</v>
      </c>
      <c r="G14131" s="6" t="s">
        <v>26265</v>
      </c>
      <c r="H14131" s="6" t="s">
        <v>26266</v>
      </c>
      <c r="I14131" s="7">
        <v>5.8232690580000002</v>
      </c>
      <c r="J14131" s="8">
        <v>-73.040358760000004</v>
      </c>
    </row>
    <row r="14132" spans="1:10" x14ac:dyDescent="0.35">
      <c r="A14132" s="5" t="s">
        <v>10</v>
      </c>
      <c r="B14132" s="6">
        <v>249840</v>
      </c>
      <c r="C14132" s="6" t="s">
        <v>11</v>
      </c>
      <c r="D14132" s="6" t="s">
        <v>5372</v>
      </c>
      <c r="E14132" s="6">
        <v>25317</v>
      </c>
      <c r="F14132" s="6" t="s">
        <v>2161</v>
      </c>
      <c r="G14132" s="6" t="s">
        <v>26267</v>
      </c>
      <c r="H14132" s="6" t="s">
        <v>26268</v>
      </c>
      <c r="I14132" s="7">
        <v>5.3859534099999999</v>
      </c>
      <c r="J14132" s="8">
        <v>-73.693080019999996</v>
      </c>
    </row>
    <row r="14133" spans="1:10" x14ac:dyDescent="0.35">
      <c r="A14133" s="5" t="s">
        <v>10</v>
      </c>
      <c r="B14133" s="6">
        <v>249843</v>
      </c>
      <c r="C14133" s="6" t="s">
        <v>294</v>
      </c>
      <c r="D14133" s="6" t="s">
        <v>703</v>
      </c>
      <c r="E14133" s="6">
        <v>41001</v>
      </c>
      <c r="F14133" s="6" t="s">
        <v>2161</v>
      </c>
      <c r="G14133" s="6" t="s">
        <v>26269</v>
      </c>
      <c r="H14133" s="6" t="s">
        <v>26270</v>
      </c>
      <c r="I14133" s="7">
        <v>2.9202693260000001</v>
      </c>
      <c r="J14133" s="8">
        <v>-75.264809880000001</v>
      </c>
    </row>
    <row r="14134" spans="1:10" x14ac:dyDescent="0.35">
      <c r="A14134" s="5" t="s">
        <v>10</v>
      </c>
      <c r="B14134" s="6">
        <v>249844</v>
      </c>
      <c r="C14134" s="6" t="s">
        <v>68</v>
      </c>
      <c r="D14134" s="6" t="s">
        <v>69</v>
      </c>
      <c r="E14134" s="6">
        <v>11001</v>
      </c>
      <c r="F14134" s="6" t="s">
        <v>2161</v>
      </c>
      <c r="G14134" s="6" t="s">
        <v>26271</v>
      </c>
      <c r="H14134" s="6" t="s">
        <v>26272</v>
      </c>
      <c r="I14134" s="7">
        <v>4.5462851750000004</v>
      </c>
      <c r="J14134" s="8">
        <v>-74.143554219999999</v>
      </c>
    </row>
    <row r="14135" spans="1:10" x14ac:dyDescent="0.35">
      <c r="A14135" s="5" t="s">
        <v>10</v>
      </c>
      <c r="B14135" s="6">
        <v>249848</v>
      </c>
      <c r="C14135" s="6" t="s">
        <v>457</v>
      </c>
      <c r="D14135" s="6" t="s">
        <v>4400</v>
      </c>
      <c r="E14135" s="6">
        <v>52001</v>
      </c>
      <c r="F14135" s="6" t="s">
        <v>2161</v>
      </c>
      <c r="G14135" s="6" t="s">
        <v>20055</v>
      </c>
      <c r="H14135" s="6" t="s">
        <v>26273</v>
      </c>
      <c r="I14135" s="7">
        <v>1.219909838</v>
      </c>
      <c r="J14135" s="8">
        <v>-77.280327069999998</v>
      </c>
    </row>
    <row r="14136" spans="1:10" x14ac:dyDescent="0.35">
      <c r="A14136" s="5" t="s">
        <v>10</v>
      </c>
      <c r="B14136" s="6">
        <v>249849</v>
      </c>
      <c r="C14136" s="6" t="s">
        <v>117</v>
      </c>
      <c r="D14136" s="6" t="s">
        <v>1334</v>
      </c>
      <c r="E14136" s="6">
        <v>76001</v>
      </c>
      <c r="F14136" s="6" t="s">
        <v>2161</v>
      </c>
      <c r="G14136" s="6" t="s">
        <v>15310</v>
      </c>
      <c r="H14136" s="6" t="s">
        <v>15311</v>
      </c>
      <c r="I14136" s="7">
        <v>3.4220127819999999</v>
      </c>
      <c r="J14136" s="8">
        <v>-76.508490190000003</v>
      </c>
    </row>
    <row r="14137" spans="1:10" x14ac:dyDescent="0.35">
      <c r="A14137" s="5" t="s">
        <v>10</v>
      </c>
      <c r="B14137" s="6">
        <v>249850</v>
      </c>
      <c r="C14137" s="6" t="s">
        <v>11</v>
      </c>
      <c r="D14137" s="6" t="s">
        <v>1547</v>
      </c>
      <c r="E14137" s="6">
        <v>25817</v>
      </c>
      <c r="F14137" s="6" t="s">
        <v>2161</v>
      </c>
      <c r="G14137" s="6" t="s">
        <v>26274</v>
      </c>
      <c r="H14137" s="6" t="s">
        <v>26275</v>
      </c>
      <c r="I14137" s="7">
        <v>4.9634570350000002</v>
      </c>
      <c r="J14137" s="8">
        <v>-73.912378309999994</v>
      </c>
    </row>
    <row r="14138" spans="1:10" x14ac:dyDescent="0.35">
      <c r="A14138" s="5" t="s">
        <v>10</v>
      </c>
      <c r="B14138" s="6">
        <v>249701</v>
      </c>
      <c r="C14138" s="6" t="s">
        <v>16</v>
      </c>
      <c r="D14138" s="6" t="s">
        <v>1401</v>
      </c>
      <c r="E14138" s="6">
        <v>68307</v>
      </c>
      <c r="F14138" s="6" t="s">
        <v>18</v>
      </c>
      <c r="G14138" s="6" t="s">
        <v>26276</v>
      </c>
      <c r="H14138" s="6" t="s">
        <v>26277</v>
      </c>
      <c r="I14138" s="7">
        <v>7.0634695000000001</v>
      </c>
      <c r="J14138" s="8">
        <v>-73.169821499999998</v>
      </c>
    </row>
    <row r="14139" spans="1:10" x14ac:dyDescent="0.35">
      <c r="A14139" s="5" t="s">
        <v>10</v>
      </c>
      <c r="B14139" s="6">
        <v>247052</v>
      </c>
      <c r="C14139" s="6" t="s">
        <v>16</v>
      </c>
      <c r="D14139" s="6" t="s">
        <v>78</v>
      </c>
      <c r="E14139" s="6">
        <v>68001</v>
      </c>
      <c r="F14139" s="6" t="s">
        <v>18</v>
      </c>
      <c r="G14139" s="6" t="s">
        <v>26278</v>
      </c>
      <c r="H14139" s="6" t="s">
        <v>26279</v>
      </c>
      <c r="I14139" s="7">
        <v>7.1252044999999997</v>
      </c>
      <c r="J14139" s="8">
        <v>-73.110854399999994</v>
      </c>
    </row>
    <row r="14140" spans="1:10" x14ac:dyDescent="0.35">
      <c r="A14140" s="5" t="s">
        <v>10</v>
      </c>
      <c r="B14140" s="6">
        <v>249696</v>
      </c>
      <c r="C14140" s="6" t="s">
        <v>16</v>
      </c>
      <c r="D14140" s="6" t="s">
        <v>1401</v>
      </c>
      <c r="E14140" s="6">
        <v>68307</v>
      </c>
      <c r="F14140" s="6" t="s">
        <v>18</v>
      </c>
      <c r="G14140" s="6" t="s">
        <v>26280</v>
      </c>
      <c r="H14140" s="6" t="s">
        <v>26281</v>
      </c>
      <c r="I14140" s="7">
        <v>7.0544779999999996</v>
      </c>
      <c r="J14140" s="8">
        <v>-73.168566499999997</v>
      </c>
    </row>
    <row r="14141" spans="1:10" x14ac:dyDescent="0.35">
      <c r="A14141" s="5" t="s">
        <v>10</v>
      </c>
      <c r="B14141" s="6">
        <v>249697</v>
      </c>
      <c r="C14141" s="6" t="s">
        <v>16</v>
      </c>
      <c r="D14141" s="6" t="s">
        <v>2851</v>
      </c>
      <c r="E14141" s="6">
        <v>68524</v>
      </c>
      <c r="F14141" s="6" t="s">
        <v>18</v>
      </c>
      <c r="G14141" s="6" t="s">
        <v>26282</v>
      </c>
      <c r="H14141" s="6" t="s">
        <v>26283</v>
      </c>
      <c r="I14141" s="7">
        <v>6.4062937</v>
      </c>
      <c r="J14141" s="8">
        <v>-73.287739000000002</v>
      </c>
    </row>
    <row r="14142" spans="1:10" x14ac:dyDescent="0.35">
      <c r="A14142" s="5" t="s">
        <v>10</v>
      </c>
      <c r="B14142" s="6">
        <v>249934</v>
      </c>
      <c r="C14142" s="6" t="s">
        <v>117</v>
      </c>
      <c r="D14142" s="6" t="s">
        <v>1334</v>
      </c>
      <c r="E14142" s="6">
        <v>76001</v>
      </c>
      <c r="F14142" s="6" t="s">
        <v>18</v>
      </c>
      <c r="G14142" s="6" t="s">
        <v>26284</v>
      </c>
      <c r="H14142" s="6" t="s">
        <v>26285</v>
      </c>
      <c r="I14142" s="7">
        <v>3.4075313</v>
      </c>
      <c r="J14142" s="8">
        <v>-76.502224100000007</v>
      </c>
    </row>
    <row r="14143" spans="1:10" x14ac:dyDescent="0.35">
      <c r="A14143" s="5" t="s">
        <v>10</v>
      </c>
      <c r="B14143" s="6">
        <v>249738</v>
      </c>
      <c r="C14143" s="6" t="s">
        <v>94</v>
      </c>
      <c r="D14143" s="6" t="s">
        <v>98</v>
      </c>
      <c r="E14143" s="6">
        <v>66001</v>
      </c>
      <c r="F14143" s="6" t="s">
        <v>18</v>
      </c>
      <c r="G14143" s="6" t="s">
        <v>26286</v>
      </c>
      <c r="H14143" s="6" t="s">
        <v>26287</v>
      </c>
      <c r="I14143" s="7">
        <v>4.8007451000000003</v>
      </c>
      <c r="J14143" s="8">
        <v>-75.703303099999999</v>
      </c>
    </row>
    <row r="14144" spans="1:10" x14ac:dyDescent="0.35">
      <c r="A14144" s="5" t="s">
        <v>10</v>
      </c>
      <c r="B14144" s="6">
        <v>246301</v>
      </c>
      <c r="C14144" s="6" t="s">
        <v>11</v>
      </c>
      <c r="D14144" s="6" t="s">
        <v>334</v>
      </c>
      <c r="E14144" s="6">
        <v>25754</v>
      </c>
      <c r="F14144" s="6" t="s">
        <v>18</v>
      </c>
      <c r="G14144" s="6" t="s">
        <v>26288</v>
      </c>
      <c r="H14144" s="6" t="s">
        <v>26289</v>
      </c>
      <c r="I14144" s="7">
        <v>4.5870335000000004</v>
      </c>
      <c r="J14144" s="8">
        <v>-74.181129600000006</v>
      </c>
    </row>
    <row r="14145" spans="1:10" x14ac:dyDescent="0.35">
      <c r="A14145" s="5" t="s">
        <v>10</v>
      </c>
      <c r="B14145" s="6">
        <v>249733</v>
      </c>
      <c r="C14145" s="6" t="s">
        <v>42</v>
      </c>
      <c r="D14145" s="6" t="s">
        <v>1798</v>
      </c>
      <c r="E14145" s="6">
        <v>17486</v>
      </c>
      <c r="F14145" s="6" t="s">
        <v>18</v>
      </c>
      <c r="G14145" s="6" t="s">
        <v>26290</v>
      </c>
      <c r="H14145" s="6" t="s">
        <v>26291</v>
      </c>
      <c r="I14145" s="7">
        <v>5.1660329000000003</v>
      </c>
      <c r="J14145" s="8">
        <v>-75.521179599999996</v>
      </c>
    </row>
    <row r="14146" spans="1:10" x14ac:dyDescent="0.35">
      <c r="A14146" s="5" t="s">
        <v>10</v>
      </c>
      <c r="B14146" s="6">
        <v>249737</v>
      </c>
      <c r="C14146" s="6" t="s">
        <v>11</v>
      </c>
      <c r="D14146" s="6" t="s">
        <v>3724</v>
      </c>
      <c r="E14146" s="6">
        <v>25513</v>
      </c>
      <c r="F14146" s="6" t="s">
        <v>18</v>
      </c>
      <c r="G14146" s="6" t="s">
        <v>18395</v>
      </c>
      <c r="H14146" s="6" t="s">
        <v>26292</v>
      </c>
      <c r="I14146" s="7">
        <v>5.1309139000000004</v>
      </c>
      <c r="J14146" s="8">
        <v>-74.1589338</v>
      </c>
    </row>
    <row r="14147" spans="1:10" x14ac:dyDescent="0.35">
      <c r="A14147" s="5" t="s">
        <v>10</v>
      </c>
      <c r="B14147" s="6">
        <v>249880</v>
      </c>
      <c r="C14147" s="6" t="s">
        <v>16</v>
      </c>
      <c r="D14147" s="6" t="s">
        <v>1401</v>
      </c>
      <c r="E14147" s="6">
        <v>68307</v>
      </c>
      <c r="F14147" s="6" t="s">
        <v>18</v>
      </c>
      <c r="G14147" s="6" t="s">
        <v>26293</v>
      </c>
      <c r="H14147" s="6" t="s">
        <v>8770</v>
      </c>
      <c r="I14147" s="7">
        <v>7.0619699999999996</v>
      </c>
      <c r="J14147" s="8">
        <v>-73.166162799999995</v>
      </c>
    </row>
    <row r="14148" spans="1:10" x14ac:dyDescent="0.35">
      <c r="A14148" s="5" t="s">
        <v>10</v>
      </c>
      <c r="B14148" s="6">
        <v>250002</v>
      </c>
      <c r="C14148" s="6" t="s">
        <v>294</v>
      </c>
      <c r="D14148" s="6" t="s">
        <v>8811</v>
      </c>
      <c r="E14148" s="6">
        <v>41676</v>
      </c>
      <c r="F14148" s="6" t="s">
        <v>18</v>
      </c>
      <c r="G14148" s="6" t="s">
        <v>26294</v>
      </c>
      <c r="H14148" s="6" t="s">
        <v>26295</v>
      </c>
      <c r="I14148" s="7">
        <v>2.5359349</v>
      </c>
      <c r="J14148" s="8">
        <v>-75.527669900000006</v>
      </c>
    </row>
    <row r="14149" spans="1:10" x14ac:dyDescent="0.35">
      <c r="A14149" s="5" t="s">
        <v>10</v>
      </c>
      <c r="B14149" s="6">
        <v>246636</v>
      </c>
      <c r="C14149" s="6" t="s">
        <v>68</v>
      </c>
      <c r="D14149" s="6" t="s">
        <v>69</v>
      </c>
      <c r="E14149" s="6">
        <v>11001</v>
      </c>
      <c r="F14149" s="6" t="s">
        <v>18</v>
      </c>
      <c r="G14149" s="6" t="s">
        <v>26296</v>
      </c>
      <c r="H14149" s="6" t="s">
        <v>26297</v>
      </c>
      <c r="I14149" s="7">
        <v>4.6374963999999999</v>
      </c>
      <c r="J14149" s="8">
        <v>-74.181472600000006</v>
      </c>
    </row>
    <row r="14150" spans="1:10" x14ac:dyDescent="0.35">
      <c r="A14150" s="5" t="s">
        <v>10</v>
      </c>
      <c r="B14150" s="6">
        <v>249886</v>
      </c>
      <c r="C14150" s="6" t="s">
        <v>16</v>
      </c>
      <c r="D14150" s="6" t="s">
        <v>510</v>
      </c>
      <c r="E14150" s="6">
        <v>68547</v>
      </c>
      <c r="F14150" s="6" t="s">
        <v>18</v>
      </c>
      <c r="G14150" s="6" t="s">
        <v>26298</v>
      </c>
      <c r="H14150" s="6" t="s">
        <v>26299</v>
      </c>
      <c r="I14150" s="7">
        <v>7.0994590000000004</v>
      </c>
      <c r="J14150" s="8">
        <v>-73.109656299999997</v>
      </c>
    </row>
    <row r="14151" spans="1:10" x14ac:dyDescent="0.35">
      <c r="A14151" s="5" t="s">
        <v>10</v>
      </c>
      <c r="B14151" s="6">
        <v>250017</v>
      </c>
      <c r="C14151" s="6" t="s">
        <v>117</v>
      </c>
      <c r="D14151" s="6" t="s">
        <v>1334</v>
      </c>
      <c r="E14151" s="6">
        <v>76001</v>
      </c>
      <c r="F14151" s="6" t="s">
        <v>18</v>
      </c>
      <c r="G14151" s="6" t="s">
        <v>26300</v>
      </c>
      <c r="H14151" s="6" t="s">
        <v>26301</v>
      </c>
      <c r="I14151" s="7">
        <v>3.4216275</v>
      </c>
      <c r="J14151" s="8">
        <v>-76.482766799999993</v>
      </c>
    </row>
    <row r="14152" spans="1:10" x14ac:dyDescent="0.35">
      <c r="A14152" s="5" t="s">
        <v>10</v>
      </c>
      <c r="B14152" s="6">
        <v>249914</v>
      </c>
      <c r="C14152" s="6" t="s">
        <v>16</v>
      </c>
      <c r="D14152" s="6" t="s">
        <v>2825</v>
      </c>
      <c r="E14152" s="6">
        <v>68276</v>
      </c>
      <c r="F14152" s="6" t="s">
        <v>18</v>
      </c>
      <c r="G14152" s="6" t="s">
        <v>26302</v>
      </c>
      <c r="H14152" s="6" t="s">
        <v>26303</v>
      </c>
      <c r="I14152" s="7">
        <v>7.0831109000000003</v>
      </c>
      <c r="J14152" s="8">
        <v>-73.1014385</v>
      </c>
    </row>
    <row r="14153" spans="1:10" x14ac:dyDescent="0.35">
      <c r="A14153" s="5" t="s">
        <v>10</v>
      </c>
      <c r="B14153" s="6">
        <v>249875</v>
      </c>
      <c r="C14153" s="6" t="s">
        <v>11</v>
      </c>
      <c r="D14153" s="6" t="s">
        <v>334</v>
      </c>
      <c r="E14153" s="6">
        <v>25754</v>
      </c>
      <c r="F14153" s="6" t="s">
        <v>18</v>
      </c>
      <c r="G14153" s="6" t="s">
        <v>26304</v>
      </c>
      <c r="H14153" s="6" t="s">
        <v>26305</v>
      </c>
      <c r="I14153" s="7">
        <v>4.5928455000000001</v>
      </c>
      <c r="J14153" s="8">
        <v>-74.199690399999994</v>
      </c>
    </row>
    <row r="14154" spans="1:10" x14ac:dyDescent="0.35">
      <c r="A14154" s="5" t="s">
        <v>10</v>
      </c>
      <c r="B14154" s="6">
        <v>250028</v>
      </c>
      <c r="C14154" s="6" t="s">
        <v>16</v>
      </c>
      <c r="D14154" s="6" t="s">
        <v>78</v>
      </c>
      <c r="E14154" s="6">
        <v>68001</v>
      </c>
      <c r="F14154" s="6" t="s">
        <v>18</v>
      </c>
      <c r="G14154" s="6" t="s">
        <v>26306</v>
      </c>
      <c r="H14154" s="6" t="s">
        <v>26307</v>
      </c>
      <c r="I14154" s="7">
        <v>7.0918635999999999</v>
      </c>
      <c r="J14154" s="8">
        <v>-73.116122799999999</v>
      </c>
    </row>
    <row r="14155" spans="1:10" x14ac:dyDescent="0.35">
      <c r="A14155" s="5" t="s">
        <v>10</v>
      </c>
      <c r="B14155" s="6">
        <v>250027</v>
      </c>
      <c r="C14155" s="6" t="s">
        <v>16</v>
      </c>
      <c r="D14155" s="6" t="s">
        <v>2825</v>
      </c>
      <c r="E14155" s="6">
        <v>68276</v>
      </c>
      <c r="F14155" s="6" t="s">
        <v>18</v>
      </c>
      <c r="G14155" s="6" t="s">
        <v>26308</v>
      </c>
      <c r="H14155" s="6" t="s">
        <v>8770</v>
      </c>
      <c r="I14155" s="7">
        <v>7.1250663000000003</v>
      </c>
      <c r="J14155" s="8">
        <v>-73.125452100000004</v>
      </c>
    </row>
    <row r="14156" spans="1:10" x14ac:dyDescent="0.35">
      <c r="A14156" s="5" t="s">
        <v>10</v>
      </c>
      <c r="B14156" s="6">
        <v>246544</v>
      </c>
      <c r="C14156" s="6" t="s">
        <v>68</v>
      </c>
      <c r="D14156" s="6" t="s">
        <v>69</v>
      </c>
      <c r="E14156" s="6">
        <v>11001</v>
      </c>
      <c r="F14156" s="6" t="s">
        <v>18</v>
      </c>
      <c r="G14156" s="6" t="s">
        <v>26309</v>
      </c>
      <c r="H14156" s="6" t="s">
        <v>26310</v>
      </c>
      <c r="I14156" s="7">
        <v>4.6390434999999997</v>
      </c>
      <c r="J14156" s="8">
        <v>-74.188833200000005</v>
      </c>
    </row>
    <row r="14157" spans="1:10" x14ac:dyDescent="0.35">
      <c r="A14157" s="5" t="s">
        <v>10</v>
      </c>
      <c r="B14157" s="6">
        <v>246655</v>
      </c>
      <c r="C14157" s="6" t="s">
        <v>24</v>
      </c>
      <c r="D14157" s="6" t="s">
        <v>202</v>
      </c>
      <c r="E14157" s="6">
        <v>15806</v>
      </c>
      <c r="F14157" s="6" t="s">
        <v>18</v>
      </c>
      <c r="G14157" s="6" t="s">
        <v>26311</v>
      </c>
      <c r="H14157" s="6" t="s">
        <v>26312</v>
      </c>
      <c r="I14157" s="7">
        <v>5.7480529999999996</v>
      </c>
      <c r="J14157" s="8">
        <v>-72.995924000000002</v>
      </c>
    </row>
    <row r="14158" spans="1:10" x14ac:dyDescent="0.35">
      <c r="A14158" s="5" t="s">
        <v>10</v>
      </c>
      <c r="B14158" s="6">
        <v>246800</v>
      </c>
      <c r="C14158" s="6" t="s">
        <v>68</v>
      </c>
      <c r="D14158" s="6" t="s">
        <v>69</v>
      </c>
      <c r="E14158" s="6">
        <v>11001</v>
      </c>
      <c r="F14158" s="6" t="s">
        <v>18</v>
      </c>
      <c r="G14158" s="6" t="s">
        <v>26313</v>
      </c>
      <c r="H14158" s="6" t="s">
        <v>26314</v>
      </c>
      <c r="I14158" s="7">
        <v>4.5670029000000003</v>
      </c>
      <c r="J14158" s="8">
        <v>-74.129325199999997</v>
      </c>
    </row>
    <row r="14159" spans="1:10" x14ac:dyDescent="0.35">
      <c r="A14159" s="5" t="s">
        <v>10</v>
      </c>
      <c r="B14159" s="6">
        <v>245680</v>
      </c>
      <c r="C14159" s="6" t="s">
        <v>68</v>
      </c>
      <c r="D14159" s="6" t="s">
        <v>69</v>
      </c>
      <c r="E14159" s="6">
        <v>11001</v>
      </c>
      <c r="F14159" s="6" t="s">
        <v>18</v>
      </c>
      <c r="G14159" s="6" t="s">
        <v>26315</v>
      </c>
      <c r="H14159" s="6" t="s">
        <v>26316</v>
      </c>
      <c r="I14159" s="7">
        <v>4.5705491</v>
      </c>
      <c r="J14159" s="8">
        <v>-74.163985100000005</v>
      </c>
    </row>
    <row r="14160" spans="1:10" x14ac:dyDescent="0.35">
      <c r="A14160" s="5" t="s">
        <v>10</v>
      </c>
      <c r="B14160" s="6">
        <v>247190</v>
      </c>
      <c r="C14160" s="6" t="s">
        <v>68</v>
      </c>
      <c r="D14160" s="6" t="s">
        <v>69</v>
      </c>
      <c r="E14160" s="6">
        <v>11001</v>
      </c>
      <c r="F14160" s="6" t="s">
        <v>18</v>
      </c>
      <c r="G14160" s="6" t="s">
        <v>26317</v>
      </c>
      <c r="H14160" s="6" t="s">
        <v>26318</v>
      </c>
      <c r="I14160" s="7">
        <v>4.6403096000000001</v>
      </c>
      <c r="J14160" s="8">
        <v>-74.069185500000003</v>
      </c>
    </row>
    <row r="14161" spans="1:10" x14ac:dyDescent="0.35">
      <c r="A14161" s="5" t="s">
        <v>10</v>
      </c>
      <c r="B14161" s="6">
        <v>247206</v>
      </c>
      <c r="C14161" s="6" t="s">
        <v>68</v>
      </c>
      <c r="D14161" s="6" t="s">
        <v>69</v>
      </c>
      <c r="E14161" s="6">
        <v>11001</v>
      </c>
      <c r="F14161" s="6" t="s">
        <v>18</v>
      </c>
      <c r="G14161" s="6" t="s">
        <v>15164</v>
      </c>
      <c r="H14161" s="6" t="s">
        <v>26319</v>
      </c>
      <c r="I14161" s="7">
        <v>4.5628516000000001</v>
      </c>
      <c r="J14161" s="8">
        <v>-74.130832100000006</v>
      </c>
    </row>
    <row r="14162" spans="1:10" x14ac:dyDescent="0.35">
      <c r="A14162" s="5" t="s">
        <v>10</v>
      </c>
      <c r="B14162" s="6">
        <v>247207</v>
      </c>
      <c r="C14162" s="6" t="s">
        <v>68</v>
      </c>
      <c r="D14162" s="6" t="s">
        <v>69</v>
      </c>
      <c r="E14162" s="6">
        <v>11001</v>
      </c>
      <c r="F14162" s="6" t="s">
        <v>18</v>
      </c>
      <c r="G14162" s="6" t="s">
        <v>26320</v>
      </c>
      <c r="H14162" s="6" t="s">
        <v>26321</v>
      </c>
      <c r="I14162" s="7">
        <v>4.5669652999999997</v>
      </c>
      <c r="J14162" s="8">
        <v>-74.129215299999998</v>
      </c>
    </row>
    <row r="14163" spans="1:10" x14ac:dyDescent="0.35">
      <c r="A14163" s="5" t="s">
        <v>10</v>
      </c>
      <c r="B14163" s="6">
        <v>247393</v>
      </c>
      <c r="C14163" s="6" t="s">
        <v>68</v>
      </c>
      <c r="D14163" s="6" t="s">
        <v>69</v>
      </c>
      <c r="E14163" s="6">
        <v>11001</v>
      </c>
      <c r="F14163" s="6" t="s">
        <v>18</v>
      </c>
      <c r="G14163" s="6" t="s">
        <v>26322</v>
      </c>
      <c r="H14163" s="6" t="s">
        <v>26323</v>
      </c>
      <c r="I14163" s="7">
        <v>4.6013937</v>
      </c>
      <c r="J14163" s="8">
        <v>-74.087948600000004</v>
      </c>
    </row>
    <row r="14164" spans="1:10" x14ac:dyDescent="0.35">
      <c r="A14164" s="5" t="s">
        <v>10</v>
      </c>
      <c r="B14164" s="6">
        <v>247867</v>
      </c>
      <c r="C14164" s="6" t="s">
        <v>68</v>
      </c>
      <c r="D14164" s="6" t="s">
        <v>69</v>
      </c>
      <c r="E14164" s="6">
        <v>11001</v>
      </c>
      <c r="F14164" s="6" t="s">
        <v>18</v>
      </c>
      <c r="G14164" s="6" t="s">
        <v>26324</v>
      </c>
      <c r="H14164" s="6" t="s">
        <v>26325</v>
      </c>
      <c r="I14164" s="7">
        <v>4.7572561999999996</v>
      </c>
      <c r="J14164" s="8">
        <v>-74.113707300000002</v>
      </c>
    </row>
    <row r="14165" spans="1:10" x14ac:dyDescent="0.35">
      <c r="A14165" s="5" t="s">
        <v>10</v>
      </c>
      <c r="B14165" s="6">
        <v>247882</v>
      </c>
      <c r="C14165" s="6" t="s">
        <v>68</v>
      </c>
      <c r="D14165" s="6" t="s">
        <v>69</v>
      </c>
      <c r="E14165" s="6">
        <v>11001</v>
      </c>
      <c r="F14165" s="6" t="s">
        <v>18</v>
      </c>
      <c r="G14165" s="6" t="s">
        <v>26326</v>
      </c>
      <c r="H14165" s="6" t="s">
        <v>26327</v>
      </c>
      <c r="I14165" s="7">
        <v>4.6723781999999998</v>
      </c>
      <c r="J14165" s="8">
        <v>-74.150546399999996</v>
      </c>
    </row>
    <row r="14166" spans="1:10" x14ac:dyDescent="0.35">
      <c r="A14166" s="5" t="s">
        <v>10</v>
      </c>
      <c r="B14166" s="6">
        <v>250072</v>
      </c>
      <c r="C14166" s="6" t="s">
        <v>190</v>
      </c>
      <c r="D14166" s="6" t="s">
        <v>12678</v>
      </c>
      <c r="E14166" s="6">
        <v>5664</v>
      </c>
      <c r="F14166" s="6" t="s">
        <v>18</v>
      </c>
      <c r="G14166" s="6" t="s">
        <v>26328</v>
      </c>
      <c r="H14166" s="6" t="s">
        <v>26329</v>
      </c>
      <c r="I14166" s="7">
        <v>6.4617671999999997</v>
      </c>
      <c r="J14166" s="8">
        <v>-75.557572100000002</v>
      </c>
    </row>
    <row r="14167" spans="1:10" x14ac:dyDescent="0.35">
      <c r="A14167" s="5" t="s">
        <v>10</v>
      </c>
      <c r="B14167" s="6">
        <v>250047</v>
      </c>
      <c r="C14167" s="6" t="s">
        <v>190</v>
      </c>
      <c r="D14167" s="6" t="s">
        <v>12165</v>
      </c>
      <c r="E14167" s="6">
        <v>5172</v>
      </c>
      <c r="F14167" s="6" t="s">
        <v>18</v>
      </c>
      <c r="G14167" s="6" t="s">
        <v>26330</v>
      </c>
      <c r="H14167" s="6" t="s">
        <v>26331</v>
      </c>
      <c r="I14167" s="7">
        <v>7.6626871000000003</v>
      </c>
      <c r="J14167" s="8">
        <v>-76.678998699999994</v>
      </c>
    </row>
    <row r="14168" spans="1:10" x14ac:dyDescent="0.35">
      <c r="A14168" s="5" t="s">
        <v>10</v>
      </c>
      <c r="B14168" s="6">
        <v>249980</v>
      </c>
      <c r="C14168" s="6" t="s">
        <v>190</v>
      </c>
      <c r="D14168" s="6" t="s">
        <v>12606</v>
      </c>
      <c r="E14168" s="6">
        <v>5579</v>
      </c>
      <c r="F14168" s="6" t="s">
        <v>18</v>
      </c>
      <c r="G14168" s="6" t="s">
        <v>26332</v>
      </c>
      <c r="H14168" s="6" t="s">
        <v>26333</v>
      </c>
      <c r="I14168" s="7">
        <v>6.4895388000000001</v>
      </c>
      <c r="J14168" s="8">
        <v>-74.404758700000002</v>
      </c>
    </row>
    <row r="14169" spans="1:10" x14ac:dyDescent="0.35">
      <c r="A14169" s="5" t="s">
        <v>10</v>
      </c>
      <c r="B14169" s="6">
        <v>250074</v>
      </c>
      <c r="C14169" s="6" t="s">
        <v>117</v>
      </c>
      <c r="D14169" s="6" t="s">
        <v>12447</v>
      </c>
      <c r="E14169" s="6">
        <v>76248</v>
      </c>
      <c r="F14169" s="6" t="s">
        <v>18</v>
      </c>
      <c r="G14169" s="6" t="s">
        <v>26334</v>
      </c>
      <c r="H14169" s="6" t="s">
        <v>26335</v>
      </c>
      <c r="I14169" s="7">
        <v>3.4434980999999998</v>
      </c>
      <c r="J14169" s="8">
        <v>-76.534698399999996</v>
      </c>
    </row>
    <row r="14170" spans="1:10" x14ac:dyDescent="0.35">
      <c r="A14170" s="5" t="s">
        <v>10</v>
      </c>
      <c r="B14170" s="6">
        <v>239266</v>
      </c>
      <c r="C14170" s="6" t="s">
        <v>68</v>
      </c>
      <c r="D14170" s="6" t="s">
        <v>69</v>
      </c>
      <c r="E14170" s="6">
        <v>11001</v>
      </c>
      <c r="F14170" s="6" t="s">
        <v>18</v>
      </c>
      <c r="G14170" s="6" t="s">
        <v>26336</v>
      </c>
      <c r="H14170" s="6" t="s">
        <v>26337</v>
      </c>
      <c r="I14170" s="7">
        <v>4.5595124</v>
      </c>
      <c r="J14170" s="8">
        <v>-74.124368599999997</v>
      </c>
    </row>
    <row r="14171" spans="1:10" x14ac:dyDescent="0.35">
      <c r="A14171" s="5" t="s">
        <v>10</v>
      </c>
      <c r="B14171" s="6">
        <v>249675</v>
      </c>
      <c r="C14171" s="6" t="s">
        <v>24</v>
      </c>
      <c r="D14171" s="6" t="s">
        <v>88</v>
      </c>
      <c r="E14171" s="6">
        <v>15001</v>
      </c>
      <c r="F14171" s="6" t="s">
        <v>18</v>
      </c>
      <c r="G14171" s="6" t="s">
        <v>26338</v>
      </c>
      <c r="H14171" s="6" t="s">
        <v>26339</v>
      </c>
      <c r="I14171" s="7">
        <v>5.5708139000000001</v>
      </c>
      <c r="J14171" s="8">
        <v>-73.335136700000007</v>
      </c>
    </row>
    <row r="14172" spans="1:10" x14ac:dyDescent="0.35">
      <c r="A14172" s="5" t="s">
        <v>10</v>
      </c>
      <c r="B14172" s="6">
        <v>247998</v>
      </c>
      <c r="C14172" s="6" t="s">
        <v>308</v>
      </c>
      <c r="D14172" s="6" t="s">
        <v>8869</v>
      </c>
      <c r="E14172" s="6">
        <v>23464</v>
      </c>
      <c r="F14172" s="6" t="s">
        <v>18</v>
      </c>
      <c r="G14172" s="6" t="s">
        <v>26340</v>
      </c>
      <c r="H14172" s="6" t="s">
        <v>26341</v>
      </c>
      <c r="I14172" s="7">
        <v>9.2377310999999995</v>
      </c>
      <c r="J14172" s="8">
        <v>-75.676811999999998</v>
      </c>
    </row>
    <row r="14173" spans="1:10" x14ac:dyDescent="0.35">
      <c r="A14173" s="5" t="s">
        <v>10</v>
      </c>
      <c r="B14173" s="6">
        <v>248269</v>
      </c>
      <c r="C14173" s="6" t="s">
        <v>308</v>
      </c>
      <c r="D14173" s="6" t="s">
        <v>309</v>
      </c>
      <c r="E14173" s="6">
        <v>23001</v>
      </c>
      <c r="F14173" s="6" t="s">
        <v>13</v>
      </c>
      <c r="G14173" s="6" t="s">
        <v>26342</v>
      </c>
      <c r="H14173" s="6" t="s">
        <v>26343</v>
      </c>
      <c r="I14173" s="7">
        <v>8.7447356000000003</v>
      </c>
      <c r="J14173" s="8">
        <v>-75.895484999999994</v>
      </c>
    </row>
    <row r="14174" spans="1:10" x14ac:dyDescent="0.35">
      <c r="A14174" s="5" t="s">
        <v>10</v>
      </c>
      <c r="B14174" s="6">
        <v>249739</v>
      </c>
      <c r="C14174" s="6" t="s">
        <v>68</v>
      </c>
      <c r="D14174" s="6" t="s">
        <v>69</v>
      </c>
      <c r="E14174" s="6">
        <v>11001</v>
      </c>
      <c r="F14174" s="6" t="s">
        <v>18</v>
      </c>
      <c r="G14174" s="6" t="s">
        <v>26344</v>
      </c>
      <c r="H14174" s="6" t="s">
        <v>26345</v>
      </c>
      <c r="I14174" s="7">
        <v>4.767525</v>
      </c>
      <c r="J14174" s="8">
        <v>-74.024299999999997</v>
      </c>
    </row>
    <row r="14175" spans="1:10" x14ac:dyDescent="0.35">
      <c r="A14175" s="5" t="s">
        <v>10</v>
      </c>
      <c r="B14175" s="6">
        <v>248915</v>
      </c>
      <c r="C14175" s="6" t="s">
        <v>278</v>
      </c>
      <c r="D14175" s="6" t="s">
        <v>4146</v>
      </c>
      <c r="E14175" s="6">
        <v>50606</v>
      </c>
      <c r="F14175" s="6" t="s">
        <v>18</v>
      </c>
      <c r="G14175" s="6" t="s">
        <v>26346</v>
      </c>
      <c r="H14175" s="6" t="s">
        <v>26347</v>
      </c>
      <c r="I14175" s="7">
        <v>4.2592831000000002</v>
      </c>
      <c r="J14175" s="8">
        <v>-73.562592800000004</v>
      </c>
    </row>
    <row r="14176" spans="1:10" x14ac:dyDescent="0.35">
      <c r="A14176" s="5" t="s">
        <v>10</v>
      </c>
      <c r="B14176" s="6">
        <v>249203</v>
      </c>
      <c r="C14176" s="6" t="s">
        <v>68</v>
      </c>
      <c r="D14176" s="6" t="s">
        <v>69</v>
      </c>
      <c r="E14176" s="6">
        <v>11001</v>
      </c>
      <c r="F14176" s="6" t="s">
        <v>2161</v>
      </c>
      <c r="G14176" s="6" t="s">
        <v>26348</v>
      </c>
      <c r="H14176" s="6" t="s">
        <v>26349</v>
      </c>
      <c r="I14176" s="7">
        <v>4.5399700000000003</v>
      </c>
      <c r="J14176" s="8">
        <v>-74.142796000000004</v>
      </c>
    </row>
    <row r="14177" spans="1:10" x14ac:dyDescent="0.35">
      <c r="A14177" s="5" t="s">
        <v>10</v>
      </c>
      <c r="B14177" s="6">
        <v>248518</v>
      </c>
      <c r="C14177" s="6" t="s">
        <v>278</v>
      </c>
      <c r="D14177" s="6" t="s">
        <v>279</v>
      </c>
      <c r="E14177" s="6">
        <v>50001</v>
      </c>
      <c r="F14177" s="6" t="s">
        <v>18</v>
      </c>
      <c r="G14177" s="6" t="s">
        <v>26350</v>
      </c>
      <c r="H14177" s="6" t="s">
        <v>26351</v>
      </c>
      <c r="I14177" s="7">
        <v>4.1410932000000003</v>
      </c>
      <c r="J14177" s="8">
        <v>-73.629753899999997</v>
      </c>
    </row>
    <row r="14178" spans="1:10" x14ac:dyDescent="0.35">
      <c r="A14178" s="5" t="s">
        <v>10</v>
      </c>
      <c r="B14178" s="6">
        <v>249244</v>
      </c>
      <c r="C14178" s="6" t="s">
        <v>24</v>
      </c>
      <c r="D14178" s="6" t="s">
        <v>137</v>
      </c>
      <c r="E14178" s="6">
        <v>15238</v>
      </c>
      <c r="F14178" s="6" t="s">
        <v>18</v>
      </c>
      <c r="G14178" s="6" t="s">
        <v>26352</v>
      </c>
      <c r="H14178" s="6" t="s">
        <v>26353</v>
      </c>
      <c r="I14178" s="7">
        <v>5.8310149999999998</v>
      </c>
      <c r="J14178" s="8">
        <v>-73.049312</v>
      </c>
    </row>
    <row r="14179" spans="1:10" x14ac:dyDescent="0.35">
      <c r="A14179" s="5" t="s">
        <v>10</v>
      </c>
      <c r="B14179" s="6">
        <v>249069</v>
      </c>
      <c r="C14179" s="6" t="s">
        <v>117</v>
      </c>
      <c r="D14179" s="6" t="s">
        <v>3402</v>
      </c>
      <c r="E14179" s="6">
        <v>76364</v>
      </c>
      <c r="F14179" s="6" t="s">
        <v>2161</v>
      </c>
      <c r="G14179" s="6" t="s">
        <v>26354</v>
      </c>
      <c r="H14179" s="6" t="s">
        <v>26355</v>
      </c>
      <c r="I14179" s="7">
        <v>3.2597923999999998</v>
      </c>
      <c r="J14179" s="8">
        <v>-76.538204800000003</v>
      </c>
    </row>
    <row r="14180" spans="1:10" x14ac:dyDescent="0.35">
      <c r="A14180" s="5" t="s">
        <v>10</v>
      </c>
      <c r="B14180" s="6">
        <v>249449</v>
      </c>
      <c r="C14180" s="6" t="s">
        <v>28</v>
      </c>
      <c r="D14180" s="6" t="s">
        <v>29</v>
      </c>
      <c r="E14180" s="6">
        <v>54001</v>
      </c>
      <c r="F14180" s="6" t="s">
        <v>18</v>
      </c>
      <c r="G14180" s="6" t="s">
        <v>26356</v>
      </c>
      <c r="H14180" s="6" t="s">
        <v>26357</v>
      </c>
      <c r="I14180" s="7">
        <v>7.8868584999999998</v>
      </c>
      <c r="J14180" s="8">
        <v>-72.505908000000005</v>
      </c>
    </row>
    <row r="14181" spans="1:10" x14ac:dyDescent="0.35">
      <c r="A14181" s="5" t="s">
        <v>10</v>
      </c>
      <c r="B14181" s="6">
        <v>248097</v>
      </c>
      <c r="C14181" s="6" t="s">
        <v>117</v>
      </c>
      <c r="D14181" s="6" t="s">
        <v>5316</v>
      </c>
      <c r="E14181" s="6">
        <v>76109</v>
      </c>
      <c r="F14181" s="6" t="s">
        <v>18</v>
      </c>
      <c r="G14181" s="6" t="s">
        <v>26358</v>
      </c>
      <c r="H14181" s="6" t="s">
        <v>26359</v>
      </c>
      <c r="I14181" s="7">
        <v>3.8785525999999999</v>
      </c>
      <c r="J14181" s="8">
        <v>-77.023486599999998</v>
      </c>
    </row>
    <row r="14182" spans="1:10" x14ac:dyDescent="0.35">
      <c r="A14182" s="5" t="s">
        <v>10</v>
      </c>
      <c r="B14182" s="6">
        <v>249700</v>
      </c>
      <c r="C14182" s="6" t="s">
        <v>68</v>
      </c>
      <c r="D14182" s="6" t="s">
        <v>69</v>
      </c>
      <c r="E14182" s="6">
        <v>11001</v>
      </c>
      <c r="F14182" s="6" t="s">
        <v>18</v>
      </c>
      <c r="G14182" s="6" t="s">
        <v>26360</v>
      </c>
      <c r="H14182" s="6" t="s">
        <v>26361</v>
      </c>
      <c r="I14182" s="7">
        <v>4.5632099999999998</v>
      </c>
      <c r="J14182" s="8">
        <v>-74.146649999999994</v>
      </c>
    </row>
    <row r="14183" spans="1:10" x14ac:dyDescent="0.35">
      <c r="A14183" s="5" t="s">
        <v>10</v>
      </c>
      <c r="B14183" s="6">
        <v>249785</v>
      </c>
      <c r="C14183" s="6" t="s">
        <v>68</v>
      </c>
      <c r="D14183" s="6" t="s">
        <v>69</v>
      </c>
      <c r="E14183" s="6">
        <v>11001</v>
      </c>
      <c r="F14183" s="6" t="s">
        <v>18</v>
      </c>
      <c r="G14183" s="6" t="s">
        <v>26362</v>
      </c>
      <c r="H14183" s="6" t="s">
        <v>26363</v>
      </c>
      <c r="I14183" s="7">
        <v>4.6142827999999998</v>
      </c>
      <c r="J14183" s="8">
        <v>-74.198393699999997</v>
      </c>
    </row>
    <row r="14184" spans="1:10" x14ac:dyDescent="0.35">
      <c r="A14184" s="5" t="s">
        <v>10</v>
      </c>
      <c r="B14184" s="6">
        <v>249795</v>
      </c>
      <c r="C14184" s="6" t="s">
        <v>68</v>
      </c>
      <c r="D14184" s="6" t="s">
        <v>69</v>
      </c>
      <c r="E14184" s="6">
        <v>11001</v>
      </c>
      <c r="F14184" s="6" t="s">
        <v>18</v>
      </c>
      <c r="G14184" s="6" t="s">
        <v>26364</v>
      </c>
      <c r="H14184" s="6" t="s">
        <v>26365</v>
      </c>
      <c r="I14184" s="7">
        <v>4.7258342999999998</v>
      </c>
      <c r="J14184" s="8">
        <v>-74.096271700000003</v>
      </c>
    </row>
    <row r="14185" spans="1:10" x14ac:dyDescent="0.35">
      <c r="A14185" s="5" t="s">
        <v>10</v>
      </c>
      <c r="B14185" s="6">
        <v>248288</v>
      </c>
      <c r="C14185" s="6" t="s">
        <v>7527</v>
      </c>
      <c r="D14185" s="6" t="s">
        <v>275</v>
      </c>
      <c r="E14185" s="6">
        <v>27615</v>
      </c>
      <c r="F14185" s="6" t="s">
        <v>18</v>
      </c>
      <c r="G14185" s="6" t="s">
        <v>26366</v>
      </c>
      <c r="H14185" s="6" t="s">
        <v>26367</v>
      </c>
      <c r="I14185" s="7">
        <v>7.4375587999999997</v>
      </c>
      <c r="J14185" s="8">
        <v>-77.113334800000004</v>
      </c>
    </row>
    <row r="14186" spans="1:10" x14ac:dyDescent="0.35">
      <c r="A14186" s="5" t="s">
        <v>10</v>
      </c>
      <c r="B14186" s="6">
        <v>249816</v>
      </c>
      <c r="C14186" s="6" t="s">
        <v>68</v>
      </c>
      <c r="D14186" s="6" t="s">
        <v>69</v>
      </c>
      <c r="E14186" s="6">
        <v>11001</v>
      </c>
      <c r="F14186" s="6" t="s">
        <v>18</v>
      </c>
      <c r="G14186" s="6" t="s">
        <v>26368</v>
      </c>
      <c r="H14186" s="6" t="s">
        <v>26369</v>
      </c>
      <c r="I14186" s="7">
        <v>4.5809920015366998</v>
      </c>
      <c r="J14186" s="8">
        <v>-74.070668311896</v>
      </c>
    </row>
    <row r="14187" spans="1:10" x14ac:dyDescent="0.35">
      <c r="A14187" s="5" t="s">
        <v>10</v>
      </c>
      <c r="B14187" s="6">
        <v>249893</v>
      </c>
      <c r="C14187" s="6" t="s">
        <v>11</v>
      </c>
      <c r="D14187" s="6" t="s">
        <v>334</v>
      </c>
      <c r="E14187" s="6">
        <v>25754</v>
      </c>
      <c r="F14187" s="6" t="s">
        <v>18</v>
      </c>
      <c r="G14187" s="6" t="s">
        <v>26370</v>
      </c>
      <c r="H14187" s="6" t="s">
        <v>26371</v>
      </c>
      <c r="I14187" s="7">
        <v>4.5691306999999997</v>
      </c>
      <c r="J14187" s="8">
        <v>-74.239543800000007</v>
      </c>
    </row>
    <row r="14188" spans="1:10" x14ac:dyDescent="0.35">
      <c r="A14188" s="5" t="s">
        <v>10</v>
      </c>
      <c r="B14188" s="6">
        <v>248219</v>
      </c>
      <c r="C14188" s="6" t="s">
        <v>68</v>
      </c>
      <c r="D14188" s="6" t="s">
        <v>69</v>
      </c>
      <c r="E14188" s="6">
        <v>11001</v>
      </c>
      <c r="F14188" s="6" t="s">
        <v>18</v>
      </c>
      <c r="G14188" s="6" t="s">
        <v>7341</v>
      </c>
      <c r="H14188" s="6" t="s">
        <v>26372</v>
      </c>
      <c r="I14188" s="7">
        <v>4.7275688999999996</v>
      </c>
      <c r="J14188" s="8">
        <v>-74.091774099999995</v>
      </c>
    </row>
    <row r="14189" spans="1:10" x14ac:dyDescent="0.35">
      <c r="A14189" s="5" t="s">
        <v>10</v>
      </c>
      <c r="B14189" s="6">
        <v>248242</v>
      </c>
      <c r="C14189" s="6" t="s">
        <v>68</v>
      </c>
      <c r="D14189" s="6" t="s">
        <v>69</v>
      </c>
      <c r="E14189" s="6">
        <v>11001</v>
      </c>
      <c r="F14189" s="6" t="s">
        <v>18</v>
      </c>
      <c r="G14189" s="6" t="s">
        <v>26373</v>
      </c>
      <c r="H14189" s="6" t="s">
        <v>26374</v>
      </c>
      <c r="I14189" s="7">
        <v>4.5020170999999998</v>
      </c>
      <c r="J14189" s="8">
        <v>-74.112337600000004</v>
      </c>
    </row>
    <row r="14190" spans="1:10" x14ac:dyDescent="0.35">
      <c r="A14190" s="5" t="s">
        <v>10</v>
      </c>
      <c r="B14190" s="6">
        <v>249259</v>
      </c>
      <c r="C14190" s="6" t="s">
        <v>11</v>
      </c>
      <c r="D14190" s="6" t="s">
        <v>3054</v>
      </c>
      <c r="E14190" s="6">
        <v>25269</v>
      </c>
      <c r="F14190" s="6" t="s">
        <v>18</v>
      </c>
      <c r="G14190" s="6" t="s">
        <v>16795</v>
      </c>
      <c r="H14190" s="6" t="s">
        <v>26375</v>
      </c>
      <c r="I14190" s="7">
        <v>4.7929899999999996</v>
      </c>
      <c r="J14190" s="8">
        <v>-74.332279999999997</v>
      </c>
    </row>
    <row r="14191" spans="1:10" x14ac:dyDescent="0.35">
      <c r="A14191" s="5" t="s">
        <v>10</v>
      </c>
      <c r="B14191" s="6">
        <v>249722</v>
      </c>
      <c r="C14191" s="6" t="s">
        <v>68</v>
      </c>
      <c r="D14191" s="6" t="s">
        <v>69</v>
      </c>
      <c r="E14191" s="6">
        <v>11001</v>
      </c>
      <c r="F14191" s="6" t="s">
        <v>18</v>
      </c>
      <c r="G14191" s="6" t="s">
        <v>26376</v>
      </c>
      <c r="H14191" s="6" t="s">
        <v>26377</v>
      </c>
      <c r="I14191" s="7">
        <v>4.6160600000000001</v>
      </c>
      <c r="J14191" s="8">
        <v>-74.146479999999997</v>
      </c>
    </row>
    <row r="14192" spans="1:10" x14ac:dyDescent="0.35">
      <c r="A14192" s="5" t="s">
        <v>10</v>
      </c>
      <c r="B14192" s="6">
        <v>249889</v>
      </c>
      <c r="C14192" s="6" t="s">
        <v>68</v>
      </c>
      <c r="D14192" s="6" t="s">
        <v>69</v>
      </c>
      <c r="E14192" s="6">
        <v>11001</v>
      </c>
      <c r="F14192" s="6" t="s">
        <v>18</v>
      </c>
      <c r="G14192" s="6" t="s">
        <v>26378</v>
      </c>
      <c r="H14192" s="6" t="s">
        <v>26379</v>
      </c>
      <c r="I14192" s="7">
        <v>4.5591134000000002</v>
      </c>
      <c r="J14192" s="8">
        <v>-74.137225799999996</v>
      </c>
    </row>
    <row r="14193" spans="1:10" x14ac:dyDescent="0.35">
      <c r="A14193" s="5" t="s">
        <v>10</v>
      </c>
      <c r="B14193" s="6">
        <v>249336</v>
      </c>
      <c r="C14193" s="6" t="s">
        <v>117</v>
      </c>
      <c r="D14193" s="6" t="s">
        <v>1334</v>
      </c>
      <c r="E14193" s="6">
        <v>76001</v>
      </c>
      <c r="F14193" s="6" t="s">
        <v>18</v>
      </c>
      <c r="G14193" s="6" t="s">
        <v>26380</v>
      </c>
      <c r="H14193" s="6" t="s">
        <v>26381</v>
      </c>
      <c r="I14193" s="7">
        <v>3.4177914</v>
      </c>
      <c r="J14193" s="8">
        <v>-76.480566800000005</v>
      </c>
    </row>
    <row r="14194" spans="1:10" x14ac:dyDescent="0.35">
      <c r="A14194" s="5" t="s">
        <v>10</v>
      </c>
      <c r="B14194" s="6">
        <v>249731</v>
      </c>
      <c r="C14194" s="6" t="s">
        <v>16</v>
      </c>
      <c r="D14194" s="6" t="s">
        <v>510</v>
      </c>
      <c r="E14194" s="6">
        <v>68547</v>
      </c>
      <c r="F14194" s="6" t="s">
        <v>18</v>
      </c>
      <c r="G14194" s="6" t="s">
        <v>26382</v>
      </c>
      <c r="H14194" s="6" t="s">
        <v>26383</v>
      </c>
      <c r="I14194" s="7">
        <v>6.9814558</v>
      </c>
      <c r="J14194" s="8">
        <v>-73.054294900000002</v>
      </c>
    </row>
    <row r="14195" spans="1:10" x14ac:dyDescent="0.35">
      <c r="A14195" s="5" t="s">
        <v>10</v>
      </c>
      <c r="B14195" s="6">
        <v>249826</v>
      </c>
      <c r="C14195" s="6" t="s">
        <v>551</v>
      </c>
      <c r="D14195" s="6" t="s">
        <v>977</v>
      </c>
      <c r="E14195" s="6">
        <v>20011</v>
      </c>
      <c r="F14195" s="6" t="s">
        <v>18</v>
      </c>
      <c r="G14195" s="6" t="s">
        <v>26384</v>
      </c>
      <c r="H14195" s="6" t="s">
        <v>26385</v>
      </c>
      <c r="I14195" s="7">
        <v>8.2958990000000004</v>
      </c>
      <c r="J14195" s="8">
        <v>-73.621703999999994</v>
      </c>
    </row>
    <row r="14196" spans="1:10" x14ac:dyDescent="0.35">
      <c r="A14196" s="5" t="s">
        <v>10</v>
      </c>
      <c r="B14196" s="6">
        <v>249784</v>
      </c>
      <c r="C14196" s="6" t="s">
        <v>551</v>
      </c>
      <c r="D14196" s="6" t="s">
        <v>3868</v>
      </c>
      <c r="E14196" s="6">
        <v>20001</v>
      </c>
      <c r="F14196" s="6" t="s">
        <v>13</v>
      </c>
      <c r="G14196" s="6" t="s">
        <v>26386</v>
      </c>
      <c r="H14196" s="6" t="s">
        <v>26387</v>
      </c>
      <c r="I14196" s="7">
        <v>10.458830000000001</v>
      </c>
      <c r="J14196" s="8">
        <v>-73.262839999999997</v>
      </c>
    </row>
    <row r="14197" spans="1:10" x14ac:dyDescent="0.35">
      <c r="A14197" s="5" t="s">
        <v>10</v>
      </c>
      <c r="B14197" s="6">
        <v>247070</v>
      </c>
      <c r="C14197" s="6" t="s">
        <v>2130</v>
      </c>
      <c r="D14197" s="6" t="s">
        <v>2131</v>
      </c>
      <c r="E14197" s="6">
        <v>85001</v>
      </c>
      <c r="F14197" s="6" t="s">
        <v>18</v>
      </c>
      <c r="G14197" s="6" t="s">
        <v>26388</v>
      </c>
      <c r="H14197" s="6" t="s">
        <v>26389</v>
      </c>
      <c r="I14197" s="7">
        <v>5.3363531999999996</v>
      </c>
      <c r="J14197" s="8">
        <v>-72.396422799999996</v>
      </c>
    </row>
    <row r="14198" spans="1:10" x14ac:dyDescent="0.35">
      <c r="A14198" s="5" t="s">
        <v>10</v>
      </c>
      <c r="B14198" s="6">
        <v>247164</v>
      </c>
      <c r="C14198" s="6" t="s">
        <v>68</v>
      </c>
      <c r="D14198" s="6" t="s">
        <v>69</v>
      </c>
      <c r="E14198" s="6">
        <v>11001</v>
      </c>
      <c r="F14198" s="6" t="s">
        <v>18</v>
      </c>
      <c r="G14198" s="6" t="s">
        <v>26390</v>
      </c>
      <c r="H14198" s="6" t="s">
        <v>26391</v>
      </c>
      <c r="I14198" s="7">
        <v>4.6225512999999996</v>
      </c>
      <c r="J14198" s="8">
        <v>-74.177181099999999</v>
      </c>
    </row>
    <row r="14199" spans="1:10" x14ac:dyDescent="0.35">
      <c r="A14199" s="5" t="s">
        <v>10</v>
      </c>
      <c r="B14199" s="6">
        <v>247058</v>
      </c>
      <c r="C14199" s="6" t="s">
        <v>11</v>
      </c>
      <c r="D14199" s="6" t="s">
        <v>513</v>
      </c>
      <c r="E14199" s="6">
        <v>25286</v>
      </c>
      <c r="F14199" s="6" t="s">
        <v>18</v>
      </c>
      <c r="G14199" s="6" t="s">
        <v>26392</v>
      </c>
      <c r="H14199" s="6" t="s">
        <v>26393</v>
      </c>
      <c r="I14199" s="7">
        <v>4.7118577000000004</v>
      </c>
      <c r="J14199" s="8">
        <v>-74.218578600000001</v>
      </c>
    </row>
    <row r="14200" spans="1:10" x14ac:dyDescent="0.35">
      <c r="A14200" s="5" t="s">
        <v>10</v>
      </c>
      <c r="B14200" s="6">
        <v>247061</v>
      </c>
      <c r="C14200" s="6" t="s">
        <v>16</v>
      </c>
      <c r="D14200" s="6" t="s">
        <v>2825</v>
      </c>
      <c r="E14200" s="6">
        <v>68276</v>
      </c>
      <c r="F14200" s="6" t="s">
        <v>18</v>
      </c>
      <c r="G14200" s="6" t="s">
        <v>26394</v>
      </c>
      <c r="H14200" s="6" t="s">
        <v>26395</v>
      </c>
      <c r="I14200" s="7">
        <v>7.0711449999999996</v>
      </c>
      <c r="J14200" s="8">
        <v>-73.106707799999995</v>
      </c>
    </row>
    <row r="14201" spans="1:10" x14ac:dyDescent="0.35">
      <c r="A14201" s="5" t="s">
        <v>10</v>
      </c>
      <c r="B14201" s="6">
        <v>247214</v>
      </c>
      <c r="C14201" s="6" t="s">
        <v>16</v>
      </c>
      <c r="D14201" s="6" t="s">
        <v>78</v>
      </c>
      <c r="E14201" s="6">
        <v>68001</v>
      </c>
      <c r="F14201" s="6" t="s">
        <v>18</v>
      </c>
      <c r="G14201" s="6" t="s">
        <v>26396</v>
      </c>
      <c r="H14201" s="6" t="s">
        <v>26397</v>
      </c>
      <c r="I14201" s="7">
        <v>7.1328778000000002</v>
      </c>
      <c r="J14201" s="8">
        <v>-73.123511500000006</v>
      </c>
    </row>
    <row r="14202" spans="1:10" x14ac:dyDescent="0.35">
      <c r="A14202" s="5" t="s">
        <v>10</v>
      </c>
      <c r="B14202" s="6">
        <v>247223</v>
      </c>
      <c r="C14202" s="6" t="s">
        <v>11</v>
      </c>
      <c r="D14202" s="6" t="s">
        <v>3724</v>
      </c>
      <c r="E14202" s="6">
        <v>25513</v>
      </c>
      <c r="F14202" s="6" t="s">
        <v>18</v>
      </c>
      <c r="G14202" s="6" t="s">
        <v>26398</v>
      </c>
      <c r="H14202" s="6" t="s">
        <v>26399</v>
      </c>
      <c r="I14202" s="7">
        <v>5.1323080000000001</v>
      </c>
      <c r="J14202" s="8">
        <v>-74.157700599999998</v>
      </c>
    </row>
    <row r="14203" spans="1:10" x14ac:dyDescent="0.35">
      <c r="A14203" s="5" t="s">
        <v>10</v>
      </c>
      <c r="B14203" s="6">
        <v>247227</v>
      </c>
      <c r="C14203" s="6" t="s">
        <v>3788</v>
      </c>
      <c r="D14203" s="6" t="s">
        <v>21498</v>
      </c>
      <c r="E14203" s="6">
        <v>18205</v>
      </c>
      <c r="F14203" s="6" t="s">
        <v>18</v>
      </c>
      <c r="G14203" s="6" t="s">
        <v>26400</v>
      </c>
      <c r="H14203" s="6" t="s">
        <v>26401</v>
      </c>
      <c r="I14203" s="7">
        <v>1.0340079</v>
      </c>
      <c r="J14203" s="8">
        <v>-75.9214427</v>
      </c>
    </row>
    <row r="14204" spans="1:10" x14ac:dyDescent="0.35">
      <c r="A14204" s="5" t="s">
        <v>10</v>
      </c>
      <c r="B14204" s="6">
        <v>247230</v>
      </c>
      <c r="C14204" s="6" t="s">
        <v>55</v>
      </c>
      <c r="D14204" s="6" t="s">
        <v>728</v>
      </c>
      <c r="E14204" s="6">
        <v>73675</v>
      </c>
      <c r="F14204" s="6" t="s">
        <v>18</v>
      </c>
      <c r="G14204" s="6" t="s">
        <v>26402</v>
      </c>
      <c r="H14204" s="6" t="s">
        <v>26403</v>
      </c>
      <c r="I14204" s="7">
        <v>5.3558383999999997</v>
      </c>
      <c r="J14204" s="8">
        <v>-72.406759300000004</v>
      </c>
    </row>
    <row r="14205" spans="1:10" x14ac:dyDescent="0.35">
      <c r="A14205" s="5" t="s">
        <v>10</v>
      </c>
      <c r="B14205" s="6">
        <v>247236</v>
      </c>
      <c r="C14205" s="6" t="s">
        <v>2130</v>
      </c>
      <c r="D14205" s="6" t="s">
        <v>2131</v>
      </c>
      <c r="E14205" s="6">
        <v>85001</v>
      </c>
      <c r="F14205" s="6" t="s">
        <v>18</v>
      </c>
      <c r="G14205" s="6" t="s">
        <v>26404</v>
      </c>
      <c r="H14205" s="6" t="s">
        <v>26405</v>
      </c>
      <c r="I14205" s="7">
        <v>5.348903</v>
      </c>
      <c r="J14205" s="8">
        <v>-72.400523000000007</v>
      </c>
    </row>
    <row r="14206" spans="1:10" x14ac:dyDescent="0.35">
      <c r="A14206" s="5" t="s">
        <v>10</v>
      </c>
      <c r="B14206" s="6">
        <v>247379</v>
      </c>
      <c r="C14206" s="6" t="s">
        <v>68</v>
      </c>
      <c r="D14206" s="6" t="s">
        <v>69</v>
      </c>
      <c r="E14206" s="6">
        <v>11001</v>
      </c>
      <c r="F14206" s="6" t="s">
        <v>18</v>
      </c>
      <c r="G14206" s="6" t="s">
        <v>7341</v>
      </c>
      <c r="H14206" s="6" t="s">
        <v>26406</v>
      </c>
      <c r="I14206" s="7">
        <v>4.6339831</v>
      </c>
      <c r="J14206" s="8">
        <v>-74.064991399999997</v>
      </c>
    </row>
    <row r="14207" spans="1:10" x14ac:dyDescent="0.35">
      <c r="A14207" s="5" t="s">
        <v>10</v>
      </c>
      <c r="B14207" s="6">
        <v>247288</v>
      </c>
      <c r="C14207" s="6" t="s">
        <v>16</v>
      </c>
      <c r="D14207" s="6" t="s">
        <v>790</v>
      </c>
      <c r="E14207" s="6">
        <v>68229</v>
      </c>
      <c r="F14207" s="6" t="s">
        <v>18</v>
      </c>
      <c r="G14207" s="6" t="s">
        <v>26407</v>
      </c>
      <c r="H14207" s="6" t="s">
        <v>26408</v>
      </c>
      <c r="I14207" s="7">
        <v>4.6725101000000002</v>
      </c>
      <c r="J14207" s="8">
        <v>-74.054503999999994</v>
      </c>
    </row>
    <row r="14208" spans="1:10" x14ac:dyDescent="0.35">
      <c r="A14208" s="5" t="s">
        <v>10</v>
      </c>
      <c r="B14208" s="6">
        <v>247443</v>
      </c>
      <c r="C14208" s="6" t="s">
        <v>16</v>
      </c>
      <c r="D14208" s="6" t="s">
        <v>1401</v>
      </c>
      <c r="E14208" s="6">
        <v>68307</v>
      </c>
      <c r="F14208" s="6" t="s">
        <v>18</v>
      </c>
      <c r="G14208" s="6" t="s">
        <v>26409</v>
      </c>
      <c r="H14208" s="6" t="s">
        <v>26410</v>
      </c>
      <c r="I14208" s="7">
        <v>7.0663920999999998</v>
      </c>
      <c r="J14208" s="8">
        <v>-73.177385099999995</v>
      </c>
    </row>
    <row r="14209" spans="1:10" x14ac:dyDescent="0.35">
      <c r="A14209" s="5" t="s">
        <v>10</v>
      </c>
      <c r="B14209" s="6">
        <v>247646</v>
      </c>
      <c r="C14209" s="6" t="s">
        <v>294</v>
      </c>
      <c r="D14209" s="6" t="s">
        <v>703</v>
      </c>
      <c r="E14209" s="6">
        <v>41001</v>
      </c>
      <c r="F14209" s="6" t="s">
        <v>18</v>
      </c>
      <c r="G14209" s="6" t="s">
        <v>26411</v>
      </c>
      <c r="H14209" s="6" t="s">
        <v>26412</v>
      </c>
      <c r="I14209" s="7">
        <v>2.9372069999999999</v>
      </c>
      <c r="J14209" s="8">
        <v>-75.310468999999998</v>
      </c>
    </row>
    <row r="14210" spans="1:10" x14ac:dyDescent="0.35">
      <c r="A14210" s="5" t="s">
        <v>10</v>
      </c>
      <c r="B14210" s="6">
        <v>246272</v>
      </c>
      <c r="C14210" s="6" t="s">
        <v>117</v>
      </c>
      <c r="D14210" s="6" t="s">
        <v>1334</v>
      </c>
      <c r="E14210" s="6">
        <v>76001</v>
      </c>
      <c r="F14210" s="6" t="s">
        <v>18</v>
      </c>
      <c r="G14210" s="6" t="s">
        <v>26413</v>
      </c>
      <c r="H14210" s="6" t="s">
        <v>26414</v>
      </c>
      <c r="I14210" s="7">
        <v>3.4827591</v>
      </c>
      <c r="J14210" s="8">
        <v>-76.500089599999995</v>
      </c>
    </row>
    <row r="14211" spans="1:10" x14ac:dyDescent="0.35">
      <c r="A14211" s="5" t="s">
        <v>10</v>
      </c>
      <c r="B14211" s="6">
        <v>247615</v>
      </c>
      <c r="C14211" s="6" t="s">
        <v>68</v>
      </c>
      <c r="D14211" s="6" t="s">
        <v>69</v>
      </c>
      <c r="E14211" s="6">
        <v>11001</v>
      </c>
      <c r="F14211" s="6" t="s">
        <v>18</v>
      </c>
      <c r="G14211" s="6" t="s">
        <v>26415</v>
      </c>
      <c r="H14211" s="6" t="s">
        <v>26416</v>
      </c>
      <c r="I14211" s="7">
        <v>4.6108912000000002</v>
      </c>
      <c r="J14211" s="8">
        <v>-74.143142699999999</v>
      </c>
    </row>
    <row r="14212" spans="1:10" x14ac:dyDescent="0.35">
      <c r="A14212" s="5" t="s">
        <v>10</v>
      </c>
      <c r="B14212" s="6">
        <v>247680</v>
      </c>
      <c r="C14212" s="6" t="s">
        <v>16</v>
      </c>
      <c r="D14212" s="6" t="s">
        <v>17</v>
      </c>
      <c r="E14212" s="6">
        <v>68679</v>
      </c>
      <c r="F14212" s="6" t="s">
        <v>18</v>
      </c>
      <c r="G14212" s="6" t="s">
        <v>26417</v>
      </c>
      <c r="H14212" s="6" t="s">
        <v>26418</v>
      </c>
      <c r="I14212" s="7">
        <v>6.554824</v>
      </c>
      <c r="J14212" s="8">
        <v>-73.134119999999996</v>
      </c>
    </row>
    <row r="14213" spans="1:10" x14ac:dyDescent="0.35">
      <c r="A14213" s="5" t="s">
        <v>10</v>
      </c>
      <c r="B14213" s="6">
        <v>247689</v>
      </c>
      <c r="C14213" s="6" t="s">
        <v>24</v>
      </c>
      <c r="D14213" s="6" t="s">
        <v>317</v>
      </c>
      <c r="E14213" s="6">
        <v>15176</v>
      </c>
      <c r="F14213" s="6" t="s">
        <v>18</v>
      </c>
      <c r="G14213" s="6" t="s">
        <v>26419</v>
      </c>
      <c r="H14213" s="6" t="s">
        <v>26420</v>
      </c>
      <c r="I14213" s="7">
        <v>5.6935392</v>
      </c>
      <c r="J14213" s="8">
        <v>-73.761909500000002</v>
      </c>
    </row>
    <row r="14214" spans="1:10" x14ac:dyDescent="0.35">
      <c r="A14214" s="5" t="s">
        <v>10</v>
      </c>
      <c r="B14214" s="6">
        <v>247793</v>
      </c>
      <c r="C14214" s="6" t="s">
        <v>16</v>
      </c>
      <c r="D14214" s="6" t="s">
        <v>78</v>
      </c>
      <c r="E14214" s="6">
        <v>68001</v>
      </c>
      <c r="F14214" s="6" t="s">
        <v>18</v>
      </c>
      <c r="G14214" s="6" t="s">
        <v>26421</v>
      </c>
      <c r="H14214" s="6" t="s">
        <v>8770</v>
      </c>
      <c r="I14214" s="7">
        <v>7.1250663000000003</v>
      </c>
      <c r="J14214" s="8">
        <v>-73.125452100000004</v>
      </c>
    </row>
    <row r="14215" spans="1:10" x14ac:dyDescent="0.35">
      <c r="A14215" s="5" t="s">
        <v>10</v>
      </c>
      <c r="B14215" s="6">
        <v>247958</v>
      </c>
      <c r="C14215" s="6" t="s">
        <v>16</v>
      </c>
      <c r="D14215" s="6" t="s">
        <v>1266</v>
      </c>
      <c r="E14215" s="6">
        <v>68081</v>
      </c>
      <c r="F14215" s="6" t="s">
        <v>18</v>
      </c>
      <c r="G14215" s="6" t="s">
        <v>26422</v>
      </c>
      <c r="H14215" s="6" t="s">
        <v>26423</v>
      </c>
      <c r="I14215" s="7">
        <v>7.0000099999999996</v>
      </c>
      <c r="J14215" s="8">
        <v>-73.783339999999995</v>
      </c>
    </row>
    <row r="14216" spans="1:10" x14ac:dyDescent="0.35">
      <c r="A14216" s="5" t="s">
        <v>10</v>
      </c>
      <c r="B14216" s="6">
        <v>246989</v>
      </c>
      <c r="C14216" s="6" t="s">
        <v>68</v>
      </c>
      <c r="D14216" s="6" t="s">
        <v>69</v>
      </c>
      <c r="E14216" s="6">
        <v>11001</v>
      </c>
      <c r="F14216" s="6" t="s">
        <v>18</v>
      </c>
      <c r="G14216" s="6" t="s">
        <v>26424</v>
      </c>
      <c r="H14216" s="6" t="s">
        <v>26425</v>
      </c>
      <c r="I14216" s="7">
        <v>4.5718114999999999</v>
      </c>
      <c r="J14216" s="8">
        <v>-74.123594299999993</v>
      </c>
    </row>
    <row r="14217" spans="1:10" x14ac:dyDescent="0.35">
      <c r="A14217" s="5" t="s">
        <v>10</v>
      </c>
      <c r="B14217" s="6">
        <v>248025</v>
      </c>
      <c r="C14217" s="6" t="s">
        <v>11</v>
      </c>
      <c r="D14217" s="6" t="s">
        <v>334</v>
      </c>
      <c r="E14217" s="6">
        <v>25754</v>
      </c>
      <c r="F14217" s="6" t="s">
        <v>18</v>
      </c>
      <c r="G14217" s="6" t="s">
        <v>26426</v>
      </c>
      <c r="H14217" s="6" t="s">
        <v>26427</v>
      </c>
      <c r="I14217" s="7">
        <v>4.5759223000000002</v>
      </c>
      <c r="J14217" s="8">
        <v>-74.215467000000004</v>
      </c>
    </row>
    <row r="14218" spans="1:10" x14ac:dyDescent="0.35">
      <c r="A14218" s="5" t="s">
        <v>10</v>
      </c>
      <c r="B14218" s="6">
        <v>248035</v>
      </c>
      <c r="C14218" s="6" t="s">
        <v>42</v>
      </c>
      <c r="D14218" s="6" t="s">
        <v>43</v>
      </c>
      <c r="E14218" s="6">
        <v>17001</v>
      </c>
      <c r="F14218" s="6" t="s">
        <v>18</v>
      </c>
      <c r="G14218" s="6" t="s">
        <v>26428</v>
      </c>
      <c r="H14218" s="6" t="s">
        <v>26429</v>
      </c>
      <c r="I14218" s="7">
        <v>5.0606448999999998</v>
      </c>
      <c r="J14218" s="8">
        <v>-75.513899499999994</v>
      </c>
    </row>
    <row r="14219" spans="1:10" x14ac:dyDescent="0.35">
      <c r="A14219" s="5" t="s">
        <v>10</v>
      </c>
      <c r="B14219" s="6">
        <v>248109</v>
      </c>
      <c r="C14219" s="6" t="s">
        <v>24</v>
      </c>
      <c r="D14219" s="6" t="s">
        <v>88</v>
      </c>
      <c r="E14219" s="6">
        <v>15001</v>
      </c>
      <c r="F14219" s="6" t="s">
        <v>18</v>
      </c>
      <c r="G14219" s="6" t="s">
        <v>15657</v>
      </c>
      <c r="H14219" s="6" t="s">
        <v>26430</v>
      </c>
      <c r="I14219" s="7">
        <v>5.5660325999999998</v>
      </c>
      <c r="J14219" s="8">
        <v>-73.349447299999994</v>
      </c>
    </row>
    <row r="14220" spans="1:10" x14ac:dyDescent="0.35">
      <c r="A14220" s="5" t="s">
        <v>10</v>
      </c>
      <c r="B14220" s="6">
        <v>248131</v>
      </c>
      <c r="C14220" s="6" t="s">
        <v>68</v>
      </c>
      <c r="D14220" s="6" t="s">
        <v>69</v>
      </c>
      <c r="E14220" s="6">
        <v>11001</v>
      </c>
      <c r="F14220" s="6" t="s">
        <v>18</v>
      </c>
      <c r="G14220" s="6" t="s">
        <v>26431</v>
      </c>
      <c r="H14220" s="6" t="s">
        <v>26432</v>
      </c>
      <c r="I14220" s="7">
        <v>4.7499345999999996</v>
      </c>
      <c r="J14220" s="8">
        <v>-74.059364200000005</v>
      </c>
    </row>
    <row r="14221" spans="1:10" x14ac:dyDescent="0.35">
      <c r="A14221" s="5" t="s">
        <v>10</v>
      </c>
      <c r="B14221" s="6">
        <v>247901</v>
      </c>
      <c r="C14221" s="6" t="s">
        <v>3788</v>
      </c>
      <c r="D14221" s="6" t="s">
        <v>3974</v>
      </c>
      <c r="E14221" s="6">
        <v>18001</v>
      </c>
      <c r="F14221" s="6" t="s">
        <v>18</v>
      </c>
      <c r="G14221" s="6" t="s">
        <v>26433</v>
      </c>
      <c r="H14221" s="6" t="s">
        <v>26434</v>
      </c>
      <c r="I14221" s="7">
        <v>1.6025764</v>
      </c>
      <c r="J14221" s="8">
        <v>-75.602868999999998</v>
      </c>
    </row>
    <row r="14222" spans="1:10" x14ac:dyDescent="0.35">
      <c r="A14222" s="5" t="s">
        <v>10</v>
      </c>
      <c r="B14222" s="6">
        <v>247248</v>
      </c>
      <c r="C14222" s="6" t="s">
        <v>190</v>
      </c>
      <c r="D14222" s="6" t="s">
        <v>11705</v>
      </c>
      <c r="E14222" s="6">
        <v>5318</v>
      </c>
      <c r="F14222" s="6" t="s">
        <v>18</v>
      </c>
      <c r="G14222" s="6" t="s">
        <v>26435</v>
      </c>
      <c r="H14222" s="6" t="s">
        <v>26436</v>
      </c>
      <c r="I14222" s="7">
        <v>6.2810436999999997</v>
      </c>
      <c r="J14222" s="8">
        <v>-75.443048700000006</v>
      </c>
    </row>
    <row r="14223" spans="1:10" x14ac:dyDescent="0.35">
      <c r="A14223" s="5" t="s">
        <v>10</v>
      </c>
      <c r="B14223" s="6">
        <v>248236</v>
      </c>
      <c r="C14223" s="6" t="s">
        <v>68</v>
      </c>
      <c r="D14223" s="6" t="s">
        <v>69</v>
      </c>
      <c r="E14223" s="6">
        <v>11001</v>
      </c>
      <c r="F14223" s="6" t="s">
        <v>18</v>
      </c>
      <c r="G14223" s="6" t="s">
        <v>26437</v>
      </c>
      <c r="H14223" s="6" t="s">
        <v>26438</v>
      </c>
      <c r="I14223" s="7">
        <v>4.7390834999999996</v>
      </c>
      <c r="J14223" s="8">
        <v>-74.093449699999994</v>
      </c>
    </row>
    <row r="14224" spans="1:10" x14ac:dyDescent="0.35">
      <c r="A14224" s="5" t="s">
        <v>10</v>
      </c>
      <c r="B14224" s="6">
        <v>248261</v>
      </c>
      <c r="C14224" s="6" t="s">
        <v>11</v>
      </c>
      <c r="D14224" s="6" t="s">
        <v>4775</v>
      </c>
      <c r="E14224" s="6">
        <v>25148</v>
      </c>
      <c r="F14224" s="6" t="s">
        <v>18</v>
      </c>
      <c r="G14224" s="6" t="s">
        <v>26439</v>
      </c>
      <c r="H14224" s="6" t="s">
        <v>26440</v>
      </c>
      <c r="I14224" s="7">
        <v>5.3456185999999999</v>
      </c>
      <c r="J14224" s="8">
        <v>-74.491844400000005</v>
      </c>
    </row>
    <row r="14225" spans="1:10" x14ac:dyDescent="0.35">
      <c r="A14225" s="5" t="s">
        <v>10</v>
      </c>
      <c r="B14225" s="6">
        <v>248002</v>
      </c>
      <c r="C14225" s="6" t="s">
        <v>3788</v>
      </c>
      <c r="D14225" s="6" t="s">
        <v>3974</v>
      </c>
      <c r="E14225" s="6">
        <v>18001</v>
      </c>
      <c r="F14225" s="6" t="s">
        <v>18</v>
      </c>
      <c r="G14225" s="6" t="s">
        <v>26441</v>
      </c>
      <c r="H14225" s="6" t="s">
        <v>26442</v>
      </c>
      <c r="I14225" s="7">
        <v>1.6219602</v>
      </c>
      <c r="J14225" s="8">
        <v>-75.593639800000005</v>
      </c>
    </row>
    <row r="14226" spans="1:10" x14ac:dyDescent="0.35">
      <c r="A14226" s="5" t="s">
        <v>10</v>
      </c>
      <c r="B14226" s="6">
        <v>248272</v>
      </c>
      <c r="C14226" s="6" t="s">
        <v>42</v>
      </c>
      <c r="D14226" s="6" t="s">
        <v>396</v>
      </c>
      <c r="E14226" s="6">
        <v>17380</v>
      </c>
      <c r="F14226" s="6" t="s">
        <v>18</v>
      </c>
      <c r="G14226" s="6" t="s">
        <v>26443</v>
      </c>
      <c r="H14226" s="6" t="s">
        <v>26444</v>
      </c>
      <c r="I14226" s="7">
        <v>5.4791756999999999</v>
      </c>
      <c r="J14226" s="8">
        <v>-74.672629099999995</v>
      </c>
    </row>
    <row r="14227" spans="1:10" x14ac:dyDescent="0.35">
      <c r="A14227" s="5" t="s">
        <v>10</v>
      </c>
      <c r="B14227" s="6">
        <v>248300</v>
      </c>
      <c r="C14227" s="6" t="s">
        <v>16</v>
      </c>
      <c r="D14227" s="6" t="s">
        <v>2825</v>
      </c>
      <c r="E14227" s="6">
        <v>68276</v>
      </c>
      <c r="F14227" s="6" t="s">
        <v>18</v>
      </c>
      <c r="G14227" s="6" t="s">
        <v>26445</v>
      </c>
      <c r="H14227" s="6" t="s">
        <v>26446</v>
      </c>
      <c r="I14227" s="7">
        <v>7.0882981000000003</v>
      </c>
      <c r="J14227" s="8">
        <v>-73.0759446</v>
      </c>
    </row>
    <row r="14228" spans="1:10" x14ac:dyDescent="0.35">
      <c r="A14228" s="5" t="s">
        <v>10</v>
      </c>
      <c r="B14228" s="6">
        <v>248310</v>
      </c>
      <c r="C14228" s="6" t="s">
        <v>55</v>
      </c>
      <c r="D14228" s="6" t="s">
        <v>56</v>
      </c>
      <c r="E14228" s="6">
        <v>73001</v>
      </c>
      <c r="F14228" s="6" t="s">
        <v>18</v>
      </c>
      <c r="G14228" s="6" t="s">
        <v>26447</v>
      </c>
      <c r="H14228" s="6" t="s">
        <v>26448</v>
      </c>
      <c r="I14228" s="7">
        <v>4.4426386999999998</v>
      </c>
      <c r="J14228" s="8">
        <v>-75.226326599999993</v>
      </c>
    </row>
    <row r="14229" spans="1:10" x14ac:dyDescent="0.35">
      <c r="A14229" s="5" t="s">
        <v>10</v>
      </c>
      <c r="B14229" s="6">
        <v>248350</v>
      </c>
      <c r="C14229" s="6" t="s">
        <v>11</v>
      </c>
      <c r="D14229" s="6" t="s">
        <v>3724</v>
      </c>
      <c r="E14229" s="6">
        <v>25513</v>
      </c>
      <c r="F14229" s="6" t="s">
        <v>18</v>
      </c>
      <c r="G14229" s="6" t="s">
        <v>26449</v>
      </c>
      <c r="H14229" s="6" t="s">
        <v>26450</v>
      </c>
      <c r="I14229" s="7">
        <v>5.13124</v>
      </c>
      <c r="J14229" s="8">
        <v>-74.157719999999998</v>
      </c>
    </row>
    <row r="14230" spans="1:10" x14ac:dyDescent="0.35">
      <c r="A14230" s="5" t="s">
        <v>10</v>
      </c>
      <c r="B14230" s="6">
        <v>248364</v>
      </c>
      <c r="C14230" s="6" t="s">
        <v>11</v>
      </c>
      <c r="D14230" s="6" t="s">
        <v>3724</v>
      </c>
      <c r="E14230" s="6">
        <v>25513</v>
      </c>
      <c r="F14230" s="6" t="s">
        <v>18</v>
      </c>
      <c r="G14230" s="6" t="s">
        <v>26451</v>
      </c>
      <c r="H14230" s="6" t="s">
        <v>26452</v>
      </c>
      <c r="I14230" s="7">
        <v>5.1323062000000004</v>
      </c>
      <c r="J14230" s="8">
        <v>-74.157700700000007</v>
      </c>
    </row>
    <row r="14231" spans="1:10" x14ac:dyDescent="0.35">
      <c r="A14231" s="5" t="s">
        <v>10</v>
      </c>
      <c r="B14231" s="6">
        <v>248371</v>
      </c>
      <c r="C14231" s="6" t="s">
        <v>2130</v>
      </c>
      <c r="D14231" s="6" t="s">
        <v>4241</v>
      </c>
      <c r="E14231" s="6">
        <v>85430</v>
      </c>
      <c r="F14231" s="6" t="s">
        <v>18</v>
      </c>
      <c r="G14231" s="6" t="s">
        <v>26453</v>
      </c>
      <c r="H14231" s="6" t="s">
        <v>26454</v>
      </c>
      <c r="I14231" s="7">
        <v>5.4078707000000001</v>
      </c>
      <c r="J14231" s="8">
        <v>-71.663298400000002</v>
      </c>
    </row>
    <row r="14232" spans="1:10" x14ac:dyDescent="0.35">
      <c r="A14232" s="5" t="s">
        <v>10</v>
      </c>
      <c r="B14232" s="6">
        <v>248510</v>
      </c>
      <c r="C14232" s="6" t="s">
        <v>16</v>
      </c>
      <c r="D14232" s="6" t="s">
        <v>78</v>
      </c>
      <c r="E14232" s="6">
        <v>68001</v>
      </c>
      <c r="F14232" s="6" t="s">
        <v>18</v>
      </c>
      <c r="G14232" s="6" t="s">
        <v>26455</v>
      </c>
      <c r="H14232" s="6" t="s">
        <v>26456</v>
      </c>
      <c r="I14232" s="7">
        <v>7.1448700000000001</v>
      </c>
      <c r="J14232" s="8">
        <v>-73.129059999999996</v>
      </c>
    </row>
    <row r="14233" spans="1:10" x14ac:dyDescent="0.35">
      <c r="A14233" s="5" t="s">
        <v>10</v>
      </c>
      <c r="B14233" s="6">
        <v>247718</v>
      </c>
      <c r="C14233" s="6" t="s">
        <v>42</v>
      </c>
      <c r="D14233" s="6" t="s">
        <v>43</v>
      </c>
      <c r="E14233" s="6">
        <v>17001</v>
      </c>
      <c r="F14233" s="6" t="s">
        <v>18</v>
      </c>
      <c r="G14233" s="6" t="s">
        <v>2294</v>
      </c>
      <c r="H14233" s="6" t="s">
        <v>26457</v>
      </c>
      <c r="I14233" s="7">
        <v>5.0776858999999996</v>
      </c>
      <c r="J14233" s="8">
        <v>-75.524228600000001</v>
      </c>
    </row>
    <row r="14234" spans="1:10" x14ac:dyDescent="0.35">
      <c r="A14234" s="5" t="s">
        <v>10</v>
      </c>
      <c r="B14234" s="6">
        <v>248307</v>
      </c>
      <c r="C14234" s="6" t="s">
        <v>16</v>
      </c>
      <c r="D14234" s="6" t="s">
        <v>2694</v>
      </c>
      <c r="E14234" s="6">
        <v>68895</v>
      </c>
      <c r="F14234" s="6" t="s">
        <v>18</v>
      </c>
      <c r="G14234" s="6" t="s">
        <v>26458</v>
      </c>
      <c r="H14234" s="6" t="s">
        <v>26459</v>
      </c>
      <c r="I14234" s="7">
        <v>6.8151938999999997</v>
      </c>
      <c r="J14234" s="8">
        <v>-73.270912600000003</v>
      </c>
    </row>
    <row r="14235" spans="1:10" x14ac:dyDescent="0.35">
      <c r="A14235" s="5" t="s">
        <v>10</v>
      </c>
      <c r="B14235" s="6">
        <v>248788</v>
      </c>
      <c r="C14235" s="6" t="s">
        <v>68</v>
      </c>
      <c r="D14235" s="6" t="s">
        <v>69</v>
      </c>
      <c r="E14235" s="6">
        <v>11001</v>
      </c>
      <c r="F14235" s="6" t="s">
        <v>18</v>
      </c>
      <c r="G14235" s="6" t="s">
        <v>6961</v>
      </c>
      <c r="H14235" s="6" t="s">
        <v>26460</v>
      </c>
      <c r="I14235" s="7">
        <v>4.6267795999999999</v>
      </c>
      <c r="J14235" s="8">
        <v>-74.129070499999997</v>
      </c>
    </row>
    <row r="14236" spans="1:10" x14ac:dyDescent="0.35">
      <c r="A14236" s="5" t="s">
        <v>10</v>
      </c>
      <c r="B14236" s="6">
        <v>246749</v>
      </c>
      <c r="C14236" s="6" t="s">
        <v>16</v>
      </c>
      <c r="D14236" s="6" t="s">
        <v>510</v>
      </c>
      <c r="E14236" s="6">
        <v>68547</v>
      </c>
      <c r="F14236" s="6" t="s">
        <v>18</v>
      </c>
      <c r="G14236" s="6" t="s">
        <v>26461</v>
      </c>
      <c r="H14236" s="6" t="s">
        <v>26462</v>
      </c>
      <c r="I14236" s="7">
        <v>6.9876227000000002</v>
      </c>
      <c r="J14236" s="8">
        <v>-73.045007999999996</v>
      </c>
    </row>
    <row r="14237" spans="1:10" x14ac:dyDescent="0.35">
      <c r="A14237" s="5" t="s">
        <v>10</v>
      </c>
      <c r="B14237" s="6">
        <v>248224</v>
      </c>
      <c r="C14237" s="6" t="s">
        <v>42</v>
      </c>
      <c r="D14237" s="6" t="s">
        <v>43</v>
      </c>
      <c r="E14237" s="6">
        <v>17001</v>
      </c>
      <c r="F14237" s="6" t="s">
        <v>18</v>
      </c>
      <c r="G14237" s="6" t="s">
        <v>26463</v>
      </c>
      <c r="H14237" s="6" t="s">
        <v>26464</v>
      </c>
      <c r="I14237" s="7">
        <v>5.0664781000000003</v>
      </c>
      <c r="J14237" s="8">
        <v>-75.518563799999995</v>
      </c>
    </row>
    <row r="14238" spans="1:10" x14ac:dyDescent="0.35">
      <c r="A14238" s="5" t="s">
        <v>10</v>
      </c>
      <c r="B14238" s="6">
        <v>248772</v>
      </c>
      <c r="C14238" s="6" t="s">
        <v>3788</v>
      </c>
      <c r="D14238" s="6" t="s">
        <v>3974</v>
      </c>
      <c r="E14238" s="6">
        <v>18001</v>
      </c>
      <c r="F14238" s="6" t="s">
        <v>18</v>
      </c>
      <c r="G14238" s="6" t="s">
        <v>26465</v>
      </c>
      <c r="H14238" s="6" t="s">
        <v>26466</v>
      </c>
      <c r="I14238" s="7">
        <v>1.6153858000000001</v>
      </c>
      <c r="J14238" s="8">
        <v>-75.604236400000005</v>
      </c>
    </row>
    <row r="14239" spans="1:10" x14ac:dyDescent="0.35">
      <c r="A14239" s="5" t="s">
        <v>10</v>
      </c>
      <c r="B14239" s="6">
        <v>248377</v>
      </c>
      <c r="C14239" s="6" t="s">
        <v>3788</v>
      </c>
      <c r="D14239" s="6" t="s">
        <v>3974</v>
      </c>
      <c r="E14239" s="6">
        <v>18001</v>
      </c>
      <c r="F14239" s="6" t="s">
        <v>2161</v>
      </c>
      <c r="G14239" s="6" t="s">
        <v>26467</v>
      </c>
      <c r="H14239" s="6" t="s">
        <v>26468</v>
      </c>
      <c r="I14239" s="7">
        <v>1.6153858000000001</v>
      </c>
      <c r="J14239" s="8">
        <v>-75.604236400000005</v>
      </c>
    </row>
    <row r="14240" spans="1:10" x14ac:dyDescent="0.35">
      <c r="A14240" s="5" t="s">
        <v>10</v>
      </c>
      <c r="B14240" s="6">
        <v>248378</v>
      </c>
      <c r="C14240" s="6" t="s">
        <v>308</v>
      </c>
      <c r="D14240" s="6" t="s">
        <v>8845</v>
      </c>
      <c r="E14240" s="6">
        <v>23660</v>
      </c>
      <c r="F14240" s="6" t="s">
        <v>2161</v>
      </c>
      <c r="G14240" s="6" t="s">
        <v>26469</v>
      </c>
      <c r="H14240" s="6" t="s">
        <v>26470</v>
      </c>
      <c r="I14240" s="7">
        <v>8.9571664000000002</v>
      </c>
      <c r="J14240" s="8">
        <v>-75.452978400000006</v>
      </c>
    </row>
    <row r="14241" spans="1:10" x14ac:dyDescent="0.35">
      <c r="A14241" s="5" t="s">
        <v>10</v>
      </c>
      <c r="B14241" s="6">
        <v>248381</v>
      </c>
      <c r="C14241" s="6" t="s">
        <v>294</v>
      </c>
      <c r="D14241" s="6" t="s">
        <v>703</v>
      </c>
      <c r="E14241" s="6">
        <v>41001</v>
      </c>
      <c r="F14241" s="6" t="s">
        <v>2161</v>
      </c>
      <c r="G14241" s="6" t="s">
        <v>26471</v>
      </c>
      <c r="H14241" s="6" t="s">
        <v>26472</v>
      </c>
      <c r="I14241" s="7">
        <v>2.9213811999999999</v>
      </c>
      <c r="J14241" s="8">
        <v>-75.269670099999999</v>
      </c>
    </row>
    <row r="14242" spans="1:10" x14ac:dyDescent="0.35">
      <c r="A14242" s="5" t="s">
        <v>10</v>
      </c>
      <c r="B14242" s="6">
        <v>248386</v>
      </c>
      <c r="C14242" s="6" t="s">
        <v>11</v>
      </c>
      <c r="D14242" s="6" t="s">
        <v>101</v>
      </c>
      <c r="E14242" s="6">
        <v>25473</v>
      </c>
      <c r="F14242" s="6" t="s">
        <v>2161</v>
      </c>
      <c r="G14242" s="6" t="s">
        <v>26473</v>
      </c>
      <c r="H14242" s="6" t="s">
        <v>26474</v>
      </c>
      <c r="I14242" s="7">
        <v>4.7200134</v>
      </c>
      <c r="J14242" s="8">
        <v>-74.230010199999995</v>
      </c>
    </row>
    <row r="14243" spans="1:10" x14ac:dyDescent="0.35">
      <c r="A14243" s="5" t="s">
        <v>10</v>
      </c>
      <c r="B14243" s="6">
        <v>248388</v>
      </c>
      <c r="C14243" s="6" t="s">
        <v>457</v>
      </c>
      <c r="D14243" s="6" t="s">
        <v>14505</v>
      </c>
      <c r="E14243" s="6">
        <v>52573</v>
      </c>
      <c r="F14243" s="6" t="s">
        <v>2161</v>
      </c>
      <c r="G14243" s="6" t="s">
        <v>26475</v>
      </c>
      <c r="H14243" s="6" t="s">
        <v>26476</v>
      </c>
      <c r="I14243" s="7">
        <v>3.4333111000000001</v>
      </c>
      <c r="J14243" s="8">
        <v>-76.541913899999997</v>
      </c>
    </row>
    <row r="14244" spans="1:10" x14ac:dyDescent="0.35">
      <c r="A14244" s="5" t="s">
        <v>10</v>
      </c>
      <c r="B14244" s="6">
        <v>248389</v>
      </c>
      <c r="C14244" s="6" t="s">
        <v>457</v>
      </c>
      <c r="D14244" s="6" t="s">
        <v>4400</v>
      </c>
      <c r="E14244" s="6">
        <v>52001</v>
      </c>
      <c r="F14244" s="6" t="s">
        <v>2161</v>
      </c>
      <c r="G14244" s="6" t="s">
        <v>26477</v>
      </c>
      <c r="H14244" s="6" t="s">
        <v>26478</v>
      </c>
      <c r="I14244" s="7">
        <v>1.2140025000000001</v>
      </c>
      <c r="J14244" s="8">
        <v>-77.286992900000001</v>
      </c>
    </row>
    <row r="14245" spans="1:10" x14ac:dyDescent="0.35">
      <c r="A14245" s="5" t="s">
        <v>10</v>
      </c>
      <c r="B14245" s="6">
        <v>248390</v>
      </c>
      <c r="C14245" s="6" t="s">
        <v>278</v>
      </c>
      <c r="D14245" s="6" t="s">
        <v>3739</v>
      </c>
      <c r="E14245" s="6">
        <v>50287</v>
      </c>
      <c r="F14245" s="6" t="s">
        <v>2161</v>
      </c>
      <c r="G14245" s="6" t="s">
        <v>26479</v>
      </c>
      <c r="H14245" s="6" t="s">
        <v>26480</v>
      </c>
      <c r="I14245" s="7">
        <v>3.4605362999999998</v>
      </c>
      <c r="J14245" s="8">
        <v>-73.619414800000001</v>
      </c>
    </row>
    <row r="14246" spans="1:10" x14ac:dyDescent="0.35">
      <c r="A14246" s="5" t="s">
        <v>10</v>
      </c>
      <c r="B14246" s="6">
        <v>248391</v>
      </c>
      <c r="C14246" s="6" t="s">
        <v>28</v>
      </c>
      <c r="D14246" s="6" t="s">
        <v>2066</v>
      </c>
      <c r="E14246" s="6">
        <v>54480</v>
      </c>
      <c r="F14246" s="6" t="s">
        <v>2161</v>
      </c>
      <c r="G14246" s="6" t="s">
        <v>26481</v>
      </c>
      <c r="H14246" s="6" t="s">
        <v>26482</v>
      </c>
      <c r="I14246" s="7">
        <v>7.3001959999999997</v>
      </c>
      <c r="J14246" s="8">
        <v>-72.746803</v>
      </c>
    </row>
    <row r="14247" spans="1:10" x14ac:dyDescent="0.35">
      <c r="A14247" s="5" t="s">
        <v>10</v>
      </c>
      <c r="B14247" s="6">
        <v>248395</v>
      </c>
      <c r="C14247" s="6" t="s">
        <v>11</v>
      </c>
      <c r="D14247" s="6" t="s">
        <v>12</v>
      </c>
      <c r="E14247" s="6">
        <v>25899</v>
      </c>
      <c r="F14247" s="6" t="s">
        <v>2161</v>
      </c>
      <c r="G14247" s="6" t="s">
        <v>26483</v>
      </c>
      <c r="H14247" s="6" t="s">
        <v>26484</v>
      </c>
      <c r="I14247" s="7">
        <v>4.8068561000000001</v>
      </c>
      <c r="J14247" s="8">
        <v>-74.353020799999996</v>
      </c>
    </row>
    <row r="14248" spans="1:10" x14ac:dyDescent="0.35">
      <c r="A14248" s="5" t="s">
        <v>10</v>
      </c>
      <c r="B14248" s="6">
        <v>248396</v>
      </c>
      <c r="C14248" s="6" t="s">
        <v>24</v>
      </c>
      <c r="D14248" s="6" t="s">
        <v>137</v>
      </c>
      <c r="E14248" s="6">
        <v>15238</v>
      </c>
      <c r="F14248" s="6" t="s">
        <v>2161</v>
      </c>
      <c r="G14248" s="6" t="s">
        <v>26485</v>
      </c>
      <c r="H14248" s="6" t="s">
        <v>26486</v>
      </c>
      <c r="I14248" s="7">
        <v>5.7959052</v>
      </c>
      <c r="J14248" s="8">
        <v>-72.997843200000005</v>
      </c>
    </row>
    <row r="14249" spans="1:10" x14ac:dyDescent="0.35">
      <c r="A14249" s="5" t="s">
        <v>10</v>
      </c>
      <c r="B14249" s="6">
        <v>248401</v>
      </c>
      <c r="C14249" s="6" t="s">
        <v>278</v>
      </c>
      <c r="D14249" s="6" t="s">
        <v>7334</v>
      </c>
      <c r="E14249" s="6">
        <v>50711</v>
      </c>
      <c r="F14249" s="6" t="s">
        <v>2161</v>
      </c>
      <c r="G14249" s="6" t="s">
        <v>26487</v>
      </c>
      <c r="H14249" s="6" t="s">
        <v>26488</v>
      </c>
      <c r="I14249" s="7">
        <v>3.1278830000000002</v>
      </c>
      <c r="J14249" s="8">
        <v>-73.752511999999996</v>
      </c>
    </row>
    <row r="14250" spans="1:10" x14ac:dyDescent="0.35">
      <c r="A14250" s="5" t="s">
        <v>10</v>
      </c>
      <c r="B14250" s="6">
        <v>249313</v>
      </c>
      <c r="C14250" s="6" t="s">
        <v>11</v>
      </c>
      <c r="D14250" s="6" t="s">
        <v>6321</v>
      </c>
      <c r="E14250" s="6">
        <v>25040</v>
      </c>
      <c r="F14250" s="6" t="s">
        <v>2161</v>
      </c>
      <c r="G14250" s="6" t="s">
        <v>26489</v>
      </c>
      <c r="H14250" s="6" t="s">
        <v>26490</v>
      </c>
      <c r="I14250" s="7">
        <v>4.8079894000000003</v>
      </c>
      <c r="J14250" s="8">
        <v>-74.351387799999998</v>
      </c>
    </row>
    <row r="14251" spans="1:10" x14ac:dyDescent="0.35">
      <c r="A14251" s="5" t="s">
        <v>10</v>
      </c>
      <c r="B14251" s="6">
        <v>249329</v>
      </c>
      <c r="C14251" s="6" t="s">
        <v>551</v>
      </c>
      <c r="D14251" s="6" t="s">
        <v>4274</v>
      </c>
      <c r="E14251" s="6">
        <v>20383</v>
      </c>
      <c r="F14251" s="6" t="s">
        <v>2161</v>
      </c>
      <c r="G14251" s="6" t="s">
        <v>26491</v>
      </c>
      <c r="H14251" s="6" t="s">
        <v>26492</v>
      </c>
      <c r="I14251" s="7">
        <v>8.6180138999999993</v>
      </c>
      <c r="J14251" s="8">
        <v>-73.802277200000006</v>
      </c>
    </row>
    <row r="14252" spans="1:10" x14ac:dyDescent="0.35">
      <c r="A14252" s="5" t="s">
        <v>10</v>
      </c>
      <c r="B14252" s="6">
        <v>249321</v>
      </c>
      <c r="C14252" s="6" t="s">
        <v>190</v>
      </c>
      <c r="D14252" s="6" t="s">
        <v>17198</v>
      </c>
      <c r="E14252" s="6">
        <v>5004</v>
      </c>
      <c r="F14252" s="6" t="s">
        <v>2161</v>
      </c>
      <c r="G14252" s="6" t="s">
        <v>26493</v>
      </c>
      <c r="H14252" s="6" t="s">
        <v>26494</v>
      </c>
      <c r="I14252" s="7">
        <v>6.6318735999999996</v>
      </c>
      <c r="J14252" s="8">
        <v>-76.647671000000003</v>
      </c>
    </row>
    <row r="14253" spans="1:10" x14ac:dyDescent="0.35">
      <c r="A14253" s="5" t="s">
        <v>10</v>
      </c>
      <c r="B14253" s="6">
        <v>249315</v>
      </c>
      <c r="C14253" s="6" t="s">
        <v>42</v>
      </c>
      <c r="D14253" s="6" t="s">
        <v>1066</v>
      </c>
      <c r="E14253" s="6">
        <v>17653</v>
      </c>
      <c r="F14253" s="6" t="s">
        <v>2161</v>
      </c>
      <c r="G14253" s="6" t="s">
        <v>26495</v>
      </c>
      <c r="H14253" s="6" t="s">
        <v>26496</v>
      </c>
      <c r="I14253" s="7">
        <v>5.4054513999999996</v>
      </c>
      <c r="J14253" s="8">
        <v>-75.486219199999994</v>
      </c>
    </row>
    <row r="14254" spans="1:10" x14ac:dyDescent="0.35">
      <c r="A14254" s="5" t="s">
        <v>10</v>
      </c>
      <c r="B14254" s="6">
        <v>249330</v>
      </c>
      <c r="C14254" s="6" t="s">
        <v>11</v>
      </c>
      <c r="D14254" s="6" t="s">
        <v>12</v>
      </c>
      <c r="E14254" s="6">
        <v>25899</v>
      </c>
      <c r="F14254" s="6" t="s">
        <v>2161</v>
      </c>
      <c r="G14254" s="6" t="s">
        <v>26497</v>
      </c>
      <c r="H14254" s="6" t="s">
        <v>26498</v>
      </c>
      <c r="I14254" s="7">
        <v>5.2521079999999998</v>
      </c>
      <c r="J14254" s="8">
        <v>-74.614260000000002</v>
      </c>
    </row>
    <row r="14255" spans="1:10" x14ac:dyDescent="0.35">
      <c r="A14255" s="5" t="s">
        <v>10</v>
      </c>
      <c r="B14255" s="6">
        <v>249334</v>
      </c>
      <c r="C14255" s="6" t="s">
        <v>117</v>
      </c>
      <c r="D14255" s="6" t="s">
        <v>4394</v>
      </c>
      <c r="E14255" s="6">
        <v>76823</v>
      </c>
      <c r="F14255" s="6" t="s">
        <v>2161</v>
      </c>
      <c r="G14255" s="6" t="s">
        <v>10504</v>
      </c>
      <c r="H14255" s="6" t="s">
        <v>26499</v>
      </c>
      <c r="I14255" s="7">
        <v>4.6092760999999998</v>
      </c>
      <c r="J14255" s="8">
        <v>-76.814294000000004</v>
      </c>
    </row>
    <row r="14256" spans="1:10" x14ac:dyDescent="0.35">
      <c r="A14256" s="5" t="s">
        <v>10</v>
      </c>
      <c r="B14256" s="6">
        <v>249324</v>
      </c>
      <c r="C14256" s="6" t="s">
        <v>68</v>
      </c>
      <c r="D14256" s="6" t="s">
        <v>69</v>
      </c>
      <c r="E14256" s="6">
        <v>11001</v>
      </c>
      <c r="F14256" s="6" t="s">
        <v>2161</v>
      </c>
      <c r="G14256" s="6" t="s">
        <v>26500</v>
      </c>
      <c r="H14256" s="6" t="s">
        <v>26501</v>
      </c>
      <c r="I14256" s="7">
        <v>4.6227578999999999</v>
      </c>
      <c r="J14256" s="8">
        <v>-74.160112299999994</v>
      </c>
    </row>
    <row r="14257" spans="1:10" x14ac:dyDescent="0.35">
      <c r="A14257" s="5" t="s">
        <v>10</v>
      </c>
      <c r="B14257" s="6">
        <v>249333</v>
      </c>
      <c r="C14257" s="6" t="s">
        <v>55</v>
      </c>
      <c r="D14257" s="6" t="s">
        <v>2285</v>
      </c>
      <c r="E14257" s="6">
        <v>73319</v>
      </c>
      <c r="F14257" s="6" t="s">
        <v>2161</v>
      </c>
      <c r="G14257" s="6" t="s">
        <v>26502</v>
      </c>
      <c r="H14257" s="6" t="s">
        <v>26503</v>
      </c>
      <c r="I14257" s="7">
        <v>4.3066810000000002</v>
      </c>
      <c r="J14257" s="8">
        <v>-74.969027800000006</v>
      </c>
    </row>
    <row r="14258" spans="1:10" x14ac:dyDescent="0.35">
      <c r="A14258" s="5" t="s">
        <v>10</v>
      </c>
      <c r="B14258" s="6">
        <v>248885</v>
      </c>
      <c r="C14258" s="6" t="s">
        <v>24</v>
      </c>
      <c r="D14258" s="6" t="s">
        <v>20458</v>
      </c>
      <c r="E14258" s="6">
        <v>15580</v>
      </c>
      <c r="F14258" s="6" t="s">
        <v>18</v>
      </c>
      <c r="G14258" s="6" t="s">
        <v>26504</v>
      </c>
      <c r="H14258" s="6" t="s">
        <v>26505</v>
      </c>
      <c r="I14258" s="7">
        <v>5.5196427999999997</v>
      </c>
      <c r="J14258" s="8">
        <v>-74.179060100000001</v>
      </c>
    </row>
    <row r="14259" spans="1:10" x14ac:dyDescent="0.35">
      <c r="A14259" s="5" t="s">
        <v>10</v>
      </c>
      <c r="B14259" s="6">
        <v>246376</v>
      </c>
      <c r="C14259" s="6" t="s">
        <v>68</v>
      </c>
      <c r="D14259" s="6" t="s">
        <v>69</v>
      </c>
      <c r="E14259" s="6">
        <v>11001</v>
      </c>
      <c r="F14259" s="6" t="s">
        <v>18</v>
      </c>
      <c r="G14259" s="6" t="s">
        <v>26506</v>
      </c>
      <c r="H14259" s="6" t="s">
        <v>26507</v>
      </c>
      <c r="I14259" s="7">
        <v>4.5889671999999999</v>
      </c>
      <c r="J14259" s="8">
        <v>-74.084380899999999</v>
      </c>
    </row>
    <row r="14260" spans="1:10" x14ac:dyDescent="0.35">
      <c r="A14260" s="5" t="s">
        <v>10</v>
      </c>
      <c r="B14260" s="6">
        <v>248700</v>
      </c>
      <c r="C14260" s="6" t="s">
        <v>68</v>
      </c>
      <c r="D14260" s="6" t="s">
        <v>69</v>
      </c>
      <c r="E14260" s="6">
        <v>11001</v>
      </c>
      <c r="F14260" s="6" t="s">
        <v>18</v>
      </c>
      <c r="G14260" s="6" t="s">
        <v>26508</v>
      </c>
      <c r="H14260" s="6" t="s">
        <v>26509</v>
      </c>
      <c r="I14260" s="7">
        <v>4.7255412000000003</v>
      </c>
      <c r="J14260" s="8">
        <v>-74.121184</v>
      </c>
    </row>
    <row r="14261" spans="1:10" x14ac:dyDescent="0.35">
      <c r="A14261" s="5" t="s">
        <v>10</v>
      </c>
      <c r="B14261" s="6">
        <v>248875</v>
      </c>
      <c r="C14261" s="6" t="s">
        <v>55</v>
      </c>
      <c r="D14261" s="6" t="s">
        <v>56</v>
      </c>
      <c r="E14261" s="6">
        <v>73001</v>
      </c>
      <c r="F14261" s="6" t="s">
        <v>18</v>
      </c>
      <c r="G14261" s="6" t="s">
        <v>26510</v>
      </c>
      <c r="H14261" s="6" t="s">
        <v>26511</v>
      </c>
      <c r="I14261" s="7">
        <v>4.4046177999999996</v>
      </c>
      <c r="J14261" s="8">
        <v>-75.147280899999998</v>
      </c>
    </row>
    <row r="14262" spans="1:10" x14ac:dyDescent="0.35">
      <c r="A14262" s="5" t="s">
        <v>10</v>
      </c>
      <c r="B14262" s="6">
        <v>248906</v>
      </c>
      <c r="C14262" s="6" t="s">
        <v>11</v>
      </c>
      <c r="D14262" s="6" t="s">
        <v>21</v>
      </c>
      <c r="E14262" s="6">
        <v>25386</v>
      </c>
      <c r="F14262" s="6" t="s">
        <v>18</v>
      </c>
      <c r="G14262" s="6" t="s">
        <v>26512</v>
      </c>
      <c r="H14262" s="6" t="s">
        <v>26513</v>
      </c>
      <c r="I14262" s="7">
        <v>4.6310339999999997</v>
      </c>
      <c r="J14262" s="8">
        <v>-74.462388899999993</v>
      </c>
    </row>
    <row r="14263" spans="1:10" x14ac:dyDescent="0.35">
      <c r="A14263" s="5" t="s">
        <v>10</v>
      </c>
      <c r="B14263" s="6">
        <v>248910</v>
      </c>
      <c r="C14263" s="6" t="s">
        <v>366</v>
      </c>
      <c r="D14263" s="6" t="s">
        <v>367</v>
      </c>
      <c r="E14263" s="6">
        <v>44430</v>
      </c>
      <c r="F14263" s="6" t="s">
        <v>18</v>
      </c>
      <c r="G14263" s="6" t="s">
        <v>26514</v>
      </c>
      <c r="H14263" s="6" t="s">
        <v>26515</v>
      </c>
      <c r="I14263" s="7">
        <v>11.380054299999999</v>
      </c>
      <c r="J14263" s="8">
        <v>-72.242246499999993</v>
      </c>
    </row>
    <row r="14264" spans="1:10" x14ac:dyDescent="0.35">
      <c r="A14264" s="5" t="s">
        <v>10</v>
      </c>
      <c r="B14264" s="6">
        <v>249056</v>
      </c>
      <c r="C14264" s="6" t="s">
        <v>11</v>
      </c>
      <c r="D14264" s="6" t="s">
        <v>3054</v>
      </c>
      <c r="E14264" s="6">
        <v>25269</v>
      </c>
      <c r="F14264" s="6" t="s">
        <v>18</v>
      </c>
      <c r="G14264" s="6" t="s">
        <v>26516</v>
      </c>
      <c r="H14264" s="6" t="s">
        <v>26517</v>
      </c>
      <c r="I14264" s="7">
        <v>4.8018977999999999</v>
      </c>
      <c r="J14264" s="8">
        <v>-74.345339899999999</v>
      </c>
    </row>
    <row r="14265" spans="1:10" x14ac:dyDescent="0.35">
      <c r="A14265" s="5" t="s">
        <v>10</v>
      </c>
      <c r="B14265" s="6">
        <v>249083</v>
      </c>
      <c r="C14265" s="6" t="s">
        <v>68</v>
      </c>
      <c r="D14265" s="6" t="s">
        <v>69</v>
      </c>
      <c r="E14265" s="6">
        <v>11001</v>
      </c>
      <c r="F14265" s="6" t="s">
        <v>18</v>
      </c>
      <c r="G14265" s="6" t="s">
        <v>26518</v>
      </c>
      <c r="H14265" s="6" t="s">
        <v>26519</v>
      </c>
      <c r="I14265" s="7">
        <v>4.7245020999999996</v>
      </c>
      <c r="J14265" s="8">
        <v>-74.091677599999997</v>
      </c>
    </row>
    <row r="14266" spans="1:10" x14ac:dyDescent="0.35">
      <c r="A14266" s="5" t="s">
        <v>10</v>
      </c>
      <c r="B14266" s="6">
        <v>249101</v>
      </c>
      <c r="C14266" s="6" t="s">
        <v>42</v>
      </c>
      <c r="D14266" s="6" t="s">
        <v>396</v>
      </c>
      <c r="E14266" s="6">
        <v>17380</v>
      </c>
      <c r="F14266" s="6" t="s">
        <v>18</v>
      </c>
      <c r="G14266" s="6" t="s">
        <v>26520</v>
      </c>
      <c r="H14266" s="6" t="s">
        <v>26521</v>
      </c>
      <c r="I14266" s="7">
        <v>5.0565826999999999</v>
      </c>
      <c r="J14266" s="8">
        <v>-75.487563899999998</v>
      </c>
    </row>
    <row r="14267" spans="1:10" x14ac:dyDescent="0.35">
      <c r="A14267" s="5" t="s">
        <v>10</v>
      </c>
      <c r="B14267" s="6">
        <v>249198</v>
      </c>
      <c r="C14267" s="6" t="s">
        <v>16</v>
      </c>
      <c r="D14267" s="6" t="s">
        <v>78</v>
      </c>
      <c r="E14267" s="6">
        <v>68001</v>
      </c>
      <c r="F14267" s="6" t="s">
        <v>18</v>
      </c>
      <c r="G14267" s="6" t="s">
        <v>26522</v>
      </c>
      <c r="H14267" s="6" t="s">
        <v>26523</v>
      </c>
      <c r="I14267" s="7">
        <v>7.1251153</v>
      </c>
      <c r="J14267" s="8">
        <v>-73.125231999999997</v>
      </c>
    </row>
    <row r="14268" spans="1:10" x14ac:dyDescent="0.35">
      <c r="A14268" s="5" t="s">
        <v>10</v>
      </c>
      <c r="B14268" s="6">
        <v>246600</v>
      </c>
      <c r="C14268" s="6" t="s">
        <v>68</v>
      </c>
      <c r="D14268" s="6" t="s">
        <v>69</v>
      </c>
      <c r="E14268" s="6">
        <v>11001</v>
      </c>
      <c r="F14268" s="6" t="s">
        <v>18</v>
      </c>
      <c r="G14268" s="6" t="s">
        <v>26524</v>
      </c>
      <c r="H14268" s="6" t="s">
        <v>26525</v>
      </c>
      <c r="I14268" s="7">
        <v>4.7364486000000001</v>
      </c>
      <c r="J14268" s="8">
        <v>-74.030310600000007</v>
      </c>
    </row>
    <row r="14269" spans="1:10" x14ac:dyDescent="0.35">
      <c r="A14269" s="5" t="s">
        <v>10</v>
      </c>
      <c r="B14269" s="6">
        <v>246582</v>
      </c>
      <c r="C14269" s="6" t="s">
        <v>68</v>
      </c>
      <c r="D14269" s="6" t="s">
        <v>69</v>
      </c>
      <c r="E14269" s="6">
        <v>11001</v>
      </c>
      <c r="F14269" s="6" t="s">
        <v>18</v>
      </c>
      <c r="G14269" s="6" t="s">
        <v>26526</v>
      </c>
      <c r="H14269" s="6" t="s">
        <v>26527</v>
      </c>
      <c r="I14269" s="7">
        <v>4.6007961000000002</v>
      </c>
      <c r="J14269" s="8">
        <v>-74.166640900000004</v>
      </c>
    </row>
    <row r="14270" spans="1:10" x14ac:dyDescent="0.35">
      <c r="A14270" s="5" t="s">
        <v>10</v>
      </c>
      <c r="B14270" s="6">
        <v>246436</v>
      </c>
      <c r="C14270" s="6" t="s">
        <v>11</v>
      </c>
      <c r="D14270" s="6" t="s">
        <v>337</v>
      </c>
      <c r="E14270" s="6">
        <v>25290</v>
      </c>
      <c r="F14270" s="6" t="s">
        <v>18</v>
      </c>
      <c r="G14270" s="6" t="s">
        <v>26528</v>
      </c>
      <c r="H14270" s="6" t="s">
        <v>26529</v>
      </c>
      <c r="I14270" s="7">
        <v>4.3451519999999997</v>
      </c>
      <c r="J14270" s="8">
        <v>-74.361823000000001</v>
      </c>
    </row>
    <row r="14271" spans="1:10" x14ac:dyDescent="0.35">
      <c r="A14271" s="5" t="s">
        <v>10</v>
      </c>
      <c r="B14271" s="6">
        <v>246293</v>
      </c>
      <c r="C14271" s="6" t="s">
        <v>24</v>
      </c>
      <c r="D14271" s="6" t="s">
        <v>5770</v>
      </c>
      <c r="E14271" s="6">
        <v>15740</v>
      </c>
      <c r="F14271" s="6" t="s">
        <v>18</v>
      </c>
      <c r="G14271" s="6" t="s">
        <v>26530</v>
      </c>
      <c r="H14271" s="6" t="s">
        <v>26531</v>
      </c>
      <c r="I14271" s="7">
        <v>5.5020778000000004</v>
      </c>
      <c r="J14271" s="8">
        <v>-73.332055600000004</v>
      </c>
    </row>
    <row r="14272" spans="1:10" x14ac:dyDescent="0.35">
      <c r="A14272" s="5" t="s">
        <v>10</v>
      </c>
      <c r="B14272" s="6">
        <v>246633</v>
      </c>
      <c r="C14272" s="6" t="s">
        <v>68</v>
      </c>
      <c r="D14272" s="6" t="s">
        <v>69</v>
      </c>
      <c r="E14272" s="6">
        <v>11001</v>
      </c>
      <c r="F14272" s="6" t="s">
        <v>18</v>
      </c>
      <c r="G14272" s="6" t="s">
        <v>26532</v>
      </c>
      <c r="H14272" s="6" t="s">
        <v>26533</v>
      </c>
      <c r="I14272" s="7">
        <v>4.6229870000000002</v>
      </c>
      <c r="J14272" s="8">
        <v>-74.198413400000007</v>
      </c>
    </row>
    <row r="14273" spans="1:10" x14ac:dyDescent="0.35">
      <c r="A14273" s="5" t="s">
        <v>10</v>
      </c>
      <c r="B14273" s="6">
        <v>246406</v>
      </c>
      <c r="C14273" s="6" t="s">
        <v>38</v>
      </c>
      <c r="D14273" s="6" t="s">
        <v>39</v>
      </c>
      <c r="E14273" s="6">
        <v>19001</v>
      </c>
      <c r="F14273" s="6" t="s">
        <v>18</v>
      </c>
      <c r="G14273" s="6" t="s">
        <v>2430</v>
      </c>
      <c r="H14273" s="6" t="s">
        <v>26534</v>
      </c>
      <c r="I14273" s="7">
        <v>2.4500372000000001</v>
      </c>
      <c r="J14273" s="8">
        <v>-76.629724400000001</v>
      </c>
    </row>
    <row r="14274" spans="1:10" x14ac:dyDescent="0.35">
      <c r="A14274" s="5" t="s">
        <v>10</v>
      </c>
      <c r="B14274" s="6">
        <v>246903</v>
      </c>
      <c r="C14274" s="6" t="s">
        <v>68</v>
      </c>
      <c r="D14274" s="6" t="s">
        <v>69</v>
      </c>
      <c r="E14274" s="6">
        <v>11001</v>
      </c>
      <c r="F14274" s="6" t="s">
        <v>18</v>
      </c>
      <c r="G14274" s="6" t="s">
        <v>7341</v>
      </c>
      <c r="H14274" s="6" t="s">
        <v>15579</v>
      </c>
      <c r="I14274" s="7">
        <v>4.6042737000000002</v>
      </c>
      <c r="J14274" s="8">
        <v>-74.080966500000002</v>
      </c>
    </row>
    <row r="14275" spans="1:10" x14ac:dyDescent="0.35">
      <c r="A14275" s="5" t="s">
        <v>10</v>
      </c>
      <c r="B14275" s="6">
        <v>247039</v>
      </c>
      <c r="C14275" s="6" t="s">
        <v>68</v>
      </c>
      <c r="D14275" s="6" t="s">
        <v>69</v>
      </c>
      <c r="E14275" s="6">
        <v>11001</v>
      </c>
      <c r="F14275" s="6" t="s">
        <v>18</v>
      </c>
      <c r="G14275" s="6" t="s">
        <v>26535</v>
      </c>
      <c r="H14275" s="6" t="s">
        <v>26536</v>
      </c>
      <c r="I14275" s="7">
        <v>4.6044847000000004</v>
      </c>
      <c r="J14275" s="8">
        <v>-74.153786400000001</v>
      </c>
    </row>
    <row r="14276" spans="1:10" x14ac:dyDescent="0.35">
      <c r="A14276" s="5" t="s">
        <v>10</v>
      </c>
      <c r="B14276" s="6">
        <v>245985</v>
      </c>
      <c r="C14276" s="6" t="s">
        <v>11</v>
      </c>
      <c r="D14276" s="6" t="s">
        <v>21</v>
      </c>
      <c r="E14276" s="6">
        <v>25386</v>
      </c>
      <c r="F14276" s="6" t="s">
        <v>18</v>
      </c>
      <c r="G14276" s="6" t="s">
        <v>26537</v>
      </c>
      <c r="H14276" s="6" t="s">
        <v>26538</v>
      </c>
      <c r="I14276" s="7">
        <v>4.6321469999999998</v>
      </c>
      <c r="J14276" s="8">
        <v>-74.463014000000001</v>
      </c>
    </row>
    <row r="14277" spans="1:10" x14ac:dyDescent="0.35">
      <c r="A14277" s="5" t="s">
        <v>10</v>
      </c>
      <c r="B14277" s="6">
        <v>247342</v>
      </c>
      <c r="C14277" s="6" t="s">
        <v>24</v>
      </c>
      <c r="D14277" s="6" t="s">
        <v>3448</v>
      </c>
      <c r="E14277" s="6">
        <v>15599</v>
      </c>
      <c r="F14277" s="6" t="s">
        <v>18</v>
      </c>
      <c r="G14277" s="6" t="s">
        <v>26539</v>
      </c>
      <c r="H14277" s="6" t="s">
        <v>26540</v>
      </c>
      <c r="I14277" s="7">
        <v>5.4018410000000001</v>
      </c>
      <c r="J14277" s="8">
        <v>-73.335738000000006</v>
      </c>
    </row>
    <row r="14278" spans="1:10" x14ac:dyDescent="0.35">
      <c r="A14278" s="5" t="s">
        <v>10</v>
      </c>
      <c r="B14278" s="6">
        <v>246879</v>
      </c>
      <c r="C14278" s="6" t="s">
        <v>68</v>
      </c>
      <c r="D14278" s="6" t="s">
        <v>69</v>
      </c>
      <c r="E14278" s="6">
        <v>11001</v>
      </c>
      <c r="F14278" s="6" t="s">
        <v>18</v>
      </c>
      <c r="G14278" s="6" t="s">
        <v>26541</v>
      </c>
      <c r="H14278" s="6" t="s">
        <v>26542</v>
      </c>
      <c r="I14278" s="7">
        <v>4.5384722000000002</v>
      </c>
      <c r="J14278" s="8">
        <v>-74.115232399999996</v>
      </c>
    </row>
    <row r="14279" spans="1:10" x14ac:dyDescent="0.35">
      <c r="A14279" s="5" t="s">
        <v>10</v>
      </c>
      <c r="B14279" s="6">
        <v>247096</v>
      </c>
      <c r="C14279" s="6" t="s">
        <v>11</v>
      </c>
      <c r="D14279" s="6" t="s">
        <v>5605</v>
      </c>
      <c r="E14279" s="6">
        <v>25772</v>
      </c>
      <c r="F14279" s="6" t="s">
        <v>18</v>
      </c>
      <c r="G14279" s="6" t="s">
        <v>26543</v>
      </c>
      <c r="H14279" s="6" t="s">
        <v>26544</v>
      </c>
      <c r="I14279" s="7">
        <v>4.4474941000000001</v>
      </c>
      <c r="J14279" s="8">
        <v>-75.243872499999995</v>
      </c>
    </row>
    <row r="14280" spans="1:10" x14ac:dyDescent="0.35">
      <c r="A14280" s="5" t="s">
        <v>10</v>
      </c>
      <c r="B14280" s="6">
        <v>247041</v>
      </c>
      <c r="C14280" s="6" t="s">
        <v>11</v>
      </c>
      <c r="D14280" s="6" t="s">
        <v>4849</v>
      </c>
      <c r="E14280" s="6">
        <v>25839</v>
      </c>
      <c r="F14280" s="6" t="s">
        <v>18</v>
      </c>
      <c r="G14280" s="6" t="s">
        <v>26545</v>
      </c>
      <c r="H14280" s="6" t="s">
        <v>26546</v>
      </c>
      <c r="I14280" s="7">
        <v>4.8580753999999997</v>
      </c>
      <c r="J14280" s="8">
        <v>-74.061987400000007</v>
      </c>
    </row>
    <row r="14281" spans="1:10" x14ac:dyDescent="0.35">
      <c r="A14281" s="5" t="s">
        <v>10</v>
      </c>
      <c r="B14281" s="6">
        <v>247260</v>
      </c>
      <c r="C14281" s="6" t="s">
        <v>42</v>
      </c>
      <c r="D14281" s="6" t="s">
        <v>3322</v>
      </c>
      <c r="E14281" s="6">
        <v>17444</v>
      </c>
      <c r="F14281" s="6" t="s">
        <v>18</v>
      </c>
      <c r="G14281" s="6" t="s">
        <v>26547</v>
      </c>
      <c r="H14281" s="6" t="s">
        <v>26548</v>
      </c>
      <c r="I14281" s="7">
        <v>5.3085582000000002</v>
      </c>
      <c r="J14281" s="8">
        <v>-75.006214099999994</v>
      </c>
    </row>
    <row r="14282" spans="1:10" x14ac:dyDescent="0.35">
      <c r="A14282" s="5" t="s">
        <v>10</v>
      </c>
      <c r="B14282" s="6">
        <v>246984</v>
      </c>
      <c r="C14282" s="6" t="s">
        <v>68</v>
      </c>
      <c r="D14282" s="6" t="s">
        <v>69</v>
      </c>
      <c r="E14282" s="6">
        <v>11001</v>
      </c>
      <c r="F14282" s="6" t="s">
        <v>18</v>
      </c>
      <c r="G14282" s="6" t="s">
        <v>26549</v>
      </c>
      <c r="H14282" s="6" t="s">
        <v>26550</v>
      </c>
      <c r="I14282" s="7">
        <v>4.6208400999999997</v>
      </c>
      <c r="J14282" s="8">
        <v>-74.205683699999994</v>
      </c>
    </row>
    <row r="14283" spans="1:10" x14ac:dyDescent="0.35">
      <c r="A14283" s="5" t="s">
        <v>10</v>
      </c>
      <c r="B14283" s="6">
        <v>246283</v>
      </c>
      <c r="C14283" s="6" t="s">
        <v>68</v>
      </c>
      <c r="D14283" s="6" t="s">
        <v>69</v>
      </c>
      <c r="E14283" s="6">
        <v>11001</v>
      </c>
      <c r="F14283" s="6" t="s">
        <v>18</v>
      </c>
      <c r="G14283" s="6" t="s">
        <v>26551</v>
      </c>
      <c r="H14283" s="6" t="s">
        <v>26552</v>
      </c>
      <c r="I14283" s="7">
        <v>4.7109886000000003</v>
      </c>
      <c r="J14283" s="8">
        <v>-74.072091999999998</v>
      </c>
    </row>
    <row r="14284" spans="1:10" x14ac:dyDescent="0.35">
      <c r="A14284" s="5" t="s">
        <v>10</v>
      </c>
      <c r="B14284" s="6">
        <v>246360</v>
      </c>
      <c r="C14284" s="6" t="s">
        <v>109</v>
      </c>
      <c r="D14284" s="6" t="s">
        <v>227</v>
      </c>
      <c r="E14284" s="6">
        <v>13001</v>
      </c>
      <c r="F14284" s="6" t="s">
        <v>18</v>
      </c>
      <c r="G14284" s="6" t="s">
        <v>26553</v>
      </c>
      <c r="H14284" s="6" t="s">
        <v>26554</v>
      </c>
      <c r="I14284" s="7">
        <v>10.4150946</v>
      </c>
      <c r="J14284" s="8">
        <v>-75.5316562</v>
      </c>
    </row>
    <row r="14285" spans="1:10" x14ac:dyDescent="0.35">
      <c r="A14285" s="5" t="s">
        <v>10</v>
      </c>
      <c r="B14285" s="6">
        <v>246295</v>
      </c>
      <c r="C14285" s="6" t="s">
        <v>109</v>
      </c>
      <c r="D14285" s="6" t="s">
        <v>461</v>
      </c>
      <c r="E14285" s="6">
        <v>13654</v>
      </c>
      <c r="F14285" s="6" t="s">
        <v>18</v>
      </c>
      <c r="G14285" s="6" t="s">
        <v>26555</v>
      </c>
      <c r="H14285" s="6" t="s">
        <v>26556</v>
      </c>
      <c r="I14285" s="7">
        <v>9.8274238999999994</v>
      </c>
      <c r="J14285" s="8">
        <v>-75.118529600000002</v>
      </c>
    </row>
    <row r="14286" spans="1:10" x14ac:dyDescent="0.35">
      <c r="A14286" s="5" t="s">
        <v>10</v>
      </c>
      <c r="B14286" s="6">
        <v>246424</v>
      </c>
      <c r="C14286" s="6" t="s">
        <v>11</v>
      </c>
      <c r="D14286" s="6" t="s">
        <v>5259</v>
      </c>
      <c r="E14286" s="6">
        <v>25320</v>
      </c>
      <c r="F14286" s="6" t="s">
        <v>18</v>
      </c>
      <c r="G14286" s="6" t="s">
        <v>26557</v>
      </c>
      <c r="H14286" s="6" t="s">
        <v>26558</v>
      </c>
      <c r="I14286" s="7">
        <v>5.0678087999999999</v>
      </c>
      <c r="J14286" s="8">
        <v>-74.5953205</v>
      </c>
    </row>
    <row r="14287" spans="1:10" x14ac:dyDescent="0.35">
      <c r="A14287" s="5" t="s">
        <v>10</v>
      </c>
      <c r="B14287" s="6">
        <v>246783</v>
      </c>
      <c r="C14287" s="6" t="s">
        <v>278</v>
      </c>
      <c r="D14287" s="6" t="s">
        <v>279</v>
      </c>
      <c r="E14287" s="6">
        <v>50001</v>
      </c>
      <c r="F14287" s="6" t="s">
        <v>18</v>
      </c>
      <c r="G14287" s="6" t="s">
        <v>26559</v>
      </c>
      <c r="H14287" s="6" t="s">
        <v>20433</v>
      </c>
      <c r="I14287" s="7">
        <v>4.1335889000000003</v>
      </c>
      <c r="J14287" s="8">
        <v>-73.619471899999994</v>
      </c>
    </row>
    <row r="14288" spans="1:10" x14ac:dyDescent="0.35">
      <c r="A14288" s="5" t="s">
        <v>10</v>
      </c>
      <c r="B14288" s="6">
        <v>246739</v>
      </c>
      <c r="C14288" s="6" t="s">
        <v>278</v>
      </c>
      <c r="D14288" s="6" t="s">
        <v>279</v>
      </c>
      <c r="E14288" s="6">
        <v>50001</v>
      </c>
      <c r="F14288" s="6" t="s">
        <v>18</v>
      </c>
      <c r="G14288" s="6" t="s">
        <v>26560</v>
      </c>
      <c r="H14288" s="6" t="s">
        <v>26561</v>
      </c>
      <c r="I14288" s="7">
        <v>4.1508979000000004</v>
      </c>
      <c r="J14288" s="8">
        <v>-73.637589599999998</v>
      </c>
    </row>
    <row r="14289" spans="1:10" x14ac:dyDescent="0.35">
      <c r="A14289" s="5" t="s">
        <v>10</v>
      </c>
      <c r="B14289" s="6">
        <v>245664</v>
      </c>
      <c r="C14289" s="6" t="s">
        <v>117</v>
      </c>
      <c r="D14289" s="6" t="s">
        <v>3402</v>
      </c>
      <c r="E14289" s="6">
        <v>76364</v>
      </c>
      <c r="F14289" s="6" t="s">
        <v>18</v>
      </c>
      <c r="G14289" s="6" t="s">
        <v>26562</v>
      </c>
      <c r="H14289" s="6" t="s">
        <v>26563</v>
      </c>
      <c r="I14289" s="7">
        <v>3.2559003999999998</v>
      </c>
      <c r="J14289" s="8">
        <v>-76.539523500000001</v>
      </c>
    </row>
    <row r="14290" spans="1:10" x14ac:dyDescent="0.35">
      <c r="A14290" s="5" t="s">
        <v>10</v>
      </c>
      <c r="B14290" s="6">
        <v>246683</v>
      </c>
      <c r="C14290" s="6" t="s">
        <v>68</v>
      </c>
      <c r="D14290" s="6" t="s">
        <v>69</v>
      </c>
      <c r="E14290" s="6">
        <v>11001</v>
      </c>
      <c r="F14290" s="6" t="s">
        <v>18</v>
      </c>
      <c r="G14290" s="6" t="s">
        <v>26564</v>
      </c>
      <c r="H14290" s="6" t="s">
        <v>26565</v>
      </c>
      <c r="I14290" s="7">
        <v>4.66798</v>
      </c>
      <c r="J14290" s="8">
        <v>-74.128222699999995</v>
      </c>
    </row>
    <row r="14291" spans="1:10" x14ac:dyDescent="0.35">
      <c r="A14291" s="5" t="s">
        <v>10</v>
      </c>
      <c r="B14291" s="6">
        <v>246730</v>
      </c>
      <c r="C14291" s="6" t="s">
        <v>68</v>
      </c>
      <c r="D14291" s="6" t="s">
        <v>69</v>
      </c>
      <c r="E14291" s="6">
        <v>11001</v>
      </c>
      <c r="F14291" s="6" t="s">
        <v>18</v>
      </c>
      <c r="G14291" s="6" t="s">
        <v>26566</v>
      </c>
      <c r="H14291" s="6" t="s">
        <v>26567</v>
      </c>
      <c r="I14291" s="7">
        <v>4.5089790000000001</v>
      </c>
      <c r="J14291" s="8">
        <v>-74.111491999999998</v>
      </c>
    </row>
    <row r="14292" spans="1:10" x14ac:dyDescent="0.35">
      <c r="A14292" s="5" t="s">
        <v>10</v>
      </c>
      <c r="B14292" s="6">
        <v>246744</v>
      </c>
      <c r="C14292" s="6" t="s">
        <v>38</v>
      </c>
      <c r="D14292" s="6" t="s">
        <v>7839</v>
      </c>
      <c r="E14292" s="6">
        <v>19573</v>
      </c>
      <c r="F14292" s="6" t="s">
        <v>18</v>
      </c>
      <c r="G14292" s="6" t="s">
        <v>26568</v>
      </c>
      <c r="H14292" s="6" t="s">
        <v>26569</v>
      </c>
      <c r="I14292" s="7">
        <v>3.2205900000000001</v>
      </c>
      <c r="J14292" s="8">
        <v>-76.415464999999998</v>
      </c>
    </row>
    <row r="14293" spans="1:10" x14ac:dyDescent="0.35">
      <c r="A14293" s="5" t="s">
        <v>10</v>
      </c>
      <c r="B14293" s="6">
        <v>246969</v>
      </c>
      <c r="C14293" s="6" t="s">
        <v>68</v>
      </c>
      <c r="D14293" s="6" t="s">
        <v>69</v>
      </c>
      <c r="E14293" s="6">
        <v>11001</v>
      </c>
      <c r="F14293" s="6" t="s">
        <v>18</v>
      </c>
      <c r="G14293" s="6" t="s">
        <v>26570</v>
      </c>
      <c r="H14293" s="6" t="s">
        <v>26571</v>
      </c>
      <c r="I14293" s="7">
        <v>4.6954203000000003</v>
      </c>
      <c r="J14293" s="8">
        <v>-74.113065000000006</v>
      </c>
    </row>
    <row r="14294" spans="1:10" x14ac:dyDescent="0.35">
      <c r="A14294" s="5" t="s">
        <v>10</v>
      </c>
      <c r="B14294" s="6">
        <v>246988</v>
      </c>
      <c r="C14294" s="6" t="s">
        <v>68</v>
      </c>
      <c r="D14294" s="6" t="s">
        <v>69</v>
      </c>
      <c r="E14294" s="6">
        <v>11001</v>
      </c>
      <c r="F14294" s="6" t="s">
        <v>18</v>
      </c>
      <c r="G14294" s="6" t="s">
        <v>26572</v>
      </c>
      <c r="H14294" s="6" t="s">
        <v>26573</v>
      </c>
      <c r="I14294" s="7">
        <v>4.6993710999999996</v>
      </c>
      <c r="J14294" s="8">
        <v>-74.128661899999997</v>
      </c>
    </row>
    <row r="14295" spans="1:10" x14ac:dyDescent="0.35">
      <c r="A14295" s="5" t="s">
        <v>10</v>
      </c>
      <c r="B14295" s="6">
        <v>246782</v>
      </c>
      <c r="C14295" s="6" t="s">
        <v>117</v>
      </c>
      <c r="D14295" s="6" t="s">
        <v>1334</v>
      </c>
      <c r="E14295" s="6">
        <v>76001</v>
      </c>
      <c r="F14295" s="6" t="s">
        <v>18</v>
      </c>
      <c r="G14295" s="6" t="s">
        <v>26574</v>
      </c>
      <c r="H14295" s="6" t="s">
        <v>26575</v>
      </c>
      <c r="I14295" s="7">
        <v>3.4498834999999999</v>
      </c>
      <c r="J14295" s="8">
        <v>-76.499557699999997</v>
      </c>
    </row>
    <row r="14296" spans="1:10" x14ac:dyDescent="0.35">
      <c r="A14296" s="5" t="s">
        <v>10</v>
      </c>
      <c r="B14296" s="6">
        <v>245263</v>
      </c>
      <c r="C14296" s="6" t="s">
        <v>190</v>
      </c>
      <c r="D14296" s="6" t="s">
        <v>191</v>
      </c>
      <c r="E14296" s="6">
        <v>5001</v>
      </c>
      <c r="F14296" s="6" t="s">
        <v>18</v>
      </c>
      <c r="G14296" s="6" t="s">
        <v>26576</v>
      </c>
      <c r="H14296" s="6" t="s">
        <v>26577</v>
      </c>
      <c r="I14296" s="7">
        <v>9.1871899999999993</v>
      </c>
      <c r="J14296" s="8">
        <v>-75.554159999999996</v>
      </c>
    </row>
    <row r="14297" spans="1:10" x14ac:dyDescent="0.35">
      <c r="A14297" s="5" t="s">
        <v>10</v>
      </c>
      <c r="B14297" s="6">
        <v>245471</v>
      </c>
      <c r="C14297" s="6" t="s">
        <v>68</v>
      </c>
      <c r="D14297" s="6" t="s">
        <v>69</v>
      </c>
      <c r="E14297" s="6">
        <v>11001</v>
      </c>
      <c r="F14297" s="6" t="s">
        <v>18</v>
      </c>
      <c r="G14297" s="6" t="s">
        <v>26578</v>
      </c>
      <c r="H14297" s="6" t="s">
        <v>26579</v>
      </c>
      <c r="I14297" s="7">
        <v>4.7370378999999998</v>
      </c>
      <c r="J14297" s="8">
        <v>-74.108266299999997</v>
      </c>
    </row>
    <row r="14298" spans="1:10" x14ac:dyDescent="0.35">
      <c r="A14298" s="5" t="s">
        <v>10</v>
      </c>
      <c r="B14298" s="6">
        <v>245505</v>
      </c>
      <c r="C14298" s="6" t="s">
        <v>7527</v>
      </c>
      <c r="D14298" s="6" t="s">
        <v>8759</v>
      </c>
      <c r="E14298" s="6">
        <v>27001</v>
      </c>
      <c r="F14298" s="6" t="s">
        <v>18</v>
      </c>
      <c r="G14298" s="6" t="s">
        <v>26580</v>
      </c>
      <c r="H14298" s="6" t="s">
        <v>26581</v>
      </c>
      <c r="I14298" s="7">
        <v>5.6956329999999999</v>
      </c>
      <c r="J14298" s="8">
        <v>-76.649811999999997</v>
      </c>
    </row>
    <row r="14299" spans="1:10" x14ac:dyDescent="0.35">
      <c r="A14299" s="5" t="s">
        <v>10</v>
      </c>
      <c r="B14299" s="6">
        <v>245511</v>
      </c>
      <c r="C14299" s="6" t="s">
        <v>11</v>
      </c>
      <c r="D14299" s="6" t="s">
        <v>5209</v>
      </c>
      <c r="E14299" s="6">
        <v>25297</v>
      </c>
      <c r="F14299" s="6" t="s">
        <v>18</v>
      </c>
      <c r="G14299" s="6" t="s">
        <v>26582</v>
      </c>
      <c r="H14299" s="6" t="s">
        <v>26583</v>
      </c>
      <c r="I14299" s="7">
        <v>4.8169719999999998</v>
      </c>
      <c r="J14299" s="8">
        <v>-73.636306000000005</v>
      </c>
    </row>
    <row r="14300" spans="1:10" x14ac:dyDescent="0.35">
      <c r="A14300" s="5" t="s">
        <v>10</v>
      </c>
      <c r="B14300" s="6">
        <v>245585</v>
      </c>
      <c r="C14300" s="6" t="s">
        <v>117</v>
      </c>
      <c r="D14300" s="6" t="s">
        <v>1334</v>
      </c>
      <c r="E14300" s="6">
        <v>76001</v>
      </c>
      <c r="F14300" s="6" t="s">
        <v>18</v>
      </c>
      <c r="G14300" s="6" t="s">
        <v>26584</v>
      </c>
      <c r="H14300" s="6" t="s">
        <v>26585</v>
      </c>
      <c r="I14300" s="7">
        <v>3.4667892999999999</v>
      </c>
      <c r="J14300" s="8">
        <v>-76.503974099999994</v>
      </c>
    </row>
    <row r="14301" spans="1:10" x14ac:dyDescent="0.35">
      <c r="A14301" s="5" t="s">
        <v>10</v>
      </c>
      <c r="B14301" s="6">
        <v>245622</v>
      </c>
      <c r="C14301" s="6" t="s">
        <v>190</v>
      </c>
      <c r="D14301" s="6" t="s">
        <v>191</v>
      </c>
      <c r="E14301" s="6">
        <v>5001</v>
      </c>
      <c r="F14301" s="6" t="s">
        <v>18</v>
      </c>
      <c r="G14301" s="6" t="s">
        <v>26586</v>
      </c>
      <c r="H14301" s="6" t="s">
        <v>26587</v>
      </c>
      <c r="I14301" s="7">
        <v>6.2351650999999997</v>
      </c>
      <c r="J14301" s="8">
        <v>-75.589872999999997</v>
      </c>
    </row>
    <row r="14302" spans="1:10" x14ac:dyDescent="0.35">
      <c r="A14302" s="5" t="s">
        <v>10</v>
      </c>
      <c r="B14302" s="6">
        <v>245913</v>
      </c>
      <c r="C14302" s="6" t="s">
        <v>551</v>
      </c>
      <c r="D14302" s="6" t="s">
        <v>11293</v>
      </c>
      <c r="E14302" s="6">
        <v>20517</v>
      </c>
      <c r="F14302" s="6" t="s">
        <v>18</v>
      </c>
      <c r="G14302" s="6" t="s">
        <v>26588</v>
      </c>
      <c r="H14302" s="6" t="s">
        <v>26589</v>
      </c>
      <c r="I14302" s="7">
        <v>8.9596669999999996</v>
      </c>
      <c r="J14302" s="8">
        <v>-73.626267999999996</v>
      </c>
    </row>
    <row r="14303" spans="1:10" x14ac:dyDescent="0.35">
      <c r="A14303" s="5" t="s">
        <v>10</v>
      </c>
      <c r="B14303" s="6">
        <v>245987</v>
      </c>
      <c r="C14303" s="6" t="s">
        <v>68</v>
      </c>
      <c r="D14303" s="6" t="s">
        <v>69</v>
      </c>
      <c r="E14303" s="6">
        <v>11001</v>
      </c>
      <c r="F14303" s="6" t="s">
        <v>18</v>
      </c>
      <c r="G14303" s="6" t="s">
        <v>26590</v>
      </c>
      <c r="H14303" s="6" t="s">
        <v>26591</v>
      </c>
      <c r="I14303" s="7">
        <v>4.7569873999999999</v>
      </c>
      <c r="J14303" s="8">
        <v>-74.046707400000003</v>
      </c>
    </row>
    <row r="14304" spans="1:10" x14ac:dyDescent="0.35">
      <c r="A14304" s="5" t="s">
        <v>10</v>
      </c>
      <c r="B14304" s="6">
        <v>246047</v>
      </c>
      <c r="C14304" s="6" t="s">
        <v>24</v>
      </c>
      <c r="D14304" s="6" t="s">
        <v>2199</v>
      </c>
      <c r="E14304" s="6">
        <v>15507</v>
      </c>
      <c r="F14304" s="6" t="s">
        <v>18</v>
      </c>
      <c r="G14304" s="6" t="s">
        <v>26592</v>
      </c>
      <c r="H14304" s="6" t="s">
        <v>26593</v>
      </c>
      <c r="I14304" s="7">
        <v>5.6585140000000003</v>
      </c>
      <c r="J14304" s="8">
        <v>-74.181141999999994</v>
      </c>
    </row>
    <row r="14305" spans="1:10" x14ac:dyDescent="0.35">
      <c r="A14305" s="5" t="s">
        <v>10</v>
      </c>
      <c r="B14305" s="6">
        <v>246113</v>
      </c>
      <c r="C14305" s="6" t="s">
        <v>68</v>
      </c>
      <c r="D14305" s="6" t="s">
        <v>69</v>
      </c>
      <c r="E14305" s="6">
        <v>11001</v>
      </c>
      <c r="F14305" s="6" t="s">
        <v>18</v>
      </c>
      <c r="G14305" s="6" t="s">
        <v>26594</v>
      </c>
      <c r="H14305" s="6" t="s">
        <v>26595</v>
      </c>
      <c r="I14305" s="7">
        <v>4.5848766999999997</v>
      </c>
      <c r="J14305" s="8">
        <v>-74.113818199999997</v>
      </c>
    </row>
    <row r="14306" spans="1:10" x14ac:dyDescent="0.35">
      <c r="A14306" s="5" t="s">
        <v>10</v>
      </c>
      <c r="B14306" s="6">
        <v>246501</v>
      </c>
      <c r="C14306" s="6" t="s">
        <v>457</v>
      </c>
      <c r="D14306" s="6" t="s">
        <v>23664</v>
      </c>
      <c r="E14306" s="6">
        <v>52258</v>
      </c>
      <c r="F14306" s="6" t="s">
        <v>18</v>
      </c>
      <c r="G14306" s="6" t="s">
        <v>26596</v>
      </c>
      <c r="H14306" s="6" t="s">
        <v>26597</v>
      </c>
      <c r="I14306" s="7">
        <v>1.427619</v>
      </c>
      <c r="J14306" s="8">
        <v>-77.097223999999997</v>
      </c>
    </row>
    <row r="14307" spans="1:10" x14ac:dyDescent="0.35">
      <c r="A14307" s="5" t="s">
        <v>10</v>
      </c>
      <c r="B14307" s="6">
        <v>246583</v>
      </c>
      <c r="C14307" s="6" t="s">
        <v>11</v>
      </c>
      <c r="D14307" s="6" t="s">
        <v>901</v>
      </c>
      <c r="E14307" s="6">
        <v>25307</v>
      </c>
      <c r="F14307" s="6" t="s">
        <v>18</v>
      </c>
      <c r="G14307" s="6" t="s">
        <v>26598</v>
      </c>
      <c r="H14307" s="6" t="s">
        <v>26599</v>
      </c>
      <c r="I14307" s="7">
        <v>4.3093045999999999</v>
      </c>
      <c r="J14307" s="8">
        <v>-74.805662299999995</v>
      </c>
    </row>
    <row r="14308" spans="1:10" x14ac:dyDescent="0.35">
      <c r="A14308" s="5" t="s">
        <v>10</v>
      </c>
      <c r="B14308" s="6">
        <v>246876</v>
      </c>
      <c r="C14308" s="6" t="s">
        <v>68</v>
      </c>
      <c r="D14308" s="6" t="s">
        <v>69</v>
      </c>
      <c r="E14308" s="6">
        <v>11001</v>
      </c>
      <c r="F14308" s="6" t="s">
        <v>18</v>
      </c>
      <c r="G14308" s="6" t="s">
        <v>26600</v>
      </c>
      <c r="H14308" s="6" t="s">
        <v>26601</v>
      </c>
      <c r="I14308" s="7">
        <v>4.7181351999999999</v>
      </c>
      <c r="J14308" s="8">
        <v>-74.123578600000002</v>
      </c>
    </row>
    <row r="14309" spans="1:10" x14ac:dyDescent="0.35">
      <c r="A14309" s="5" t="s">
        <v>10</v>
      </c>
      <c r="B14309" s="6">
        <v>245468</v>
      </c>
      <c r="C14309" s="6" t="s">
        <v>94</v>
      </c>
      <c r="D14309" s="6" t="s">
        <v>843</v>
      </c>
      <c r="E14309" s="6">
        <v>66400</v>
      </c>
      <c r="F14309" s="6" t="s">
        <v>18</v>
      </c>
      <c r="G14309" s="6" t="s">
        <v>26602</v>
      </c>
      <c r="H14309" s="6" t="s">
        <v>26603</v>
      </c>
      <c r="I14309" s="7">
        <v>4.9019630999999997</v>
      </c>
      <c r="J14309" s="8">
        <v>-75.8844402</v>
      </c>
    </row>
    <row r="14310" spans="1:10" x14ac:dyDescent="0.35">
      <c r="A14310" s="5" t="s">
        <v>10</v>
      </c>
      <c r="B14310" s="6">
        <v>244803</v>
      </c>
      <c r="C14310" s="6" t="s">
        <v>55</v>
      </c>
      <c r="D14310" s="6" t="s">
        <v>2348</v>
      </c>
      <c r="E14310" s="6">
        <v>73873</v>
      </c>
      <c r="F14310" s="6" t="s">
        <v>18</v>
      </c>
      <c r="G14310" s="6" t="s">
        <v>26604</v>
      </c>
      <c r="H14310" s="6" t="s">
        <v>26605</v>
      </c>
      <c r="I14310" s="7">
        <v>3.9368601999999999</v>
      </c>
      <c r="J14310" s="8">
        <v>-74.600868599999998</v>
      </c>
    </row>
    <row r="14311" spans="1:10" x14ac:dyDescent="0.35">
      <c r="A14311" s="5" t="s">
        <v>10</v>
      </c>
      <c r="B14311" s="6">
        <v>246756</v>
      </c>
      <c r="C14311" s="6" t="s">
        <v>68</v>
      </c>
      <c r="D14311" s="6" t="s">
        <v>69</v>
      </c>
      <c r="E14311" s="6">
        <v>11001</v>
      </c>
      <c r="F14311" s="6" t="s">
        <v>18</v>
      </c>
      <c r="G14311" s="6" t="s">
        <v>26606</v>
      </c>
      <c r="H14311" s="6" t="s">
        <v>26607</v>
      </c>
      <c r="I14311" s="7">
        <v>4.6371858000000001</v>
      </c>
      <c r="J14311" s="8">
        <v>-74.192656900000003</v>
      </c>
    </row>
    <row r="14312" spans="1:10" x14ac:dyDescent="0.35">
      <c r="A14312" s="5" t="s">
        <v>10</v>
      </c>
      <c r="B14312" s="6">
        <v>246872</v>
      </c>
      <c r="C14312" s="6" t="s">
        <v>11</v>
      </c>
      <c r="D14312" s="6" t="s">
        <v>334</v>
      </c>
      <c r="E14312" s="6">
        <v>25754</v>
      </c>
      <c r="F14312" s="6" t="s">
        <v>18</v>
      </c>
      <c r="G14312" s="6" t="s">
        <v>26608</v>
      </c>
      <c r="H14312" s="6" t="s">
        <v>26609</v>
      </c>
      <c r="I14312" s="7">
        <v>4.5725173999999997</v>
      </c>
      <c r="J14312" s="8">
        <v>-74.116769899999994</v>
      </c>
    </row>
    <row r="14313" spans="1:10" x14ac:dyDescent="0.35">
      <c r="A14313" s="5" t="s">
        <v>10</v>
      </c>
      <c r="B14313" s="6">
        <v>246312</v>
      </c>
      <c r="C14313" s="6" t="s">
        <v>16</v>
      </c>
      <c r="D14313" s="6" t="s">
        <v>1401</v>
      </c>
      <c r="E14313" s="6">
        <v>68307</v>
      </c>
      <c r="F14313" s="6" t="s">
        <v>18</v>
      </c>
      <c r="G14313" s="6" t="s">
        <v>26610</v>
      </c>
      <c r="H14313" s="6" t="s">
        <v>26611</v>
      </c>
      <c r="I14313" s="7">
        <v>7.0643871999999996</v>
      </c>
      <c r="J14313" s="8">
        <v>-73.174308499999995</v>
      </c>
    </row>
    <row r="14314" spans="1:10" x14ac:dyDescent="0.35">
      <c r="A14314" s="5" t="s">
        <v>10</v>
      </c>
      <c r="B14314" s="6">
        <v>249277</v>
      </c>
      <c r="C14314" s="6" t="s">
        <v>16</v>
      </c>
      <c r="D14314" s="6" t="s">
        <v>2825</v>
      </c>
      <c r="E14314" s="6">
        <v>68276</v>
      </c>
      <c r="F14314" s="6" t="s">
        <v>18</v>
      </c>
      <c r="G14314" s="6" t="s">
        <v>26612</v>
      </c>
      <c r="H14314" s="6" t="s">
        <v>26613</v>
      </c>
      <c r="I14314" s="7">
        <v>7.0962443999999998</v>
      </c>
      <c r="J14314" s="8">
        <v>-73.094404099999906</v>
      </c>
    </row>
    <row r="14315" spans="1:10" x14ac:dyDescent="0.35">
      <c r="A14315" s="5" t="s">
        <v>10</v>
      </c>
      <c r="B14315" s="6">
        <v>248228</v>
      </c>
      <c r="C14315" s="6" t="s">
        <v>190</v>
      </c>
      <c r="D14315" s="6" t="s">
        <v>26614</v>
      </c>
      <c r="E14315" s="6">
        <v>5667</v>
      </c>
      <c r="F14315" s="6" t="s">
        <v>18</v>
      </c>
      <c r="G14315" s="6" t="s">
        <v>26615</v>
      </c>
      <c r="H14315" s="6" t="s">
        <v>26616</v>
      </c>
      <c r="I14315" s="7">
        <v>6.2957361000000001</v>
      </c>
      <c r="J14315" s="8">
        <v>-75.029146400000002</v>
      </c>
    </row>
    <row r="14316" spans="1:10" x14ac:dyDescent="0.35">
      <c r="A14316" s="5" t="s">
        <v>10</v>
      </c>
      <c r="B14316" s="6">
        <v>249312</v>
      </c>
      <c r="C14316" s="6" t="s">
        <v>11</v>
      </c>
      <c r="D14316" s="6" t="s">
        <v>334</v>
      </c>
      <c r="E14316" s="6">
        <v>25754</v>
      </c>
      <c r="F14316" s="6" t="s">
        <v>18</v>
      </c>
      <c r="G14316" s="6" t="s">
        <v>26617</v>
      </c>
      <c r="H14316" s="6" t="s">
        <v>26618</v>
      </c>
      <c r="I14316" s="7">
        <v>4.5654601822179899</v>
      </c>
      <c r="J14316" s="8">
        <v>-74.188782870769501</v>
      </c>
    </row>
    <row r="14317" spans="1:10" x14ac:dyDescent="0.35">
      <c r="A14317" s="5" t="s">
        <v>10</v>
      </c>
      <c r="B14317" s="6">
        <v>246640</v>
      </c>
      <c r="C14317" s="6" t="s">
        <v>11</v>
      </c>
      <c r="D14317" s="6" t="s">
        <v>4684</v>
      </c>
      <c r="E14317" s="6">
        <v>25394</v>
      </c>
      <c r="F14317" s="6" t="s">
        <v>18</v>
      </c>
      <c r="G14317" s="6" t="s">
        <v>26619</v>
      </c>
      <c r="H14317" s="6" t="s">
        <v>26620</v>
      </c>
      <c r="I14317" s="7">
        <v>5.2981172000000001</v>
      </c>
      <c r="J14317" s="8">
        <v>-74.4291135</v>
      </c>
    </row>
    <row r="14318" spans="1:10" x14ac:dyDescent="0.35">
      <c r="A14318" s="5" t="s">
        <v>10</v>
      </c>
      <c r="B14318" s="6">
        <v>249533</v>
      </c>
      <c r="C14318" s="6" t="s">
        <v>11</v>
      </c>
      <c r="D14318" s="6" t="s">
        <v>7134</v>
      </c>
      <c r="E14318" s="6">
        <v>25653</v>
      </c>
      <c r="F14318" s="6" t="s">
        <v>18</v>
      </c>
      <c r="G14318" s="6" t="s">
        <v>26621</v>
      </c>
      <c r="H14318" s="6" t="s">
        <v>26622</v>
      </c>
      <c r="I14318" s="7">
        <v>5.0713701000000002</v>
      </c>
      <c r="J14318" s="8">
        <v>-74.375282200000001</v>
      </c>
    </row>
    <row r="14319" spans="1:10" x14ac:dyDescent="0.35">
      <c r="A14319" s="5" t="s">
        <v>10</v>
      </c>
      <c r="B14319" s="6">
        <v>249616</v>
      </c>
      <c r="C14319" s="6" t="s">
        <v>28</v>
      </c>
      <c r="D14319" s="6" t="s">
        <v>29</v>
      </c>
      <c r="E14319" s="6">
        <v>54001</v>
      </c>
      <c r="F14319" s="6" t="s">
        <v>18</v>
      </c>
      <c r="G14319" s="6" t="s">
        <v>26623</v>
      </c>
      <c r="H14319" s="6" t="s">
        <v>752</v>
      </c>
      <c r="I14319" s="7">
        <v>7.8980762999999996</v>
      </c>
      <c r="J14319" s="8">
        <v>-72.490477200000001</v>
      </c>
    </row>
    <row r="14320" spans="1:10" x14ac:dyDescent="0.35">
      <c r="A14320" s="5" t="s">
        <v>10</v>
      </c>
      <c r="B14320" s="6">
        <v>249640</v>
      </c>
      <c r="C14320" s="6" t="s">
        <v>302</v>
      </c>
      <c r="D14320" s="6" t="s">
        <v>359</v>
      </c>
      <c r="E14320" s="6">
        <v>8001</v>
      </c>
      <c r="F14320" s="6" t="s">
        <v>18</v>
      </c>
      <c r="G14320" s="6" t="s">
        <v>26624</v>
      </c>
      <c r="H14320" s="6" t="s">
        <v>26625</v>
      </c>
      <c r="I14320" s="7">
        <v>10.9328568</v>
      </c>
      <c r="J14320" s="8">
        <v>-74.807002999999995</v>
      </c>
    </row>
    <row r="14321" spans="1:10" x14ac:dyDescent="0.35">
      <c r="A14321" s="5" t="s">
        <v>10</v>
      </c>
      <c r="B14321" s="6">
        <v>248146</v>
      </c>
      <c r="C14321" s="6" t="s">
        <v>278</v>
      </c>
      <c r="D14321" s="6" t="s">
        <v>5742</v>
      </c>
      <c r="E14321" s="6">
        <v>50251</v>
      </c>
      <c r="F14321" s="6" t="s">
        <v>2161</v>
      </c>
      <c r="G14321" s="6" t="s">
        <v>26626</v>
      </c>
      <c r="H14321" s="6" t="s">
        <v>26627</v>
      </c>
      <c r="I14321" s="7">
        <v>3.5642520000000002</v>
      </c>
      <c r="J14321" s="8">
        <v>-73.794393999999997</v>
      </c>
    </row>
    <row r="14322" spans="1:10" x14ac:dyDescent="0.35">
      <c r="A14322" s="5" t="s">
        <v>10</v>
      </c>
      <c r="B14322" s="6">
        <v>248737</v>
      </c>
      <c r="C14322" s="6" t="s">
        <v>68</v>
      </c>
      <c r="D14322" s="6" t="s">
        <v>69</v>
      </c>
      <c r="E14322" s="6">
        <v>11001</v>
      </c>
      <c r="F14322" s="6" t="s">
        <v>2161</v>
      </c>
      <c r="G14322" s="6" t="s">
        <v>26628</v>
      </c>
      <c r="H14322" s="6" t="s">
        <v>26629</v>
      </c>
      <c r="I14322" s="7">
        <v>4.5069982</v>
      </c>
      <c r="J14322" s="8">
        <v>-74.119017999999997</v>
      </c>
    </row>
    <row r="14323" spans="1:10" x14ac:dyDescent="0.35">
      <c r="A14323" s="5" t="s">
        <v>10</v>
      </c>
      <c r="B14323" s="6">
        <v>248740</v>
      </c>
      <c r="C14323" s="6" t="s">
        <v>38</v>
      </c>
      <c r="D14323" s="6" t="s">
        <v>26630</v>
      </c>
      <c r="E14323" s="6">
        <v>19355</v>
      </c>
      <c r="F14323" s="6" t="s">
        <v>2161</v>
      </c>
      <c r="G14323" s="6" t="s">
        <v>26631</v>
      </c>
      <c r="H14323" s="6" t="s">
        <v>26632</v>
      </c>
      <c r="I14323" s="7">
        <v>2.5495380000000001</v>
      </c>
      <c r="J14323" s="8">
        <v>-76.065245300000001</v>
      </c>
    </row>
    <row r="14324" spans="1:10" x14ac:dyDescent="0.35">
      <c r="A14324" s="5" t="s">
        <v>10</v>
      </c>
      <c r="B14324" s="6">
        <v>248742</v>
      </c>
      <c r="C14324" s="6" t="s">
        <v>278</v>
      </c>
      <c r="D14324" s="6" t="s">
        <v>279</v>
      </c>
      <c r="E14324" s="6">
        <v>50001</v>
      </c>
      <c r="F14324" s="6" t="s">
        <v>2161</v>
      </c>
      <c r="G14324" s="6" t="s">
        <v>15120</v>
      </c>
      <c r="H14324" s="6" t="s">
        <v>26633</v>
      </c>
      <c r="I14324" s="7">
        <v>4.1234666000000004</v>
      </c>
      <c r="J14324" s="8">
        <v>-73.632847100000006</v>
      </c>
    </row>
    <row r="14325" spans="1:10" x14ac:dyDescent="0.35">
      <c r="A14325" s="5" t="s">
        <v>10</v>
      </c>
      <c r="B14325" s="6">
        <v>248747</v>
      </c>
      <c r="C14325" s="6" t="s">
        <v>55</v>
      </c>
      <c r="D14325" s="6" t="s">
        <v>56</v>
      </c>
      <c r="E14325" s="6">
        <v>73001</v>
      </c>
      <c r="F14325" s="6" t="s">
        <v>2161</v>
      </c>
      <c r="G14325" s="6" t="s">
        <v>26634</v>
      </c>
      <c r="H14325" s="6" t="s">
        <v>26635</v>
      </c>
      <c r="I14325" s="7">
        <v>4.7148149999999998</v>
      </c>
      <c r="J14325" s="8">
        <v>-74.931161000000003</v>
      </c>
    </row>
    <row r="14326" spans="1:10" x14ac:dyDescent="0.35">
      <c r="A14326" s="5" t="s">
        <v>10</v>
      </c>
      <c r="B14326" s="6">
        <v>248754</v>
      </c>
      <c r="C14326" s="6" t="s">
        <v>117</v>
      </c>
      <c r="D14326" s="6" t="s">
        <v>3402</v>
      </c>
      <c r="E14326" s="6">
        <v>76364</v>
      </c>
      <c r="F14326" s="6" t="s">
        <v>2161</v>
      </c>
      <c r="G14326" s="6" t="s">
        <v>26636</v>
      </c>
      <c r="H14326" s="6" t="s">
        <v>26637</v>
      </c>
      <c r="I14326" s="7">
        <v>3.2599162000000002</v>
      </c>
      <c r="J14326" s="8">
        <v>-76.543361399999995</v>
      </c>
    </row>
    <row r="14327" spans="1:10" x14ac:dyDescent="0.35">
      <c r="A14327" s="5" t="s">
        <v>10</v>
      </c>
      <c r="B14327" s="6">
        <v>248761</v>
      </c>
      <c r="C14327" s="6" t="s">
        <v>68</v>
      </c>
      <c r="D14327" s="6" t="s">
        <v>69</v>
      </c>
      <c r="E14327" s="6">
        <v>11001</v>
      </c>
      <c r="F14327" s="6" t="s">
        <v>2161</v>
      </c>
      <c r="G14327" s="6" t="s">
        <v>26638</v>
      </c>
      <c r="H14327" s="6" t="s">
        <v>26639</v>
      </c>
      <c r="I14327" s="7">
        <v>4.5080559999999998</v>
      </c>
      <c r="J14327" s="8">
        <v>-74.1140039</v>
      </c>
    </row>
    <row r="14328" spans="1:10" x14ac:dyDescent="0.35">
      <c r="A14328" s="5" t="s">
        <v>10</v>
      </c>
      <c r="B14328" s="6">
        <v>248766</v>
      </c>
      <c r="C14328" s="6" t="s">
        <v>55</v>
      </c>
      <c r="D14328" s="6" t="s">
        <v>56</v>
      </c>
      <c r="E14328" s="6">
        <v>73001</v>
      </c>
      <c r="F14328" s="6" t="s">
        <v>2161</v>
      </c>
      <c r="G14328" s="6" t="s">
        <v>26640</v>
      </c>
      <c r="H14328" s="6" t="s">
        <v>26641</v>
      </c>
      <c r="I14328" s="7">
        <v>4.4489891000000004</v>
      </c>
      <c r="J14328" s="8">
        <v>-75.154925500000004</v>
      </c>
    </row>
    <row r="14329" spans="1:10" x14ac:dyDescent="0.35">
      <c r="A14329" s="5" t="s">
        <v>10</v>
      </c>
      <c r="B14329" s="6">
        <v>248768</v>
      </c>
      <c r="C14329" s="6" t="s">
        <v>55</v>
      </c>
      <c r="D14329" s="6" t="s">
        <v>56</v>
      </c>
      <c r="E14329" s="6">
        <v>73001</v>
      </c>
      <c r="F14329" s="6" t="s">
        <v>2161</v>
      </c>
      <c r="G14329" s="6" t="s">
        <v>26642</v>
      </c>
      <c r="H14329" s="6" t="s">
        <v>26643</v>
      </c>
      <c r="I14329" s="7">
        <v>4.4446760000000003</v>
      </c>
      <c r="J14329" s="8">
        <v>-75.242438000000007</v>
      </c>
    </row>
    <row r="14330" spans="1:10" x14ac:dyDescent="0.35">
      <c r="A14330" s="5" t="s">
        <v>10</v>
      </c>
      <c r="B14330" s="6">
        <v>248998</v>
      </c>
      <c r="C14330" s="6" t="s">
        <v>68</v>
      </c>
      <c r="D14330" s="6" t="s">
        <v>69</v>
      </c>
      <c r="E14330" s="6">
        <v>11001</v>
      </c>
      <c r="F14330" s="6" t="s">
        <v>2161</v>
      </c>
      <c r="G14330" s="6" t="s">
        <v>26644</v>
      </c>
      <c r="H14330" s="6" t="s">
        <v>26645</v>
      </c>
      <c r="I14330" s="7">
        <v>4.6947710999999996</v>
      </c>
      <c r="J14330" s="8">
        <v>-74.121500499999996</v>
      </c>
    </row>
    <row r="14331" spans="1:10" x14ac:dyDescent="0.35">
      <c r="A14331" s="5" t="s">
        <v>10</v>
      </c>
      <c r="B14331" s="6">
        <v>249160</v>
      </c>
      <c r="C14331" s="6" t="s">
        <v>55</v>
      </c>
      <c r="D14331" s="6" t="s">
        <v>56</v>
      </c>
      <c r="E14331" s="6">
        <v>73001</v>
      </c>
      <c r="F14331" s="6" t="s">
        <v>2161</v>
      </c>
      <c r="G14331" s="6" t="s">
        <v>26646</v>
      </c>
      <c r="H14331" s="6" t="s">
        <v>26647</v>
      </c>
      <c r="I14331" s="7">
        <v>4.4171263999999999</v>
      </c>
      <c r="J14331" s="8">
        <v>-75.182899199999994</v>
      </c>
    </row>
    <row r="14332" spans="1:10" x14ac:dyDescent="0.35">
      <c r="A14332" s="5" t="s">
        <v>10</v>
      </c>
      <c r="B14332" s="6">
        <v>249372</v>
      </c>
      <c r="C14332" s="6" t="s">
        <v>55</v>
      </c>
      <c r="D14332" s="6" t="s">
        <v>56</v>
      </c>
      <c r="E14332" s="6">
        <v>73001</v>
      </c>
      <c r="F14332" s="6" t="s">
        <v>2161</v>
      </c>
      <c r="G14332" s="6" t="s">
        <v>26648</v>
      </c>
      <c r="H14332" s="6" t="s">
        <v>26649</v>
      </c>
      <c r="I14332" s="7">
        <v>4.4400639999999996</v>
      </c>
      <c r="J14332" s="8">
        <v>-75.1796224</v>
      </c>
    </row>
    <row r="14333" spans="1:10" x14ac:dyDescent="0.35">
      <c r="A14333" s="5" t="s">
        <v>10</v>
      </c>
      <c r="B14333" s="6">
        <v>249374</v>
      </c>
      <c r="C14333" s="6" t="s">
        <v>11</v>
      </c>
      <c r="D14333" s="6" t="s">
        <v>5259</v>
      </c>
      <c r="E14333" s="6">
        <v>25320</v>
      </c>
      <c r="F14333" s="6" t="s">
        <v>2161</v>
      </c>
      <c r="G14333" s="6" t="s">
        <v>26650</v>
      </c>
      <c r="H14333" s="6" t="s">
        <v>26651</v>
      </c>
      <c r="I14333" s="7">
        <v>5.0703402000000004</v>
      </c>
      <c r="J14333" s="8">
        <v>-74.604848899999993</v>
      </c>
    </row>
    <row r="14334" spans="1:10" x14ac:dyDescent="0.35">
      <c r="A14334" s="5" t="s">
        <v>10</v>
      </c>
      <c r="B14334" s="6">
        <v>249378</v>
      </c>
      <c r="C14334" s="6" t="s">
        <v>55</v>
      </c>
      <c r="D14334" s="6" t="s">
        <v>56</v>
      </c>
      <c r="E14334" s="6">
        <v>73001</v>
      </c>
      <c r="F14334" s="6" t="s">
        <v>2161</v>
      </c>
      <c r="G14334" s="6" t="s">
        <v>26652</v>
      </c>
      <c r="H14334" s="6" t="s">
        <v>26653</v>
      </c>
      <c r="I14334" s="7">
        <v>4.4642372000000003</v>
      </c>
      <c r="J14334" s="8">
        <v>-75.158508299999994</v>
      </c>
    </row>
    <row r="14335" spans="1:10" x14ac:dyDescent="0.35">
      <c r="A14335" s="5" t="s">
        <v>10</v>
      </c>
      <c r="B14335" s="6">
        <v>249380</v>
      </c>
      <c r="C14335" s="6" t="s">
        <v>16</v>
      </c>
      <c r="D14335" s="6" t="s">
        <v>1942</v>
      </c>
      <c r="E14335" s="6">
        <v>68406</v>
      </c>
      <c r="F14335" s="6" t="s">
        <v>2161</v>
      </c>
      <c r="G14335" s="6" t="s">
        <v>25601</v>
      </c>
      <c r="H14335" s="6" t="s">
        <v>26654</v>
      </c>
      <c r="I14335" s="7">
        <v>7.1427300999999996</v>
      </c>
      <c r="J14335" s="8">
        <v>-73.176836800000004</v>
      </c>
    </row>
    <row r="14336" spans="1:10" x14ac:dyDescent="0.35">
      <c r="A14336" s="5" t="s">
        <v>10</v>
      </c>
      <c r="B14336" s="6">
        <v>249383</v>
      </c>
      <c r="C14336" s="6" t="s">
        <v>11</v>
      </c>
      <c r="D14336" s="6" t="s">
        <v>159</v>
      </c>
      <c r="E14336" s="6">
        <v>25175</v>
      </c>
      <c r="F14336" s="6" t="s">
        <v>2161</v>
      </c>
      <c r="G14336" s="6" t="s">
        <v>26655</v>
      </c>
      <c r="H14336" s="6" t="s">
        <v>26656</v>
      </c>
      <c r="I14336" s="7">
        <v>4.7316992000000004</v>
      </c>
      <c r="J14336" s="8">
        <v>-74.055679999999995</v>
      </c>
    </row>
    <row r="14337" spans="1:10" x14ac:dyDescent="0.35">
      <c r="A14337" s="5" t="s">
        <v>10</v>
      </c>
      <c r="B14337" s="6">
        <v>249503</v>
      </c>
      <c r="C14337" s="6" t="s">
        <v>16</v>
      </c>
      <c r="D14337" s="6" t="s">
        <v>8062</v>
      </c>
      <c r="E14337" s="6">
        <v>68575</v>
      </c>
      <c r="F14337" s="6" t="s">
        <v>2161</v>
      </c>
      <c r="G14337" s="6" t="s">
        <v>26657</v>
      </c>
      <c r="H14337" s="6" t="s">
        <v>26658</v>
      </c>
      <c r="I14337" s="7">
        <v>7.8513866999999999</v>
      </c>
      <c r="J14337" s="8">
        <v>-73.816992900000002</v>
      </c>
    </row>
    <row r="14338" spans="1:10" x14ac:dyDescent="0.35">
      <c r="A14338" s="5" t="s">
        <v>10</v>
      </c>
      <c r="B14338" s="6">
        <v>247802</v>
      </c>
      <c r="C14338" s="6" t="s">
        <v>55</v>
      </c>
      <c r="D14338" s="6" t="s">
        <v>56</v>
      </c>
      <c r="E14338" s="6">
        <v>73001</v>
      </c>
      <c r="F14338" s="6" t="s">
        <v>2161</v>
      </c>
      <c r="G14338" s="6" t="s">
        <v>26659</v>
      </c>
      <c r="H14338" s="6" t="s">
        <v>26660</v>
      </c>
      <c r="I14338" s="7">
        <v>4.4341789</v>
      </c>
      <c r="J14338" s="8">
        <v>-75.197715099999996</v>
      </c>
    </row>
    <row r="14339" spans="1:10" x14ac:dyDescent="0.35">
      <c r="A14339" s="5" t="s">
        <v>10</v>
      </c>
      <c r="B14339" s="6">
        <v>247803</v>
      </c>
      <c r="C14339" s="6" t="s">
        <v>3819</v>
      </c>
      <c r="D14339" s="6" t="s">
        <v>5730</v>
      </c>
      <c r="E14339" s="6">
        <v>86749</v>
      </c>
      <c r="F14339" s="6" t="s">
        <v>2161</v>
      </c>
      <c r="G14339" s="6" t="s">
        <v>26661</v>
      </c>
      <c r="H14339" s="6" t="s">
        <v>26662</v>
      </c>
      <c r="I14339" s="7">
        <v>1.2045999999999999</v>
      </c>
      <c r="J14339" s="8">
        <v>-76.9194897</v>
      </c>
    </row>
    <row r="14340" spans="1:10" x14ac:dyDescent="0.35">
      <c r="A14340" s="5" t="s">
        <v>10</v>
      </c>
      <c r="B14340" s="6">
        <v>247804</v>
      </c>
      <c r="C14340" s="6" t="s">
        <v>294</v>
      </c>
      <c r="D14340" s="6" t="s">
        <v>543</v>
      </c>
      <c r="E14340" s="6">
        <v>41396</v>
      </c>
      <c r="F14340" s="6" t="s">
        <v>2161</v>
      </c>
      <c r="G14340" s="6" t="s">
        <v>26663</v>
      </c>
      <c r="H14340" s="6" t="s">
        <v>26664</v>
      </c>
      <c r="I14340" s="7">
        <v>2.3908464999999999</v>
      </c>
      <c r="J14340" s="8">
        <v>-75.888045899999995</v>
      </c>
    </row>
    <row r="14341" spans="1:10" x14ac:dyDescent="0.35">
      <c r="A14341" s="5" t="s">
        <v>10</v>
      </c>
      <c r="B14341" s="6">
        <v>247807</v>
      </c>
      <c r="C14341" s="6" t="s">
        <v>55</v>
      </c>
      <c r="D14341" s="6" t="s">
        <v>56</v>
      </c>
      <c r="E14341" s="6">
        <v>73001</v>
      </c>
      <c r="F14341" s="6" t="s">
        <v>2161</v>
      </c>
      <c r="G14341" s="6" t="s">
        <v>26665</v>
      </c>
      <c r="H14341" s="6" t="s">
        <v>26666</v>
      </c>
      <c r="I14341" s="7">
        <v>4.4413046999999999</v>
      </c>
      <c r="J14341" s="8">
        <v>-75.206966399999999</v>
      </c>
    </row>
    <row r="14342" spans="1:10" x14ac:dyDescent="0.35">
      <c r="A14342" s="5" t="s">
        <v>10</v>
      </c>
      <c r="B14342" s="6">
        <v>247809</v>
      </c>
      <c r="C14342" s="6" t="s">
        <v>294</v>
      </c>
      <c r="D14342" s="6" t="s">
        <v>413</v>
      </c>
      <c r="E14342" s="6">
        <v>41503</v>
      </c>
      <c r="F14342" s="6" t="s">
        <v>2161</v>
      </c>
      <c r="G14342" s="6" t="s">
        <v>20245</v>
      </c>
      <c r="H14342" s="6" t="s">
        <v>20246</v>
      </c>
      <c r="I14342" s="7">
        <v>2.0259109</v>
      </c>
      <c r="J14342" s="8">
        <v>-75.994963999999996</v>
      </c>
    </row>
    <row r="14343" spans="1:10" x14ac:dyDescent="0.35">
      <c r="A14343" s="5" t="s">
        <v>10</v>
      </c>
      <c r="B14343" s="6">
        <v>247810</v>
      </c>
      <c r="C14343" s="6" t="s">
        <v>55</v>
      </c>
      <c r="D14343" s="6" t="s">
        <v>56</v>
      </c>
      <c r="E14343" s="6">
        <v>73001</v>
      </c>
      <c r="F14343" s="6" t="s">
        <v>2161</v>
      </c>
      <c r="G14343" s="6" t="s">
        <v>26667</v>
      </c>
      <c r="H14343" s="6" t="s">
        <v>26668</v>
      </c>
      <c r="I14343" s="7">
        <v>4.4446760000000003</v>
      </c>
      <c r="J14343" s="8">
        <v>-75.242438000000007</v>
      </c>
    </row>
    <row r="14344" spans="1:10" x14ac:dyDescent="0.35">
      <c r="A14344" s="5" t="s">
        <v>10</v>
      </c>
      <c r="B14344" s="6">
        <v>248334</v>
      </c>
      <c r="C14344" s="6" t="s">
        <v>117</v>
      </c>
      <c r="D14344" s="6" t="s">
        <v>1334</v>
      </c>
      <c r="E14344" s="6">
        <v>76001</v>
      </c>
      <c r="F14344" s="6" t="s">
        <v>2161</v>
      </c>
      <c r="G14344" s="6" t="s">
        <v>26669</v>
      </c>
      <c r="H14344" s="6" t="s">
        <v>26670</v>
      </c>
      <c r="I14344" s="7">
        <v>3.4283717999999999</v>
      </c>
      <c r="J14344" s="8">
        <v>-76.486717999999996</v>
      </c>
    </row>
    <row r="14345" spans="1:10" x14ac:dyDescent="0.35">
      <c r="A14345" s="5" t="s">
        <v>10</v>
      </c>
      <c r="B14345" s="6">
        <v>248337</v>
      </c>
      <c r="C14345" s="6" t="s">
        <v>294</v>
      </c>
      <c r="D14345" s="6" t="s">
        <v>447</v>
      </c>
      <c r="E14345" s="6">
        <v>41551</v>
      </c>
      <c r="F14345" s="6" t="s">
        <v>2161</v>
      </c>
      <c r="G14345" s="6" t="s">
        <v>26671</v>
      </c>
      <c r="H14345" s="6" t="s">
        <v>26672</v>
      </c>
      <c r="I14345" s="7">
        <v>1.8505488999999999</v>
      </c>
      <c r="J14345" s="8">
        <v>-76.0496531</v>
      </c>
    </row>
    <row r="14346" spans="1:10" x14ac:dyDescent="0.35">
      <c r="A14346" s="5" t="s">
        <v>10</v>
      </c>
      <c r="B14346" s="6">
        <v>248339</v>
      </c>
      <c r="C14346" s="6" t="s">
        <v>294</v>
      </c>
      <c r="D14346" s="6" t="s">
        <v>4257</v>
      </c>
      <c r="E14346" s="6">
        <v>41524</v>
      </c>
      <c r="F14346" s="6" t="s">
        <v>2161</v>
      </c>
      <c r="G14346" s="6" t="s">
        <v>26673</v>
      </c>
      <c r="H14346" s="6" t="s">
        <v>26674</v>
      </c>
      <c r="I14346" s="7">
        <v>2.8850538999999999</v>
      </c>
      <c r="J14346" s="8">
        <v>-75.435944500000005</v>
      </c>
    </row>
    <row r="14347" spans="1:10" x14ac:dyDescent="0.35">
      <c r="A14347" s="5" t="s">
        <v>10</v>
      </c>
      <c r="B14347" s="6">
        <v>248341</v>
      </c>
      <c r="C14347" s="6" t="s">
        <v>294</v>
      </c>
      <c r="D14347" s="6" t="s">
        <v>543</v>
      </c>
      <c r="E14347" s="6">
        <v>41396</v>
      </c>
      <c r="F14347" s="6" t="s">
        <v>2161</v>
      </c>
      <c r="G14347" s="6" t="s">
        <v>26675</v>
      </c>
      <c r="H14347" s="6" t="s">
        <v>26676</v>
      </c>
      <c r="I14347" s="7">
        <v>2.3895591999999999</v>
      </c>
      <c r="J14347" s="8">
        <v>-75.892008599999997</v>
      </c>
    </row>
    <row r="14348" spans="1:10" x14ac:dyDescent="0.35">
      <c r="A14348" s="5" t="s">
        <v>10</v>
      </c>
      <c r="B14348" s="6">
        <v>248058</v>
      </c>
      <c r="C14348" s="6" t="s">
        <v>55</v>
      </c>
      <c r="D14348" s="6" t="s">
        <v>56</v>
      </c>
      <c r="E14348" s="6">
        <v>73001</v>
      </c>
      <c r="F14348" s="6" t="s">
        <v>2161</v>
      </c>
      <c r="G14348" s="6" t="s">
        <v>26677</v>
      </c>
      <c r="H14348" s="6" t="s">
        <v>26678</v>
      </c>
      <c r="I14348" s="7">
        <v>4.4446760000000003</v>
      </c>
      <c r="J14348" s="8">
        <v>-75.242438000000007</v>
      </c>
    </row>
    <row r="14349" spans="1:10" x14ac:dyDescent="0.35">
      <c r="A14349" s="5" t="s">
        <v>10</v>
      </c>
      <c r="B14349" s="6">
        <v>248968</v>
      </c>
      <c r="C14349" s="6" t="s">
        <v>117</v>
      </c>
      <c r="D14349" s="6" t="s">
        <v>3963</v>
      </c>
      <c r="E14349" s="6">
        <v>76377</v>
      </c>
      <c r="F14349" s="6" t="s">
        <v>2161</v>
      </c>
      <c r="G14349" s="6" t="s">
        <v>20882</v>
      </c>
      <c r="H14349" s="6" t="s">
        <v>26679</v>
      </c>
      <c r="I14349" s="7">
        <v>3.6507828999999998</v>
      </c>
      <c r="J14349" s="8">
        <v>-76.569995000000006</v>
      </c>
    </row>
    <row r="14350" spans="1:10" x14ac:dyDescent="0.35">
      <c r="A14350" s="5" t="s">
        <v>10</v>
      </c>
      <c r="B14350" s="6">
        <v>248970</v>
      </c>
      <c r="C14350" s="6" t="s">
        <v>294</v>
      </c>
      <c r="D14350" s="6" t="s">
        <v>4081</v>
      </c>
      <c r="E14350" s="6">
        <v>41306</v>
      </c>
      <c r="F14350" s="6" t="s">
        <v>2161</v>
      </c>
      <c r="G14350" s="6" t="s">
        <v>26680</v>
      </c>
      <c r="H14350" s="6" t="s">
        <v>26681</v>
      </c>
      <c r="I14350" s="7">
        <v>2.9228882</v>
      </c>
      <c r="J14350" s="8">
        <v>-75.286019300000007</v>
      </c>
    </row>
    <row r="14351" spans="1:10" x14ac:dyDescent="0.35">
      <c r="A14351" s="5" t="s">
        <v>10</v>
      </c>
      <c r="B14351" s="6">
        <v>248971</v>
      </c>
      <c r="C14351" s="6" t="s">
        <v>117</v>
      </c>
      <c r="D14351" s="6" t="s">
        <v>3402</v>
      </c>
      <c r="E14351" s="6">
        <v>76364</v>
      </c>
      <c r="F14351" s="6" t="s">
        <v>2161</v>
      </c>
      <c r="G14351" s="6" t="s">
        <v>26682</v>
      </c>
      <c r="H14351" s="6" t="s">
        <v>26683</v>
      </c>
      <c r="I14351" s="7">
        <v>3.2546748999999999</v>
      </c>
      <c r="J14351" s="8">
        <v>-76.536629700000006</v>
      </c>
    </row>
    <row r="14352" spans="1:10" x14ac:dyDescent="0.35">
      <c r="A14352" s="5" t="s">
        <v>10</v>
      </c>
      <c r="B14352" s="6">
        <v>248973</v>
      </c>
      <c r="C14352" s="6" t="s">
        <v>38</v>
      </c>
      <c r="D14352" s="6" t="s">
        <v>236</v>
      </c>
      <c r="E14352" s="6">
        <v>19075</v>
      </c>
      <c r="F14352" s="6" t="s">
        <v>2161</v>
      </c>
      <c r="G14352" s="6" t="s">
        <v>26684</v>
      </c>
      <c r="H14352" s="6" t="s">
        <v>26685</v>
      </c>
      <c r="I14352" s="7">
        <v>2.4395793000000001</v>
      </c>
      <c r="J14352" s="8">
        <v>-76.604738400000002</v>
      </c>
    </row>
    <row r="14353" spans="1:10" x14ac:dyDescent="0.35">
      <c r="A14353" s="5" t="s">
        <v>10</v>
      </c>
      <c r="B14353" s="6">
        <v>248977</v>
      </c>
      <c r="C14353" s="6" t="s">
        <v>24</v>
      </c>
      <c r="D14353" s="6" t="s">
        <v>1215</v>
      </c>
      <c r="E14353" s="6">
        <v>15835</v>
      </c>
      <c r="F14353" s="6" t="s">
        <v>2161</v>
      </c>
      <c r="G14353" s="6" t="s">
        <v>26686</v>
      </c>
      <c r="H14353" s="6" t="s">
        <v>26687</v>
      </c>
      <c r="I14353" s="7">
        <v>5.3246520999999998</v>
      </c>
      <c r="J14353" s="8">
        <v>-73.490533400000004</v>
      </c>
    </row>
    <row r="14354" spans="1:10" x14ac:dyDescent="0.35">
      <c r="A14354" s="5" t="s">
        <v>10</v>
      </c>
      <c r="B14354" s="6">
        <v>248978</v>
      </c>
      <c r="C14354" s="6" t="s">
        <v>55</v>
      </c>
      <c r="D14354" s="6" t="s">
        <v>56</v>
      </c>
      <c r="E14354" s="6">
        <v>73001</v>
      </c>
      <c r="F14354" s="6" t="s">
        <v>2161</v>
      </c>
      <c r="G14354" s="6" t="s">
        <v>26688</v>
      </c>
      <c r="H14354" s="6" t="s">
        <v>26689</v>
      </c>
      <c r="I14354" s="7">
        <v>4.4404744999999997</v>
      </c>
      <c r="J14354" s="8">
        <v>-75.229377099999994</v>
      </c>
    </row>
    <row r="14355" spans="1:10" x14ac:dyDescent="0.35">
      <c r="A14355" s="5" t="s">
        <v>10</v>
      </c>
      <c r="B14355" s="6">
        <v>246306</v>
      </c>
      <c r="C14355" s="6" t="s">
        <v>117</v>
      </c>
      <c r="D14355" s="6" t="s">
        <v>1334</v>
      </c>
      <c r="E14355" s="6">
        <v>76001</v>
      </c>
      <c r="F14355" s="6" t="s">
        <v>13</v>
      </c>
      <c r="G14355" s="6" t="s">
        <v>26690</v>
      </c>
      <c r="H14355" s="6" t="s">
        <v>6752</v>
      </c>
      <c r="I14355" s="7">
        <v>3.4348654000000001</v>
      </c>
      <c r="J14355" s="8">
        <v>-76.543358999999995</v>
      </c>
    </row>
    <row r="14356" spans="1:10" x14ac:dyDescent="0.35">
      <c r="A14356" s="5" t="s">
        <v>10</v>
      </c>
      <c r="B14356" s="6">
        <v>245210</v>
      </c>
      <c r="C14356" s="6" t="s">
        <v>302</v>
      </c>
      <c r="D14356" s="6" t="s">
        <v>7978</v>
      </c>
      <c r="E14356" s="6">
        <v>8433</v>
      </c>
      <c r="F14356" s="6" t="s">
        <v>2161</v>
      </c>
      <c r="G14356" s="6" t="s">
        <v>26691</v>
      </c>
      <c r="H14356" s="6" t="s">
        <v>26692</v>
      </c>
      <c r="I14356" s="7">
        <v>10.8575824</v>
      </c>
      <c r="J14356" s="8">
        <v>-74.774683400000001</v>
      </c>
    </row>
    <row r="14357" spans="1:10" x14ac:dyDescent="0.35">
      <c r="A14357" s="5" t="s">
        <v>10</v>
      </c>
      <c r="B14357" s="6">
        <v>246389</v>
      </c>
      <c r="C14357" s="6" t="s">
        <v>11</v>
      </c>
      <c r="D14357" s="6" t="s">
        <v>1206</v>
      </c>
      <c r="E14357" s="6">
        <v>25875</v>
      </c>
      <c r="F14357" s="6" t="s">
        <v>2161</v>
      </c>
      <c r="G14357" s="6" t="s">
        <v>26693</v>
      </c>
      <c r="H14357" s="6" t="s">
        <v>26694</v>
      </c>
      <c r="I14357" s="7">
        <v>5.0117060000000002</v>
      </c>
      <c r="J14357" s="8">
        <v>-74.470361999999994</v>
      </c>
    </row>
    <row r="14358" spans="1:10" x14ac:dyDescent="0.35">
      <c r="A14358" s="5" t="s">
        <v>10</v>
      </c>
      <c r="B14358" s="6">
        <v>246399</v>
      </c>
      <c r="C14358" s="6" t="s">
        <v>68</v>
      </c>
      <c r="D14358" s="6" t="s">
        <v>69</v>
      </c>
      <c r="E14358" s="6">
        <v>11001</v>
      </c>
      <c r="F14358" s="6" t="s">
        <v>2161</v>
      </c>
      <c r="G14358" s="6" t="s">
        <v>26695</v>
      </c>
      <c r="H14358" s="6" t="s">
        <v>26696</v>
      </c>
      <c r="I14358" s="7">
        <v>4.6322545000000002</v>
      </c>
      <c r="J14358" s="8">
        <v>-74.205408700000007</v>
      </c>
    </row>
    <row r="14359" spans="1:10" x14ac:dyDescent="0.35">
      <c r="A14359" s="5" t="s">
        <v>10</v>
      </c>
      <c r="B14359" s="6">
        <v>246390</v>
      </c>
      <c r="C14359" s="6" t="s">
        <v>457</v>
      </c>
      <c r="D14359" s="6" t="s">
        <v>4400</v>
      </c>
      <c r="E14359" s="6">
        <v>52001</v>
      </c>
      <c r="F14359" s="6" t="s">
        <v>2161</v>
      </c>
      <c r="G14359" s="6" t="s">
        <v>26697</v>
      </c>
      <c r="H14359" s="6" t="s">
        <v>26698</v>
      </c>
      <c r="I14359" s="7">
        <v>1.3725727000000001</v>
      </c>
      <c r="J14359" s="8">
        <v>-77.337373900000003</v>
      </c>
    </row>
    <row r="14360" spans="1:10" x14ac:dyDescent="0.35">
      <c r="A14360" s="5" t="s">
        <v>10</v>
      </c>
      <c r="B14360" s="6">
        <v>246403</v>
      </c>
      <c r="C14360" s="6" t="s">
        <v>42</v>
      </c>
      <c r="D14360" s="6" t="s">
        <v>18041</v>
      </c>
      <c r="E14360" s="6">
        <v>17446</v>
      </c>
      <c r="F14360" s="6" t="s">
        <v>2161</v>
      </c>
      <c r="G14360" s="6" t="s">
        <v>26699</v>
      </c>
      <c r="H14360" s="6" t="s">
        <v>26700</v>
      </c>
      <c r="I14360" s="7">
        <v>5.1623834999999998</v>
      </c>
      <c r="J14360" s="8">
        <v>-75.203081100000006</v>
      </c>
    </row>
    <row r="14361" spans="1:10" x14ac:dyDescent="0.35">
      <c r="A14361" s="5" t="s">
        <v>10</v>
      </c>
      <c r="B14361" s="6">
        <v>246392</v>
      </c>
      <c r="C14361" s="6" t="s">
        <v>42</v>
      </c>
      <c r="D14361" s="6" t="s">
        <v>43</v>
      </c>
      <c r="E14361" s="6">
        <v>17001</v>
      </c>
      <c r="F14361" s="6" t="s">
        <v>2161</v>
      </c>
      <c r="G14361" s="6" t="s">
        <v>18565</v>
      </c>
      <c r="H14361" s="6" t="s">
        <v>26701</v>
      </c>
      <c r="I14361" s="7">
        <v>6.2637790000000004</v>
      </c>
      <c r="J14361" s="8">
        <v>-75.544593199999994</v>
      </c>
    </row>
    <row r="14362" spans="1:10" x14ac:dyDescent="0.35">
      <c r="A14362" s="5" t="s">
        <v>10</v>
      </c>
      <c r="B14362" s="6">
        <v>246393</v>
      </c>
      <c r="C14362" s="6" t="s">
        <v>2130</v>
      </c>
      <c r="D14362" s="6" t="s">
        <v>2131</v>
      </c>
      <c r="E14362" s="6">
        <v>85001</v>
      </c>
      <c r="F14362" s="6" t="s">
        <v>2161</v>
      </c>
      <c r="G14362" s="6" t="s">
        <v>26702</v>
      </c>
      <c r="H14362" s="6" t="s">
        <v>26703</v>
      </c>
      <c r="I14362" s="7">
        <v>5.3473623000000003</v>
      </c>
      <c r="J14362" s="8">
        <v>-72.397306499999999</v>
      </c>
    </row>
    <row r="14363" spans="1:10" x14ac:dyDescent="0.35">
      <c r="A14363" s="5" t="s">
        <v>10</v>
      </c>
      <c r="B14363" s="6">
        <v>244760</v>
      </c>
      <c r="C14363" s="6" t="s">
        <v>278</v>
      </c>
      <c r="D14363" s="6" t="s">
        <v>279</v>
      </c>
      <c r="E14363" s="6">
        <v>50001</v>
      </c>
      <c r="F14363" s="6" t="s">
        <v>2161</v>
      </c>
      <c r="G14363" s="6" t="s">
        <v>3871</v>
      </c>
      <c r="H14363" s="6" t="s">
        <v>26704</v>
      </c>
      <c r="I14363" s="7">
        <v>4.0708023999999998</v>
      </c>
      <c r="J14363" s="8">
        <v>-73.669521500000002</v>
      </c>
    </row>
    <row r="14364" spans="1:10" x14ac:dyDescent="0.35">
      <c r="A14364" s="5" t="s">
        <v>10</v>
      </c>
      <c r="B14364" s="6">
        <v>246394</v>
      </c>
      <c r="C14364" s="6" t="s">
        <v>16</v>
      </c>
      <c r="D14364" s="6" t="s">
        <v>1266</v>
      </c>
      <c r="E14364" s="6">
        <v>68081</v>
      </c>
      <c r="F14364" s="6" t="s">
        <v>2161</v>
      </c>
      <c r="G14364" s="6" t="s">
        <v>26705</v>
      </c>
      <c r="H14364" s="6" t="s">
        <v>26706</v>
      </c>
      <c r="I14364" s="7">
        <v>7.075977</v>
      </c>
      <c r="J14364" s="8">
        <v>-73.828436800000006</v>
      </c>
    </row>
    <row r="14365" spans="1:10" x14ac:dyDescent="0.35">
      <c r="A14365" s="5" t="s">
        <v>10</v>
      </c>
      <c r="B14365" s="6">
        <v>246387</v>
      </c>
      <c r="C14365" s="6" t="s">
        <v>11</v>
      </c>
      <c r="D14365" s="6" t="s">
        <v>334</v>
      </c>
      <c r="E14365" s="6">
        <v>25754</v>
      </c>
      <c r="F14365" s="6" t="s">
        <v>2161</v>
      </c>
      <c r="G14365" s="6" t="s">
        <v>26707</v>
      </c>
      <c r="H14365" s="6" t="s">
        <v>26708</v>
      </c>
      <c r="I14365" s="7">
        <v>4.5805980000000002</v>
      </c>
      <c r="J14365" s="8">
        <v>-74.212682000000001</v>
      </c>
    </row>
    <row r="14366" spans="1:10" x14ac:dyDescent="0.35">
      <c r="A14366" s="5" t="s">
        <v>10</v>
      </c>
      <c r="B14366" s="6">
        <v>246400</v>
      </c>
      <c r="C14366" s="6" t="s">
        <v>3819</v>
      </c>
      <c r="D14366" s="6" t="s">
        <v>5557</v>
      </c>
      <c r="E14366" s="6">
        <v>86568</v>
      </c>
      <c r="F14366" s="6" t="s">
        <v>2161</v>
      </c>
      <c r="G14366" s="6" t="s">
        <v>26709</v>
      </c>
      <c r="H14366" s="6" t="s">
        <v>26710</v>
      </c>
      <c r="I14366" s="7">
        <v>0.49687409999999999</v>
      </c>
      <c r="J14366" s="8">
        <v>-76.502061299999994</v>
      </c>
    </row>
    <row r="14367" spans="1:10" x14ac:dyDescent="0.35">
      <c r="A14367" s="5" t="s">
        <v>10</v>
      </c>
      <c r="B14367" s="6">
        <v>246402</v>
      </c>
      <c r="C14367" s="6" t="s">
        <v>68</v>
      </c>
      <c r="D14367" s="6" t="s">
        <v>69</v>
      </c>
      <c r="E14367" s="6">
        <v>11001</v>
      </c>
      <c r="F14367" s="6" t="s">
        <v>2161</v>
      </c>
      <c r="G14367" s="6" t="s">
        <v>26711</v>
      </c>
      <c r="H14367" s="6" t="s">
        <v>26712</v>
      </c>
      <c r="I14367" s="7">
        <v>4.6281081999999998</v>
      </c>
      <c r="J14367" s="8">
        <v>-74.171120400000007</v>
      </c>
    </row>
    <row r="14368" spans="1:10" x14ac:dyDescent="0.35">
      <c r="A14368" s="5" t="s">
        <v>10</v>
      </c>
      <c r="B14368" s="6">
        <v>246388</v>
      </c>
      <c r="C14368" s="6" t="s">
        <v>457</v>
      </c>
      <c r="D14368" s="6" t="s">
        <v>4400</v>
      </c>
      <c r="E14368" s="6">
        <v>52001</v>
      </c>
      <c r="F14368" s="6" t="s">
        <v>2161</v>
      </c>
      <c r="G14368" s="6" t="s">
        <v>26713</v>
      </c>
      <c r="H14368" s="6" t="s">
        <v>26714</v>
      </c>
      <c r="I14368" s="7">
        <v>1.2095837</v>
      </c>
      <c r="J14368" s="8">
        <v>-77.279226800000004</v>
      </c>
    </row>
    <row r="14369" spans="1:10" x14ac:dyDescent="0.35">
      <c r="A14369" s="5" t="s">
        <v>10</v>
      </c>
      <c r="B14369" s="6">
        <v>246922</v>
      </c>
      <c r="C14369" s="6" t="s">
        <v>94</v>
      </c>
      <c r="D14369" s="6" t="s">
        <v>1700</v>
      </c>
      <c r="E14369" s="6">
        <v>66440</v>
      </c>
      <c r="F14369" s="6" t="s">
        <v>18</v>
      </c>
      <c r="G14369" s="6" t="s">
        <v>26715</v>
      </c>
      <c r="H14369" s="6" t="s">
        <v>26716</v>
      </c>
      <c r="I14369" s="7">
        <v>4.9372479</v>
      </c>
      <c r="J14369" s="8">
        <v>-75.737879100000001</v>
      </c>
    </row>
    <row r="14370" spans="1:10" x14ac:dyDescent="0.35">
      <c r="A14370" s="5" t="s">
        <v>10</v>
      </c>
      <c r="B14370" s="6">
        <v>246287</v>
      </c>
      <c r="C14370" s="6" t="s">
        <v>3788</v>
      </c>
      <c r="D14370" s="6" t="s">
        <v>3974</v>
      </c>
      <c r="E14370" s="6">
        <v>18001</v>
      </c>
      <c r="F14370" s="6" t="s">
        <v>18</v>
      </c>
      <c r="G14370" s="6" t="s">
        <v>26717</v>
      </c>
      <c r="H14370" s="6" t="s">
        <v>22368</v>
      </c>
      <c r="I14370" s="7">
        <v>1.635397</v>
      </c>
      <c r="J14370" s="8">
        <v>-75.608746699999998</v>
      </c>
    </row>
    <row r="14371" spans="1:10" x14ac:dyDescent="0.35">
      <c r="A14371" s="5" t="s">
        <v>10</v>
      </c>
      <c r="B14371" s="6">
        <v>246290</v>
      </c>
      <c r="C14371" s="6" t="s">
        <v>16</v>
      </c>
      <c r="D14371" s="6" t="s">
        <v>1401</v>
      </c>
      <c r="E14371" s="6">
        <v>68307</v>
      </c>
      <c r="F14371" s="6" t="s">
        <v>18</v>
      </c>
      <c r="G14371" s="6" t="s">
        <v>26718</v>
      </c>
      <c r="H14371" s="6" t="s">
        <v>26719</v>
      </c>
      <c r="I14371" s="7">
        <v>7.0803339000000003</v>
      </c>
      <c r="J14371" s="8">
        <v>-73.171038999999993</v>
      </c>
    </row>
    <row r="14372" spans="1:10" x14ac:dyDescent="0.35">
      <c r="A14372" s="5" t="s">
        <v>10</v>
      </c>
      <c r="B14372" s="6">
        <v>246292</v>
      </c>
      <c r="C14372" s="6" t="s">
        <v>16</v>
      </c>
      <c r="D14372" s="6" t="s">
        <v>3466</v>
      </c>
      <c r="E14372" s="6">
        <v>68572</v>
      </c>
      <c r="F14372" s="6" t="s">
        <v>18</v>
      </c>
      <c r="G14372" s="6" t="s">
        <v>26720</v>
      </c>
      <c r="H14372" s="6" t="s">
        <v>26721</v>
      </c>
      <c r="I14372" s="7">
        <v>5.8790689</v>
      </c>
      <c r="J14372" s="8">
        <v>-73.678302400000007</v>
      </c>
    </row>
    <row r="14373" spans="1:10" x14ac:dyDescent="0.35">
      <c r="A14373" s="5" t="s">
        <v>10</v>
      </c>
      <c r="B14373" s="6">
        <v>246298</v>
      </c>
      <c r="C14373" s="6" t="s">
        <v>16</v>
      </c>
      <c r="D14373" s="6" t="s">
        <v>17</v>
      </c>
      <c r="E14373" s="6">
        <v>68679</v>
      </c>
      <c r="F14373" s="6" t="s">
        <v>18</v>
      </c>
      <c r="G14373" s="6" t="s">
        <v>26722</v>
      </c>
      <c r="H14373" s="6" t="s">
        <v>26723</v>
      </c>
      <c r="I14373" s="7">
        <v>6.5572578999999998</v>
      </c>
      <c r="J14373" s="8">
        <v>-73.149398099999999</v>
      </c>
    </row>
    <row r="14374" spans="1:10" x14ac:dyDescent="0.35">
      <c r="A14374" s="5" t="s">
        <v>10</v>
      </c>
      <c r="B14374" s="6">
        <v>246297</v>
      </c>
      <c r="C14374" s="6" t="s">
        <v>16</v>
      </c>
      <c r="D14374" s="6" t="s">
        <v>78</v>
      </c>
      <c r="E14374" s="6">
        <v>68001</v>
      </c>
      <c r="F14374" s="6" t="s">
        <v>18</v>
      </c>
      <c r="G14374" s="6" t="s">
        <v>26724</v>
      </c>
      <c r="H14374" s="6" t="s">
        <v>8770</v>
      </c>
      <c r="I14374" s="7">
        <v>7.1250663000000003</v>
      </c>
      <c r="J14374" s="8">
        <v>-73.125452100000004</v>
      </c>
    </row>
    <row r="14375" spans="1:10" x14ac:dyDescent="0.35">
      <c r="A14375" s="5" t="s">
        <v>10</v>
      </c>
      <c r="B14375" s="6">
        <v>246316</v>
      </c>
      <c r="C14375" s="6" t="s">
        <v>42</v>
      </c>
      <c r="D14375" s="6" t="s">
        <v>43</v>
      </c>
      <c r="E14375" s="6">
        <v>17001</v>
      </c>
      <c r="F14375" s="6" t="s">
        <v>18</v>
      </c>
      <c r="G14375" s="6" t="s">
        <v>26725</v>
      </c>
      <c r="H14375" s="6" t="s">
        <v>26726</v>
      </c>
      <c r="I14375" s="7">
        <v>5.0629742999999996</v>
      </c>
      <c r="J14375" s="8">
        <v>-75.502769799999996</v>
      </c>
    </row>
    <row r="14376" spans="1:10" x14ac:dyDescent="0.35">
      <c r="A14376" s="5" t="s">
        <v>10</v>
      </c>
      <c r="B14376" s="6">
        <v>246318</v>
      </c>
      <c r="C14376" s="6" t="s">
        <v>3788</v>
      </c>
      <c r="D14376" s="6" t="s">
        <v>3974</v>
      </c>
      <c r="E14376" s="6">
        <v>18001</v>
      </c>
      <c r="F14376" s="6" t="s">
        <v>18</v>
      </c>
      <c r="G14376" s="6" t="s">
        <v>26727</v>
      </c>
      <c r="H14376" s="6" t="s">
        <v>26728</v>
      </c>
      <c r="I14376" s="7">
        <v>1.633874</v>
      </c>
      <c r="J14376" s="8">
        <v>-75.605194999999995</v>
      </c>
    </row>
    <row r="14377" spans="1:10" x14ac:dyDescent="0.35">
      <c r="A14377" s="5" t="s">
        <v>10</v>
      </c>
      <c r="B14377" s="6">
        <v>246329</v>
      </c>
      <c r="C14377" s="6" t="s">
        <v>42</v>
      </c>
      <c r="D14377" s="6" t="s">
        <v>1493</v>
      </c>
      <c r="E14377" s="6">
        <v>17873</v>
      </c>
      <c r="F14377" s="6" t="s">
        <v>18</v>
      </c>
      <c r="G14377" s="6" t="s">
        <v>26729</v>
      </c>
      <c r="H14377" s="6" t="s">
        <v>26730</v>
      </c>
      <c r="I14377" s="7">
        <v>5.0527892999999997</v>
      </c>
      <c r="J14377" s="8">
        <v>-75.494166199999995</v>
      </c>
    </row>
    <row r="14378" spans="1:10" x14ac:dyDescent="0.35">
      <c r="A14378" s="5" t="s">
        <v>10</v>
      </c>
      <c r="B14378" s="6">
        <v>246342</v>
      </c>
      <c r="C14378" s="6" t="s">
        <v>42</v>
      </c>
      <c r="D14378" s="6" t="s">
        <v>43</v>
      </c>
      <c r="E14378" s="6">
        <v>17001</v>
      </c>
      <c r="F14378" s="6" t="s">
        <v>18</v>
      </c>
      <c r="G14378" s="6" t="s">
        <v>26731</v>
      </c>
      <c r="H14378" s="6" t="s">
        <v>26732</v>
      </c>
      <c r="I14378" s="7">
        <v>5.0545944</v>
      </c>
      <c r="J14378" s="8">
        <v>-75.483958700000002</v>
      </c>
    </row>
    <row r="14379" spans="1:10" x14ac:dyDescent="0.35">
      <c r="A14379" s="5" t="s">
        <v>10</v>
      </c>
      <c r="B14379" s="6">
        <v>246354</v>
      </c>
      <c r="C14379" s="6" t="s">
        <v>16</v>
      </c>
      <c r="D14379" s="6" t="s">
        <v>3466</v>
      </c>
      <c r="E14379" s="6">
        <v>68572</v>
      </c>
      <c r="F14379" s="6" t="s">
        <v>18</v>
      </c>
      <c r="G14379" s="6" t="s">
        <v>26733</v>
      </c>
      <c r="H14379" s="6" t="s">
        <v>8770</v>
      </c>
      <c r="I14379" s="7">
        <v>7.1250663000000003</v>
      </c>
      <c r="J14379" s="8">
        <v>-73.125452100000004</v>
      </c>
    </row>
    <row r="14380" spans="1:10" x14ac:dyDescent="0.35">
      <c r="A14380" s="5" t="s">
        <v>10</v>
      </c>
      <c r="B14380" s="6">
        <v>246416</v>
      </c>
      <c r="C14380" s="6" t="s">
        <v>68</v>
      </c>
      <c r="D14380" s="6" t="s">
        <v>69</v>
      </c>
      <c r="E14380" s="6">
        <v>11001</v>
      </c>
      <c r="F14380" s="6" t="s">
        <v>18</v>
      </c>
      <c r="G14380" s="6" t="s">
        <v>26734</v>
      </c>
      <c r="H14380" s="6" t="s">
        <v>26735</v>
      </c>
      <c r="I14380" s="7">
        <v>4.7479215999999997</v>
      </c>
      <c r="J14380" s="8">
        <v>-74.117656499999995</v>
      </c>
    </row>
    <row r="14381" spans="1:10" x14ac:dyDescent="0.35">
      <c r="A14381" s="5" t="s">
        <v>10</v>
      </c>
      <c r="B14381" s="6">
        <v>246427</v>
      </c>
      <c r="C14381" s="6" t="s">
        <v>117</v>
      </c>
      <c r="D14381" s="6" t="s">
        <v>1334</v>
      </c>
      <c r="E14381" s="6">
        <v>76001</v>
      </c>
      <c r="F14381" s="6" t="s">
        <v>18</v>
      </c>
      <c r="G14381" s="6" t="s">
        <v>26736</v>
      </c>
      <c r="H14381" s="6" t="s">
        <v>26737</v>
      </c>
      <c r="I14381" s="7">
        <v>3.4832996000000001</v>
      </c>
      <c r="J14381" s="8">
        <v>-76.501908700000001</v>
      </c>
    </row>
    <row r="14382" spans="1:10" x14ac:dyDescent="0.35">
      <c r="A14382" s="5" t="s">
        <v>10</v>
      </c>
      <c r="B14382" s="6">
        <v>246558</v>
      </c>
      <c r="C14382" s="6" t="s">
        <v>11</v>
      </c>
      <c r="D14382" s="6" t="s">
        <v>4684</v>
      </c>
      <c r="E14382" s="6">
        <v>25394</v>
      </c>
      <c r="F14382" s="6" t="s">
        <v>18</v>
      </c>
      <c r="G14382" s="6" t="s">
        <v>26738</v>
      </c>
      <c r="H14382" s="6" t="s">
        <v>26739</v>
      </c>
      <c r="I14382" s="7">
        <v>4.9448572999999998</v>
      </c>
      <c r="J14382" s="8">
        <v>-74.291560000000004</v>
      </c>
    </row>
    <row r="14383" spans="1:10" x14ac:dyDescent="0.35">
      <c r="A14383" s="5" t="s">
        <v>10</v>
      </c>
      <c r="B14383" s="6">
        <v>246979</v>
      </c>
      <c r="C14383" s="6" t="s">
        <v>11</v>
      </c>
      <c r="D14383" s="6" t="s">
        <v>5701</v>
      </c>
      <c r="E14383" s="6">
        <v>25398</v>
      </c>
      <c r="F14383" s="6" t="s">
        <v>18</v>
      </c>
      <c r="G14383" s="6" t="s">
        <v>26740</v>
      </c>
      <c r="H14383" s="6" t="s">
        <v>26741</v>
      </c>
      <c r="I14383" s="7">
        <v>4.8083045999999996</v>
      </c>
      <c r="J14383" s="8">
        <v>-74.354739600000002</v>
      </c>
    </row>
    <row r="14384" spans="1:10" x14ac:dyDescent="0.35">
      <c r="A14384" s="5" t="s">
        <v>10</v>
      </c>
      <c r="B14384" s="6">
        <v>246760</v>
      </c>
      <c r="C14384" s="6" t="s">
        <v>117</v>
      </c>
      <c r="D14384" s="6" t="s">
        <v>4637</v>
      </c>
      <c r="E14384" s="6">
        <v>76275</v>
      </c>
      <c r="F14384" s="6" t="s">
        <v>18</v>
      </c>
      <c r="G14384" s="6" t="s">
        <v>26742</v>
      </c>
      <c r="H14384" s="6" t="s">
        <v>26743</v>
      </c>
      <c r="I14384" s="7">
        <v>3.3213339</v>
      </c>
      <c r="J14384" s="8">
        <v>-76.235360999999997</v>
      </c>
    </row>
    <row r="14385" spans="1:10" x14ac:dyDescent="0.35">
      <c r="A14385" s="5" t="s">
        <v>10</v>
      </c>
      <c r="B14385" s="6">
        <v>246788</v>
      </c>
      <c r="C14385" s="6" t="s">
        <v>11</v>
      </c>
      <c r="D14385" s="6" t="s">
        <v>10751</v>
      </c>
      <c r="E14385" s="6">
        <v>25823</v>
      </c>
      <c r="F14385" s="6" t="s">
        <v>18</v>
      </c>
      <c r="G14385" s="6" t="s">
        <v>26744</v>
      </c>
      <c r="H14385" s="6" t="s">
        <v>26745</v>
      </c>
      <c r="I14385" s="7">
        <v>4.8057089</v>
      </c>
      <c r="J14385" s="8">
        <v>-74.105373799999995</v>
      </c>
    </row>
    <row r="14386" spans="1:10" x14ac:dyDescent="0.35">
      <c r="A14386" s="5" t="s">
        <v>10</v>
      </c>
      <c r="B14386" s="6">
        <v>246787</v>
      </c>
      <c r="C14386" s="6" t="s">
        <v>55</v>
      </c>
      <c r="D14386" s="6" t="s">
        <v>1151</v>
      </c>
      <c r="E14386" s="6">
        <v>73349</v>
      </c>
      <c r="F14386" s="6" t="s">
        <v>18</v>
      </c>
      <c r="G14386" s="6" t="s">
        <v>26746</v>
      </c>
      <c r="H14386" s="6" t="s">
        <v>26747</v>
      </c>
      <c r="I14386" s="7">
        <v>5.1993457999999997</v>
      </c>
      <c r="J14386" s="8">
        <v>-74.748345400000005</v>
      </c>
    </row>
    <row r="14387" spans="1:10" x14ac:dyDescent="0.35">
      <c r="A14387" s="5" t="s">
        <v>10</v>
      </c>
      <c r="B14387" s="6">
        <v>246843</v>
      </c>
      <c r="C14387" s="6" t="s">
        <v>11</v>
      </c>
      <c r="D14387" s="6" t="s">
        <v>4089</v>
      </c>
      <c r="E14387" s="6">
        <v>25777</v>
      </c>
      <c r="F14387" s="6" t="s">
        <v>18</v>
      </c>
      <c r="G14387" s="6" t="s">
        <v>26748</v>
      </c>
      <c r="H14387" s="6" t="s">
        <v>26749</v>
      </c>
      <c r="I14387" s="7">
        <v>5.0614388999999997</v>
      </c>
      <c r="J14387" s="8">
        <v>-74.237127999999998</v>
      </c>
    </row>
    <row r="14388" spans="1:10" x14ac:dyDescent="0.35">
      <c r="A14388" s="5" t="s">
        <v>10</v>
      </c>
      <c r="B14388" s="6">
        <v>246880</v>
      </c>
      <c r="C14388" s="6" t="s">
        <v>117</v>
      </c>
      <c r="D14388" s="6" t="s">
        <v>1334</v>
      </c>
      <c r="E14388" s="6">
        <v>76001</v>
      </c>
      <c r="F14388" s="6" t="s">
        <v>18</v>
      </c>
      <c r="G14388" s="6" t="s">
        <v>26750</v>
      </c>
      <c r="H14388" s="6" t="s">
        <v>26751</v>
      </c>
      <c r="I14388" s="7">
        <v>3.4193205999999998</v>
      </c>
      <c r="J14388" s="8">
        <v>-76.519231599999998</v>
      </c>
    </row>
    <row r="14389" spans="1:10" x14ac:dyDescent="0.35">
      <c r="A14389" s="5" t="s">
        <v>10</v>
      </c>
      <c r="B14389" s="6">
        <v>246873</v>
      </c>
      <c r="C14389" s="6" t="s">
        <v>68</v>
      </c>
      <c r="D14389" s="6" t="s">
        <v>69</v>
      </c>
      <c r="E14389" s="6">
        <v>11001</v>
      </c>
      <c r="F14389" s="6" t="s">
        <v>18</v>
      </c>
      <c r="G14389" s="6" t="s">
        <v>26752</v>
      </c>
      <c r="H14389" s="6" t="s">
        <v>26753</v>
      </c>
      <c r="I14389" s="7">
        <v>4.5737033</v>
      </c>
      <c r="J14389" s="8">
        <v>-74.151249800000002</v>
      </c>
    </row>
    <row r="14390" spans="1:10" x14ac:dyDescent="0.35">
      <c r="A14390" s="5" t="s">
        <v>10</v>
      </c>
      <c r="B14390" s="6">
        <v>245920</v>
      </c>
      <c r="C14390" s="6" t="s">
        <v>11</v>
      </c>
      <c r="D14390" s="6" t="s">
        <v>21</v>
      </c>
      <c r="E14390" s="6">
        <v>25386</v>
      </c>
      <c r="F14390" s="6" t="s">
        <v>18</v>
      </c>
      <c r="G14390" s="6" t="s">
        <v>26754</v>
      </c>
      <c r="H14390" s="6" t="s">
        <v>26755</v>
      </c>
      <c r="I14390" s="7">
        <v>4.6301414999999997</v>
      </c>
      <c r="J14390" s="8">
        <v>-74.462623100000002</v>
      </c>
    </row>
    <row r="14391" spans="1:10" x14ac:dyDescent="0.35">
      <c r="A14391" s="5" t="s">
        <v>10</v>
      </c>
      <c r="B14391" s="6">
        <v>248118</v>
      </c>
      <c r="C14391" s="6" t="s">
        <v>42</v>
      </c>
      <c r="D14391" s="6" t="s">
        <v>43</v>
      </c>
      <c r="E14391" s="6">
        <v>17001</v>
      </c>
      <c r="F14391" s="6" t="s">
        <v>18</v>
      </c>
      <c r="G14391" s="6" t="s">
        <v>26756</v>
      </c>
      <c r="H14391" s="6" t="s">
        <v>26757</v>
      </c>
      <c r="I14391" s="7">
        <v>5.0705422999999996</v>
      </c>
      <c r="J14391" s="8">
        <v>-75.494285599999998</v>
      </c>
    </row>
    <row r="14392" spans="1:10" x14ac:dyDescent="0.35">
      <c r="A14392" s="5" t="s">
        <v>10</v>
      </c>
      <c r="B14392" s="6">
        <v>248533</v>
      </c>
      <c r="C14392" s="6" t="s">
        <v>42</v>
      </c>
      <c r="D14392" s="6" t="s">
        <v>43</v>
      </c>
      <c r="E14392" s="6">
        <v>17001</v>
      </c>
      <c r="F14392" s="6" t="s">
        <v>18</v>
      </c>
      <c r="G14392" s="6" t="s">
        <v>26758</v>
      </c>
      <c r="H14392" s="6" t="s">
        <v>26759</v>
      </c>
      <c r="I14392" s="7">
        <v>5.0686518999999999</v>
      </c>
      <c r="J14392" s="8">
        <v>-75.517787600000005</v>
      </c>
    </row>
    <row r="14393" spans="1:10" x14ac:dyDescent="0.35">
      <c r="A14393" s="5" t="s">
        <v>10</v>
      </c>
      <c r="B14393" s="6">
        <v>228942</v>
      </c>
      <c r="C14393" s="6" t="s">
        <v>68</v>
      </c>
      <c r="D14393" s="6" t="s">
        <v>69</v>
      </c>
      <c r="E14393" s="6">
        <v>11001</v>
      </c>
      <c r="F14393" s="6" t="s">
        <v>18</v>
      </c>
      <c r="G14393" s="6" t="s">
        <v>26760</v>
      </c>
      <c r="H14393" s="6" t="s">
        <v>26761</v>
      </c>
      <c r="I14393" s="7">
        <v>4.5096501</v>
      </c>
      <c r="J14393" s="8">
        <v>-74.109723200000005</v>
      </c>
    </row>
    <row r="14394" spans="1:10" x14ac:dyDescent="0.35">
      <c r="A14394" s="5" t="s">
        <v>10</v>
      </c>
      <c r="B14394" s="6">
        <v>228946</v>
      </c>
      <c r="C14394" s="6" t="s">
        <v>68</v>
      </c>
      <c r="D14394" s="6" t="s">
        <v>69</v>
      </c>
      <c r="E14394" s="6">
        <v>11001</v>
      </c>
      <c r="F14394" s="6" t="s">
        <v>18</v>
      </c>
      <c r="G14394" s="6" t="s">
        <v>26762</v>
      </c>
      <c r="H14394" s="6" t="s">
        <v>26763</v>
      </c>
      <c r="I14394" s="7">
        <v>4.5817056999999997</v>
      </c>
      <c r="J14394" s="8">
        <v>-74.1154461</v>
      </c>
    </row>
    <row r="14395" spans="1:10" x14ac:dyDescent="0.35">
      <c r="A14395" s="5" t="s">
        <v>10</v>
      </c>
      <c r="B14395" s="6">
        <v>235812</v>
      </c>
      <c r="C14395" s="6" t="s">
        <v>278</v>
      </c>
      <c r="D14395" s="6" t="s">
        <v>279</v>
      </c>
      <c r="E14395" s="6">
        <v>50001</v>
      </c>
      <c r="F14395" s="6" t="s">
        <v>18</v>
      </c>
      <c r="G14395" s="6" t="s">
        <v>26764</v>
      </c>
      <c r="H14395" s="6" t="s">
        <v>26765</v>
      </c>
      <c r="I14395" s="7">
        <v>4.1491688</v>
      </c>
      <c r="J14395" s="8">
        <v>-73.628547499999996</v>
      </c>
    </row>
    <row r="14396" spans="1:10" x14ac:dyDescent="0.35">
      <c r="A14396" s="5" t="s">
        <v>10</v>
      </c>
      <c r="B14396" s="6">
        <v>238036</v>
      </c>
      <c r="C14396" s="6" t="s">
        <v>24</v>
      </c>
      <c r="D14396" s="6" t="s">
        <v>2199</v>
      </c>
      <c r="E14396" s="6">
        <v>15507</v>
      </c>
      <c r="F14396" s="6" t="s">
        <v>18</v>
      </c>
      <c r="G14396" s="6" t="s">
        <v>26766</v>
      </c>
      <c r="H14396" s="6" t="s">
        <v>26767</v>
      </c>
      <c r="I14396" s="7">
        <v>5.6585140000000003</v>
      </c>
      <c r="J14396" s="8">
        <v>-74.181141999999994</v>
      </c>
    </row>
    <row r="14397" spans="1:10" x14ac:dyDescent="0.35">
      <c r="A14397" s="5" t="s">
        <v>10</v>
      </c>
      <c r="B14397" s="6">
        <v>243582</v>
      </c>
      <c r="C14397" s="6" t="s">
        <v>28</v>
      </c>
      <c r="D14397" s="6" t="s">
        <v>489</v>
      </c>
      <c r="E14397" s="6">
        <v>54172</v>
      </c>
      <c r="F14397" s="6" t="s">
        <v>18</v>
      </c>
      <c r="G14397" s="6" t="s">
        <v>26768</v>
      </c>
      <c r="H14397" s="6" t="s">
        <v>26769</v>
      </c>
      <c r="I14397" s="7">
        <v>7.6071073</v>
      </c>
      <c r="J14397" s="8">
        <v>-72.601631100000006</v>
      </c>
    </row>
    <row r="14398" spans="1:10" x14ac:dyDescent="0.35">
      <c r="A14398" s="5" t="s">
        <v>10</v>
      </c>
      <c r="B14398" s="6">
        <v>243700</v>
      </c>
      <c r="C14398" s="6" t="s">
        <v>68</v>
      </c>
      <c r="D14398" s="6" t="s">
        <v>69</v>
      </c>
      <c r="E14398" s="6">
        <v>11001</v>
      </c>
      <c r="F14398" s="6" t="s">
        <v>18</v>
      </c>
      <c r="G14398" s="6" t="s">
        <v>26770</v>
      </c>
      <c r="H14398" s="6" t="s">
        <v>26771</v>
      </c>
      <c r="I14398" s="7">
        <v>4.5416338999999999</v>
      </c>
      <c r="J14398" s="8">
        <v>-74.080038400000007</v>
      </c>
    </row>
    <row r="14399" spans="1:10" x14ac:dyDescent="0.35">
      <c r="A14399" s="5" t="s">
        <v>10</v>
      </c>
      <c r="B14399" s="6">
        <v>243704</v>
      </c>
      <c r="C14399" s="6" t="s">
        <v>68</v>
      </c>
      <c r="D14399" s="6" t="s">
        <v>69</v>
      </c>
      <c r="E14399" s="6">
        <v>11001</v>
      </c>
      <c r="F14399" s="6" t="s">
        <v>18</v>
      </c>
      <c r="G14399" s="6" t="s">
        <v>26772</v>
      </c>
      <c r="H14399" s="6" t="s">
        <v>26773</v>
      </c>
      <c r="I14399" s="7">
        <v>4.5505494999999998</v>
      </c>
      <c r="J14399" s="8">
        <v>-74.085414200000002</v>
      </c>
    </row>
    <row r="14400" spans="1:10" x14ac:dyDescent="0.35">
      <c r="A14400" s="5" t="s">
        <v>10</v>
      </c>
      <c r="B14400" s="6">
        <v>244278</v>
      </c>
      <c r="C14400" s="6" t="s">
        <v>55</v>
      </c>
      <c r="D14400" s="6" t="s">
        <v>56</v>
      </c>
      <c r="E14400" s="6">
        <v>73001</v>
      </c>
      <c r="F14400" s="6" t="s">
        <v>18</v>
      </c>
      <c r="G14400" s="6" t="s">
        <v>26774</v>
      </c>
      <c r="H14400" s="6" t="s">
        <v>26775</v>
      </c>
      <c r="I14400" s="7">
        <v>4.4276045999999996</v>
      </c>
      <c r="J14400" s="8">
        <v>-75.218518000000003</v>
      </c>
    </row>
    <row r="14401" spans="1:10" x14ac:dyDescent="0.35">
      <c r="A14401" s="5" t="s">
        <v>10</v>
      </c>
      <c r="B14401" s="6">
        <v>244391</v>
      </c>
      <c r="C14401" s="6" t="s">
        <v>278</v>
      </c>
      <c r="D14401" s="6" t="s">
        <v>3651</v>
      </c>
      <c r="E14401" s="6">
        <v>50313</v>
      </c>
      <c r="F14401" s="6" t="s">
        <v>18</v>
      </c>
      <c r="G14401" s="6" t="s">
        <v>26776</v>
      </c>
      <c r="H14401" s="6" t="s">
        <v>26777</v>
      </c>
      <c r="I14401" s="7">
        <v>4.1369294999999999</v>
      </c>
      <c r="J14401" s="8">
        <v>-73.615697800000007</v>
      </c>
    </row>
    <row r="14402" spans="1:10" x14ac:dyDescent="0.35">
      <c r="A14402" s="5" t="s">
        <v>10</v>
      </c>
      <c r="B14402" s="6">
        <v>244556</v>
      </c>
      <c r="C14402" s="6" t="s">
        <v>28</v>
      </c>
      <c r="D14402" s="6" t="s">
        <v>29</v>
      </c>
      <c r="E14402" s="6">
        <v>54001</v>
      </c>
      <c r="F14402" s="6" t="s">
        <v>18</v>
      </c>
      <c r="G14402" s="6" t="s">
        <v>26778</v>
      </c>
      <c r="H14402" s="6" t="s">
        <v>26779</v>
      </c>
      <c r="I14402" s="7">
        <v>7.8853603999999997</v>
      </c>
      <c r="J14402" s="8">
        <v>-72.5049767</v>
      </c>
    </row>
    <row r="14403" spans="1:10" x14ac:dyDescent="0.35">
      <c r="A14403" s="5" t="s">
        <v>10</v>
      </c>
      <c r="B14403" s="6">
        <v>233918</v>
      </c>
      <c r="C14403" s="6" t="s">
        <v>55</v>
      </c>
      <c r="D14403" s="6" t="s">
        <v>731</v>
      </c>
      <c r="E14403" s="6">
        <v>73268</v>
      </c>
      <c r="F14403" s="6" t="s">
        <v>13</v>
      </c>
      <c r="G14403" s="6" t="s">
        <v>26780</v>
      </c>
      <c r="H14403" s="6" t="s">
        <v>26781</v>
      </c>
      <c r="I14403" s="7">
        <v>4.0239355999999997</v>
      </c>
      <c r="J14403" s="8">
        <v>-74.968453499999995</v>
      </c>
    </row>
    <row r="14404" spans="1:10" x14ac:dyDescent="0.35">
      <c r="A14404" s="5" t="s">
        <v>10</v>
      </c>
      <c r="B14404" s="6">
        <v>244889</v>
      </c>
      <c r="C14404" s="6" t="s">
        <v>68</v>
      </c>
      <c r="D14404" s="6" t="s">
        <v>69</v>
      </c>
      <c r="E14404" s="6">
        <v>11001</v>
      </c>
      <c r="F14404" s="6" t="s">
        <v>18</v>
      </c>
      <c r="G14404" s="6" t="s">
        <v>26782</v>
      </c>
      <c r="H14404" s="6" t="s">
        <v>26783</v>
      </c>
      <c r="I14404" s="7">
        <v>4.6245390999999998</v>
      </c>
      <c r="J14404" s="8">
        <v>-74.199016099999994</v>
      </c>
    </row>
    <row r="14405" spans="1:10" x14ac:dyDescent="0.35">
      <c r="A14405" s="5" t="s">
        <v>10</v>
      </c>
      <c r="B14405" s="6">
        <v>244981</v>
      </c>
      <c r="C14405" s="6" t="s">
        <v>68</v>
      </c>
      <c r="D14405" s="6" t="s">
        <v>69</v>
      </c>
      <c r="E14405" s="6">
        <v>11001</v>
      </c>
      <c r="F14405" s="6" t="s">
        <v>18</v>
      </c>
      <c r="G14405" s="6" t="s">
        <v>26784</v>
      </c>
      <c r="H14405" s="6" t="s">
        <v>26785</v>
      </c>
      <c r="I14405" s="7">
        <v>4.6814062999999999</v>
      </c>
      <c r="J14405" s="8">
        <v>-74.092716999999993</v>
      </c>
    </row>
    <row r="14406" spans="1:10" x14ac:dyDescent="0.35">
      <c r="A14406" s="5" t="s">
        <v>10</v>
      </c>
      <c r="B14406" s="6">
        <v>245144</v>
      </c>
      <c r="C14406" s="6" t="s">
        <v>68</v>
      </c>
      <c r="D14406" s="6" t="s">
        <v>69</v>
      </c>
      <c r="E14406" s="6">
        <v>11001</v>
      </c>
      <c r="F14406" s="6" t="s">
        <v>18</v>
      </c>
      <c r="G14406" s="6" t="s">
        <v>26786</v>
      </c>
      <c r="H14406" s="6" t="s">
        <v>26787</v>
      </c>
      <c r="I14406" s="7">
        <v>4.6643337999999996</v>
      </c>
      <c r="J14406" s="8">
        <v>-74.061257400000002</v>
      </c>
    </row>
    <row r="14407" spans="1:10" x14ac:dyDescent="0.35">
      <c r="A14407" s="5" t="s">
        <v>10</v>
      </c>
      <c r="B14407" s="6">
        <v>245165</v>
      </c>
      <c r="C14407" s="6" t="s">
        <v>278</v>
      </c>
      <c r="D14407" s="6" t="s">
        <v>279</v>
      </c>
      <c r="E14407" s="6">
        <v>50001</v>
      </c>
      <c r="F14407" s="6" t="s">
        <v>18</v>
      </c>
      <c r="G14407" s="6" t="s">
        <v>26788</v>
      </c>
      <c r="H14407" s="6" t="s">
        <v>26789</v>
      </c>
      <c r="I14407" s="7">
        <v>4.1271095999999998</v>
      </c>
      <c r="J14407" s="8">
        <v>-73.6276546</v>
      </c>
    </row>
    <row r="14408" spans="1:10" x14ac:dyDescent="0.35">
      <c r="A14408" s="5" t="s">
        <v>10</v>
      </c>
      <c r="B14408" s="6">
        <v>245319</v>
      </c>
      <c r="C14408" s="6" t="s">
        <v>109</v>
      </c>
      <c r="D14408" s="6" t="s">
        <v>461</v>
      </c>
      <c r="E14408" s="6">
        <v>13654</v>
      </c>
      <c r="F14408" s="6" t="s">
        <v>18</v>
      </c>
      <c r="G14408" s="6" t="s">
        <v>26555</v>
      </c>
      <c r="H14408" s="6" t="s">
        <v>26790</v>
      </c>
      <c r="I14408" s="7">
        <v>9.8297141999999997</v>
      </c>
      <c r="J14408" s="8">
        <v>-75.122949000000006</v>
      </c>
    </row>
    <row r="14409" spans="1:10" x14ac:dyDescent="0.35">
      <c r="A14409" s="5" t="s">
        <v>10</v>
      </c>
      <c r="B14409" s="6">
        <v>245348</v>
      </c>
      <c r="C14409" s="6" t="s">
        <v>24</v>
      </c>
      <c r="D14409" s="6" t="s">
        <v>2199</v>
      </c>
      <c r="E14409" s="6">
        <v>15507</v>
      </c>
      <c r="F14409" s="6" t="s">
        <v>18</v>
      </c>
      <c r="G14409" s="6" t="s">
        <v>26791</v>
      </c>
      <c r="H14409" s="6" t="s">
        <v>26792</v>
      </c>
      <c r="I14409" s="7">
        <v>5.6578637000000001</v>
      </c>
      <c r="J14409" s="8">
        <v>-74.181716499999993</v>
      </c>
    </row>
    <row r="14410" spans="1:10" x14ac:dyDescent="0.35">
      <c r="A14410" s="5" t="s">
        <v>10</v>
      </c>
      <c r="B14410" s="6">
        <v>245369</v>
      </c>
      <c r="C14410" s="6" t="s">
        <v>68</v>
      </c>
      <c r="D14410" s="6" t="s">
        <v>69</v>
      </c>
      <c r="E14410" s="6">
        <v>11001</v>
      </c>
      <c r="F14410" s="6" t="s">
        <v>18</v>
      </c>
      <c r="G14410" s="6" t="s">
        <v>26793</v>
      </c>
      <c r="H14410" s="6" t="s">
        <v>26794</v>
      </c>
      <c r="I14410" s="7">
        <v>4.5746158000000001</v>
      </c>
      <c r="J14410" s="8">
        <v>-74.103413099999997</v>
      </c>
    </row>
    <row r="14411" spans="1:10" x14ac:dyDescent="0.35">
      <c r="A14411" s="5" t="s">
        <v>10</v>
      </c>
      <c r="B14411" s="6">
        <v>245428</v>
      </c>
      <c r="C14411" s="6" t="s">
        <v>117</v>
      </c>
      <c r="D14411" s="6" t="s">
        <v>5316</v>
      </c>
      <c r="E14411" s="6">
        <v>76109</v>
      </c>
      <c r="F14411" s="6" t="s">
        <v>18</v>
      </c>
      <c r="G14411" s="6" t="s">
        <v>26795</v>
      </c>
      <c r="H14411" s="6" t="s">
        <v>26796</v>
      </c>
      <c r="I14411" s="7">
        <v>3.8771483</v>
      </c>
      <c r="J14411" s="8">
        <v>-76.998199700000001</v>
      </c>
    </row>
    <row r="14412" spans="1:10" x14ac:dyDescent="0.35">
      <c r="A14412" s="5" t="s">
        <v>10</v>
      </c>
      <c r="B14412" s="6">
        <v>245600</v>
      </c>
      <c r="C14412" s="6" t="s">
        <v>68</v>
      </c>
      <c r="D14412" s="6" t="s">
        <v>69</v>
      </c>
      <c r="E14412" s="6">
        <v>11001</v>
      </c>
      <c r="F14412" s="6" t="s">
        <v>18</v>
      </c>
      <c r="G14412" s="6" t="s">
        <v>26797</v>
      </c>
      <c r="H14412" s="6" t="s">
        <v>26798</v>
      </c>
      <c r="I14412" s="7">
        <v>4.6302618999999998</v>
      </c>
      <c r="J14412" s="8">
        <v>-74.181117900000004</v>
      </c>
    </row>
    <row r="14413" spans="1:10" x14ac:dyDescent="0.35">
      <c r="A14413" s="5" t="s">
        <v>10</v>
      </c>
      <c r="B14413" s="6">
        <v>245641</v>
      </c>
      <c r="C14413" s="6" t="s">
        <v>11</v>
      </c>
      <c r="D14413" s="6" t="s">
        <v>901</v>
      </c>
      <c r="E14413" s="6">
        <v>25307</v>
      </c>
      <c r="F14413" s="6" t="s">
        <v>18</v>
      </c>
      <c r="G14413" s="6" t="s">
        <v>26799</v>
      </c>
      <c r="H14413" s="6" t="s">
        <v>26800</v>
      </c>
      <c r="I14413" s="7">
        <v>4.2984239000000004</v>
      </c>
      <c r="J14413" s="8">
        <v>-74.805633499999999</v>
      </c>
    </row>
    <row r="14414" spans="1:10" x14ac:dyDescent="0.35">
      <c r="A14414" s="5" t="s">
        <v>10</v>
      </c>
      <c r="B14414" s="6">
        <v>246264</v>
      </c>
      <c r="C14414" s="6" t="s">
        <v>11</v>
      </c>
      <c r="D14414" s="6" t="s">
        <v>901</v>
      </c>
      <c r="E14414" s="6">
        <v>25307</v>
      </c>
      <c r="F14414" s="6" t="s">
        <v>18</v>
      </c>
      <c r="G14414" s="6" t="s">
        <v>26801</v>
      </c>
      <c r="H14414" s="6" t="s">
        <v>26802</v>
      </c>
      <c r="I14414" s="7">
        <v>4.3008139999999999</v>
      </c>
      <c r="J14414" s="8">
        <v>-74.813722900000002</v>
      </c>
    </row>
    <row r="14415" spans="1:10" x14ac:dyDescent="0.35">
      <c r="A14415" s="5" t="s">
        <v>10</v>
      </c>
      <c r="B14415" s="6">
        <v>246457</v>
      </c>
      <c r="C14415" s="6" t="s">
        <v>109</v>
      </c>
      <c r="D14415" s="6" t="s">
        <v>3171</v>
      </c>
      <c r="E14415" s="6">
        <v>13244</v>
      </c>
      <c r="F14415" s="6" t="s">
        <v>18</v>
      </c>
      <c r="G14415" s="6" t="s">
        <v>26803</v>
      </c>
      <c r="H14415" s="6" t="s">
        <v>26804</v>
      </c>
      <c r="I14415" s="7">
        <v>9.7180213000000002</v>
      </c>
      <c r="J14415" s="8">
        <v>-75.120988699999998</v>
      </c>
    </row>
    <row r="14416" spans="1:10" x14ac:dyDescent="0.35">
      <c r="A14416" s="5" t="s">
        <v>10</v>
      </c>
      <c r="B14416" s="6">
        <v>246507</v>
      </c>
      <c r="C14416" s="6" t="s">
        <v>7527</v>
      </c>
      <c r="D14416" s="6" t="s">
        <v>8759</v>
      </c>
      <c r="E14416" s="6">
        <v>27001</v>
      </c>
      <c r="F14416" s="6" t="s">
        <v>18</v>
      </c>
      <c r="G14416" s="6" t="s">
        <v>26805</v>
      </c>
      <c r="H14416" s="6" t="s">
        <v>26806</v>
      </c>
      <c r="I14416" s="7">
        <v>5.6942279999999998</v>
      </c>
      <c r="J14416" s="8">
        <v>-76.660354400000003</v>
      </c>
    </row>
    <row r="14417" spans="1:10" x14ac:dyDescent="0.35">
      <c r="A14417" s="5" t="s">
        <v>10</v>
      </c>
      <c r="B14417" s="6">
        <v>246676</v>
      </c>
      <c r="C14417" s="6" t="s">
        <v>308</v>
      </c>
      <c r="D14417" s="6" t="s">
        <v>8338</v>
      </c>
      <c r="E14417" s="6">
        <v>23555</v>
      </c>
      <c r="F14417" s="6" t="s">
        <v>13</v>
      </c>
      <c r="G14417" s="6" t="s">
        <v>2108</v>
      </c>
      <c r="H14417" s="6" t="s">
        <v>26807</v>
      </c>
      <c r="I14417" s="7">
        <v>8.4127489999999998</v>
      </c>
      <c r="J14417" s="8">
        <v>-75.584047999999996</v>
      </c>
    </row>
    <row r="14418" spans="1:10" x14ac:dyDescent="0.35">
      <c r="A14418" s="5" t="s">
        <v>10</v>
      </c>
      <c r="B14418" s="6">
        <v>246931</v>
      </c>
      <c r="C14418" s="6" t="s">
        <v>190</v>
      </c>
      <c r="D14418" s="6" t="s">
        <v>16556</v>
      </c>
      <c r="E14418" s="6">
        <v>5134</v>
      </c>
      <c r="F14418" s="6" t="s">
        <v>18</v>
      </c>
      <c r="G14418" s="6" t="s">
        <v>3392</v>
      </c>
      <c r="H14418" s="6" t="s">
        <v>26808</v>
      </c>
      <c r="I14418" s="7">
        <v>6.9795575000000003</v>
      </c>
      <c r="J14418" s="8">
        <v>-75.296511499999994</v>
      </c>
    </row>
    <row r="14419" spans="1:10" x14ac:dyDescent="0.35">
      <c r="A14419" s="5" t="s">
        <v>10</v>
      </c>
      <c r="B14419" s="6">
        <v>246980</v>
      </c>
      <c r="C14419" s="6" t="s">
        <v>308</v>
      </c>
      <c r="D14419" s="6" t="s">
        <v>1922</v>
      </c>
      <c r="E14419" s="6">
        <v>23079</v>
      </c>
      <c r="F14419" s="6" t="s">
        <v>13</v>
      </c>
      <c r="G14419" s="6" t="s">
        <v>26809</v>
      </c>
      <c r="H14419" s="6" t="s">
        <v>26810</v>
      </c>
      <c r="I14419" s="7">
        <v>8.2239491999999998</v>
      </c>
      <c r="J14419" s="8">
        <v>-75.482535900000002</v>
      </c>
    </row>
    <row r="14420" spans="1:10" x14ac:dyDescent="0.35">
      <c r="A14420" s="5" t="s">
        <v>10</v>
      </c>
      <c r="B14420" s="6">
        <v>246985</v>
      </c>
      <c r="C14420" s="6" t="s">
        <v>42</v>
      </c>
      <c r="D14420" s="6" t="s">
        <v>18041</v>
      </c>
      <c r="E14420" s="6">
        <v>17446</v>
      </c>
      <c r="F14420" s="6" t="s">
        <v>18</v>
      </c>
      <c r="G14420" s="6" t="s">
        <v>26811</v>
      </c>
      <c r="H14420" s="6" t="s">
        <v>26812</v>
      </c>
      <c r="I14420" s="7">
        <v>5.2838304000000003</v>
      </c>
      <c r="J14420" s="8">
        <v>-75.259491999999995</v>
      </c>
    </row>
    <row r="14421" spans="1:10" x14ac:dyDescent="0.35">
      <c r="A14421" s="5" t="s">
        <v>10</v>
      </c>
      <c r="B14421" s="6">
        <v>247020</v>
      </c>
      <c r="C14421" s="6" t="s">
        <v>190</v>
      </c>
      <c r="D14421" s="6" t="s">
        <v>191</v>
      </c>
      <c r="E14421" s="6">
        <v>5001</v>
      </c>
      <c r="F14421" s="6" t="s">
        <v>18</v>
      </c>
      <c r="G14421" s="6" t="s">
        <v>26813</v>
      </c>
      <c r="H14421" s="6" t="s">
        <v>26814</v>
      </c>
      <c r="I14421" s="7">
        <v>6.2520973</v>
      </c>
      <c r="J14421" s="8">
        <v>-75.566129700000005</v>
      </c>
    </row>
    <row r="14422" spans="1:10" x14ac:dyDescent="0.35">
      <c r="A14422" s="5" t="s">
        <v>10</v>
      </c>
      <c r="B14422" s="6">
        <v>247036</v>
      </c>
      <c r="C14422" s="6" t="s">
        <v>466</v>
      </c>
      <c r="D14422" s="6" t="s">
        <v>1262</v>
      </c>
      <c r="E14422" s="6">
        <v>81001</v>
      </c>
      <c r="F14422" s="6" t="s">
        <v>18</v>
      </c>
      <c r="G14422" s="6" t="s">
        <v>26815</v>
      </c>
      <c r="H14422" s="6" t="s">
        <v>26816</v>
      </c>
      <c r="I14422" s="7">
        <v>7.0774001000000002</v>
      </c>
      <c r="J14422" s="8">
        <v>-70.768048500000006</v>
      </c>
    </row>
    <row r="14423" spans="1:10" x14ac:dyDescent="0.35">
      <c r="A14423" s="5" t="s">
        <v>10</v>
      </c>
      <c r="B14423" s="6">
        <v>247176</v>
      </c>
      <c r="C14423" s="6" t="s">
        <v>68</v>
      </c>
      <c r="D14423" s="6" t="s">
        <v>69</v>
      </c>
      <c r="E14423" s="6">
        <v>11001</v>
      </c>
      <c r="F14423" s="6" t="s">
        <v>18</v>
      </c>
      <c r="G14423" s="6" t="s">
        <v>26817</v>
      </c>
      <c r="H14423" s="6" t="s">
        <v>26818</v>
      </c>
      <c r="I14423" s="7">
        <v>4.6286505</v>
      </c>
      <c r="J14423" s="8">
        <v>-74.111975299999997</v>
      </c>
    </row>
    <row r="14424" spans="1:10" x14ac:dyDescent="0.35">
      <c r="A14424" s="5" t="s">
        <v>10</v>
      </c>
      <c r="B14424" s="6">
        <v>247194</v>
      </c>
      <c r="C14424" s="6" t="s">
        <v>68</v>
      </c>
      <c r="D14424" s="6" t="s">
        <v>69</v>
      </c>
      <c r="E14424" s="6">
        <v>11001</v>
      </c>
      <c r="F14424" s="6" t="s">
        <v>18</v>
      </c>
      <c r="G14424" s="6" t="s">
        <v>10621</v>
      </c>
      <c r="H14424" s="6" t="s">
        <v>26819</v>
      </c>
      <c r="I14424" s="7">
        <v>4.6369965000000004</v>
      </c>
      <c r="J14424" s="8">
        <v>-74.076782199999997</v>
      </c>
    </row>
    <row r="14425" spans="1:10" x14ac:dyDescent="0.35">
      <c r="A14425" s="5" t="s">
        <v>10</v>
      </c>
      <c r="B14425" s="6">
        <v>247204</v>
      </c>
      <c r="C14425" s="6" t="s">
        <v>11</v>
      </c>
      <c r="D14425" s="6" t="s">
        <v>513</v>
      </c>
      <c r="E14425" s="6">
        <v>25286</v>
      </c>
      <c r="F14425" s="6" t="s">
        <v>18</v>
      </c>
      <c r="G14425" s="6" t="s">
        <v>26820</v>
      </c>
      <c r="H14425" s="6" t="s">
        <v>26821</v>
      </c>
      <c r="I14425" s="7">
        <v>4.7161355</v>
      </c>
      <c r="J14425" s="8">
        <v>-74.209179700000007</v>
      </c>
    </row>
    <row r="14426" spans="1:10" x14ac:dyDescent="0.35">
      <c r="A14426" s="5" t="s">
        <v>10</v>
      </c>
      <c r="B14426" s="6">
        <v>247215</v>
      </c>
      <c r="C14426" s="6" t="s">
        <v>68</v>
      </c>
      <c r="D14426" s="6" t="s">
        <v>69</v>
      </c>
      <c r="E14426" s="6">
        <v>11001</v>
      </c>
      <c r="F14426" s="6" t="s">
        <v>18</v>
      </c>
      <c r="G14426" s="6" t="s">
        <v>26822</v>
      </c>
      <c r="H14426" s="6" t="s">
        <v>26823</v>
      </c>
      <c r="I14426" s="7">
        <v>4.7109886000000003</v>
      </c>
      <c r="J14426" s="8">
        <v>-74.072091999999998</v>
      </c>
    </row>
    <row r="14427" spans="1:10" x14ac:dyDescent="0.35">
      <c r="A14427" s="5" t="s">
        <v>10</v>
      </c>
      <c r="B14427" s="6">
        <v>247325</v>
      </c>
      <c r="C14427" s="6" t="s">
        <v>68</v>
      </c>
      <c r="D14427" s="6" t="s">
        <v>69</v>
      </c>
      <c r="E14427" s="6">
        <v>11001</v>
      </c>
      <c r="F14427" s="6" t="s">
        <v>18</v>
      </c>
      <c r="G14427" s="6" t="s">
        <v>26824</v>
      </c>
      <c r="H14427" s="6" t="s">
        <v>26825</v>
      </c>
      <c r="I14427" s="7">
        <v>4.6069316000000002</v>
      </c>
      <c r="J14427" s="8">
        <v>-74.085270100000002</v>
      </c>
    </row>
    <row r="14428" spans="1:10" x14ac:dyDescent="0.35">
      <c r="A14428" s="5" t="s">
        <v>10</v>
      </c>
      <c r="B14428" s="6">
        <v>247490</v>
      </c>
      <c r="C14428" s="6" t="s">
        <v>42</v>
      </c>
      <c r="D14428" s="6" t="s">
        <v>43</v>
      </c>
      <c r="E14428" s="6">
        <v>17001</v>
      </c>
      <c r="F14428" s="6" t="s">
        <v>18</v>
      </c>
      <c r="G14428" s="6" t="s">
        <v>26826</v>
      </c>
      <c r="H14428" s="6" t="s">
        <v>26827</v>
      </c>
      <c r="I14428" s="7">
        <v>5.0513753000000001</v>
      </c>
      <c r="J14428" s="8">
        <v>-75.497072500000002</v>
      </c>
    </row>
    <row r="14429" spans="1:10" x14ac:dyDescent="0.35">
      <c r="A14429" s="5" t="s">
        <v>10</v>
      </c>
      <c r="B14429" s="6">
        <v>247555</v>
      </c>
      <c r="C14429" s="6" t="s">
        <v>68</v>
      </c>
      <c r="D14429" s="6" t="s">
        <v>69</v>
      </c>
      <c r="E14429" s="6">
        <v>11001</v>
      </c>
      <c r="F14429" s="6" t="s">
        <v>18</v>
      </c>
      <c r="G14429" s="6" t="s">
        <v>2430</v>
      </c>
      <c r="H14429" s="6" t="s">
        <v>26828</v>
      </c>
      <c r="I14429" s="7">
        <v>4.6751718000000002</v>
      </c>
      <c r="J14429" s="8">
        <v>-74.111974099999998</v>
      </c>
    </row>
    <row r="14430" spans="1:10" x14ac:dyDescent="0.35">
      <c r="A14430" s="5" t="s">
        <v>10</v>
      </c>
      <c r="B14430" s="6">
        <v>247600</v>
      </c>
      <c r="C14430" s="6" t="s">
        <v>278</v>
      </c>
      <c r="D14430" s="6" t="s">
        <v>279</v>
      </c>
      <c r="E14430" s="6">
        <v>50001</v>
      </c>
      <c r="F14430" s="6" t="s">
        <v>18</v>
      </c>
      <c r="G14430" s="6" t="s">
        <v>26829</v>
      </c>
      <c r="H14430" s="6" t="s">
        <v>26830</v>
      </c>
      <c r="I14430" s="7">
        <v>4.1491688</v>
      </c>
      <c r="J14430" s="8">
        <v>-73.628547499999996</v>
      </c>
    </row>
    <row r="14431" spans="1:10" x14ac:dyDescent="0.35">
      <c r="A14431" s="5" t="s">
        <v>10</v>
      </c>
      <c r="B14431" s="6">
        <v>247670</v>
      </c>
      <c r="C14431" s="6" t="s">
        <v>38</v>
      </c>
      <c r="D14431" s="6" t="s">
        <v>7839</v>
      </c>
      <c r="E14431" s="6">
        <v>19573</v>
      </c>
      <c r="F14431" s="6" t="s">
        <v>18</v>
      </c>
      <c r="G14431" s="6" t="s">
        <v>26831</v>
      </c>
      <c r="H14431" s="6" t="s">
        <v>26832</v>
      </c>
      <c r="I14431" s="7">
        <v>3.4428326</v>
      </c>
      <c r="J14431" s="8">
        <v>-76.522322799999998</v>
      </c>
    </row>
    <row r="14432" spans="1:10" x14ac:dyDescent="0.35">
      <c r="A14432" s="5" t="s">
        <v>10</v>
      </c>
      <c r="B14432" s="6">
        <v>247784</v>
      </c>
      <c r="C14432" s="6" t="s">
        <v>308</v>
      </c>
      <c r="D14432" s="6" t="s">
        <v>309</v>
      </c>
      <c r="E14432" s="6">
        <v>23001</v>
      </c>
      <c r="F14432" s="6" t="s">
        <v>18</v>
      </c>
      <c r="G14432" s="6" t="s">
        <v>21472</v>
      </c>
      <c r="H14432" s="6" t="s">
        <v>26833</v>
      </c>
      <c r="I14432" s="7">
        <v>8.7656468000000007</v>
      </c>
      <c r="J14432" s="8">
        <v>-75.875690399999996</v>
      </c>
    </row>
    <row r="14433" spans="1:10" x14ac:dyDescent="0.35">
      <c r="A14433" s="5" t="s">
        <v>10</v>
      </c>
      <c r="B14433" s="6">
        <v>247876</v>
      </c>
      <c r="C14433" s="6" t="s">
        <v>294</v>
      </c>
      <c r="D14433" s="6" t="s">
        <v>4257</v>
      </c>
      <c r="E14433" s="6">
        <v>41524</v>
      </c>
      <c r="F14433" s="6" t="s">
        <v>18</v>
      </c>
      <c r="G14433" s="6" t="s">
        <v>26834</v>
      </c>
      <c r="H14433" s="6" t="s">
        <v>26835</v>
      </c>
      <c r="I14433" s="7">
        <v>2.8893837000000002</v>
      </c>
      <c r="J14433" s="8">
        <v>-75.434764799999996</v>
      </c>
    </row>
    <row r="14434" spans="1:10" x14ac:dyDescent="0.35">
      <c r="A14434" s="5" t="s">
        <v>10</v>
      </c>
      <c r="B14434" s="6">
        <v>247879</v>
      </c>
      <c r="C14434" s="6" t="s">
        <v>294</v>
      </c>
      <c r="D14434" s="6" t="s">
        <v>703</v>
      </c>
      <c r="E14434" s="6">
        <v>41001</v>
      </c>
      <c r="F14434" s="6" t="s">
        <v>18</v>
      </c>
      <c r="G14434" s="6" t="s">
        <v>26836</v>
      </c>
      <c r="H14434" s="6" t="s">
        <v>26837</v>
      </c>
      <c r="I14434" s="7">
        <v>2.9704896000000001</v>
      </c>
      <c r="J14434" s="8">
        <v>-75.287768700000001</v>
      </c>
    </row>
    <row r="14435" spans="1:10" x14ac:dyDescent="0.35">
      <c r="A14435" s="5" t="s">
        <v>10</v>
      </c>
      <c r="B14435" s="6">
        <v>248223</v>
      </c>
      <c r="C14435" s="6" t="s">
        <v>308</v>
      </c>
      <c r="D14435" s="6" t="s">
        <v>309</v>
      </c>
      <c r="E14435" s="6">
        <v>23001</v>
      </c>
      <c r="F14435" s="6" t="s">
        <v>13</v>
      </c>
      <c r="G14435" s="6" t="s">
        <v>26838</v>
      </c>
      <c r="H14435" s="6" t="s">
        <v>26839</v>
      </c>
      <c r="I14435" s="7">
        <v>8.7582011000000008</v>
      </c>
      <c r="J14435" s="8">
        <v>-75.886061299999994</v>
      </c>
    </row>
    <row r="14436" spans="1:10" x14ac:dyDescent="0.35">
      <c r="A14436" s="5" t="s">
        <v>10</v>
      </c>
      <c r="B14436" s="6">
        <v>248429</v>
      </c>
      <c r="C14436" s="6" t="s">
        <v>68</v>
      </c>
      <c r="D14436" s="6" t="s">
        <v>69</v>
      </c>
      <c r="E14436" s="6">
        <v>11001</v>
      </c>
      <c r="F14436" s="6" t="s">
        <v>18</v>
      </c>
      <c r="G14436" s="6" t="s">
        <v>26840</v>
      </c>
      <c r="H14436" s="6" t="s">
        <v>26841</v>
      </c>
      <c r="I14436" s="7">
        <v>4.7442301999999996</v>
      </c>
      <c r="J14436" s="8">
        <v>-74.127399999999994</v>
      </c>
    </row>
    <row r="14437" spans="1:10" x14ac:dyDescent="0.35">
      <c r="A14437" s="5" t="s">
        <v>10</v>
      </c>
      <c r="B14437" s="6">
        <v>248430</v>
      </c>
      <c r="C14437" s="6" t="s">
        <v>109</v>
      </c>
      <c r="D14437" s="6" t="s">
        <v>227</v>
      </c>
      <c r="E14437" s="6">
        <v>13001</v>
      </c>
      <c r="F14437" s="6" t="s">
        <v>18</v>
      </c>
      <c r="G14437" s="6" t="s">
        <v>26842</v>
      </c>
      <c r="H14437" s="6" t="s">
        <v>26843</v>
      </c>
      <c r="I14437" s="7">
        <v>10.393227700000001</v>
      </c>
      <c r="J14437" s="8">
        <v>-75.483231099999998</v>
      </c>
    </row>
    <row r="14438" spans="1:10" x14ac:dyDescent="0.35">
      <c r="A14438" s="5" t="s">
        <v>10</v>
      </c>
      <c r="B14438" s="6">
        <v>248431</v>
      </c>
      <c r="C14438" s="6" t="s">
        <v>68</v>
      </c>
      <c r="D14438" s="6" t="s">
        <v>69</v>
      </c>
      <c r="E14438" s="6">
        <v>11001</v>
      </c>
      <c r="F14438" s="6" t="s">
        <v>18</v>
      </c>
      <c r="G14438" s="6" t="s">
        <v>26844</v>
      </c>
      <c r="H14438" s="6" t="s">
        <v>26845</v>
      </c>
      <c r="I14438" s="7">
        <v>4.5792061999999998</v>
      </c>
      <c r="J14438" s="8">
        <v>-74.080491100000003</v>
      </c>
    </row>
    <row r="14439" spans="1:10" x14ac:dyDescent="0.35">
      <c r="A14439" s="5" t="s">
        <v>10</v>
      </c>
      <c r="B14439" s="6">
        <v>248465</v>
      </c>
      <c r="C14439" s="6" t="s">
        <v>68</v>
      </c>
      <c r="D14439" s="6" t="s">
        <v>69</v>
      </c>
      <c r="E14439" s="6">
        <v>11001</v>
      </c>
      <c r="F14439" s="6" t="s">
        <v>18</v>
      </c>
      <c r="G14439" s="6" t="s">
        <v>26846</v>
      </c>
      <c r="H14439" s="6" t="s">
        <v>26847</v>
      </c>
      <c r="I14439" s="7">
        <v>4.6832193000000002</v>
      </c>
      <c r="J14439" s="8">
        <v>-74.115869200000006</v>
      </c>
    </row>
    <row r="14440" spans="1:10" x14ac:dyDescent="0.35">
      <c r="A14440" s="5" t="s">
        <v>10</v>
      </c>
      <c r="B14440" s="6">
        <v>248606</v>
      </c>
      <c r="C14440" s="6" t="s">
        <v>302</v>
      </c>
      <c r="D14440" s="6" t="s">
        <v>359</v>
      </c>
      <c r="E14440" s="6">
        <v>8001</v>
      </c>
      <c r="F14440" s="6" t="s">
        <v>18</v>
      </c>
      <c r="G14440" s="6" t="s">
        <v>26848</v>
      </c>
      <c r="H14440" s="6" t="s">
        <v>26849</v>
      </c>
      <c r="I14440" s="7">
        <v>10.9649103</v>
      </c>
      <c r="J14440" s="8">
        <v>-74.824346700000007</v>
      </c>
    </row>
    <row r="14441" spans="1:10" x14ac:dyDescent="0.35">
      <c r="A14441" s="5" t="s">
        <v>10</v>
      </c>
      <c r="B14441" s="6">
        <v>248644</v>
      </c>
      <c r="C14441" s="6" t="s">
        <v>24</v>
      </c>
      <c r="D14441" s="6" t="s">
        <v>26850</v>
      </c>
      <c r="E14441" s="6">
        <v>15232</v>
      </c>
      <c r="F14441" s="6" t="s">
        <v>18</v>
      </c>
      <c r="G14441" s="6" t="s">
        <v>26851</v>
      </c>
      <c r="H14441" s="6" t="s">
        <v>26852</v>
      </c>
      <c r="I14441" s="7">
        <v>5.605683</v>
      </c>
      <c r="J14441" s="8">
        <v>-73.4848681</v>
      </c>
    </row>
    <row r="14442" spans="1:10" x14ac:dyDescent="0.35">
      <c r="A14442" s="5" t="s">
        <v>10</v>
      </c>
      <c r="B14442" s="6">
        <v>248656</v>
      </c>
      <c r="C14442" s="6" t="s">
        <v>68</v>
      </c>
      <c r="D14442" s="6" t="s">
        <v>69</v>
      </c>
      <c r="E14442" s="6">
        <v>11001</v>
      </c>
      <c r="F14442" s="6" t="s">
        <v>18</v>
      </c>
      <c r="G14442" s="6" t="s">
        <v>10104</v>
      </c>
      <c r="H14442" s="6" t="s">
        <v>26853</v>
      </c>
      <c r="I14442" s="7">
        <v>4.6113118999999996</v>
      </c>
      <c r="J14442" s="8">
        <v>-74.076367000000005</v>
      </c>
    </row>
    <row r="14443" spans="1:10" x14ac:dyDescent="0.35">
      <c r="A14443" s="5" t="s">
        <v>10</v>
      </c>
      <c r="B14443" s="6">
        <v>248697</v>
      </c>
      <c r="C14443" s="6" t="s">
        <v>278</v>
      </c>
      <c r="D14443" s="6" t="s">
        <v>1524</v>
      </c>
      <c r="E14443" s="6">
        <v>50318</v>
      </c>
      <c r="F14443" s="6" t="s">
        <v>18</v>
      </c>
      <c r="G14443" s="6" t="s">
        <v>26854</v>
      </c>
      <c r="H14443" s="6" t="s">
        <v>26855</v>
      </c>
      <c r="I14443" s="7">
        <v>3.8804750000000001</v>
      </c>
      <c r="J14443" s="8">
        <v>-73.7698769</v>
      </c>
    </row>
    <row r="14444" spans="1:10" x14ac:dyDescent="0.35">
      <c r="A14444" s="5" t="s">
        <v>10</v>
      </c>
      <c r="B14444" s="6">
        <v>248703</v>
      </c>
      <c r="C14444" s="6" t="s">
        <v>24</v>
      </c>
      <c r="D14444" s="6" t="s">
        <v>1366</v>
      </c>
      <c r="E14444" s="6">
        <v>15051</v>
      </c>
      <c r="F14444" s="6" t="s">
        <v>18</v>
      </c>
      <c r="G14444" s="6" t="s">
        <v>26856</v>
      </c>
      <c r="H14444" s="6" t="s">
        <v>26857</v>
      </c>
      <c r="I14444" s="7">
        <v>5.7541558999999998</v>
      </c>
      <c r="J14444" s="8">
        <v>-73.436268200000001</v>
      </c>
    </row>
    <row r="14445" spans="1:10" x14ac:dyDescent="0.35">
      <c r="A14445" s="5" t="s">
        <v>10</v>
      </c>
      <c r="B14445" s="6">
        <v>248710</v>
      </c>
      <c r="C14445" s="6" t="s">
        <v>68</v>
      </c>
      <c r="D14445" s="6" t="s">
        <v>69</v>
      </c>
      <c r="E14445" s="6">
        <v>11001</v>
      </c>
      <c r="F14445" s="6" t="s">
        <v>18</v>
      </c>
      <c r="G14445" s="6" t="s">
        <v>26858</v>
      </c>
      <c r="H14445" s="6" t="s">
        <v>26859</v>
      </c>
      <c r="I14445" s="7">
        <v>4.7460148999999996</v>
      </c>
      <c r="J14445" s="8">
        <v>-74.121909000000002</v>
      </c>
    </row>
    <row r="14446" spans="1:10" x14ac:dyDescent="0.35">
      <c r="A14446" s="5" t="s">
        <v>10</v>
      </c>
      <c r="B14446" s="6">
        <v>248777</v>
      </c>
      <c r="C14446" s="6" t="s">
        <v>42</v>
      </c>
      <c r="D14446" s="6" t="s">
        <v>1493</v>
      </c>
      <c r="E14446" s="6">
        <v>17873</v>
      </c>
      <c r="F14446" s="6" t="s">
        <v>18</v>
      </c>
      <c r="G14446" s="6" t="s">
        <v>26860</v>
      </c>
      <c r="H14446" s="6" t="s">
        <v>26861</v>
      </c>
      <c r="I14446" s="7">
        <v>5.0434687</v>
      </c>
      <c r="J14446" s="8">
        <v>-75.509494000000004</v>
      </c>
    </row>
    <row r="14447" spans="1:10" x14ac:dyDescent="0.35">
      <c r="A14447" s="5" t="s">
        <v>10</v>
      </c>
      <c r="B14447" s="6">
        <v>248787</v>
      </c>
      <c r="C14447" s="6" t="s">
        <v>61</v>
      </c>
      <c r="D14447" s="6" t="s">
        <v>62</v>
      </c>
      <c r="E14447" s="6">
        <v>63001</v>
      </c>
      <c r="F14447" s="6" t="s">
        <v>18</v>
      </c>
      <c r="G14447" s="6" t="s">
        <v>26862</v>
      </c>
      <c r="H14447" s="6" t="s">
        <v>26863</v>
      </c>
      <c r="I14447" s="7">
        <v>4.5385980999999997</v>
      </c>
      <c r="J14447" s="8">
        <v>-75.673723899999999</v>
      </c>
    </row>
    <row r="14448" spans="1:10" x14ac:dyDescent="0.35">
      <c r="A14448" s="5" t="s">
        <v>10</v>
      </c>
      <c r="B14448" s="6">
        <v>248823</v>
      </c>
      <c r="C14448" s="6" t="s">
        <v>457</v>
      </c>
      <c r="D14448" s="6" t="s">
        <v>13562</v>
      </c>
      <c r="E14448" s="6">
        <v>52233</v>
      </c>
      <c r="F14448" s="6" t="s">
        <v>18</v>
      </c>
      <c r="G14448" s="6" t="s">
        <v>26864</v>
      </c>
      <c r="H14448" s="6" t="s">
        <v>26865</v>
      </c>
      <c r="I14448" s="7">
        <v>1.745698</v>
      </c>
      <c r="J14448" s="8">
        <v>-77.637919999999994</v>
      </c>
    </row>
    <row r="14449" spans="1:10" x14ac:dyDescent="0.35">
      <c r="A14449" s="5" t="s">
        <v>10</v>
      </c>
      <c r="B14449" s="6">
        <v>248829</v>
      </c>
      <c r="C14449" s="6" t="s">
        <v>68</v>
      </c>
      <c r="D14449" s="6" t="s">
        <v>69</v>
      </c>
      <c r="E14449" s="6">
        <v>11001</v>
      </c>
      <c r="F14449" s="6" t="s">
        <v>18</v>
      </c>
      <c r="G14449" s="6" t="s">
        <v>26866</v>
      </c>
      <c r="H14449" s="6" t="s">
        <v>26867</v>
      </c>
      <c r="I14449" s="7">
        <v>4.6750935</v>
      </c>
      <c r="J14449" s="8">
        <v>-74.110575900000001</v>
      </c>
    </row>
    <row r="14450" spans="1:10" x14ac:dyDescent="0.35">
      <c r="A14450" s="5" t="s">
        <v>10</v>
      </c>
      <c r="B14450" s="6">
        <v>248836</v>
      </c>
      <c r="C14450" s="6" t="s">
        <v>117</v>
      </c>
      <c r="D14450" s="6" t="s">
        <v>3492</v>
      </c>
      <c r="E14450" s="6">
        <v>76520</v>
      </c>
      <c r="F14450" s="6" t="s">
        <v>18</v>
      </c>
      <c r="G14450" s="6" t="s">
        <v>26868</v>
      </c>
      <c r="H14450" s="6" t="s">
        <v>26869</v>
      </c>
      <c r="I14450" s="7">
        <v>3.4567774999999998</v>
      </c>
      <c r="J14450" s="8">
        <v>-76.512850599999993</v>
      </c>
    </row>
    <row r="14451" spans="1:10" x14ac:dyDescent="0.35">
      <c r="A14451" s="5" t="s">
        <v>10</v>
      </c>
      <c r="B14451" s="6">
        <v>249005</v>
      </c>
      <c r="C14451" s="6" t="s">
        <v>68</v>
      </c>
      <c r="D14451" s="6" t="s">
        <v>69</v>
      </c>
      <c r="E14451" s="6">
        <v>11001</v>
      </c>
      <c r="F14451" s="6" t="s">
        <v>18</v>
      </c>
      <c r="G14451" s="6" t="s">
        <v>26870</v>
      </c>
      <c r="H14451" s="6" t="s">
        <v>26871</v>
      </c>
      <c r="I14451" s="7">
        <v>4.5763495000000001</v>
      </c>
      <c r="J14451" s="8">
        <v>-74.102499100000003</v>
      </c>
    </row>
    <row r="14452" spans="1:10" x14ac:dyDescent="0.35">
      <c r="A14452" s="5" t="s">
        <v>10</v>
      </c>
      <c r="B14452" s="6">
        <v>225762</v>
      </c>
      <c r="C14452" s="6" t="s">
        <v>302</v>
      </c>
      <c r="D14452" s="6" t="s">
        <v>359</v>
      </c>
      <c r="E14452" s="6">
        <v>8001</v>
      </c>
      <c r="F14452" s="6" t="s">
        <v>13</v>
      </c>
      <c r="G14452" s="6" t="s">
        <v>26872</v>
      </c>
      <c r="H14452" s="6" t="s">
        <v>26873</v>
      </c>
      <c r="I14452" s="7">
        <v>10.952870600000001</v>
      </c>
      <c r="J14452" s="8">
        <v>-74.825844700000005</v>
      </c>
    </row>
    <row r="14453" spans="1:10" x14ac:dyDescent="0.35">
      <c r="A14453" s="5" t="s">
        <v>10</v>
      </c>
      <c r="B14453" s="6">
        <v>249145</v>
      </c>
      <c r="C14453" s="6" t="s">
        <v>68</v>
      </c>
      <c r="D14453" s="6" t="s">
        <v>69</v>
      </c>
      <c r="E14453" s="6">
        <v>11001</v>
      </c>
      <c r="F14453" s="6" t="s">
        <v>18</v>
      </c>
      <c r="G14453" s="6" t="s">
        <v>26874</v>
      </c>
      <c r="H14453" s="6" t="s">
        <v>26875</v>
      </c>
      <c r="I14453" s="7">
        <v>4.540972</v>
      </c>
      <c r="J14453" s="8">
        <v>-74.117968000000005</v>
      </c>
    </row>
    <row r="14454" spans="1:10" x14ac:dyDescent="0.35">
      <c r="A14454" s="5" t="s">
        <v>10</v>
      </c>
      <c r="B14454" s="6">
        <v>249281</v>
      </c>
      <c r="C14454" s="6" t="s">
        <v>61</v>
      </c>
      <c r="D14454" s="6" t="s">
        <v>121</v>
      </c>
      <c r="E14454" s="6">
        <v>63130</v>
      </c>
      <c r="F14454" s="6" t="s">
        <v>18</v>
      </c>
      <c r="G14454" s="6" t="s">
        <v>26876</v>
      </c>
      <c r="H14454" s="6" t="s">
        <v>26877</v>
      </c>
      <c r="I14454" s="7">
        <v>4.5191581999999997</v>
      </c>
      <c r="J14454" s="8">
        <v>-75.651228200000006</v>
      </c>
    </row>
    <row r="14455" spans="1:10" x14ac:dyDescent="0.35">
      <c r="A14455" s="5" t="s">
        <v>10</v>
      </c>
      <c r="B14455" s="6">
        <v>249365</v>
      </c>
      <c r="C14455" s="6" t="s">
        <v>24</v>
      </c>
      <c r="D14455" s="6" t="s">
        <v>5770</v>
      </c>
      <c r="E14455" s="6">
        <v>15740</v>
      </c>
      <c r="F14455" s="6" t="s">
        <v>18</v>
      </c>
      <c r="G14455" s="6" t="s">
        <v>26878</v>
      </c>
      <c r="H14455" s="6" t="s">
        <v>26681</v>
      </c>
      <c r="I14455" s="7">
        <v>5.5125349999999997</v>
      </c>
      <c r="J14455" s="8">
        <v>-73.245619000000005</v>
      </c>
    </row>
    <row r="14456" spans="1:10" x14ac:dyDescent="0.35">
      <c r="A14456" s="5" t="s">
        <v>10</v>
      </c>
      <c r="B14456" s="6">
        <v>249409</v>
      </c>
      <c r="C14456" s="6" t="s">
        <v>24</v>
      </c>
      <c r="D14456" s="6" t="s">
        <v>137</v>
      </c>
      <c r="E14456" s="6">
        <v>15238</v>
      </c>
      <c r="F14456" s="6" t="s">
        <v>18</v>
      </c>
      <c r="G14456" s="6" t="s">
        <v>26879</v>
      </c>
      <c r="H14456" s="6" t="s">
        <v>26880</v>
      </c>
      <c r="I14456" s="7">
        <v>5.8171341999999999</v>
      </c>
      <c r="J14456" s="8">
        <v>-73.034604200000004</v>
      </c>
    </row>
    <row r="14457" spans="1:10" x14ac:dyDescent="0.35">
      <c r="A14457" s="5" t="s">
        <v>10</v>
      </c>
      <c r="B14457" s="6">
        <v>249414</v>
      </c>
      <c r="C14457" s="6" t="s">
        <v>68</v>
      </c>
      <c r="D14457" s="6" t="s">
        <v>69</v>
      </c>
      <c r="E14457" s="6">
        <v>11001</v>
      </c>
      <c r="F14457" s="6" t="s">
        <v>18</v>
      </c>
      <c r="G14457" s="6" t="s">
        <v>26881</v>
      </c>
      <c r="H14457" s="6" t="s">
        <v>26882</v>
      </c>
      <c r="I14457" s="7">
        <v>4.8177146911620996</v>
      </c>
      <c r="J14457" s="8">
        <v>-74.358497619628906</v>
      </c>
    </row>
    <row r="14458" spans="1:10" x14ac:dyDescent="0.35">
      <c r="A14458" s="5" t="s">
        <v>10</v>
      </c>
      <c r="B14458" s="6">
        <v>249431</v>
      </c>
      <c r="C14458" s="6" t="s">
        <v>117</v>
      </c>
      <c r="D14458" s="6" t="s">
        <v>1334</v>
      </c>
      <c r="E14458" s="6">
        <v>76001</v>
      </c>
      <c r="F14458" s="6" t="s">
        <v>18</v>
      </c>
      <c r="G14458" s="6" t="s">
        <v>26883</v>
      </c>
      <c r="H14458" s="6" t="s">
        <v>26884</v>
      </c>
      <c r="I14458" s="7">
        <v>3.4103162</v>
      </c>
      <c r="J14458" s="8">
        <v>-76.513277500000001</v>
      </c>
    </row>
    <row r="14459" spans="1:10" x14ac:dyDescent="0.35">
      <c r="A14459" s="5" t="s">
        <v>10</v>
      </c>
      <c r="B14459" s="6">
        <v>249433</v>
      </c>
      <c r="C14459" s="6" t="s">
        <v>117</v>
      </c>
      <c r="D14459" s="6" t="s">
        <v>1334</v>
      </c>
      <c r="E14459" s="6">
        <v>76001</v>
      </c>
      <c r="F14459" s="6" t="s">
        <v>18</v>
      </c>
      <c r="G14459" s="6" t="s">
        <v>26885</v>
      </c>
      <c r="H14459" s="6" t="s">
        <v>26886</v>
      </c>
      <c r="I14459" s="7">
        <v>3.4641502000000002</v>
      </c>
      <c r="J14459" s="8">
        <v>-76.516132499999998</v>
      </c>
    </row>
    <row r="14460" spans="1:10" x14ac:dyDescent="0.35">
      <c r="A14460" s="5" t="s">
        <v>10</v>
      </c>
      <c r="B14460" s="6">
        <v>249434</v>
      </c>
      <c r="C14460" s="6" t="s">
        <v>278</v>
      </c>
      <c r="D14460" s="6" t="s">
        <v>279</v>
      </c>
      <c r="E14460" s="6">
        <v>50001</v>
      </c>
      <c r="F14460" s="6" t="s">
        <v>18</v>
      </c>
      <c r="G14460" s="6" t="s">
        <v>26887</v>
      </c>
      <c r="H14460" s="6" t="s">
        <v>26888</v>
      </c>
      <c r="I14460" s="7">
        <v>4.1373952999999997</v>
      </c>
      <c r="J14460" s="8">
        <v>-73.629225599999998</v>
      </c>
    </row>
    <row r="14461" spans="1:10" x14ac:dyDescent="0.35">
      <c r="A14461" s="5" t="s">
        <v>10</v>
      </c>
      <c r="B14461" s="6">
        <v>249453</v>
      </c>
      <c r="C14461" s="6" t="s">
        <v>68</v>
      </c>
      <c r="D14461" s="6" t="s">
        <v>69</v>
      </c>
      <c r="E14461" s="6">
        <v>11001</v>
      </c>
      <c r="F14461" s="6" t="s">
        <v>18</v>
      </c>
      <c r="G14461" s="6" t="s">
        <v>26889</v>
      </c>
      <c r="H14461" s="6" t="s">
        <v>26890</v>
      </c>
      <c r="I14461" s="7">
        <v>4.6114048257834899</v>
      </c>
      <c r="J14461" s="8">
        <v>-74.072676518032594</v>
      </c>
    </row>
    <row r="14462" spans="1:10" x14ac:dyDescent="0.35">
      <c r="A14462" s="5" t="s">
        <v>10</v>
      </c>
      <c r="B14462" s="6">
        <v>249510</v>
      </c>
      <c r="C14462" s="6" t="s">
        <v>68</v>
      </c>
      <c r="D14462" s="6" t="s">
        <v>69</v>
      </c>
      <c r="E14462" s="6">
        <v>11001</v>
      </c>
      <c r="F14462" s="6" t="s">
        <v>18</v>
      </c>
      <c r="G14462" s="6" t="s">
        <v>26891</v>
      </c>
      <c r="H14462" s="6" t="s">
        <v>12688</v>
      </c>
      <c r="I14462" s="7">
        <v>4.6069300000000002</v>
      </c>
      <c r="J14462" s="8">
        <v>-74.085270100000002</v>
      </c>
    </row>
    <row r="14463" spans="1:10" x14ac:dyDescent="0.35">
      <c r="A14463" s="5" t="s">
        <v>10</v>
      </c>
      <c r="B14463" s="6">
        <v>249530</v>
      </c>
      <c r="C14463" s="6" t="s">
        <v>61</v>
      </c>
      <c r="D14463" s="6" t="s">
        <v>19055</v>
      </c>
      <c r="E14463" s="6">
        <v>63690</v>
      </c>
      <c r="F14463" s="6" t="s">
        <v>18</v>
      </c>
      <c r="G14463" s="6" t="s">
        <v>26892</v>
      </c>
      <c r="H14463" s="6" t="s">
        <v>26893</v>
      </c>
      <c r="I14463" s="7">
        <v>4.6388509999999998</v>
      </c>
      <c r="J14463" s="8">
        <v>-75.572562399999995</v>
      </c>
    </row>
    <row r="14464" spans="1:10" x14ac:dyDescent="0.35">
      <c r="A14464" s="5" t="s">
        <v>10</v>
      </c>
      <c r="B14464" s="6">
        <v>249552</v>
      </c>
      <c r="C14464" s="6" t="s">
        <v>68</v>
      </c>
      <c r="D14464" s="6" t="s">
        <v>69</v>
      </c>
      <c r="E14464" s="6">
        <v>11001</v>
      </c>
      <c r="F14464" s="6" t="s">
        <v>2161</v>
      </c>
      <c r="G14464" s="6" t="s">
        <v>26894</v>
      </c>
      <c r="H14464" s="6" t="s">
        <v>26895</v>
      </c>
      <c r="I14464" s="7">
        <v>4.5569278000000004</v>
      </c>
      <c r="J14464" s="8">
        <v>-74.141968199999994</v>
      </c>
    </row>
    <row r="14465" spans="1:10" x14ac:dyDescent="0.35">
      <c r="A14465" s="5" t="s">
        <v>10</v>
      </c>
      <c r="B14465" s="6">
        <v>249555</v>
      </c>
      <c r="C14465" s="6" t="s">
        <v>68</v>
      </c>
      <c r="D14465" s="6" t="s">
        <v>69</v>
      </c>
      <c r="E14465" s="6">
        <v>11001</v>
      </c>
      <c r="F14465" s="6" t="s">
        <v>2161</v>
      </c>
      <c r="G14465" s="6" t="s">
        <v>26896</v>
      </c>
      <c r="H14465" s="6" t="s">
        <v>26897</v>
      </c>
      <c r="I14465" s="7">
        <v>4.6313066999999997</v>
      </c>
      <c r="J14465" s="8">
        <v>-74.129158200000006</v>
      </c>
    </row>
    <row r="14466" spans="1:10" x14ac:dyDescent="0.35">
      <c r="A14466" s="5" t="s">
        <v>10</v>
      </c>
      <c r="B14466" s="6">
        <v>249609</v>
      </c>
      <c r="C14466" s="6" t="s">
        <v>11</v>
      </c>
      <c r="D14466" s="6" t="s">
        <v>513</v>
      </c>
      <c r="E14466" s="6">
        <v>25286</v>
      </c>
      <c r="F14466" s="6" t="s">
        <v>18</v>
      </c>
      <c r="G14466" s="6" t="s">
        <v>25900</v>
      </c>
      <c r="H14466" s="6" t="s">
        <v>26898</v>
      </c>
      <c r="I14466" s="7">
        <v>4.7077102999999996</v>
      </c>
      <c r="J14466" s="8">
        <v>-74.213737399999999</v>
      </c>
    </row>
    <row r="14467" spans="1:10" x14ac:dyDescent="0.35">
      <c r="A14467" s="5" t="s">
        <v>10</v>
      </c>
      <c r="B14467" s="6">
        <v>249658</v>
      </c>
      <c r="C14467" s="6" t="s">
        <v>11</v>
      </c>
      <c r="D14467" s="6" t="s">
        <v>8897</v>
      </c>
      <c r="E14467" s="6">
        <v>25335</v>
      </c>
      <c r="F14467" s="6" t="s">
        <v>18</v>
      </c>
      <c r="G14467" s="6" t="s">
        <v>26899</v>
      </c>
      <c r="H14467" s="6" t="s">
        <v>26900</v>
      </c>
      <c r="I14467" s="7">
        <v>4.2165499999999998</v>
      </c>
      <c r="J14467" s="8">
        <v>-73.816550300000003</v>
      </c>
    </row>
    <row r="14468" spans="1:10" x14ac:dyDescent="0.35">
      <c r="A14468" s="5" t="s">
        <v>10</v>
      </c>
      <c r="B14468" s="6">
        <v>249659</v>
      </c>
      <c r="C14468" s="6" t="s">
        <v>117</v>
      </c>
      <c r="D14468" s="6" t="s">
        <v>1334</v>
      </c>
      <c r="E14468" s="6">
        <v>76001</v>
      </c>
      <c r="F14468" s="6" t="s">
        <v>18</v>
      </c>
      <c r="G14468" s="6" t="s">
        <v>26901</v>
      </c>
      <c r="H14468" s="6" t="s">
        <v>26902</v>
      </c>
      <c r="I14468" s="7">
        <v>3.4220817000000001</v>
      </c>
      <c r="J14468" s="8">
        <v>-76.466074899999995</v>
      </c>
    </row>
    <row r="14469" spans="1:10" x14ac:dyDescent="0.35">
      <c r="A14469" s="5" t="s">
        <v>10</v>
      </c>
      <c r="B14469" s="6">
        <v>249689</v>
      </c>
      <c r="C14469" s="6" t="s">
        <v>117</v>
      </c>
      <c r="D14469" s="6" t="s">
        <v>1334</v>
      </c>
      <c r="E14469" s="6">
        <v>76001</v>
      </c>
      <c r="F14469" s="6" t="s">
        <v>18</v>
      </c>
      <c r="G14469" s="6" t="s">
        <v>26903</v>
      </c>
      <c r="H14469" s="6" t="s">
        <v>26904</v>
      </c>
      <c r="I14469" s="7">
        <v>3.4990730000000001</v>
      </c>
      <c r="J14469" s="8">
        <v>-76.495720000000006</v>
      </c>
    </row>
    <row r="14470" spans="1:10" x14ac:dyDescent="0.35">
      <c r="A14470" s="5" t="s">
        <v>10</v>
      </c>
      <c r="B14470" s="6">
        <v>249703</v>
      </c>
      <c r="C14470" s="6" t="s">
        <v>68</v>
      </c>
      <c r="D14470" s="6" t="s">
        <v>69</v>
      </c>
      <c r="E14470" s="6">
        <v>11001</v>
      </c>
      <c r="F14470" s="6" t="s">
        <v>18</v>
      </c>
      <c r="G14470" s="6" t="s">
        <v>26905</v>
      </c>
      <c r="H14470" s="6" t="s">
        <v>26906</v>
      </c>
      <c r="I14470" s="7">
        <v>4.6398229999999998</v>
      </c>
      <c r="J14470" s="8">
        <v>-74.168699000000004</v>
      </c>
    </row>
    <row r="14471" spans="1:10" x14ac:dyDescent="0.35">
      <c r="A14471" s="5" t="s">
        <v>10</v>
      </c>
      <c r="B14471" s="6">
        <v>249734</v>
      </c>
      <c r="C14471" s="6" t="s">
        <v>278</v>
      </c>
      <c r="D14471" s="6" t="s">
        <v>1331</v>
      </c>
      <c r="E14471" s="6">
        <v>50006</v>
      </c>
      <c r="F14471" s="6" t="s">
        <v>18</v>
      </c>
      <c r="G14471" s="6" t="s">
        <v>26907</v>
      </c>
      <c r="H14471" s="6" t="s">
        <v>26908</v>
      </c>
      <c r="I14471" s="7">
        <v>3.9840757999999998</v>
      </c>
      <c r="J14471" s="8">
        <v>73.7776602</v>
      </c>
    </row>
    <row r="14472" spans="1:10" x14ac:dyDescent="0.35">
      <c r="A14472" s="5" t="s">
        <v>10</v>
      </c>
      <c r="B14472" s="6">
        <v>249749</v>
      </c>
      <c r="C14472" s="6" t="s">
        <v>68</v>
      </c>
      <c r="D14472" s="6" t="s">
        <v>69</v>
      </c>
      <c r="E14472" s="6">
        <v>11001</v>
      </c>
      <c r="F14472" s="6" t="s">
        <v>18</v>
      </c>
      <c r="G14472" s="6" t="s">
        <v>26909</v>
      </c>
      <c r="H14472" s="6" t="s">
        <v>26910</v>
      </c>
      <c r="I14472" s="7">
        <v>4.7109886000000003</v>
      </c>
      <c r="J14472" s="8">
        <v>-74.072091999999998</v>
      </c>
    </row>
    <row r="14473" spans="1:10" x14ac:dyDescent="0.35">
      <c r="A14473" s="5" t="s">
        <v>10</v>
      </c>
      <c r="B14473" s="6">
        <v>249790</v>
      </c>
      <c r="C14473" s="6" t="s">
        <v>28</v>
      </c>
      <c r="D14473" s="6" t="s">
        <v>29</v>
      </c>
      <c r="E14473" s="6">
        <v>54001</v>
      </c>
      <c r="F14473" s="6" t="s">
        <v>18</v>
      </c>
      <c r="G14473" s="6" t="s">
        <v>26911</v>
      </c>
      <c r="H14473" s="6" t="s">
        <v>26912</v>
      </c>
      <c r="I14473" s="7">
        <v>7.9037549</v>
      </c>
      <c r="J14473" s="8">
        <v>-72.493595900000003</v>
      </c>
    </row>
    <row r="14474" spans="1:10" x14ac:dyDescent="0.35">
      <c r="A14474" s="5" t="s">
        <v>10</v>
      </c>
      <c r="B14474" s="6">
        <v>249800</v>
      </c>
      <c r="C14474" s="6" t="s">
        <v>68</v>
      </c>
      <c r="D14474" s="6" t="s">
        <v>69</v>
      </c>
      <c r="E14474" s="6">
        <v>11001</v>
      </c>
      <c r="F14474" s="6" t="s">
        <v>18</v>
      </c>
      <c r="G14474" s="6" t="s">
        <v>26913</v>
      </c>
      <c r="H14474" s="6" t="s">
        <v>26914</v>
      </c>
      <c r="I14474" s="7">
        <v>4.6113194000000002</v>
      </c>
      <c r="J14474" s="8">
        <v>-74.2032466</v>
      </c>
    </row>
    <row r="14475" spans="1:10" x14ac:dyDescent="0.35">
      <c r="A14475" s="5" t="s">
        <v>10</v>
      </c>
      <c r="B14475" s="6">
        <v>249894</v>
      </c>
      <c r="C14475" s="6" t="s">
        <v>68</v>
      </c>
      <c r="D14475" s="6" t="s">
        <v>69</v>
      </c>
      <c r="E14475" s="6">
        <v>11001</v>
      </c>
      <c r="F14475" s="6" t="s">
        <v>18</v>
      </c>
      <c r="G14475" s="6" t="s">
        <v>26915</v>
      </c>
      <c r="H14475" s="6" t="s">
        <v>26916</v>
      </c>
      <c r="I14475" s="7">
        <v>4.6390813</v>
      </c>
      <c r="J14475" s="8">
        <v>-74.125210499999994</v>
      </c>
    </row>
    <row r="14476" spans="1:10" x14ac:dyDescent="0.35">
      <c r="A14476" s="5" t="s">
        <v>10</v>
      </c>
      <c r="B14476" s="6">
        <v>249929</v>
      </c>
      <c r="C14476" s="6" t="s">
        <v>24</v>
      </c>
      <c r="D14476" s="6" t="s">
        <v>88</v>
      </c>
      <c r="E14476" s="6">
        <v>15001</v>
      </c>
      <c r="F14476" s="6" t="s">
        <v>18</v>
      </c>
      <c r="G14476" s="6" t="s">
        <v>26917</v>
      </c>
      <c r="H14476" s="6" t="s">
        <v>26918</v>
      </c>
      <c r="I14476" s="7">
        <v>5.5446422000000002</v>
      </c>
      <c r="J14476" s="8">
        <v>-73.357557200000002</v>
      </c>
    </row>
    <row r="14477" spans="1:10" x14ac:dyDescent="0.35">
      <c r="A14477" s="5" t="s">
        <v>10</v>
      </c>
      <c r="B14477" s="6">
        <v>249930</v>
      </c>
      <c r="C14477" s="6" t="s">
        <v>24</v>
      </c>
      <c r="D14477" s="6" t="s">
        <v>88</v>
      </c>
      <c r="E14477" s="6">
        <v>15001</v>
      </c>
      <c r="F14477" s="6" t="s">
        <v>18</v>
      </c>
      <c r="G14477" s="6" t="s">
        <v>26919</v>
      </c>
      <c r="H14477" s="6" t="s">
        <v>26920</v>
      </c>
      <c r="I14477" s="7">
        <v>5.5446422000000002</v>
      </c>
      <c r="J14477" s="8">
        <v>-73.357557200000002</v>
      </c>
    </row>
    <row r="14478" spans="1:10" x14ac:dyDescent="0.35">
      <c r="A14478" s="5" t="s">
        <v>10</v>
      </c>
      <c r="B14478" s="6">
        <v>249960</v>
      </c>
      <c r="C14478" s="6" t="s">
        <v>94</v>
      </c>
      <c r="D14478" s="6" t="s">
        <v>98</v>
      </c>
      <c r="E14478" s="6">
        <v>66001</v>
      </c>
      <c r="F14478" s="6" t="s">
        <v>18</v>
      </c>
      <c r="G14478" s="6" t="s">
        <v>26921</v>
      </c>
      <c r="H14478" s="6" t="s">
        <v>26922</v>
      </c>
      <c r="I14478" s="7">
        <v>4.8091122000000004</v>
      </c>
      <c r="J14478" s="8">
        <v>-75.683886900000005</v>
      </c>
    </row>
    <row r="14479" spans="1:10" x14ac:dyDescent="0.35">
      <c r="A14479" s="5" t="s">
        <v>10</v>
      </c>
      <c r="B14479" s="6">
        <v>249969</v>
      </c>
      <c r="C14479" s="6" t="s">
        <v>16</v>
      </c>
      <c r="D14479" s="6" t="s">
        <v>2202</v>
      </c>
      <c r="E14479" s="6">
        <v>68615</v>
      </c>
      <c r="F14479" s="6" t="s">
        <v>18</v>
      </c>
      <c r="G14479" s="6" t="s">
        <v>26923</v>
      </c>
      <c r="H14479" s="6" t="s">
        <v>26924</v>
      </c>
      <c r="I14479" s="7">
        <v>7.1536400000000002</v>
      </c>
      <c r="J14479" s="8">
        <v>-73.153580000000005</v>
      </c>
    </row>
    <row r="14480" spans="1:10" x14ac:dyDescent="0.35">
      <c r="A14480" s="5" t="s">
        <v>10</v>
      </c>
      <c r="B14480" s="6">
        <v>249971</v>
      </c>
      <c r="C14480" s="6" t="s">
        <v>68</v>
      </c>
      <c r="D14480" s="6" t="s">
        <v>69</v>
      </c>
      <c r="E14480" s="6">
        <v>11001</v>
      </c>
      <c r="F14480" s="6" t="s">
        <v>13</v>
      </c>
      <c r="G14480" s="6" t="s">
        <v>26925</v>
      </c>
      <c r="H14480" s="6" t="s">
        <v>26926</v>
      </c>
      <c r="I14480" s="7">
        <v>4.6112000000000002</v>
      </c>
      <c r="J14480" s="8">
        <v>-74.144530000000003</v>
      </c>
    </row>
    <row r="14481" spans="1:10" x14ac:dyDescent="0.35">
      <c r="A14481" s="5" t="s">
        <v>10</v>
      </c>
      <c r="B14481" s="6">
        <v>249989</v>
      </c>
      <c r="C14481" s="6" t="s">
        <v>42</v>
      </c>
      <c r="D14481" s="6" t="s">
        <v>1617</v>
      </c>
      <c r="E14481" s="6">
        <v>17524</v>
      </c>
      <c r="F14481" s="6" t="s">
        <v>18</v>
      </c>
      <c r="G14481" s="6" t="s">
        <v>26927</v>
      </c>
      <c r="H14481" s="6" t="s">
        <v>26928</v>
      </c>
      <c r="I14481" s="7">
        <v>5.0201846999999997</v>
      </c>
      <c r="J14481" s="8">
        <v>-75.620171999999997</v>
      </c>
    </row>
    <row r="14482" spans="1:10" x14ac:dyDescent="0.35">
      <c r="A14482" s="5" t="s">
        <v>10</v>
      </c>
      <c r="B14482" s="6">
        <v>249999</v>
      </c>
      <c r="C14482" s="6" t="s">
        <v>68</v>
      </c>
      <c r="D14482" s="6" t="s">
        <v>69</v>
      </c>
      <c r="E14482" s="6">
        <v>11001</v>
      </c>
      <c r="F14482" s="6" t="s">
        <v>18</v>
      </c>
      <c r="G14482" s="6" t="s">
        <v>26929</v>
      </c>
      <c r="H14482" s="6" t="s">
        <v>26930</v>
      </c>
      <c r="I14482" s="7">
        <v>4.5281585</v>
      </c>
      <c r="J14482" s="8">
        <v>-74.090960199999998</v>
      </c>
    </row>
    <row r="14483" spans="1:10" x14ac:dyDescent="0.35">
      <c r="A14483" s="5" t="s">
        <v>10</v>
      </c>
      <c r="B14483" s="6">
        <v>250006</v>
      </c>
      <c r="C14483" s="6" t="s">
        <v>68</v>
      </c>
      <c r="D14483" s="6" t="s">
        <v>69</v>
      </c>
      <c r="E14483" s="6">
        <v>11001</v>
      </c>
      <c r="F14483" s="6" t="s">
        <v>18</v>
      </c>
      <c r="G14483" s="6" t="s">
        <v>26931</v>
      </c>
      <c r="H14483" s="6" t="s">
        <v>26932</v>
      </c>
      <c r="I14483" s="7">
        <v>4.6334128999999997</v>
      </c>
      <c r="J14483" s="8">
        <v>-74.089657700000004</v>
      </c>
    </row>
    <row r="14484" spans="1:10" x14ac:dyDescent="0.35">
      <c r="A14484" s="5" t="s">
        <v>10</v>
      </c>
      <c r="B14484" s="6">
        <v>250008</v>
      </c>
      <c r="C14484" s="6" t="s">
        <v>294</v>
      </c>
      <c r="D14484" s="6" t="s">
        <v>703</v>
      </c>
      <c r="E14484" s="6">
        <v>41001</v>
      </c>
      <c r="F14484" s="6" t="s">
        <v>18</v>
      </c>
      <c r="G14484" s="6" t="s">
        <v>26933</v>
      </c>
      <c r="H14484" s="6" t="s">
        <v>26934</v>
      </c>
      <c r="I14484" s="7">
        <v>2.9748302999999998</v>
      </c>
      <c r="J14484" s="8">
        <v>-75.271478299999998</v>
      </c>
    </row>
    <row r="14485" spans="1:10" x14ac:dyDescent="0.35">
      <c r="A14485" s="5" t="s">
        <v>10</v>
      </c>
      <c r="B14485" s="6">
        <v>250016</v>
      </c>
      <c r="C14485" s="6" t="s">
        <v>68</v>
      </c>
      <c r="D14485" s="6" t="s">
        <v>69</v>
      </c>
      <c r="E14485" s="6">
        <v>11001</v>
      </c>
      <c r="F14485" s="6" t="s">
        <v>18</v>
      </c>
      <c r="G14485" s="6" t="s">
        <v>26935</v>
      </c>
      <c r="H14485" s="6" t="s">
        <v>26936</v>
      </c>
      <c r="I14485" s="7">
        <v>4.6410083999999996</v>
      </c>
      <c r="J14485" s="8">
        <v>-74.171860699999996</v>
      </c>
    </row>
    <row r="14486" spans="1:10" x14ac:dyDescent="0.35">
      <c r="A14486" s="5" t="s">
        <v>10</v>
      </c>
      <c r="B14486" s="6">
        <v>250026</v>
      </c>
      <c r="C14486" s="6" t="s">
        <v>28</v>
      </c>
      <c r="D14486" s="6" t="s">
        <v>17902</v>
      </c>
      <c r="E14486" s="6">
        <v>54871</v>
      </c>
      <c r="F14486" s="6" t="s">
        <v>18</v>
      </c>
      <c r="G14486" s="6" t="s">
        <v>26937</v>
      </c>
      <c r="H14486" s="6" t="s">
        <v>26938</v>
      </c>
      <c r="I14486" s="7">
        <v>7.9148246000000002</v>
      </c>
      <c r="J14486" s="8">
        <v>-72.973016299999998</v>
      </c>
    </row>
    <row r="14487" spans="1:10" x14ac:dyDescent="0.35">
      <c r="A14487" s="5" t="s">
        <v>10</v>
      </c>
      <c r="B14487" s="6">
        <v>250032</v>
      </c>
      <c r="C14487" s="6" t="s">
        <v>16</v>
      </c>
      <c r="D14487" s="6" t="s">
        <v>8062</v>
      </c>
      <c r="E14487" s="6">
        <v>68575</v>
      </c>
      <c r="F14487" s="6" t="s">
        <v>18</v>
      </c>
      <c r="G14487" s="6" t="s">
        <v>26939</v>
      </c>
      <c r="H14487" s="6" t="s">
        <v>26940</v>
      </c>
      <c r="I14487" s="7">
        <v>7.3470338000000002</v>
      </c>
      <c r="J14487" s="8">
        <v>-73.903823900000006</v>
      </c>
    </row>
    <row r="14488" spans="1:10" x14ac:dyDescent="0.35">
      <c r="A14488" s="5" t="s">
        <v>10</v>
      </c>
      <c r="B14488" s="6">
        <v>250036</v>
      </c>
      <c r="C14488" s="6" t="s">
        <v>68</v>
      </c>
      <c r="D14488" s="6" t="s">
        <v>69</v>
      </c>
      <c r="E14488" s="6">
        <v>11001</v>
      </c>
      <c r="F14488" s="6" t="s">
        <v>18</v>
      </c>
      <c r="G14488" s="6" t="s">
        <v>26941</v>
      </c>
      <c r="H14488" s="6" t="s">
        <v>26942</v>
      </c>
      <c r="I14488" s="7">
        <v>4.6488699999999996</v>
      </c>
      <c r="J14488" s="8">
        <v>-74.169219999999996</v>
      </c>
    </row>
    <row r="14489" spans="1:10" x14ac:dyDescent="0.35">
      <c r="A14489" s="5" t="s">
        <v>10</v>
      </c>
      <c r="B14489" s="6">
        <v>250038</v>
      </c>
      <c r="C14489" s="6" t="s">
        <v>11</v>
      </c>
      <c r="D14489" s="6" t="s">
        <v>10428</v>
      </c>
      <c r="E14489" s="6">
        <v>25426</v>
      </c>
      <c r="F14489" s="6" t="s">
        <v>18</v>
      </c>
      <c r="G14489" s="6" t="s">
        <v>26943</v>
      </c>
      <c r="H14489" s="6" t="s">
        <v>26944</v>
      </c>
      <c r="I14489" s="7">
        <v>5.0816717999999996</v>
      </c>
      <c r="J14489" s="8">
        <v>-73.607454500000003</v>
      </c>
    </row>
    <row r="14490" spans="1:10" x14ac:dyDescent="0.35">
      <c r="A14490" s="5" t="s">
        <v>10</v>
      </c>
      <c r="B14490" s="6">
        <v>250062</v>
      </c>
      <c r="C14490" s="6" t="s">
        <v>117</v>
      </c>
      <c r="D14490" s="6" t="s">
        <v>1291</v>
      </c>
      <c r="E14490" s="6">
        <v>76834</v>
      </c>
      <c r="F14490" s="6" t="s">
        <v>18</v>
      </c>
      <c r="G14490" s="6" t="s">
        <v>26945</v>
      </c>
      <c r="H14490" s="6" t="s">
        <v>26946</v>
      </c>
      <c r="I14490" s="7">
        <v>3.8703840999999999</v>
      </c>
      <c r="J14490" s="8">
        <v>-76.978291600000006</v>
      </c>
    </row>
    <row r="14491" spans="1:10" x14ac:dyDescent="0.35">
      <c r="A14491" s="5" t="s">
        <v>10</v>
      </c>
      <c r="B14491" s="6">
        <v>250077</v>
      </c>
      <c r="C14491" s="6" t="s">
        <v>3788</v>
      </c>
      <c r="D14491" s="6" t="s">
        <v>3974</v>
      </c>
      <c r="E14491" s="6">
        <v>18001</v>
      </c>
      <c r="F14491" s="6" t="s">
        <v>18</v>
      </c>
      <c r="G14491" s="6" t="s">
        <v>26947</v>
      </c>
      <c r="H14491" s="6" t="s">
        <v>26948</v>
      </c>
      <c r="I14491" s="7">
        <v>1.6086670000000001</v>
      </c>
      <c r="J14491" s="8">
        <v>75.615926999999999</v>
      </c>
    </row>
    <row r="14492" spans="1:10" x14ac:dyDescent="0.35">
      <c r="A14492" s="5" t="s">
        <v>10</v>
      </c>
      <c r="B14492" s="6">
        <v>250084</v>
      </c>
      <c r="C14492" s="6" t="s">
        <v>68</v>
      </c>
      <c r="D14492" s="6" t="s">
        <v>69</v>
      </c>
      <c r="E14492" s="6">
        <v>11001</v>
      </c>
      <c r="F14492" s="6" t="s">
        <v>18</v>
      </c>
      <c r="G14492" s="6" t="s">
        <v>26949</v>
      </c>
      <c r="H14492" s="6" t="s">
        <v>26950</v>
      </c>
      <c r="I14492" s="7">
        <v>4.5639880000000002</v>
      </c>
      <c r="J14492" s="8">
        <v>-74.124198000000007</v>
      </c>
    </row>
    <row r="14493" spans="1:10" x14ac:dyDescent="0.35">
      <c r="A14493" s="5" t="s">
        <v>10</v>
      </c>
      <c r="B14493" s="6">
        <v>250085</v>
      </c>
      <c r="C14493" s="6" t="s">
        <v>16</v>
      </c>
      <c r="D14493" s="6" t="s">
        <v>224</v>
      </c>
      <c r="E14493" s="6">
        <v>68755</v>
      </c>
      <c r="F14493" s="6" t="s">
        <v>13</v>
      </c>
      <c r="G14493" s="6" t="s">
        <v>26951</v>
      </c>
      <c r="H14493" s="6" t="s">
        <v>26952</v>
      </c>
      <c r="I14493" s="7">
        <v>7.1345293999999999</v>
      </c>
      <c r="J14493" s="8">
        <v>-73.130981199999994</v>
      </c>
    </row>
    <row r="14494" spans="1:10" x14ac:dyDescent="0.35">
      <c r="A14494" s="5" t="s">
        <v>10</v>
      </c>
      <c r="B14494" s="6">
        <v>250088</v>
      </c>
      <c r="C14494" s="6" t="s">
        <v>68</v>
      </c>
      <c r="D14494" s="6" t="s">
        <v>69</v>
      </c>
      <c r="E14494" s="6">
        <v>11001</v>
      </c>
      <c r="F14494" s="6" t="s">
        <v>18</v>
      </c>
      <c r="G14494" s="6" t="s">
        <v>26953</v>
      </c>
      <c r="H14494" s="6" t="s">
        <v>26954</v>
      </c>
      <c r="I14494" s="7">
        <v>4.6227799999999997</v>
      </c>
      <c r="J14494" s="8">
        <v>-74.114093600000004</v>
      </c>
    </row>
    <row r="14495" spans="1:10" x14ac:dyDescent="0.35">
      <c r="A14495" s="5" t="s">
        <v>10</v>
      </c>
      <c r="B14495" s="6">
        <v>250093</v>
      </c>
      <c r="C14495" s="6" t="s">
        <v>11</v>
      </c>
      <c r="D14495" s="6" t="s">
        <v>337</v>
      </c>
      <c r="E14495" s="6">
        <v>25290</v>
      </c>
      <c r="F14495" s="6" t="s">
        <v>18</v>
      </c>
      <c r="G14495" s="6" t="s">
        <v>26955</v>
      </c>
      <c r="H14495" s="6" t="s">
        <v>26956</v>
      </c>
      <c r="I14495" s="7">
        <v>4.3457492999999996</v>
      </c>
      <c r="J14495" s="8">
        <v>-74.376601199999996</v>
      </c>
    </row>
    <row r="14496" spans="1:10" x14ac:dyDescent="0.35">
      <c r="A14496" s="5" t="s">
        <v>10</v>
      </c>
      <c r="B14496" s="6">
        <v>250095</v>
      </c>
      <c r="C14496" s="6" t="s">
        <v>28</v>
      </c>
      <c r="D14496" s="6" t="s">
        <v>29</v>
      </c>
      <c r="E14496" s="6">
        <v>54001</v>
      </c>
      <c r="F14496" s="6" t="s">
        <v>18</v>
      </c>
      <c r="G14496" s="6" t="s">
        <v>26957</v>
      </c>
      <c r="H14496" s="6" t="s">
        <v>26958</v>
      </c>
      <c r="I14496" s="7">
        <v>7.8866091999999997</v>
      </c>
      <c r="J14496" s="8">
        <v>-72.505070200000006</v>
      </c>
    </row>
    <row r="14497" spans="1:10" x14ac:dyDescent="0.35">
      <c r="A14497" s="5" t="s">
        <v>10</v>
      </c>
      <c r="B14497" s="6">
        <v>250096</v>
      </c>
      <c r="C14497" s="6" t="s">
        <v>11</v>
      </c>
      <c r="D14497" s="6" t="s">
        <v>337</v>
      </c>
      <c r="E14497" s="6">
        <v>25290</v>
      </c>
      <c r="F14497" s="6" t="s">
        <v>18</v>
      </c>
      <c r="G14497" s="6" t="s">
        <v>25685</v>
      </c>
      <c r="H14497" s="6" t="s">
        <v>26959</v>
      </c>
      <c r="I14497" s="7">
        <v>4.3451067999999999</v>
      </c>
      <c r="J14497" s="8">
        <v>-74.376941000000002</v>
      </c>
    </row>
    <row r="14498" spans="1:10" x14ac:dyDescent="0.35">
      <c r="A14498" s="5" t="s">
        <v>10</v>
      </c>
      <c r="B14498" s="6">
        <v>250103</v>
      </c>
      <c r="C14498" s="6" t="s">
        <v>68</v>
      </c>
      <c r="D14498" s="6" t="s">
        <v>69</v>
      </c>
      <c r="E14498" s="6">
        <v>11001</v>
      </c>
      <c r="F14498" s="6" t="s">
        <v>18</v>
      </c>
      <c r="G14498" s="6" t="s">
        <v>26960</v>
      </c>
      <c r="H14498" s="6" t="s">
        <v>26961</v>
      </c>
      <c r="I14498" s="7">
        <v>4.5847151999999998</v>
      </c>
      <c r="J14498" s="8">
        <v>-74.224930200000003</v>
      </c>
    </row>
    <row r="14499" spans="1:10" x14ac:dyDescent="0.35">
      <c r="A14499" s="5" t="s">
        <v>10</v>
      </c>
      <c r="B14499" s="6">
        <v>250112</v>
      </c>
      <c r="C14499" s="6" t="s">
        <v>190</v>
      </c>
      <c r="D14499" s="6" t="s">
        <v>12218</v>
      </c>
      <c r="E14499" s="6">
        <v>5887</v>
      </c>
      <c r="F14499" s="6" t="s">
        <v>18</v>
      </c>
      <c r="G14499" s="6" t="s">
        <v>26962</v>
      </c>
      <c r="H14499" s="6" t="s">
        <v>26963</v>
      </c>
      <c r="I14499" s="7">
        <v>6.9619689999999999</v>
      </c>
      <c r="J14499" s="8">
        <v>-75.419068899999999</v>
      </c>
    </row>
    <row r="14500" spans="1:10" x14ac:dyDescent="0.35">
      <c r="A14500" s="5" t="s">
        <v>10</v>
      </c>
      <c r="B14500" s="6">
        <v>250113</v>
      </c>
      <c r="C14500" s="6" t="s">
        <v>366</v>
      </c>
      <c r="D14500" s="6" t="s">
        <v>8296</v>
      </c>
      <c r="E14500" s="6">
        <v>44001</v>
      </c>
      <c r="F14500" s="6" t="s">
        <v>13</v>
      </c>
      <c r="G14500" s="6" t="s">
        <v>26964</v>
      </c>
      <c r="H14500" s="6" t="s">
        <v>26965</v>
      </c>
      <c r="I14500" s="7">
        <v>11.5342468</v>
      </c>
      <c r="J14500" s="8">
        <v>-72.924354899999997</v>
      </c>
    </row>
    <row r="14501" spans="1:10" x14ac:dyDescent="0.35">
      <c r="A14501" s="5" t="s">
        <v>10</v>
      </c>
      <c r="B14501" s="6">
        <v>250115</v>
      </c>
      <c r="C14501" s="6" t="s">
        <v>68</v>
      </c>
      <c r="D14501" s="6" t="s">
        <v>69</v>
      </c>
      <c r="E14501" s="6">
        <v>11001</v>
      </c>
      <c r="F14501" s="6" t="s">
        <v>18</v>
      </c>
      <c r="G14501" s="6" t="s">
        <v>26966</v>
      </c>
      <c r="H14501" s="6" t="s">
        <v>26967</v>
      </c>
      <c r="I14501" s="7">
        <v>4.6004611000000004</v>
      </c>
      <c r="J14501" s="8">
        <v>-74.164995899999994</v>
      </c>
    </row>
    <row r="14502" spans="1:10" x14ac:dyDescent="0.35">
      <c r="A14502" s="5" t="s">
        <v>10</v>
      </c>
      <c r="B14502" s="6">
        <v>250116</v>
      </c>
      <c r="C14502" s="6" t="s">
        <v>24</v>
      </c>
      <c r="D14502" s="6" t="s">
        <v>832</v>
      </c>
      <c r="E14502" s="6">
        <v>15600</v>
      </c>
      <c r="F14502" s="6" t="s">
        <v>18</v>
      </c>
      <c r="G14502" s="6" t="s">
        <v>26968</v>
      </c>
      <c r="H14502" s="6" t="s">
        <v>26969</v>
      </c>
      <c r="I14502" s="7">
        <v>5.5365099999999998</v>
      </c>
      <c r="J14502" s="8">
        <v>-73.632846999999998</v>
      </c>
    </row>
    <row r="14503" spans="1:10" x14ac:dyDescent="0.35">
      <c r="A14503" s="5" t="s">
        <v>10</v>
      </c>
      <c r="B14503" s="6">
        <v>250183</v>
      </c>
      <c r="C14503" s="6" t="s">
        <v>16</v>
      </c>
      <c r="D14503" s="6" t="s">
        <v>1401</v>
      </c>
      <c r="E14503" s="6">
        <v>68307</v>
      </c>
      <c r="F14503" s="6" t="s">
        <v>13</v>
      </c>
      <c r="G14503" s="6" t="s">
        <v>26970</v>
      </c>
      <c r="H14503" s="6" t="s">
        <v>26971</v>
      </c>
      <c r="I14503" s="7">
        <v>7.0596924999999997</v>
      </c>
      <c r="J14503" s="8">
        <v>-73.161694299999994</v>
      </c>
    </row>
    <row r="14504" spans="1:10" x14ac:dyDescent="0.35">
      <c r="A14504" s="5" t="s">
        <v>10</v>
      </c>
      <c r="B14504" s="6">
        <v>250211</v>
      </c>
      <c r="C14504" s="6" t="s">
        <v>24</v>
      </c>
      <c r="D14504" s="6" t="s">
        <v>4960</v>
      </c>
      <c r="E14504" s="6">
        <v>15135</v>
      </c>
      <c r="F14504" s="6" t="s">
        <v>13</v>
      </c>
      <c r="G14504" s="6" t="s">
        <v>26972</v>
      </c>
      <c r="H14504" s="6" t="s">
        <v>26973</v>
      </c>
      <c r="I14504" s="7">
        <v>5.0311713999999998</v>
      </c>
      <c r="J14504" s="8">
        <v>-73.102676299999999</v>
      </c>
    </row>
    <row r="14505" spans="1:10" x14ac:dyDescent="0.35">
      <c r="A14505" s="5" t="s">
        <v>10</v>
      </c>
      <c r="B14505" s="6">
        <v>250220</v>
      </c>
      <c r="C14505" s="6" t="s">
        <v>11</v>
      </c>
      <c r="D14505" s="6" t="s">
        <v>337</v>
      </c>
      <c r="E14505" s="6">
        <v>25290</v>
      </c>
      <c r="F14505" s="6" t="s">
        <v>18</v>
      </c>
      <c r="G14505" s="6" t="s">
        <v>26974</v>
      </c>
      <c r="H14505" s="6" t="s">
        <v>26975</v>
      </c>
      <c r="I14505" s="7">
        <v>4.3291031999999996</v>
      </c>
      <c r="J14505" s="8">
        <v>74.365173600000006</v>
      </c>
    </row>
    <row r="14506" spans="1:10" x14ac:dyDescent="0.35">
      <c r="A14506" s="5" t="s">
        <v>10</v>
      </c>
      <c r="B14506" s="6">
        <v>250224</v>
      </c>
      <c r="C14506" s="6" t="s">
        <v>55</v>
      </c>
      <c r="D14506" s="6" t="s">
        <v>11639</v>
      </c>
      <c r="E14506" s="6">
        <v>73200</v>
      </c>
      <c r="F14506" s="6" t="s">
        <v>18</v>
      </c>
      <c r="G14506" s="6" t="s">
        <v>26976</v>
      </c>
      <c r="H14506" s="6" t="s">
        <v>26977</v>
      </c>
      <c r="I14506" s="7">
        <v>4.2835299999999998</v>
      </c>
      <c r="J14506" s="8">
        <v>-75.031300000000002</v>
      </c>
    </row>
    <row r="14507" spans="1:10" x14ac:dyDescent="0.35">
      <c r="A14507" s="5" t="s">
        <v>10</v>
      </c>
      <c r="B14507" s="6">
        <v>250225</v>
      </c>
      <c r="C14507" s="6" t="s">
        <v>302</v>
      </c>
      <c r="D14507" s="6" t="s">
        <v>359</v>
      </c>
      <c r="E14507" s="6">
        <v>8001</v>
      </c>
      <c r="F14507" s="6" t="s">
        <v>18</v>
      </c>
      <c r="G14507" s="6" t="s">
        <v>26978</v>
      </c>
      <c r="H14507" s="6" t="s">
        <v>26979</v>
      </c>
      <c r="I14507" s="7">
        <v>10.9146988</v>
      </c>
      <c r="J14507" s="8">
        <v>-74.826778300000001</v>
      </c>
    </row>
    <row r="14508" spans="1:10" x14ac:dyDescent="0.35">
      <c r="A14508" s="5" t="s">
        <v>10</v>
      </c>
      <c r="B14508" s="6">
        <v>250231</v>
      </c>
      <c r="C14508" s="6" t="s">
        <v>302</v>
      </c>
      <c r="D14508" s="6" t="s">
        <v>4041</v>
      </c>
      <c r="E14508" s="6">
        <v>8758</v>
      </c>
      <c r="F14508" s="6" t="s">
        <v>18</v>
      </c>
      <c r="G14508" s="6" t="s">
        <v>26980</v>
      </c>
      <c r="H14508" s="6" t="s">
        <v>26981</v>
      </c>
      <c r="I14508" s="7">
        <v>10.9097368921016</v>
      </c>
      <c r="J14508" s="8">
        <v>-74.797510854948499</v>
      </c>
    </row>
    <row r="14509" spans="1:10" x14ac:dyDescent="0.35">
      <c r="A14509" s="5" t="s">
        <v>10</v>
      </c>
      <c r="B14509" s="6">
        <v>250248</v>
      </c>
      <c r="C14509" s="6" t="s">
        <v>109</v>
      </c>
      <c r="D14509" s="6" t="s">
        <v>1445</v>
      </c>
      <c r="E14509" s="6">
        <v>13688</v>
      </c>
      <c r="F14509" s="6" t="s">
        <v>13</v>
      </c>
      <c r="G14509" s="6" t="s">
        <v>26982</v>
      </c>
      <c r="H14509" s="6" t="s">
        <v>26983</v>
      </c>
      <c r="I14509" s="7">
        <v>7.9630637999999996</v>
      </c>
      <c r="J14509" s="8">
        <v>-74.050974800000006</v>
      </c>
    </row>
    <row r="14510" spans="1:10" x14ac:dyDescent="0.35">
      <c r="A14510" s="5" t="s">
        <v>10</v>
      </c>
      <c r="B14510" s="6">
        <v>250262</v>
      </c>
      <c r="C14510" s="6" t="s">
        <v>68</v>
      </c>
      <c r="D14510" s="6" t="s">
        <v>69</v>
      </c>
      <c r="E14510" s="6">
        <v>11001</v>
      </c>
      <c r="F14510" s="6" t="s">
        <v>18</v>
      </c>
      <c r="G14510" s="6" t="s">
        <v>26984</v>
      </c>
      <c r="H14510" s="6" t="s">
        <v>26985</v>
      </c>
      <c r="I14510" s="7">
        <v>4.5331340999999998</v>
      </c>
      <c r="J14510" s="8">
        <v>-74.118817000000007</v>
      </c>
    </row>
    <row r="14511" spans="1:10" x14ac:dyDescent="0.35">
      <c r="A14511" s="5" t="s">
        <v>10</v>
      </c>
      <c r="B14511" s="6">
        <v>250277</v>
      </c>
      <c r="C14511" s="6" t="s">
        <v>68</v>
      </c>
      <c r="D14511" s="6" t="s">
        <v>69</v>
      </c>
      <c r="E14511" s="6">
        <v>11001</v>
      </c>
      <c r="F14511" s="6" t="s">
        <v>18</v>
      </c>
      <c r="G14511" s="6" t="s">
        <v>26986</v>
      </c>
      <c r="H14511" s="6" t="s">
        <v>26987</v>
      </c>
      <c r="I14511" s="7">
        <v>4.6354199999999999</v>
      </c>
      <c r="J14511" s="8">
        <v>-74.187439999999995</v>
      </c>
    </row>
    <row r="14512" spans="1:10" x14ac:dyDescent="0.35">
      <c r="A14512" s="5" t="s">
        <v>10</v>
      </c>
      <c r="B14512" s="6">
        <v>250279</v>
      </c>
      <c r="C14512" s="6" t="s">
        <v>55</v>
      </c>
      <c r="D14512" s="6" t="s">
        <v>17899</v>
      </c>
      <c r="E14512" s="6">
        <v>73555</v>
      </c>
      <c r="F14512" s="6" t="s">
        <v>18</v>
      </c>
      <c r="G14512" s="6" t="s">
        <v>26988</v>
      </c>
      <c r="H14512" s="6" t="s">
        <v>18824</v>
      </c>
      <c r="I14512" s="7">
        <v>3.197241</v>
      </c>
      <c r="J14512" s="8">
        <v>-75.643816999999999</v>
      </c>
    </row>
    <row r="14513" spans="1:10" x14ac:dyDescent="0.35">
      <c r="A14513" s="5" t="s">
        <v>10</v>
      </c>
      <c r="B14513" s="6">
        <v>250296</v>
      </c>
      <c r="C14513" s="6" t="s">
        <v>294</v>
      </c>
      <c r="D14513" s="6" t="s">
        <v>295</v>
      </c>
      <c r="E14513" s="6">
        <v>41359</v>
      </c>
      <c r="F14513" s="6" t="s">
        <v>18</v>
      </c>
      <c r="G14513" s="6" t="s">
        <v>26989</v>
      </c>
      <c r="H14513" s="6" t="s">
        <v>26990</v>
      </c>
      <c r="I14513" s="7">
        <v>1.92967</v>
      </c>
      <c r="J14513" s="8">
        <v>-76.215875400000002</v>
      </c>
    </row>
    <row r="14514" spans="1:10" x14ac:dyDescent="0.35">
      <c r="A14514" s="5" t="s">
        <v>10</v>
      </c>
      <c r="B14514" s="6">
        <v>250305</v>
      </c>
      <c r="C14514" s="6" t="s">
        <v>28</v>
      </c>
      <c r="D14514" s="6" t="s">
        <v>29</v>
      </c>
      <c r="E14514" s="6">
        <v>54001</v>
      </c>
      <c r="F14514" s="6" t="s">
        <v>18</v>
      </c>
      <c r="G14514" s="6" t="s">
        <v>26991</v>
      </c>
      <c r="H14514" s="6" t="s">
        <v>26992</v>
      </c>
      <c r="I14514" s="7">
        <v>7.8947666999999999</v>
      </c>
      <c r="J14514" s="8">
        <v>-72.472413299999999</v>
      </c>
    </row>
    <row r="14515" spans="1:10" x14ac:dyDescent="0.35">
      <c r="A14515" s="5" t="s">
        <v>10</v>
      </c>
      <c r="B14515" s="6">
        <v>250321</v>
      </c>
      <c r="C14515" s="6" t="s">
        <v>11</v>
      </c>
      <c r="D14515" s="6" t="s">
        <v>337</v>
      </c>
      <c r="E14515" s="6">
        <v>25290</v>
      </c>
      <c r="F14515" s="6" t="s">
        <v>18</v>
      </c>
      <c r="G14515" s="6" t="s">
        <v>21646</v>
      </c>
      <c r="H14515" s="6" t="s">
        <v>26993</v>
      </c>
      <c r="I14515" s="7">
        <v>4.3295222000000004</v>
      </c>
      <c r="J14515" s="8">
        <v>74.367850700000005</v>
      </c>
    </row>
    <row r="14516" spans="1:10" x14ac:dyDescent="0.35">
      <c r="A14516" s="5" t="s">
        <v>10</v>
      </c>
      <c r="B14516" s="6">
        <v>250322</v>
      </c>
      <c r="C14516" s="6" t="s">
        <v>11</v>
      </c>
      <c r="D14516" s="6" t="s">
        <v>337</v>
      </c>
      <c r="E14516" s="6">
        <v>25290</v>
      </c>
      <c r="F14516" s="6" t="s">
        <v>18</v>
      </c>
      <c r="G14516" s="6" t="s">
        <v>26994</v>
      </c>
      <c r="H14516" s="6" t="s">
        <v>26995</v>
      </c>
      <c r="I14516" s="7">
        <v>4.3285530000000003</v>
      </c>
      <c r="J14516" s="8">
        <v>74.367438500000006</v>
      </c>
    </row>
    <row r="14517" spans="1:10" x14ac:dyDescent="0.35">
      <c r="A14517" s="5" t="s">
        <v>10</v>
      </c>
      <c r="B14517" s="6">
        <v>250327</v>
      </c>
      <c r="C14517" s="6" t="s">
        <v>68</v>
      </c>
      <c r="D14517" s="6" t="s">
        <v>69</v>
      </c>
      <c r="E14517" s="6">
        <v>11001</v>
      </c>
      <c r="F14517" s="6" t="s">
        <v>18</v>
      </c>
      <c r="G14517" s="6" t="s">
        <v>26996</v>
      </c>
      <c r="H14517" s="6" t="s">
        <v>26997</v>
      </c>
      <c r="I14517" s="7">
        <v>4.6294700000000004</v>
      </c>
      <c r="J14517" s="8">
        <v>-74.187520000000006</v>
      </c>
    </row>
    <row r="14518" spans="1:10" x14ac:dyDescent="0.35">
      <c r="A14518" s="5" t="s">
        <v>10</v>
      </c>
      <c r="B14518" s="6">
        <v>250331</v>
      </c>
      <c r="C14518" s="6" t="s">
        <v>55</v>
      </c>
      <c r="D14518" s="6" t="s">
        <v>56</v>
      </c>
      <c r="E14518" s="6">
        <v>73001</v>
      </c>
      <c r="F14518" s="6" t="s">
        <v>18</v>
      </c>
      <c r="G14518" s="6" t="s">
        <v>26998</v>
      </c>
      <c r="H14518" s="6" t="s">
        <v>26999</v>
      </c>
      <c r="I14518" s="7">
        <v>4.4442700000000004</v>
      </c>
      <c r="J14518" s="8">
        <v>-75.163600000000002</v>
      </c>
    </row>
    <row r="14519" spans="1:10" x14ac:dyDescent="0.35">
      <c r="A14519" s="5" t="s">
        <v>10</v>
      </c>
      <c r="B14519" s="6">
        <v>250332</v>
      </c>
      <c r="C14519" s="6" t="s">
        <v>11</v>
      </c>
      <c r="D14519" s="6" t="s">
        <v>901</v>
      </c>
      <c r="E14519" s="6">
        <v>25307</v>
      </c>
      <c r="F14519" s="6" t="s">
        <v>18</v>
      </c>
      <c r="G14519" s="6" t="s">
        <v>26801</v>
      </c>
      <c r="H14519" s="6" t="s">
        <v>27000</v>
      </c>
      <c r="I14519" s="7">
        <v>4.2991295999999997</v>
      </c>
      <c r="J14519" s="8">
        <v>-74.802008799999996</v>
      </c>
    </row>
    <row r="14520" spans="1:10" x14ac:dyDescent="0.35">
      <c r="A14520" s="5" t="s">
        <v>10</v>
      </c>
      <c r="B14520" s="6">
        <v>250335</v>
      </c>
      <c r="C14520" s="6" t="s">
        <v>68</v>
      </c>
      <c r="D14520" s="6" t="s">
        <v>69</v>
      </c>
      <c r="E14520" s="6">
        <v>11001</v>
      </c>
      <c r="F14520" s="6" t="s">
        <v>2161</v>
      </c>
      <c r="G14520" s="6" t="s">
        <v>27001</v>
      </c>
      <c r="H14520" s="6" t="s">
        <v>27002</v>
      </c>
      <c r="I14520" s="7">
        <v>4.7089140968899299</v>
      </c>
      <c r="J14520" s="8">
        <v>-74.131861321449506</v>
      </c>
    </row>
    <row r="14521" spans="1:10" x14ac:dyDescent="0.35">
      <c r="A14521" s="5" t="s">
        <v>10</v>
      </c>
      <c r="B14521" s="6">
        <v>250336</v>
      </c>
      <c r="C14521" s="6" t="s">
        <v>68</v>
      </c>
      <c r="D14521" s="6" t="s">
        <v>69</v>
      </c>
      <c r="E14521" s="6">
        <v>11001</v>
      </c>
      <c r="F14521" s="6" t="s">
        <v>2161</v>
      </c>
      <c r="G14521" s="6" t="s">
        <v>27003</v>
      </c>
      <c r="H14521" s="6" t="s">
        <v>27004</v>
      </c>
      <c r="I14521" s="7">
        <v>4.74017647083034</v>
      </c>
      <c r="J14521" s="8">
        <v>-74.084959569685296</v>
      </c>
    </row>
    <row r="14522" spans="1:10" x14ac:dyDescent="0.35">
      <c r="A14522" s="5" t="s">
        <v>10</v>
      </c>
      <c r="B14522" s="6">
        <v>250356</v>
      </c>
      <c r="C14522" s="6" t="s">
        <v>28</v>
      </c>
      <c r="D14522" s="6" t="s">
        <v>153</v>
      </c>
      <c r="E14522" s="6">
        <v>54518</v>
      </c>
      <c r="F14522" s="6" t="s">
        <v>18</v>
      </c>
      <c r="G14522" s="6" t="s">
        <v>27005</v>
      </c>
      <c r="H14522" s="6" t="s">
        <v>27006</v>
      </c>
      <c r="I14522" s="7">
        <v>7.8899353000000003</v>
      </c>
      <c r="J14522" s="8">
        <v>-72.506427700000003</v>
      </c>
    </row>
    <row r="14523" spans="1:10" x14ac:dyDescent="0.35">
      <c r="A14523" s="5" t="s">
        <v>10</v>
      </c>
      <c r="B14523" s="6">
        <v>250386</v>
      </c>
      <c r="C14523" s="6" t="s">
        <v>68</v>
      </c>
      <c r="D14523" s="6" t="s">
        <v>69</v>
      </c>
      <c r="E14523" s="6">
        <v>11001</v>
      </c>
      <c r="F14523" s="6" t="s">
        <v>18</v>
      </c>
      <c r="G14523" s="6" t="s">
        <v>27007</v>
      </c>
      <c r="H14523" s="6" t="s">
        <v>27008</v>
      </c>
      <c r="I14523" s="7">
        <v>4.68236573840134</v>
      </c>
      <c r="J14523" s="8">
        <v>-74.157076935583106</v>
      </c>
    </row>
    <row r="14524" spans="1:10" x14ac:dyDescent="0.35">
      <c r="A14524" s="5" t="s">
        <v>10</v>
      </c>
      <c r="B14524" s="6">
        <v>250423</v>
      </c>
      <c r="C14524" s="6" t="s">
        <v>16</v>
      </c>
      <c r="D14524" s="6" t="s">
        <v>1942</v>
      </c>
      <c r="E14524" s="6">
        <v>68406</v>
      </c>
      <c r="F14524" s="6" t="s">
        <v>18</v>
      </c>
      <c r="G14524" s="6" t="s">
        <v>27009</v>
      </c>
      <c r="H14524" s="6" t="s">
        <v>27010</v>
      </c>
      <c r="I14524" s="7">
        <v>7.1139884999999996</v>
      </c>
      <c r="J14524" s="8">
        <v>-73.215254700000003</v>
      </c>
    </row>
    <row r="14525" spans="1:10" x14ac:dyDescent="0.35">
      <c r="A14525" s="5" t="s">
        <v>10</v>
      </c>
      <c r="B14525" s="6">
        <v>250425</v>
      </c>
      <c r="C14525" s="6" t="s">
        <v>68</v>
      </c>
      <c r="D14525" s="6" t="s">
        <v>69</v>
      </c>
      <c r="E14525" s="6">
        <v>11001</v>
      </c>
      <c r="F14525" s="6" t="s">
        <v>18</v>
      </c>
      <c r="G14525" s="6" t="s">
        <v>27011</v>
      </c>
      <c r="H14525" s="6" t="s">
        <v>27012</v>
      </c>
      <c r="I14525" s="7">
        <v>4.6006999999999998</v>
      </c>
      <c r="J14525" s="8">
        <v>74.07535</v>
      </c>
    </row>
    <row r="14526" spans="1:10" x14ac:dyDescent="0.35">
      <c r="A14526" s="5" t="s">
        <v>10</v>
      </c>
      <c r="B14526" s="6">
        <v>250479</v>
      </c>
      <c r="C14526" s="6" t="s">
        <v>68</v>
      </c>
      <c r="D14526" s="6" t="s">
        <v>69</v>
      </c>
      <c r="E14526" s="6">
        <v>11001</v>
      </c>
      <c r="F14526" s="6" t="s">
        <v>2161</v>
      </c>
      <c r="G14526" s="6" t="s">
        <v>27013</v>
      </c>
      <c r="H14526" s="6" t="s">
        <v>27014</v>
      </c>
      <c r="I14526" s="7">
        <v>4.7137504000000003</v>
      </c>
      <c r="J14526" s="8">
        <v>-74.127482900000004</v>
      </c>
    </row>
    <row r="14527" spans="1:10" x14ac:dyDescent="0.35">
      <c r="A14527" s="5" t="s">
        <v>10</v>
      </c>
      <c r="B14527" s="6">
        <v>250503</v>
      </c>
      <c r="C14527" s="6" t="s">
        <v>68</v>
      </c>
      <c r="D14527" s="6" t="s">
        <v>69</v>
      </c>
      <c r="E14527" s="6">
        <v>11001</v>
      </c>
      <c r="F14527" s="6" t="s">
        <v>18</v>
      </c>
      <c r="G14527" s="6" t="s">
        <v>27015</v>
      </c>
      <c r="H14527" s="6" t="s">
        <v>27016</v>
      </c>
      <c r="I14527" s="7">
        <v>4.6044454999999997</v>
      </c>
      <c r="J14527" s="8">
        <v>-74.081254799999996</v>
      </c>
    </row>
    <row r="14528" spans="1:10" x14ac:dyDescent="0.35">
      <c r="A14528" s="5" t="s">
        <v>10</v>
      </c>
      <c r="B14528" s="6">
        <v>250516</v>
      </c>
      <c r="C14528" s="6" t="s">
        <v>278</v>
      </c>
      <c r="D14528" s="6" t="s">
        <v>3651</v>
      </c>
      <c r="E14528" s="6">
        <v>50313</v>
      </c>
      <c r="F14528" s="6" t="s">
        <v>18</v>
      </c>
      <c r="G14528" s="6" t="s">
        <v>27017</v>
      </c>
      <c r="H14528" s="6" t="s">
        <v>27018</v>
      </c>
      <c r="I14528" s="7">
        <v>3.5409698000000001</v>
      </c>
      <c r="J14528" s="8">
        <v>73.710811300000003</v>
      </c>
    </row>
    <row r="14529" spans="1:10" x14ac:dyDescent="0.35">
      <c r="A14529" s="5" t="s">
        <v>10</v>
      </c>
      <c r="B14529" s="6">
        <v>250587</v>
      </c>
      <c r="C14529" s="6" t="s">
        <v>24</v>
      </c>
      <c r="D14529" s="6" t="s">
        <v>530</v>
      </c>
      <c r="E14529" s="6">
        <v>15516</v>
      </c>
      <c r="F14529" s="6" t="s">
        <v>18</v>
      </c>
      <c r="G14529" s="6" t="s">
        <v>27019</v>
      </c>
      <c r="H14529" s="6" t="s">
        <v>27020</v>
      </c>
      <c r="I14529" s="7">
        <v>5.7786525497243897</v>
      </c>
      <c r="J14529" s="8">
        <v>-73.113976029645599</v>
      </c>
    </row>
    <row r="14530" spans="1:10" x14ac:dyDescent="0.35">
      <c r="A14530" s="5" t="s">
        <v>10</v>
      </c>
      <c r="B14530" s="6">
        <v>250089</v>
      </c>
      <c r="C14530" s="6" t="s">
        <v>68</v>
      </c>
      <c r="D14530" s="6" t="s">
        <v>69</v>
      </c>
      <c r="E14530" s="6">
        <v>11001</v>
      </c>
      <c r="F14530" s="6" t="s">
        <v>13</v>
      </c>
      <c r="G14530" s="6" t="s">
        <v>27021</v>
      </c>
      <c r="H14530" s="6" t="s">
        <v>27022</v>
      </c>
      <c r="I14530" s="7">
        <v>4.6120400999999998</v>
      </c>
      <c r="J14530" s="8">
        <v>-74.077793700000001</v>
      </c>
    </row>
    <row r="14531" spans="1:10" x14ac:dyDescent="0.35">
      <c r="A14531" s="5" t="s">
        <v>10</v>
      </c>
      <c r="B14531" s="6">
        <v>233912</v>
      </c>
      <c r="C14531" s="6" t="s">
        <v>117</v>
      </c>
      <c r="D14531" s="6" t="s">
        <v>1334</v>
      </c>
      <c r="E14531" s="6">
        <v>76001</v>
      </c>
      <c r="F14531" s="6" t="s">
        <v>13</v>
      </c>
      <c r="G14531" s="6" t="s">
        <v>27023</v>
      </c>
      <c r="H14531" s="6" t="s">
        <v>27024</v>
      </c>
      <c r="I14531" s="7">
        <v>3.4408134000000001</v>
      </c>
      <c r="J14531" s="8">
        <v>-76.535476099999997</v>
      </c>
    </row>
    <row r="14532" spans="1:10" x14ac:dyDescent="0.35">
      <c r="A14532" s="5" t="s">
        <v>10</v>
      </c>
      <c r="B14532" s="6">
        <v>250259</v>
      </c>
      <c r="C14532" s="6" t="s">
        <v>68</v>
      </c>
      <c r="D14532" s="6" t="s">
        <v>69</v>
      </c>
      <c r="E14532" s="6">
        <v>11001</v>
      </c>
      <c r="F14532" s="6" t="s">
        <v>13</v>
      </c>
      <c r="G14532" s="6" t="s">
        <v>27025</v>
      </c>
      <c r="H14532" s="6" t="s">
        <v>27026</v>
      </c>
      <c r="I14532" s="7">
        <v>4.6918243000000004</v>
      </c>
      <c r="J14532" s="8">
        <v>-74.107339600000003</v>
      </c>
    </row>
    <row r="14533" spans="1:10" x14ac:dyDescent="0.35">
      <c r="A14533" s="5" t="s">
        <v>10</v>
      </c>
      <c r="B14533" s="6">
        <v>239930</v>
      </c>
      <c r="C14533" s="6" t="s">
        <v>68</v>
      </c>
      <c r="D14533" s="6" t="s">
        <v>69</v>
      </c>
      <c r="E14533" s="6">
        <v>11001</v>
      </c>
      <c r="F14533" s="6" t="s">
        <v>18</v>
      </c>
      <c r="G14533" s="6" t="s">
        <v>10040</v>
      </c>
      <c r="H14533" s="6" t="s">
        <v>27027</v>
      </c>
      <c r="I14533" s="7">
        <v>4.7331532999999997</v>
      </c>
      <c r="J14533" s="8">
        <v>-74.105367000000001</v>
      </c>
    </row>
    <row r="14534" spans="1:10" x14ac:dyDescent="0.35">
      <c r="A14534" s="5" t="s">
        <v>10</v>
      </c>
      <c r="B14534" s="6">
        <v>250364</v>
      </c>
      <c r="C14534" s="6" t="s">
        <v>28</v>
      </c>
      <c r="D14534" s="6" t="s">
        <v>29</v>
      </c>
      <c r="E14534" s="6">
        <v>54001</v>
      </c>
      <c r="F14534" s="6" t="s">
        <v>18</v>
      </c>
      <c r="G14534" s="6" t="s">
        <v>27028</v>
      </c>
      <c r="H14534" s="6" t="s">
        <v>27029</v>
      </c>
      <c r="I14534" s="7">
        <v>7.8782800000000002</v>
      </c>
      <c r="J14534" s="8">
        <v>-72.477400000000003</v>
      </c>
    </row>
    <row r="14535" spans="1:10" x14ac:dyDescent="0.35">
      <c r="A14535" s="5" t="s">
        <v>10</v>
      </c>
      <c r="B14535" s="6">
        <v>250363</v>
      </c>
      <c r="C14535" s="6" t="s">
        <v>55</v>
      </c>
      <c r="D14535" s="6" t="s">
        <v>56</v>
      </c>
      <c r="E14535" s="6">
        <v>73001</v>
      </c>
      <c r="F14535" s="6" t="s">
        <v>18</v>
      </c>
      <c r="G14535" s="6" t="s">
        <v>27030</v>
      </c>
      <c r="H14535" s="6" t="s">
        <v>27031</v>
      </c>
      <c r="I14535" s="7">
        <v>4.4044400000000001</v>
      </c>
      <c r="J14535" s="8">
        <v>-75.148499999999999</v>
      </c>
    </row>
    <row r="14536" spans="1:10" x14ac:dyDescent="0.35">
      <c r="A14536" s="5" t="s">
        <v>10</v>
      </c>
      <c r="B14536" s="6">
        <v>250342</v>
      </c>
      <c r="C14536" s="6" t="s">
        <v>308</v>
      </c>
      <c r="D14536" s="6" t="s">
        <v>309</v>
      </c>
      <c r="E14536" s="6">
        <v>23001</v>
      </c>
      <c r="F14536" s="6" t="s">
        <v>18</v>
      </c>
      <c r="G14536" s="6" t="s">
        <v>27032</v>
      </c>
      <c r="H14536" s="6" t="s">
        <v>27033</v>
      </c>
      <c r="I14536" s="7">
        <v>8.73841</v>
      </c>
      <c r="J14536" s="8">
        <v>-75.858999999999995</v>
      </c>
    </row>
    <row r="14537" spans="1:10" x14ac:dyDescent="0.35">
      <c r="A14537" s="5" t="s">
        <v>10</v>
      </c>
      <c r="B14537" s="6">
        <v>250403</v>
      </c>
      <c r="C14537" s="6" t="s">
        <v>551</v>
      </c>
      <c r="D14537" s="6" t="s">
        <v>4203</v>
      </c>
      <c r="E14537" s="6">
        <v>20228</v>
      </c>
      <c r="F14537" s="6" t="s">
        <v>18</v>
      </c>
      <c r="G14537" s="6" t="s">
        <v>27034</v>
      </c>
      <c r="H14537" s="6" t="s">
        <v>27035</v>
      </c>
      <c r="I14537" s="7">
        <v>9.1969399999999997</v>
      </c>
      <c r="J14537" s="8">
        <v>-73.544399999999996</v>
      </c>
    </row>
    <row r="14538" spans="1:10" x14ac:dyDescent="0.35">
      <c r="A14538" s="5" t="s">
        <v>10</v>
      </c>
      <c r="B14538" s="6">
        <v>246462</v>
      </c>
      <c r="C14538" s="6" t="s">
        <v>11</v>
      </c>
      <c r="D14538" s="6" t="s">
        <v>3724</v>
      </c>
      <c r="E14538" s="6">
        <v>25513</v>
      </c>
      <c r="F14538" s="6" t="s">
        <v>18</v>
      </c>
      <c r="G14538" s="6" t="s">
        <v>27036</v>
      </c>
      <c r="H14538" s="6" t="s">
        <v>27037</v>
      </c>
      <c r="I14538" s="7">
        <v>5.1287425999999998</v>
      </c>
      <c r="J14538" s="8">
        <v>-74.159429799999998</v>
      </c>
    </row>
    <row r="14539" spans="1:10" x14ac:dyDescent="0.35">
      <c r="A14539" s="5" t="s">
        <v>10</v>
      </c>
      <c r="B14539" s="6">
        <v>250428</v>
      </c>
      <c r="C14539" s="6" t="s">
        <v>11</v>
      </c>
      <c r="D14539" s="6" t="s">
        <v>5326</v>
      </c>
      <c r="E14539" s="6">
        <v>25200</v>
      </c>
      <c r="F14539" s="6" t="s">
        <v>18</v>
      </c>
      <c r="G14539" s="6" t="s">
        <v>27038</v>
      </c>
      <c r="H14539" s="6" t="s">
        <v>27039</v>
      </c>
      <c r="I14539" s="7">
        <v>4.7200300000000004</v>
      </c>
      <c r="J14539" s="8">
        <v>-74.068299999999994</v>
      </c>
    </row>
    <row r="14540" spans="1:10" x14ac:dyDescent="0.35">
      <c r="A14540" s="5" t="s">
        <v>10</v>
      </c>
      <c r="B14540" s="6">
        <v>249968</v>
      </c>
      <c r="C14540" s="6" t="s">
        <v>190</v>
      </c>
      <c r="D14540" s="6" t="s">
        <v>13913</v>
      </c>
      <c r="E14540" s="6">
        <v>5490</v>
      </c>
      <c r="F14540" s="6" t="s">
        <v>18</v>
      </c>
      <c r="G14540" s="6" t="s">
        <v>27040</v>
      </c>
      <c r="H14540" s="6" t="s">
        <v>27041</v>
      </c>
      <c r="I14540" s="7">
        <v>4.7078401999999997</v>
      </c>
      <c r="J14540" s="8">
        <v>-74.131530699999999</v>
      </c>
    </row>
    <row r="14541" spans="1:10" x14ac:dyDescent="0.35">
      <c r="A14541" s="5" t="s">
        <v>10</v>
      </c>
      <c r="B14541" s="6">
        <v>250435</v>
      </c>
      <c r="C14541" s="6" t="s">
        <v>68</v>
      </c>
      <c r="D14541" s="6" t="s">
        <v>69</v>
      </c>
      <c r="E14541" s="6">
        <v>11001</v>
      </c>
      <c r="F14541" s="6" t="s">
        <v>18</v>
      </c>
      <c r="G14541" s="6" t="s">
        <v>27042</v>
      </c>
      <c r="H14541" s="6" t="s">
        <v>27043</v>
      </c>
      <c r="I14541" s="7">
        <v>4.6109999999999998</v>
      </c>
      <c r="J14541" s="8">
        <v>-74.186700000000002</v>
      </c>
    </row>
    <row r="14542" spans="1:10" x14ac:dyDescent="0.35">
      <c r="A14542" s="5" t="s">
        <v>10</v>
      </c>
      <c r="B14542" s="6">
        <v>250439</v>
      </c>
      <c r="C14542" s="6" t="s">
        <v>68</v>
      </c>
      <c r="D14542" s="6" t="s">
        <v>69</v>
      </c>
      <c r="E14542" s="6">
        <v>11001</v>
      </c>
      <c r="F14542" s="6" t="s">
        <v>18</v>
      </c>
      <c r="G14542" s="6" t="s">
        <v>27044</v>
      </c>
      <c r="H14542" s="6" t="s">
        <v>27045</v>
      </c>
      <c r="I14542" s="7">
        <v>5.1304508999999996</v>
      </c>
      <c r="J14542" s="8">
        <v>-74.157622599999996</v>
      </c>
    </row>
    <row r="14543" spans="1:10" x14ac:dyDescent="0.35">
      <c r="A14543" s="5" t="s">
        <v>10</v>
      </c>
      <c r="B14543" s="6">
        <v>250191</v>
      </c>
      <c r="C14543" s="6" t="s">
        <v>24</v>
      </c>
      <c r="D14543" s="6" t="s">
        <v>1686</v>
      </c>
      <c r="E14543" s="6">
        <v>15673</v>
      </c>
      <c r="F14543" s="6" t="s">
        <v>18</v>
      </c>
      <c r="G14543" s="6" t="s">
        <v>27046</v>
      </c>
      <c r="H14543" s="6" t="s">
        <v>27047</v>
      </c>
      <c r="I14543" s="7">
        <v>6.4019570000000003</v>
      </c>
      <c r="J14543" s="8">
        <v>-72.554636000000002</v>
      </c>
    </row>
    <row r="14544" spans="1:10" x14ac:dyDescent="0.35">
      <c r="A14544" s="5" t="s">
        <v>10</v>
      </c>
      <c r="B14544" s="6">
        <v>250346</v>
      </c>
      <c r="C14544" s="6" t="s">
        <v>16</v>
      </c>
      <c r="D14544" s="6" t="s">
        <v>78</v>
      </c>
      <c r="E14544" s="6">
        <v>68001</v>
      </c>
      <c r="F14544" s="6" t="s">
        <v>18</v>
      </c>
      <c r="G14544" s="6" t="s">
        <v>27048</v>
      </c>
      <c r="H14544" s="6" t="s">
        <v>27049</v>
      </c>
      <c r="I14544" s="7">
        <v>7.1423047999999998</v>
      </c>
      <c r="J14544" s="8">
        <v>-73.132084699999993</v>
      </c>
    </row>
    <row r="14545" spans="1:10" x14ac:dyDescent="0.35">
      <c r="A14545" s="5" t="s">
        <v>10</v>
      </c>
      <c r="B14545" s="6">
        <v>250406</v>
      </c>
      <c r="C14545" s="6" t="s">
        <v>2130</v>
      </c>
      <c r="D14545" s="6" t="s">
        <v>4808</v>
      </c>
      <c r="E14545" s="6">
        <v>85125</v>
      </c>
      <c r="F14545" s="6" t="s">
        <v>18</v>
      </c>
      <c r="G14545" s="6" t="s">
        <v>27050</v>
      </c>
      <c r="H14545" s="6" t="s">
        <v>27051</v>
      </c>
      <c r="I14545" s="7">
        <v>6.1574236999999998</v>
      </c>
      <c r="J14545" s="8">
        <v>-71.765923999999998</v>
      </c>
    </row>
    <row r="14546" spans="1:10" x14ac:dyDescent="0.35">
      <c r="A14546" s="5" t="s">
        <v>10</v>
      </c>
      <c r="B14546" s="6">
        <v>250440</v>
      </c>
      <c r="C14546" s="6" t="s">
        <v>2821</v>
      </c>
      <c r="D14546" s="6" t="s">
        <v>2822</v>
      </c>
      <c r="E14546" s="6">
        <v>47001</v>
      </c>
      <c r="F14546" s="6" t="s">
        <v>18</v>
      </c>
      <c r="G14546" s="6" t="s">
        <v>27052</v>
      </c>
      <c r="H14546" s="6" t="s">
        <v>10341</v>
      </c>
      <c r="I14546" s="7">
        <v>11.234500000000001</v>
      </c>
      <c r="J14546" s="8">
        <v>-74.146299999999997</v>
      </c>
    </row>
    <row r="14547" spans="1:10" x14ac:dyDescent="0.35">
      <c r="A14547" s="5" t="s">
        <v>10</v>
      </c>
      <c r="B14547" s="6">
        <v>250490</v>
      </c>
      <c r="C14547" s="6" t="s">
        <v>2130</v>
      </c>
      <c r="D14547" s="6" t="s">
        <v>370</v>
      </c>
      <c r="E14547" s="6">
        <v>85440</v>
      </c>
      <c r="F14547" s="6" t="s">
        <v>18</v>
      </c>
      <c r="G14547" s="6" t="s">
        <v>27053</v>
      </c>
      <c r="H14547" s="6" t="s">
        <v>27054</v>
      </c>
      <c r="I14547" s="7">
        <v>4.6040099999999997</v>
      </c>
      <c r="J14547" s="8">
        <v>-72.936499999999995</v>
      </c>
    </row>
    <row r="14548" spans="1:10" x14ac:dyDescent="0.35">
      <c r="A14548" s="5" t="s">
        <v>10</v>
      </c>
      <c r="B14548" s="6">
        <v>250244</v>
      </c>
      <c r="C14548" s="6" t="s">
        <v>68</v>
      </c>
      <c r="D14548" s="6" t="s">
        <v>69</v>
      </c>
      <c r="E14548" s="6">
        <v>11001</v>
      </c>
      <c r="F14548" s="6" t="s">
        <v>18</v>
      </c>
      <c r="G14548" s="6" t="s">
        <v>27055</v>
      </c>
      <c r="H14548" s="6" t="s">
        <v>27056</v>
      </c>
      <c r="I14548" s="7">
        <v>4.6144600000000002</v>
      </c>
      <c r="J14548" s="8">
        <v>-74.128199100000003</v>
      </c>
    </row>
    <row r="14549" spans="1:10" x14ac:dyDescent="0.35">
      <c r="A14549" s="5" t="s">
        <v>10</v>
      </c>
      <c r="B14549" s="6">
        <v>250499</v>
      </c>
      <c r="C14549" s="6" t="s">
        <v>68</v>
      </c>
      <c r="D14549" s="6" t="s">
        <v>69</v>
      </c>
      <c r="E14549" s="6">
        <v>11001</v>
      </c>
      <c r="F14549" s="6" t="s">
        <v>18</v>
      </c>
      <c r="G14549" s="6" t="s">
        <v>27057</v>
      </c>
      <c r="H14549" s="6" t="s">
        <v>27058</v>
      </c>
      <c r="I14549" s="7">
        <v>4.5867399999999998</v>
      </c>
      <c r="J14549" s="8">
        <v>-74.098100000000002</v>
      </c>
    </row>
    <row r="14550" spans="1:10" x14ac:dyDescent="0.35">
      <c r="A14550" s="5" t="s">
        <v>10</v>
      </c>
      <c r="B14550" s="6">
        <v>250502</v>
      </c>
      <c r="C14550" s="6" t="s">
        <v>3788</v>
      </c>
      <c r="D14550" s="6" t="s">
        <v>3974</v>
      </c>
      <c r="E14550" s="6">
        <v>18001</v>
      </c>
      <c r="F14550" s="6" t="s">
        <v>18</v>
      </c>
      <c r="G14550" s="6" t="s">
        <v>27059</v>
      </c>
      <c r="H14550" s="6" t="s">
        <v>27060</v>
      </c>
      <c r="I14550" s="7">
        <v>1.6164582999999999</v>
      </c>
      <c r="J14550" s="8">
        <v>-75.612995299999994</v>
      </c>
    </row>
    <row r="14551" spans="1:10" x14ac:dyDescent="0.35">
      <c r="A14551" s="5" t="s">
        <v>10</v>
      </c>
      <c r="B14551" s="6">
        <v>250509</v>
      </c>
      <c r="C14551" s="6" t="s">
        <v>3788</v>
      </c>
      <c r="D14551" s="6" t="s">
        <v>3974</v>
      </c>
      <c r="E14551" s="6">
        <v>18001</v>
      </c>
      <c r="F14551" s="6" t="s">
        <v>18</v>
      </c>
      <c r="G14551" s="6" t="s">
        <v>27061</v>
      </c>
      <c r="H14551" s="6" t="s">
        <v>27062</v>
      </c>
      <c r="I14551" s="7">
        <v>1.6148499000000001</v>
      </c>
      <c r="J14551" s="8">
        <v>-75.617787199999995</v>
      </c>
    </row>
    <row r="14552" spans="1:10" x14ac:dyDescent="0.35">
      <c r="A14552" s="5" t="s">
        <v>10</v>
      </c>
      <c r="B14552" s="6">
        <v>250519</v>
      </c>
      <c r="C14552" s="6" t="s">
        <v>190</v>
      </c>
      <c r="D14552" s="6" t="s">
        <v>191</v>
      </c>
      <c r="E14552" s="6">
        <v>5001</v>
      </c>
      <c r="F14552" s="6" t="s">
        <v>18</v>
      </c>
      <c r="G14552" s="6" t="s">
        <v>27063</v>
      </c>
      <c r="H14552" s="6" t="s">
        <v>27064</v>
      </c>
      <c r="I14552" s="7">
        <v>6.2903855000000002</v>
      </c>
      <c r="J14552" s="8">
        <v>-75.5582998</v>
      </c>
    </row>
    <row r="14553" spans="1:10" x14ac:dyDescent="0.35">
      <c r="A14553" s="5" t="s">
        <v>10</v>
      </c>
      <c r="B14553" s="6">
        <v>250517</v>
      </c>
      <c r="C14553" s="6" t="s">
        <v>11</v>
      </c>
      <c r="D14553" s="6" t="s">
        <v>12</v>
      </c>
      <c r="E14553" s="6">
        <v>25899</v>
      </c>
      <c r="F14553" s="6" t="s">
        <v>18</v>
      </c>
      <c r="G14553" s="6" t="s">
        <v>27065</v>
      </c>
      <c r="H14553" s="6" t="s">
        <v>27066</v>
      </c>
      <c r="I14553" s="7">
        <v>5.0261233000000001</v>
      </c>
      <c r="J14553" s="8">
        <v>-74.002291</v>
      </c>
    </row>
    <row r="14554" spans="1:10" x14ac:dyDescent="0.35">
      <c r="A14554" s="5" t="s">
        <v>10</v>
      </c>
      <c r="B14554" s="6">
        <v>250533</v>
      </c>
      <c r="C14554" s="6" t="s">
        <v>11</v>
      </c>
      <c r="D14554" s="6" t="s">
        <v>337</v>
      </c>
      <c r="E14554" s="6">
        <v>25290</v>
      </c>
      <c r="F14554" s="6" t="s">
        <v>18</v>
      </c>
      <c r="G14554" s="6" t="s">
        <v>27067</v>
      </c>
      <c r="H14554" s="6" t="s">
        <v>27068</v>
      </c>
      <c r="I14554" s="7">
        <v>4.3403872999999997</v>
      </c>
      <c r="J14554" s="8">
        <v>-74.3640051</v>
      </c>
    </row>
    <row r="14555" spans="1:10" x14ac:dyDescent="0.35">
      <c r="A14555" s="5" t="s">
        <v>10</v>
      </c>
      <c r="B14555" s="6">
        <v>249509</v>
      </c>
      <c r="C14555" s="6" t="s">
        <v>68</v>
      </c>
      <c r="D14555" s="6" t="s">
        <v>69</v>
      </c>
      <c r="E14555" s="6">
        <v>11001</v>
      </c>
      <c r="F14555" s="6" t="s">
        <v>18</v>
      </c>
      <c r="G14555" s="6" t="s">
        <v>27069</v>
      </c>
      <c r="H14555" s="6" t="s">
        <v>27070</v>
      </c>
      <c r="I14555" s="7">
        <v>4.6189600000000004</v>
      </c>
      <c r="J14555" s="8">
        <v>-74.069315799999998</v>
      </c>
    </row>
    <row r="14556" spans="1:10" x14ac:dyDescent="0.35">
      <c r="A14556" s="5" t="s">
        <v>10</v>
      </c>
      <c r="B14556" s="6">
        <v>250583</v>
      </c>
      <c r="C14556" s="6" t="s">
        <v>42</v>
      </c>
      <c r="D14556" s="6" t="s">
        <v>3532</v>
      </c>
      <c r="E14556" s="6">
        <v>17388</v>
      </c>
      <c r="F14556" s="6" t="s">
        <v>18</v>
      </c>
      <c r="G14556" s="6" t="s">
        <v>19152</v>
      </c>
      <c r="H14556" s="6" t="s">
        <v>27071</v>
      </c>
      <c r="I14556" s="7">
        <v>5.398218</v>
      </c>
      <c r="J14556" s="8">
        <v>-75.5470349</v>
      </c>
    </row>
    <row r="14557" spans="1:10" x14ac:dyDescent="0.35">
      <c r="A14557" s="5" t="s">
        <v>10</v>
      </c>
      <c r="B14557" s="6">
        <v>250545</v>
      </c>
      <c r="C14557" s="6" t="s">
        <v>117</v>
      </c>
      <c r="D14557" s="6" t="s">
        <v>1334</v>
      </c>
      <c r="E14557" s="6">
        <v>76001</v>
      </c>
      <c r="F14557" s="6" t="s">
        <v>18</v>
      </c>
      <c r="G14557" s="6" t="s">
        <v>27072</v>
      </c>
      <c r="H14557" s="6" t="s">
        <v>27073</v>
      </c>
      <c r="I14557" s="7">
        <v>3.4475153999999999</v>
      </c>
      <c r="J14557" s="8">
        <v>-76.525168199999996</v>
      </c>
    </row>
    <row r="14558" spans="1:10" x14ac:dyDescent="0.35">
      <c r="A14558" s="5" t="s">
        <v>10</v>
      </c>
      <c r="B14558" s="6">
        <v>250600</v>
      </c>
      <c r="C14558" s="6" t="s">
        <v>457</v>
      </c>
      <c r="D14558" s="6" t="s">
        <v>14502</v>
      </c>
      <c r="E14558" s="6">
        <v>52051</v>
      </c>
      <c r="F14558" s="6" t="s">
        <v>18</v>
      </c>
      <c r="G14558" s="6" t="s">
        <v>27074</v>
      </c>
      <c r="H14558" s="6" t="s">
        <v>27075</v>
      </c>
      <c r="I14558" s="7">
        <v>1.5039108999999999</v>
      </c>
      <c r="J14558" s="8">
        <v>-77.135872000000006</v>
      </c>
    </row>
    <row r="14559" spans="1:10" x14ac:dyDescent="0.35">
      <c r="A14559" s="5" t="s">
        <v>10</v>
      </c>
      <c r="B14559" s="6">
        <v>250604</v>
      </c>
      <c r="C14559" s="6" t="s">
        <v>3788</v>
      </c>
      <c r="D14559" s="6" t="s">
        <v>7125</v>
      </c>
      <c r="E14559" s="6">
        <v>18247</v>
      </c>
      <c r="F14559" s="6" t="s">
        <v>18</v>
      </c>
      <c r="G14559" s="6" t="s">
        <v>27076</v>
      </c>
      <c r="H14559" s="6" t="s">
        <v>27077</v>
      </c>
      <c r="I14559" s="7">
        <v>1.680042</v>
      </c>
      <c r="J14559" s="8">
        <v>-75.2833349</v>
      </c>
    </row>
    <row r="14560" spans="1:10" x14ac:dyDescent="0.35">
      <c r="A14560" s="5" t="s">
        <v>10</v>
      </c>
      <c r="B14560" s="6">
        <v>250599</v>
      </c>
      <c r="C14560" s="6" t="s">
        <v>28</v>
      </c>
      <c r="D14560" s="6" t="s">
        <v>29</v>
      </c>
      <c r="E14560" s="6">
        <v>54001</v>
      </c>
      <c r="F14560" s="6" t="s">
        <v>18</v>
      </c>
      <c r="G14560" s="6" t="s">
        <v>27078</v>
      </c>
      <c r="H14560" s="6" t="s">
        <v>752</v>
      </c>
      <c r="I14560" s="7">
        <v>7.8890970999999999</v>
      </c>
      <c r="J14560" s="8">
        <v>-72.496689599999996</v>
      </c>
    </row>
    <row r="14561" spans="1:10" x14ac:dyDescent="0.35">
      <c r="A14561" s="5" t="s">
        <v>10</v>
      </c>
      <c r="B14561" s="6">
        <v>250613</v>
      </c>
      <c r="C14561" s="6" t="s">
        <v>68</v>
      </c>
      <c r="D14561" s="6" t="s">
        <v>69</v>
      </c>
      <c r="E14561" s="6">
        <v>11001</v>
      </c>
      <c r="F14561" s="6" t="s">
        <v>18</v>
      </c>
      <c r="G14561" s="6" t="s">
        <v>27079</v>
      </c>
      <c r="H14561" s="6" t="s">
        <v>27080</v>
      </c>
      <c r="I14561" s="7">
        <v>4.6542114999999997</v>
      </c>
      <c r="J14561" s="8">
        <v>-74.086938200000006</v>
      </c>
    </row>
    <row r="14562" spans="1:10" x14ac:dyDescent="0.35">
      <c r="A14562" s="5" t="s">
        <v>10</v>
      </c>
      <c r="B14562" s="6">
        <v>250557</v>
      </c>
      <c r="C14562" s="6" t="s">
        <v>294</v>
      </c>
      <c r="D14562" s="6" t="s">
        <v>295</v>
      </c>
      <c r="E14562" s="6">
        <v>41359</v>
      </c>
      <c r="F14562" s="6" t="s">
        <v>18</v>
      </c>
      <c r="G14562" s="6" t="s">
        <v>27081</v>
      </c>
      <c r="H14562" s="6" t="s">
        <v>27082</v>
      </c>
      <c r="I14562" s="7">
        <v>1.9289647000000001</v>
      </c>
      <c r="J14562" s="8">
        <v>-76.218309199999993</v>
      </c>
    </row>
    <row r="14563" spans="1:10" x14ac:dyDescent="0.35">
      <c r="A14563" s="5" t="s">
        <v>10</v>
      </c>
      <c r="B14563" s="6">
        <v>250624</v>
      </c>
      <c r="C14563" s="6" t="s">
        <v>68</v>
      </c>
      <c r="D14563" s="6" t="s">
        <v>69</v>
      </c>
      <c r="E14563" s="6">
        <v>11001</v>
      </c>
      <c r="F14563" s="6" t="s">
        <v>18</v>
      </c>
      <c r="G14563" s="6" t="s">
        <v>27083</v>
      </c>
      <c r="H14563" s="6" t="s">
        <v>27084</v>
      </c>
      <c r="I14563" s="7">
        <v>4.5971580999999997</v>
      </c>
      <c r="J14563" s="8">
        <v>-74.073578100000006</v>
      </c>
    </row>
    <row r="14564" spans="1:10" x14ac:dyDescent="0.35">
      <c r="A14564" s="5" t="s">
        <v>10</v>
      </c>
      <c r="B14564" s="6">
        <v>250208</v>
      </c>
      <c r="C14564" s="6" t="s">
        <v>11</v>
      </c>
      <c r="D14564" s="6" t="s">
        <v>3104</v>
      </c>
      <c r="E14564" s="6">
        <v>25245</v>
      </c>
      <c r="F14564" s="6" t="s">
        <v>18</v>
      </c>
      <c r="G14564" s="6" t="s">
        <v>27085</v>
      </c>
      <c r="H14564" s="6" t="s">
        <v>27086</v>
      </c>
      <c r="I14564" s="7">
        <v>5.0260030000000002</v>
      </c>
      <c r="J14564" s="8">
        <v>-74.030012200000002</v>
      </c>
    </row>
    <row r="14565" spans="1:10" x14ac:dyDescent="0.35">
      <c r="A14565" s="5" t="s">
        <v>10</v>
      </c>
      <c r="B14565" s="6">
        <v>250646</v>
      </c>
      <c r="C14565" s="6" t="s">
        <v>55</v>
      </c>
      <c r="D14565" s="6" t="s">
        <v>56</v>
      </c>
      <c r="E14565" s="6">
        <v>73001</v>
      </c>
      <c r="F14565" s="6" t="s">
        <v>18</v>
      </c>
      <c r="G14565" s="6" t="s">
        <v>27087</v>
      </c>
      <c r="H14565" s="6" t="s">
        <v>27088</v>
      </c>
      <c r="I14565" s="7">
        <v>4.4210304000000002</v>
      </c>
      <c r="J14565" s="8">
        <v>-75.249918899999997</v>
      </c>
    </row>
    <row r="14566" spans="1:10" x14ac:dyDescent="0.35">
      <c r="A14566" s="5" t="s">
        <v>10</v>
      </c>
      <c r="B14566" s="6">
        <v>250652</v>
      </c>
      <c r="C14566" s="6" t="s">
        <v>68</v>
      </c>
      <c r="D14566" s="6" t="s">
        <v>69</v>
      </c>
      <c r="E14566" s="6">
        <v>11001</v>
      </c>
      <c r="F14566" s="6" t="s">
        <v>18</v>
      </c>
      <c r="G14566" s="6" t="s">
        <v>27089</v>
      </c>
      <c r="H14566" s="6" t="s">
        <v>27090</v>
      </c>
      <c r="I14566" s="7">
        <v>4.6879204999999997</v>
      </c>
      <c r="J14566" s="8">
        <v>-74.086897899999997</v>
      </c>
    </row>
    <row r="14567" spans="1:10" x14ac:dyDescent="0.35">
      <c r="A14567" s="5" t="s">
        <v>10</v>
      </c>
      <c r="B14567" s="6">
        <v>250652</v>
      </c>
      <c r="C14567" s="6" t="s">
        <v>68</v>
      </c>
      <c r="D14567" s="6" t="s">
        <v>69</v>
      </c>
      <c r="E14567" s="6">
        <v>11001</v>
      </c>
      <c r="F14567" s="6" t="s">
        <v>18</v>
      </c>
      <c r="G14567" s="6" t="s">
        <v>27089</v>
      </c>
      <c r="H14567" s="6" t="s">
        <v>27090</v>
      </c>
      <c r="I14567" s="7">
        <v>4.6879204999999997</v>
      </c>
      <c r="J14567" s="8">
        <v>-74.086897899999997</v>
      </c>
    </row>
    <row r="14568" spans="1:10" x14ac:dyDescent="0.35">
      <c r="A14568" s="5" t="s">
        <v>10</v>
      </c>
      <c r="B14568" s="6">
        <v>250546</v>
      </c>
      <c r="C14568" s="6" t="s">
        <v>61</v>
      </c>
      <c r="D14568" s="6" t="s">
        <v>62</v>
      </c>
      <c r="E14568" s="6">
        <v>63001</v>
      </c>
      <c r="F14568" s="6" t="s">
        <v>18</v>
      </c>
      <c r="G14568" s="6" t="s">
        <v>113</v>
      </c>
      <c r="H14568" s="6" t="s">
        <v>27091</v>
      </c>
      <c r="I14568" s="7">
        <v>4.5316824000000002</v>
      </c>
      <c r="J14568" s="8">
        <v>-75.696222599999999</v>
      </c>
    </row>
    <row r="14569" spans="1:10" x14ac:dyDescent="0.35">
      <c r="A14569" s="5" t="s">
        <v>10</v>
      </c>
      <c r="B14569" s="6">
        <v>250458</v>
      </c>
      <c r="C14569" s="6" t="s">
        <v>366</v>
      </c>
      <c r="D14569" s="6" t="s">
        <v>9374</v>
      </c>
      <c r="E14569" s="6">
        <v>44847</v>
      </c>
      <c r="F14569" s="6" t="s">
        <v>18</v>
      </c>
      <c r="G14569" s="6" t="s">
        <v>27092</v>
      </c>
      <c r="H14569" s="6" t="s">
        <v>27093</v>
      </c>
      <c r="I14569" s="7">
        <v>11.714997800000001</v>
      </c>
      <c r="J14569" s="8">
        <v>-72.265939099999997</v>
      </c>
    </row>
    <row r="14570" spans="1:10" x14ac:dyDescent="0.35">
      <c r="A14570" s="5" t="s">
        <v>10</v>
      </c>
      <c r="B14570" s="6">
        <v>250549</v>
      </c>
      <c r="C14570" s="6" t="s">
        <v>551</v>
      </c>
      <c r="D14570" s="6" t="s">
        <v>977</v>
      </c>
      <c r="E14570" s="6">
        <v>20011</v>
      </c>
      <c r="F14570" s="6" t="s">
        <v>18</v>
      </c>
      <c r="G14570" s="6" t="s">
        <v>27094</v>
      </c>
      <c r="H14570" s="6" t="s">
        <v>27095</v>
      </c>
      <c r="I14570" s="7">
        <v>8.3109661999999993</v>
      </c>
      <c r="J14570" s="8">
        <v>-73.622542899999999</v>
      </c>
    </row>
    <row r="14571" spans="1:10" x14ac:dyDescent="0.35">
      <c r="A14571" s="5" t="s">
        <v>10</v>
      </c>
      <c r="B14571" s="6">
        <v>250665</v>
      </c>
      <c r="C14571" s="6" t="s">
        <v>94</v>
      </c>
      <c r="D14571" s="6" t="s">
        <v>98</v>
      </c>
      <c r="E14571" s="6">
        <v>66001</v>
      </c>
      <c r="F14571" s="6" t="s">
        <v>18</v>
      </c>
      <c r="G14571" s="6" t="s">
        <v>27096</v>
      </c>
      <c r="H14571" s="6" t="s">
        <v>27097</v>
      </c>
      <c r="I14571" s="7">
        <v>4.8087173999999999</v>
      </c>
      <c r="J14571" s="8">
        <v>-75.690601000000001</v>
      </c>
    </row>
    <row r="14572" spans="1:10" x14ac:dyDescent="0.35">
      <c r="A14572" s="5" t="s">
        <v>10</v>
      </c>
      <c r="B14572" s="6">
        <v>250467</v>
      </c>
      <c r="C14572" s="6" t="s">
        <v>24</v>
      </c>
      <c r="D14572" s="6" t="s">
        <v>85</v>
      </c>
      <c r="E14572" s="6">
        <v>15759</v>
      </c>
      <c r="F14572" s="6" t="s">
        <v>18</v>
      </c>
      <c r="G14572" s="6" t="s">
        <v>27098</v>
      </c>
      <c r="H14572" s="6" t="s">
        <v>27099</v>
      </c>
      <c r="I14572" s="7">
        <v>5.7962835999999998</v>
      </c>
      <c r="J14572" s="8">
        <v>-72.9982392</v>
      </c>
    </row>
    <row r="14573" spans="1:10" x14ac:dyDescent="0.35">
      <c r="A14573" s="5" t="s">
        <v>10</v>
      </c>
      <c r="B14573" s="6">
        <v>250659</v>
      </c>
      <c r="C14573" s="6" t="s">
        <v>68</v>
      </c>
      <c r="D14573" s="6" t="s">
        <v>69</v>
      </c>
      <c r="E14573" s="6">
        <v>11001</v>
      </c>
      <c r="F14573" s="6" t="s">
        <v>18</v>
      </c>
      <c r="G14573" s="6" t="s">
        <v>27100</v>
      </c>
      <c r="H14573" s="6" t="s">
        <v>27101</v>
      </c>
      <c r="I14573" s="7">
        <v>4.7555993000000001</v>
      </c>
      <c r="J14573" s="8">
        <v>-74.101333400000001</v>
      </c>
    </row>
    <row r="14574" spans="1:10" x14ac:dyDescent="0.35">
      <c r="A14574" s="5" t="s">
        <v>10</v>
      </c>
      <c r="B14574" s="6">
        <v>250542</v>
      </c>
      <c r="C14574" s="6" t="s">
        <v>3788</v>
      </c>
      <c r="D14574" s="6" t="s">
        <v>3974</v>
      </c>
      <c r="E14574" s="6">
        <v>18001</v>
      </c>
      <c r="F14574" s="6" t="s">
        <v>18</v>
      </c>
      <c r="G14574" s="6" t="s">
        <v>27102</v>
      </c>
      <c r="H14574" s="6" t="s">
        <v>27103</v>
      </c>
      <c r="I14574" s="7">
        <v>1.6293799</v>
      </c>
      <c r="J14574" s="8">
        <v>-75.6057864</v>
      </c>
    </row>
    <row r="14575" spans="1:10" x14ac:dyDescent="0.35">
      <c r="A14575" s="5" t="s">
        <v>10</v>
      </c>
      <c r="B14575" s="6">
        <v>250680</v>
      </c>
      <c r="C14575" s="6" t="s">
        <v>16</v>
      </c>
      <c r="D14575" s="6" t="s">
        <v>1266</v>
      </c>
      <c r="E14575" s="6">
        <v>68081</v>
      </c>
      <c r="F14575" s="6" t="s">
        <v>18</v>
      </c>
      <c r="G14575" s="6" t="s">
        <v>27104</v>
      </c>
      <c r="H14575" s="6" t="s">
        <v>8770</v>
      </c>
      <c r="I14575" s="7">
        <v>7.1250663000000003</v>
      </c>
      <c r="J14575" s="8">
        <v>-73.125452100000004</v>
      </c>
    </row>
    <row r="14576" spans="1:10" x14ac:dyDescent="0.35">
      <c r="A14576" s="5" t="s">
        <v>10</v>
      </c>
      <c r="B14576" s="6">
        <v>250685</v>
      </c>
      <c r="C14576" s="6" t="s">
        <v>190</v>
      </c>
      <c r="D14576" s="6" t="s">
        <v>705</v>
      </c>
      <c r="E14576" s="6">
        <v>5079</v>
      </c>
      <c r="F14576" s="6" t="s">
        <v>18</v>
      </c>
      <c r="G14576" s="6" t="s">
        <v>27105</v>
      </c>
      <c r="H14576" s="6" t="s">
        <v>27106</v>
      </c>
      <c r="I14576" s="7">
        <v>6.4391251</v>
      </c>
      <c r="J14576" s="8">
        <v>-75.330782900000003</v>
      </c>
    </row>
    <row r="14577" spans="1:10" x14ac:dyDescent="0.35">
      <c r="A14577" s="5" t="s">
        <v>10</v>
      </c>
      <c r="B14577" s="6">
        <v>250647</v>
      </c>
      <c r="C14577" s="6" t="s">
        <v>16</v>
      </c>
      <c r="D14577" s="6" t="s">
        <v>17</v>
      </c>
      <c r="E14577" s="6">
        <v>68679</v>
      </c>
      <c r="F14577" s="6" t="s">
        <v>18</v>
      </c>
      <c r="G14577" s="6" t="s">
        <v>27107</v>
      </c>
      <c r="H14577" s="6" t="s">
        <v>8770</v>
      </c>
      <c r="I14577" s="7">
        <v>6.5521022000000002</v>
      </c>
      <c r="J14577" s="8">
        <v>-73.139950799999994</v>
      </c>
    </row>
    <row r="14578" spans="1:10" x14ac:dyDescent="0.35">
      <c r="A14578" s="5" t="s">
        <v>10</v>
      </c>
      <c r="B14578" s="6">
        <v>250699</v>
      </c>
      <c r="C14578" s="6" t="s">
        <v>190</v>
      </c>
      <c r="D14578" s="6" t="s">
        <v>12276</v>
      </c>
      <c r="E14578" s="6">
        <v>5051</v>
      </c>
      <c r="F14578" s="6" t="s">
        <v>18</v>
      </c>
      <c r="G14578" s="6" t="s">
        <v>27108</v>
      </c>
      <c r="H14578" s="6" t="s">
        <v>27109</v>
      </c>
      <c r="I14578" s="7">
        <v>8.8529043000000005</v>
      </c>
      <c r="J14578" s="8">
        <v>-76.427321000000006</v>
      </c>
    </row>
    <row r="14579" spans="1:10" x14ac:dyDescent="0.35">
      <c r="A14579" s="5" t="s">
        <v>10</v>
      </c>
      <c r="B14579" s="6">
        <v>250689</v>
      </c>
      <c r="C14579" s="6" t="s">
        <v>278</v>
      </c>
      <c r="D14579" s="6" t="s">
        <v>279</v>
      </c>
      <c r="E14579" s="6">
        <v>50001</v>
      </c>
      <c r="F14579" s="6" t="s">
        <v>18</v>
      </c>
      <c r="G14579" s="6" t="s">
        <v>27110</v>
      </c>
      <c r="H14579" s="6" t="s">
        <v>27111</v>
      </c>
      <c r="I14579" s="7">
        <v>4.1396061</v>
      </c>
      <c r="J14579" s="8">
        <v>-73.617402200000001</v>
      </c>
    </row>
    <row r="14580" spans="1:10" x14ac:dyDescent="0.35">
      <c r="A14580" s="5" t="s">
        <v>10</v>
      </c>
      <c r="B14580" s="6">
        <v>250708</v>
      </c>
      <c r="C14580" s="6" t="s">
        <v>68</v>
      </c>
      <c r="D14580" s="6" t="s">
        <v>69</v>
      </c>
      <c r="E14580" s="6">
        <v>11001</v>
      </c>
      <c r="F14580" s="6" t="s">
        <v>18</v>
      </c>
      <c r="G14580" s="6" t="s">
        <v>27112</v>
      </c>
      <c r="H14580" s="6" t="s">
        <v>27113</v>
      </c>
      <c r="I14580" s="7">
        <v>4.7109886000000003</v>
      </c>
      <c r="J14580" s="8">
        <v>-74.072091999999998</v>
      </c>
    </row>
    <row r="14581" spans="1:10" x14ac:dyDescent="0.35">
      <c r="A14581" s="5" t="s">
        <v>10</v>
      </c>
      <c r="B14581" s="6">
        <v>250034</v>
      </c>
      <c r="C14581" s="6" t="s">
        <v>68</v>
      </c>
      <c r="D14581" s="6" t="s">
        <v>69</v>
      </c>
      <c r="E14581" s="6">
        <v>11001</v>
      </c>
      <c r="F14581" s="6" t="s">
        <v>18</v>
      </c>
      <c r="G14581" s="6" t="s">
        <v>27114</v>
      </c>
      <c r="H14581" s="6" t="s">
        <v>27115</v>
      </c>
      <c r="I14581" s="7">
        <v>4.7109886000000003</v>
      </c>
      <c r="J14581" s="8">
        <v>-74.072091999999998</v>
      </c>
    </row>
    <row r="14582" spans="1:10" x14ac:dyDescent="0.35">
      <c r="A14582" s="5" t="s">
        <v>10</v>
      </c>
      <c r="B14582" s="6">
        <v>250348</v>
      </c>
      <c r="C14582" s="6" t="s">
        <v>68</v>
      </c>
      <c r="D14582" s="6" t="s">
        <v>69</v>
      </c>
      <c r="E14582" s="6">
        <v>11001</v>
      </c>
      <c r="F14582" s="6" t="s">
        <v>18</v>
      </c>
      <c r="G14582" s="6" t="s">
        <v>27116</v>
      </c>
      <c r="H14582" s="6" t="s">
        <v>27117</v>
      </c>
      <c r="I14582" s="7">
        <v>4.5775798999999999</v>
      </c>
      <c r="J14582" s="8">
        <v>-74.152868900000001</v>
      </c>
    </row>
    <row r="14583" spans="1:10" x14ac:dyDescent="0.35">
      <c r="A14583" s="5" t="s">
        <v>10</v>
      </c>
      <c r="B14583" s="6">
        <v>250219</v>
      </c>
      <c r="C14583" s="6" t="s">
        <v>11</v>
      </c>
      <c r="D14583" s="6" t="s">
        <v>3104</v>
      </c>
      <c r="E14583" s="6">
        <v>25245</v>
      </c>
      <c r="F14583" s="6" t="s">
        <v>18</v>
      </c>
      <c r="G14583" s="6" t="s">
        <v>27118</v>
      </c>
      <c r="H14583" s="6" t="s">
        <v>27119</v>
      </c>
      <c r="I14583" s="7">
        <v>4.5813309000000002</v>
      </c>
      <c r="J14583" s="8">
        <v>-74.444983399999998</v>
      </c>
    </row>
    <row r="14584" spans="1:10" x14ac:dyDescent="0.35">
      <c r="A14584" s="5" t="s">
        <v>10</v>
      </c>
      <c r="B14584" s="6">
        <v>250706</v>
      </c>
      <c r="C14584" s="6" t="s">
        <v>16</v>
      </c>
      <c r="D14584" s="6" t="s">
        <v>705</v>
      </c>
      <c r="E14584" s="6">
        <v>68077</v>
      </c>
      <c r="F14584" s="6" t="s">
        <v>18</v>
      </c>
      <c r="G14584" s="6" t="s">
        <v>27120</v>
      </c>
      <c r="H14584" s="6" t="s">
        <v>27121</v>
      </c>
      <c r="I14584" s="7">
        <v>5.9312094000000002</v>
      </c>
      <c r="J14584" s="8">
        <v>-73.616689399999998</v>
      </c>
    </row>
    <row r="14585" spans="1:10" x14ac:dyDescent="0.35">
      <c r="A14585" s="5" t="s">
        <v>10</v>
      </c>
      <c r="B14585" s="6">
        <v>250741</v>
      </c>
      <c r="C14585" s="6" t="s">
        <v>16</v>
      </c>
      <c r="D14585" s="6" t="s">
        <v>705</v>
      </c>
      <c r="E14585" s="6">
        <v>68077</v>
      </c>
      <c r="F14585" s="6" t="s">
        <v>18</v>
      </c>
      <c r="G14585" s="6" t="s">
        <v>27122</v>
      </c>
      <c r="H14585" s="6" t="s">
        <v>8770</v>
      </c>
      <c r="I14585" s="7">
        <v>7.1250663000000003</v>
      </c>
      <c r="J14585" s="8">
        <v>-73.125452100000004</v>
      </c>
    </row>
    <row r="14586" spans="1:10" x14ac:dyDescent="0.35">
      <c r="A14586" s="5" t="s">
        <v>10</v>
      </c>
      <c r="B14586" s="6">
        <v>250754</v>
      </c>
      <c r="C14586" s="6" t="s">
        <v>190</v>
      </c>
      <c r="D14586" s="6" t="s">
        <v>191</v>
      </c>
      <c r="E14586" s="6">
        <v>5001</v>
      </c>
      <c r="F14586" s="6" t="s">
        <v>18</v>
      </c>
      <c r="G14586" s="6" t="s">
        <v>27123</v>
      </c>
      <c r="H14586" s="6" t="s">
        <v>27124</v>
      </c>
      <c r="I14586" s="7">
        <v>6.1849885999999996</v>
      </c>
      <c r="J14586" s="8">
        <v>-75.654766600000002</v>
      </c>
    </row>
    <row r="14587" spans="1:10" x14ac:dyDescent="0.35">
      <c r="A14587" s="5" t="s">
        <v>10</v>
      </c>
      <c r="B14587" s="6">
        <v>250734</v>
      </c>
      <c r="C14587" s="6" t="s">
        <v>16</v>
      </c>
      <c r="D14587" s="6" t="s">
        <v>510</v>
      </c>
      <c r="E14587" s="6">
        <v>68547</v>
      </c>
      <c r="F14587" s="6" t="s">
        <v>18</v>
      </c>
      <c r="G14587" s="6" t="s">
        <v>27125</v>
      </c>
      <c r="H14587" s="6" t="s">
        <v>27126</v>
      </c>
      <c r="I14587" s="7">
        <v>6.9915390000000004</v>
      </c>
      <c r="J14587" s="8">
        <v>-73.053998000000007</v>
      </c>
    </row>
    <row r="14588" spans="1:10" x14ac:dyDescent="0.35">
      <c r="A14588" s="5" t="s">
        <v>10</v>
      </c>
      <c r="B14588" s="6">
        <v>249629</v>
      </c>
      <c r="C14588" s="6" t="s">
        <v>278</v>
      </c>
      <c r="D14588" s="6" t="s">
        <v>279</v>
      </c>
      <c r="E14588" s="6">
        <v>50001</v>
      </c>
      <c r="F14588" s="6" t="s">
        <v>18</v>
      </c>
      <c r="G14588" s="6" t="s">
        <v>27127</v>
      </c>
      <c r="H14588" s="6" t="s">
        <v>27128</v>
      </c>
      <c r="I14588" s="7">
        <v>1.2155967999999999</v>
      </c>
      <c r="J14588" s="8">
        <v>-76.410026700000003</v>
      </c>
    </row>
    <row r="14589" spans="1:10" x14ac:dyDescent="0.35">
      <c r="A14589" s="5" t="s">
        <v>10</v>
      </c>
      <c r="B14589" s="6">
        <v>247894</v>
      </c>
      <c r="C14589" s="6" t="s">
        <v>68</v>
      </c>
      <c r="D14589" s="6" t="s">
        <v>69</v>
      </c>
      <c r="E14589" s="6">
        <v>11001</v>
      </c>
      <c r="F14589" s="6" t="s">
        <v>13</v>
      </c>
      <c r="G14589" s="6" t="s">
        <v>27129</v>
      </c>
      <c r="H14589" s="6" t="s">
        <v>27130</v>
      </c>
      <c r="I14589" s="7">
        <v>4.7481271999999999</v>
      </c>
      <c r="J14589" s="8">
        <v>-74.056604800000002</v>
      </c>
    </row>
    <row r="14590" spans="1:10" x14ac:dyDescent="0.35">
      <c r="A14590" s="5" t="s">
        <v>10</v>
      </c>
      <c r="B14590" s="6">
        <v>247896</v>
      </c>
      <c r="C14590" s="6" t="s">
        <v>68</v>
      </c>
      <c r="D14590" s="6" t="s">
        <v>69</v>
      </c>
      <c r="E14590" s="6">
        <v>11001</v>
      </c>
      <c r="F14590" s="6" t="s">
        <v>13</v>
      </c>
      <c r="G14590" s="6" t="s">
        <v>27131</v>
      </c>
      <c r="H14590" s="6" t="s">
        <v>27132</v>
      </c>
      <c r="I14590" s="7">
        <v>4.5701612000000003</v>
      </c>
      <c r="J14590" s="8">
        <v>-74.102622800000006</v>
      </c>
    </row>
    <row r="14591" spans="1:10" x14ac:dyDescent="0.35">
      <c r="A14591" s="5" t="s">
        <v>10</v>
      </c>
      <c r="B14591" s="6">
        <v>247897</v>
      </c>
      <c r="C14591" s="6" t="s">
        <v>68</v>
      </c>
      <c r="D14591" s="6" t="s">
        <v>69</v>
      </c>
      <c r="E14591" s="6">
        <v>11001</v>
      </c>
      <c r="F14591" s="6" t="s">
        <v>13</v>
      </c>
      <c r="G14591" s="6" t="s">
        <v>27133</v>
      </c>
      <c r="H14591" s="6" t="s">
        <v>27134</v>
      </c>
      <c r="I14591" s="7">
        <v>4.5854340000000002</v>
      </c>
      <c r="J14591" s="8">
        <v>-74.135997000000003</v>
      </c>
    </row>
    <row r="14592" spans="1:10" x14ac:dyDescent="0.35">
      <c r="A14592" s="5" t="s">
        <v>10</v>
      </c>
      <c r="B14592" s="6">
        <v>247571</v>
      </c>
      <c r="C14592" s="6" t="s">
        <v>68</v>
      </c>
      <c r="D14592" s="6" t="s">
        <v>69</v>
      </c>
      <c r="E14592" s="6">
        <v>11001</v>
      </c>
      <c r="F14592" s="6" t="s">
        <v>13</v>
      </c>
      <c r="G14592" s="6" t="s">
        <v>27135</v>
      </c>
      <c r="H14592" s="6" t="s">
        <v>27136</v>
      </c>
      <c r="I14592" s="7">
        <v>4.6622418000000003</v>
      </c>
      <c r="J14592" s="8">
        <v>-74.059333100000003</v>
      </c>
    </row>
    <row r="14593" spans="1:10" x14ac:dyDescent="0.35">
      <c r="A14593" s="5" t="s">
        <v>10</v>
      </c>
      <c r="B14593" s="6">
        <v>248404</v>
      </c>
      <c r="C14593" s="6" t="s">
        <v>11</v>
      </c>
      <c r="D14593" s="6" t="s">
        <v>334</v>
      </c>
      <c r="E14593" s="6">
        <v>25754</v>
      </c>
      <c r="F14593" s="6" t="s">
        <v>2161</v>
      </c>
      <c r="G14593" s="6" t="s">
        <v>27137</v>
      </c>
      <c r="H14593" s="6" t="s">
        <v>27138</v>
      </c>
      <c r="I14593" s="7">
        <v>4.5598669999999997</v>
      </c>
      <c r="J14593" s="8">
        <v>-74.241943300000003</v>
      </c>
    </row>
    <row r="14594" spans="1:10" x14ac:dyDescent="0.35">
      <c r="A14594" s="5" t="s">
        <v>10</v>
      </c>
      <c r="B14594" s="6">
        <v>249320</v>
      </c>
      <c r="C14594" s="6" t="s">
        <v>2821</v>
      </c>
      <c r="D14594" s="6" t="s">
        <v>2822</v>
      </c>
      <c r="E14594" s="6">
        <v>47001</v>
      </c>
      <c r="F14594" s="6" t="s">
        <v>2161</v>
      </c>
      <c r="G14594" s="6" t="s">
        <v>27139</v>
      </c>
      <c r="H14594" s="6" t="s">
        <v>27140</v>
      </c>
      <c r="I14594" s="7">
        <v>11.248104700000001</v>
      </c>
      <c r="J14594" s="8">
        <v>-74.177047599999995</v>
      </c>
    </row>
    <row r="14595" spans="1:10" x14ac:dyDescent="0.35">
      <c r="A14595" s="5" t="s">
        <v>10</v>
      </c>
      <c r="B14595" s="6">
        <v>248141</v>
      </c>
      <c r="C14595" s="6" t="s">
        <v>11</v>
      </c>
      <c r="D14595" s="6" t="s">
        <v>251</v>
      </c>
      <c r="E14595" s="6">
        <v>25214</v>
      </c>
      <c r="F14595" s="6" t="s">
        <v>2161</v>
      </c>
      <c r="G14595" s="6" t="s">
        <v>27141</v>
      </c>
      <c r="H14595" s="6" t="s">
        <v>19612</v>
      </c>
      <c r="I14595" s="7">
        <v>4.8117774999999998</v>
      </c>
      <c r="J14595" s="8">
        <v>-74.100043900000003</v>
      </c>
    </row>
    <row r="14596" spans="1:10" x14ac:dyDescent="0.35">
      <c r="A14596" s="5" t="s">
        <v>10</v>
      </c>
      <c r="B14596" s="6">
        <v>248748</v>
      </c>
      <c r="C14596" s="6" t="s">
        <v>55</v>
      </c>
      <c r="D14596" s="6" t="s">
        <v>56</v>
      </c>
      <c r="E14596" s="6">
        <v>73001</v>
      </c>
      <c r="F14596" s="6" t="s">
        <v>2161</v>
      </c>
      <c r="G14596" s="6" t="s">
        <v>27142</v>
      </c>
      <c r="H14596" s="6" t="s">
        <v>27143</v>
      </c>
      <c r="I14596" s="7">
        <v>4.4551429000000002</v>
      </c>
      <c r="J14596" s="8">
        <v>-75.245404600000001</v>
      </c>
    </row>
    <row r="14597" spans="1:10" x14ac:dyDescent="0.35">
      <c r="A14597" s="5" t="s">
        <v>10</v>
      </c>
      <c r="B14597" s="6">
        <v>248770</v>
      </c>
      <c r="C14597" s="6" t="s">
        <v>2821</v>
      </c>
      <c r="D14597" s="6" t="s">
        <v>8602</v>
      </c>
      <c r="E14597" s="6">
        <v>47980</v>
      </c>
      <c r="F14597" s="6" t="s">
        <v>2161</v>
      </c>
      <c r="G14597" s="6" t="s">
        <v>27144</v>
      </c>
      <c r="H14597" s="6" t="s">
        <v>27145</v>
      </c>
      <c r="I14597" s="7">
        <v>11.1961947</v>
      </c>
      <c r="J14597" s="8">
        <v>-74.226162299999999</v>
      </c>
    </row>
    <row r="14598" spans="1:10" x14ac:dyDescent="0.35">
      <c r="A14598" s="5" t="s">
        <v>10</v>
      </c>
      <c r="B14598" s="6">
        <v>248997</v>
      </c>
      <c r="C14598" s="6" t="s">
        <v>278</v>
      </c>
      <c r="D14598" s="6" t="s">
        <v>3982</v>
      </c>
      <c r="E14598" s="6">
        <v>50450</v>
      </c>
      <c r="F14598" s="6" t="s">
        <v>2161</v>
      </c>
      <c r="G14598" s="6" t="s">
        <v>27146</v>
      </c>
      <c r="H14598" s="6" t="s">
        <v>27147</v>
      </c>
      <c r="I14598" s="7">
        <v>2.6227917999999999</v>
      </c>
      <c r="J14598" s="8">
        <v>-72.759842199999994</v>
      </c>
    </row>
    <row r="14599" spans="1:10" x14ac:dyDescent="0.35">
      <c r="A14599" s="5" t="s">
        <v>10</v>
      </c>
      <c r="B14599" s="6">
        <v>249161</v>
      </c>
      <c r="C14599" s="6" t="s">
        <v>55</v>
      </c>
      <c r="D14599" s="6" t="s">
        <v>56</v>
      </c>
      <c r="E14599" s="6">
        <v>73001</v>
      </c>
      <c r="F14599" s="6" t="s">
        <v>2161</v>
      </c>
      <c r="G14599" s="6" t="s">
        <v>27148</v>
      </c>
      <c r="H14599" s="6" t="s">
        <v>27149</v>
      </c>
      <c r="I14599" s="7">
        <v>4.4337</v>
      </c>
      <c r="J14599" s="8">
        <v>-75.237399999999994</v>
      </c>
    </row>
    <row r="14600" spans="1:10" x14ac:dyDescent="0.35">
      <c r="A14600" s="5" t="s">
        <v>10</v>
      </c>
      <c r="B14600" s="6">
        <v>249375</v>
      </c>
      <c r="C14600" s="6" t="s">
        <v>302</v>
      </c>
      <c r="D14600" s="6" t="s">
        <v>12709</v>
      </c>
      <c r="E14600" s="6">
        <v>8372</v>
      </c>
      <c r="F14600" s="6" t="s">
        <v>2161</v>
      </c>
      <c r="G14600" s="6" t="s">
        <v>27150</v>
      </c>
      <c r="H14600" s="6" t="s">
        <v>27151</v>
      </c>
      <c r="I14600" s="7">
        <v>4.4337</v>
      </c>
      <c r="J14600" s="8">
        <v>-75.237300000000005</v>
      </c>
    </row>
    <row r="14601" spans="1:10" x14ac:dyDescent="0.35">
      <c r="A14601" s="5" t="s">
        <v>10</v>
      </c>
      <c r="B14601" s="6">
        <v>249504</v>
      </c>
      <c r="C14601" s="6" t="s">
        <v>2821</v>
      </c>
      <c r="D14601" s="6" t="s">
        <v>2822</v>
      </c>
      <c r="E14601" s="6">
        <v>47001</v>
      </c>
      <c r="F14601" s="6" t="s">
        <v>2161</v>
      </c>
      <c r="G14601" s="6" t="s">
        <v>27152</v>
      </c>
      <c r="H14601" s="6" t="s">
        <v>27153</v>
      </c>
      <c r="I14601" s="7">
        <v>11.231814399999999</v>
      </c>
      <c r="J14601" s="8">
        <v>-74.215173199999995</v>
      </c>
    </row>
    <row r="14602" spans="1:10" x14ac:dyDescent="0.35">
      <c r="A14602" s="5" t="s">
        <v>10</v>
      </c>
      <c r="B14602" s="6">
        <v>247801</v>
      </c>
      <c r="C14602" s="6" t="s">
        <v>55</v>
      </c>
      <c r="D14602" s="6" t="s">
        <v>56</v>
      </c>
      <c r="E14602" s="6">
        <v>73001</v>
      </c>
      <c r="F14602" s="6" t="s">
        <v>2161</v>
      </c>
      <c r="G14602" s="6" t="s">
        <v>27154</v>
      </c>
      <c r="H14602" s="6" t="s">
        <v>27155</v>
      </c>
      <c r="I14602" s="7">
        <v>4.4324190000000003</v>
      </c>
      <c r="J14602" s="8">
        <v>-75.221811500000001</v>
      </c>
    </row>
    <row r="14603" spans="1:10" x14ac:dyDescent="0.35">
      <c r="A14603" s="5" t="s">
        <v>10</v>
      </c>
      <c r="B14603" s="6">
        <v>247813</v>
      </c>
      <c r="C14603" s="6" t="s">
        <v>11</v>
      </c>
      <c r="D14603" s="6" t="s">
        <v>1193</v>
      </c>
      <c r="E14603" s="6">
        <v>25035</v>
      </c>
      <c r="F14603" s="6" t="s">
        <v>2161</v>
      </c>
      <c r="G14603" s="6" t="s">
        <v>27156</v>
      </c>
      <c r="H14603" s="6" t="s">
        <v>27157</v>
      </c>
      <c r="I14603" s="7">
        <v>4.5517078</v>
      </c>
      <c r="J14603" s="8">
        <v>-74.533271900000003</v>
      </c>
    </row>
    <row r="14604" spans="1:10" x14ac:dyDescent="0.35">
      <c r="A14604" s="5" t="s">
        <v>10</v>
      </c>
      <c r="B14604" s="6">
        <v>247822</v>
      </c>
      <c r="C14604" s="6" t="s">
        <v>16</v>
      </c>
      <c r="D14604" s="6" t="s">
        <v>25668</v>
      </c>
      <c r="E14604" s="6">
        <v>68318</v>
      </c>
      <c r="F14604" s="6" t="s">
        <v>2161</v>
      </c>
      <c r="G14604" s="6" t="s">
        <v>25669</v>
      </c>
      <c r="H14604" s="6" t="s">
        <v>25670</v>
      </c>
      <c r="I14604" s="7">
        <v>6.8758100000000004</v>
      </c>
      <c r="J14604" s="8">
        <v>-72.855905300000003</v>
      </c>
    </row>
    <row r="14605" spans="1:10" x14ac:dyDescent="0.35">
      <c r="A14605" s="5" t="s">
        <v>10</v>
      </c>
      <c r="B14605" s="6">
        <v>248319</v>
      </c>
      <c r="C14605" s="6" t="s">
        <v>55</v>
      </c>
      <c r="D14605" s="6" t="s">
        <v>56</v>
      </c>
      <c r="E14605" s="6">
        <v>73001</v>
      </c>
      <c r="F14605" s="6" t="s">
        <v>2161</v>
      </c>
      <c r="G14605" s="6" t="s">
        <v>27158</v>
      </c>
      <c r="H14605" s="6" t="s">
        <v>27159</v>
      </c>
      <c r="I14605" s="7">
        <v>4.4000038999999997</v>
      </c>
      <c r="J14605" s="8">
        <v>-75.1437478</v>
      </c>
    </row>
    <row r="14606" spans="1:10" x14ac:dyDescent="0.35">
      <c r="A14606" s="5" t="s">
        <v>10</v>
      </c>
      <c r="B14606" s="6">
        <v>248335</v>
      </c>
      <c r="C14606" s="6" t="s">
        <v>16</v>
      </c>
      <c r="D14606" s="6" t="s">
        <v>2825</v>
      </c>
      <c r="E14606" s="6">
        <v>68276</v>
      </c>
      <c r="F14606" s="6" t="s">
        <v>2161</v>
      </c>
      <c r="G14606" s="6" t="s">
        <v>11478</v>
      </c>
      <c r="H14606" s="6" t="s">
        <v>27160</v>
      </c>
      <c r="I14606" s="7">
        <v>7.0447075000000003</v>
      </c>
      <c r="J14606" s="8">
        <v>-73.108074099999996</v>
      </c>
    </row>
    <row r="14607" spans="1:10" x14ac:dyDescent="0.35">
      <c r="A14607" s="5" t="s">
        <v>10</v>
      </c>
      <c r="B14607" s="6">
        <v>248342</v>
      </c>
      <c r="C14607" s="6" t="s">
        <v>16</v>
      </c>
      <c r="D14607" s="6" t="s">
        <v>510</v>
      </c>
      <c r="E14607" s="6">
        <v>68547</v>
      </c>
      <c r="F14607" s="6" t="s">
        <v>2161</v>
      </c>
      <c r="G14607" s="6" t="s">
        <v>10052</v>
      </c>
      <c r="H14607" s="6" t="s">
        <v>10053</v>
      </c>
      <c r="I14607" s="7">
        <v>6.9876012000000003</v>
      </c>
      <c r="J14607" s="8">
        <v>-73.053564199999997</v>
      </c>
    </row>
    <row r="14608" spans="1:10" x14ac:dyDescent="0.35">
      <c r="A14608" s="5" t="s">
        <v>10</v>
      </c>
      <c r="B14608" s="6">
        <v>248056</v>
      </c>
      <c r="C14608" s="6" t="s">
        <v>55</v>
      </c>
      <c r="D14608" s="6" t="s">
        <v>56</v>
      </c>
      <c r="E14608" s="6">
        <v>73001</v>
      </c>
      <c r="F14608" s="6" t="s">
        <v>2161</v>
      </c>
      <c r="G14608" s="6" t="s">
        <v>27161</v>
      </c>
      <c r="H14608" s="6" t="s">
        <v>27162</v>
      </c>
      <c r="I14608" s="7">
        <v>4.4483392999999998</v>
      </c>
      <c r="J14608" s="8">
        <v>-75.247062900000003</v>
      </c>
    </row>
    <row r="14609" spans="1:10" x14ac:dyDescent="0.35">
      <c r="A14609" s="5" t="s">
        <v>10</v>
      </c>
      <c r="B14609" s="6">
        <v>248975</v>
      </c>
      <c r="C14609" s="6" t="s">
        <v>24</v>
      </c>
      <c r="D14609" s="6" t="s">
        <v>1686</v>
      </c>
      <c r="E14609" s="6">
        <v>15673</v>
      </c>
      <c r="F14609" s="6" t="s">
        <v>2161</v>
      </c>
      <c r="G14609" s="6" t="s">
        <v>27163</v>
      </c>
      <c r="H14609" s="6" t="s">
        <v>27164</v>
      </c>
      <c r="I14609" s="7">
        <v>6.4020130000000002</v>
      </c>
      <c r="J14609" s="8">
        <v>-72.554633899999999</v>
      </c>
    </row>
    <row r="14610" spans="1:10" x14ac:dyDescent="0.35">
      <c r="A14610" s="5" t="s">
        <v>10</v>
      </c>
      <c r="B14610" s="6">
        <v>248982</v>
      </c>
      <c r="C14610" s="6" t="s">
        <v>117</v>
      </c>
      <c r="D14610" s="6" t="s">
        <v>1334</v>
      </c>
      <c r="E14610" s="6">
        <v>76001</v>
      </c>
      <c r="F14610" s="6" t="s">
        <v>2161</v>
      </c>
      <c r="G14610" s="6" t="s">
        <v>27165</v>
      </c>
      <c r="H14610" s="6" t="s">
        <v>27166</v>
      </c>
      <c r="I14610" s="7">
        <v>3.4549135</v>
      </c>
      <c r="J14610" s="8">
        <v>-76.569346999999993</v>
      </c>
    </row>
    <row r="14611" spans="1:10" x14ac:dyDescent="0.35">
      <c r="A14611" s="5" t="s">
        <v>10</v>
      </c>
      <c r="B14611" s="6">
        <v>248986</v>
      </c>
      <c r="C14611" s="6" t="s">
        <v>294</v>
      </c>
      <c r="D14611" s="6" t="s">
        <v>4555</v>
      </c>
      <c r="E14611" s="6">
        <v>41016</v>
      </c>
      <c r="F14611" s="6" t="s">
        <v>2161</v>
      </c>
      <c r="G14611" s="6" t="s">
        <v>16797</v>
      </c>
      <c r="H14611" s="6" t="s">
        <v>27167</v>
      </c>
      <c r="I14611" s="7">
        <v>3.2246104999999998</v>
      </c>
      <c r="J14611" s="8">
        <v>-75.2365724</v>
      </c>
    </row>
    <row r="14612" spans="1:10" x14ac:dyDescent="0.35">
      <c r="A14612" s="5" t="s">
        <v>10</v>
      </c>
      <c r="B14612" s="6">
        <v>248991</v>
      </c>
      <c r="C14612" s="6" t="s">
        <v>294</v>
      </c>
      <c r="D14612" s="6" t="s">
        <v>4257</v>
      </c>
      <c r="E14612" s="6">
        <v>41524</v>
      </c>
      <c r="F14612" s="6" t="s">
        <v>2161</v>
      </c>
      <c r="G14612" s="6" t="s">
        <v>6522</v>
      </c>
      <c r="H14612" s="6" t="s">
        <v>27168</v>
      </c>
      <c r="I14612" s="7">
        <v>2.8862667000000002</v>
      </c>
      <c r="J14612" s="8">
        <v>-75.438820899999996</v>
      </c>
    </row>
    <row r="14613" spans="1:10" x14ac:dyDescent="0.35">
      <c r="A14613" s="5" t="s">
        <v>10</v>
      </c>
      <c r="B14613" s="6">
        <v>250457</v>
      </c>
      <c r="C14613" s="6" t="s">
        <v>61</v>
      </c>
      <c r="D14613" s="6" t="s">
        <v>124</v>
      </c>
      <c r="E14613" s="6">
        <v>63401</v>
      </c>
      <c r="F14613" s="6" t="s">
        <v>18</v>
      </c>
      <c r="G14613" s="6" t="s">
        <v>27169</v>
      </c>
      <c r="H14613" s="6" t="s">
        <v>27170</v>
      </c>
      <c r="I14613" s="7">
        <v>4.4491377999999999</v>
      </c>
      <c r="J14613" s="8">
        <v>-75.794557499999996</v>
      </c>
    </row>
    <row r="14614" spans="1:10" x14ac:dyDescent="0.35">
      <c r="A14614" s="5" t="s">
        <v>10</v>
      </c>
      <c r="B14614" s="6">
        <v>247619</v>
      </c>
      <c r="C14614" s="6" t="s">
        <v>294</v>
      </c>
      <c r="D14614" s="6" t="s">
        <v>4634</v>
      </c>
      <c r="E14614" s="6">
        <v>41020</v>
      </c>
      <c r="F14614" s="6" t="s">
        <v>18</v>
      </c>
      <c r="G14614" s="6" t="s">
        <v>24869</v>
      </c>
      <c r="H14614" s="6" t="s">
        <v>27171</v>
      </c>
      <c r="I14614" s="7">
        <v>2.5232860000000001</v>
      </c>
      <c r="J14614" s="8">
        <v>-75.315622899999994</v>
      </c>
    </row>
    <row r="14615" spans="1:10" x14ac:dyDescent="0.35">
      <c r="A14615" s="5" t="s">
        <v>10</v>
      </c>
      <c r="B14615" s="6">
        <v>250569</v>
      </c>
      <c r="C14615" s="6" t="s">
        <v>109</v>
      </c>
      <c r="D14615" s="6" t="s">
        <v>1445</v>
      </c>
      <c r="E14615" s="6">
        <v>13688</v>
      </c>
      <c r="F14615" s="6" t="s">
        <v>13</v>
      </c>
      <c r="G14615" s="6" t="s">
        <v>27172</v>
      </c>
      <c r="H14615" s="6" t="s">
        <v>27173</v>
      </c>
      <c r="I14615" s="7">
        <v>7.9636848999999996</v>
      </c>
      <c r="J14615" s="8">
        <v>-74.054380800000004</v>
      </c>
    </row>
    <row r="14616" spans="1:10" x14ac:dyDescent="0.35">
      <c r="A14616" s="5" t="s">
        <v>10</v>
      </c>
      <c r="B14616" s="6">
        <v>247839</v>
      </c>
      <c r="C14616" s="6" t="s">
        <v>190</v>
      </c>
      <c r="D14616" s="6" t="s">
        <v>11984</v>
      </c>
      <c r="E14616" s="6">
        <v>5591</v>
      </c>
      <c r="F14616" s="6" t="s">
        <v>18</v>
      </c>
      <c r="G14616" s="6" t="s">
        <v>27174</v>
      </c>
      <c r="H14616" s="6" t="s">
        <v>27175</v>
      </c>
      <c r="I14616" s="7">
        <v>5.8725187999999999</v>
      </c>
      <c r="J14616" s="8">
        <v>-74.639886000000004</v>
      </c>
    </row>
    <row r="14617" spans="1:10" x14ac:dyDescent="0.35">
      <c r="A14617" s="5" t="s">
        <v>10</v>
      </c>
      <c r="B14617" s="6">
        <v>250574</v>
      </c>
      <c r="C14617" s="6" t="s">
        <v>24</v>
      </c>
      <c r="D14617" s="6" t="s">
        <v>683</v>
      </c>
      <c r="E14617" s="6">
        <v>15861</v>
      </c>
      <c r="F14617" s="6" t="s">
        <v>18</v>
      </c>
      <c r="G14617" s="6" t="s">
        <v>27176</v>
      </c>
      <c r="H14617" s="6" t="s">
        <v>27177</v>
      </c>
      <c r="I14617" s="7">
        <v>5.3662460000000003</v>
      </c>
      <c r="J14617" s="8">
        <v>-73.521856999999997</v>
      </c>
    </row>
    <row r="14618" spans="1:10" x14ac:dyDescent="0.35">
      <c r="A14618" s="5" t="s">
        <v>10</v>
      </c>
      <c r="B14618" s="6">
        <v>250581</v>
      </c>
      <c r="C14618" s="6" t="s">
        <v>68</v>
      </c>
      <c r="D14618" s="6" t="s">
        <v>69</v>
      </c>
      <c r="E14618" s="6">
        <v>11001</v>
      </c>
      <c r="F14618" s="6" t="s">
        <v>18</v>
      </c>
      <c r="G14618" s="6" t="s">
        <v>27178</v>
      </c>
      <c r="H14618" s="6" t="s">
        <v>27179</v>
      </c>
      <c r="I14618" s="7">
        <v>4.6724600000000001</v>
      </c>
      <c r="J14618" s="8">
        <v>-74.14537</v>
      </c>
    </row>
    <row r="14619" spans="1:10" x14ac:dyDescent="0.35">
      <c r="A14619" s="5" t="s">
        <v>10</v>
      </c>
      <c r="B14619" s="6">
        <v>249779</v>
      </c>
      <c r="C14619" s="6" t="s">
        <v>117</v>
      </c>
      <c r="D14619" s="6" t="s">
        <v>1334</v>
      </c>
      <c r="E14619" s="6">
        <v>76001</v>
      </c>
      <c r="F14619" s="6" t="s">
        <v>18</v>
      </c>
      <c r="G14619" s="6" t="s">
        <v>27180</v>
      </c>
      <c r="H14619" s="6" t="s">
        <v>27181</v>
      </c>
      <c r="I14619" s="7">
        <v>3.4897611999999998</v>
      </c>
      <c r="J14619" s="8">
        <v>-76.493515400000007</v>
      </c>
    </row>
    <row r="14620" spans="1:10" x14ac:dyDescent="0.35">
      <c r="A14620" s="5" t="s">
        <v>10</v>
      </c>
      <c r="B14620" s="6">
        <v>250584</v>
      </c>
      <c r="C14620" s="6" t="s">
        <v>68</v>
      </c>
      <c r="D14620" s="6" t="s">
        <v>69</v>
      </c>
      <c r="E14620" s="6">
        <v>11001</v>
      </c>
      <c r="F14620" s="6" t="s">
        <v>18</v>
      </c>
      <c r="G14620" s="6" t="s">
        <v>27182</v>
      </c>
      <c r="H14620" s="6" t="s">
        <v>27183</v>
      </c>
      <c r="I14620" s="7">
        <v>4.5104508000000001</v>
      </c>
      <c r="J14620" s="8">
        <v>-74.112629400000003</v>
      </c>
    </row>
    <row r="14621" spans="1:10" x14ac:dyDescent="0.35">
      <c r="A14621" s="5" t="s">
        <v>10</v>
      </c>
      <c r="B14621" s="6">
        <v>249830</v>
      </c>
      <c r="C14621" s="6" t="s">
        <v>109</v>
      </c>
      <c r="D14621" s="6" t="s">
        <v>10849</v>
      </c>
      <c r="E14621" s="6">
        <v>13670</v>
      </c>
      <c r="F14621" s="6" t="s">
        <v>18</v>
      </c>
      <c r="G14621" s="6" t="s">
        <v>27184</v>
      </c>
      <c r="H14621" s="6" t="s">
        <v>27185</v>
      </c>
      <c r="I14621" s="7">
        <v>7.4780262000000004</v>
      </c>
      <c r="J14621" s="8">
        <v>-73.927031799999995</v>
      </c>
    </row>
    <row r="14622" spans="1:10" x14ac:dyDescent="0.35">
      <c r="A14622" s="5" t="s">
        <v>10</v>
      </c>
      <c r="B14622" s="6">
        <v>249295</v>
      </c>
      <c r="C14622" s="6" t="s">
        <v>68</v>
      </c>
      <c r="D14622" s="6" t="s">
        <v>69</v>
      </c>
      <c r="E14622" s="6">
        <v>11001</v>
      </c>
      <c r="F14622" s="6" t="s">
        <v>2161</v>
      </c>
      <c r="G14622" s="6" t="s">
        <v>27186</v>
      </c>
      <c r="H14622" s="6" t="s">
        <v>27187</v>
      </c>
      <c r="I14622" s="7">
        <v>4.7650328000000002</v>
      </c>
      <c r="J14622" s="8">
        <v>-74.0338773</v>
      </c>
    </row>
    <row r="14623" spans="1:10" x14ac:dyDescent="0.35">
      <c r="A14623" s="5" t="s">
        <v>10</v>
      </c>
      <c r="B14623" s="6">
        <v>250589</v>
      </c>
      <c r="C14623" s="6" t="s">
        <v>24</v>
      </c>
      <c r="D14623" s="6" t="s">
        <v>88</v>
      </c>
      <c r="E14623" s="6">
        <v>15001</v>
      </c>
      <c r="F14623" s="6" t="s">
        <v>18</v>
      </c>
      <c r="G14623" s="6" t="s">
        <v>27188</v>
      </c>
      <c r="H14623" s="6" t="s">
        <v>27189</v>
      </c>
      <c r="I14623" s="7">
        <v>5.5259499999999999</v>
      </c>
      <c r="J14623" s="8">
        <v>-73.365774000000002</v>
      </c>
    </row>
    <row r="14624" spans="1:10" x14ac:dyDescent="0.35">
      <c r="A14624" s="5" t="s">
        <v>10</v>
      </c>
      <c r="B14624" s="6">
        <v>244088</v>
      </c>
      <c r="C14624" s="6" t="s">
        <v>109</v>
      </c>
      <c r="D14624" s="6" t="s">
        <v>227</v>
      </c>
      <c r="E14624" s="6">
        <v>13001</v>
      </c>
      <c r="F14624" s="6" t="s">
        <v>18</v>
      </c>
      <c r="G14624" s="6" t="s">
        <v>27190</v>
      </c>
      <c r="H14624" s="6" t="s">
        <v>27191</v>
      </c>
      <c r="I14624" s="7">
        <v>10.3718743</v>
      </c>
      <c r="J14624" s="8">
        <v>-75.473592600000003</v>
      </c>
    </row>
    <row r="14625" spans="1:10" x14ac:dyDescent="0.35">
      <c r="A14625" s="5" t="s">
        <v>10</v>
      </c>
      <c r="B14625" s="6">
        <v>250597</v>
      </c>
      <c r="C14625" s="6" t="s">
        <v>457</v>
      </c>
      <c r="D14625" s="6" t="s">
        <v>13453</v>
      </c>
      <c r="E14625" s="6">
        <v>52585</v>
      </c>
      <c r="F14625" s="6" t="s">
        <v>18</v>
      </c>
      <c r="G14625" s="6" t="s">
        <v>27192</v>
      </c>
      <c r="H14625" s="6" t="s">
        <v>27193</v>
      </c>
      <c r="I14625" s="7">
        <v>8.7119409999999995</v>
      </c>
      <c r="J14625" s="8">
        <v>-77.642205500000003</v>
      </c>
    </row>
    <row r="14626" spans="1:10" x14ac:dyDescent="0.35">
      <c r="A14626" s="5" t="s">
        <v>10</v>
      </c>
      <c r="B14626" s="6">
        <v>246324</v>
      </c>
      <c r="C14626" s="6" t="s">
        <v>68</v>
      </c>
      <c r="D14626" s="6" t="s">
        <v>69</v>
      </c>
      <c r="E14626" s="6">
        <v>11001</v>
      </c>
      <c r="F14626" s="6" t="s">
        <v>18</v>
      </c>
      <c r="G14626" s="6" t="s">
        <v>19710</v>
      </c>
      <c r="H14626" s="6" t="s">
        <v>27194</v>
      </c>
      <c r="I14626" s="7">
        <v>4.5484504000000001</v>
      </c>
      <c r="J14626" s="8">
        <v>-74.113453300000003</v>
      </c>
    </row>
    <row r="14627" spans="1:10" x14ac:dyDescent="0.35">
      <c r="A14627" s="5" t="s">
        <v>10</v>
      </c>
      <c r="B14627" s="6">
        <v>247002</v>
      </c>
      <c r="C14627" s="6" t="s">
        <v>16</v>
      </c>
      <c r="D14627" s="6" t="s">
        <v>78</v>
      </c>
      <c r="E14627" s="6">
        <v>68001</v>
      </c>
      <c r="F14627" s="6" t="s">
        <v>18</v>
      </c>
      <c r="G14627" s="6" t="s">
        <v>8043</v>
      </c>
      <c r="H14627" s="6" t="s">
        <v>27195</v>
      </c>
      <c r="I14627" s="7">
        <v>7.1132336</v>
      </c>
      <c r="J14627" s="8">
        <v>-73.126058999999998</v>
      </c>
    </row>
    <row r="14628" spans="1:10" x14ac:dyDescent="0.35">
      <c r="A14628" s="5" t="s">
        <v>10</v>
      </c>
      <c r="B14628" s="6">
        <v>248120</v>
      </c>
      <c r="C14628" s="6" t="s">
        <v>24</v>
      </c>
      <c r="D14628" s="6" t="s">
        <v>88</v>
      </c>
      <c r="E14628" s="6">
        <v>15001</v>
      </c>
      <c r="F14628" s="6" t="s">
        <v>18</v>
      </c>
      <c r="G14628" s="6" t="s">
        <v>27196</v>
      </c>
      <c r="H14628" s="6" t="s">
        <v>27197</v>
      </c>
      <c r="I14628" s="7">
        <v>5.5721379999999998</v>
      </c>
      <c r="J14628" s="8">
        <v>-73.342151000000001</v>
      </c>
    </row>
    <row r="14629" spans="1:10" x14ac:dyDescent="0.35">
      <c r="A14629" s="5" t="s">
        <v>10</v>
      </c>
      <c r="B14629" s="6">
        <v>250618</v>
      </c>
      <c r="C14629" s="6" t="s">
        <v>42</v>
      </c>
      <c r="D14629" s="6" t="s">
        <v>698</v>
      </c>
      <c r="E14629" s="6">
        <v>17442</v>
      </c>
      <c r="F14629" s="6" t="s">
        <v>18</v>
      </c>
      <c r="G14629" s="6" t="s">
        <v>27198</v>
      </c>
      <c r="H14629" s="6" t="s">
        <v>27199</v>
      </c>
      <c r="I14629" s="7">
        <v>5.4747159999999999</v>
      </c>
      <c r="J14629" s="8">
        <v>-75.601050999999998</v>
      </c>
    </row>
    <row r="14630" spans="1:10" x14ac:dyDescent="0.35">
      <c r="A14630" s="5" t="s">
        <v>10</v>
      </c>
      <c r="B14630" s="6">
        <v>245761</v>
      </c>
      <c r="C14630" s="6" t="s">
        <v>68</v>
      </c>
      <c r="D14630" s="6" t="s">
        <v>69</v>
      </c>
      <c r="E14630" s="6">
        <v>11001</v>
      </c>
      <c r="F14630" s="6" t="s">
        <v>18</v>
      </c>
      <c r="G14630" s="6" t="s">
        <v>27200</v>
      </c>
      <c r="H14630" s="6" t="s">
        <v>27201</v>
      </c>
      <c r="I14630" s="7">
        <v>4.5831302999999997</v>
      </c>
      <c r="J14630" s="8">
        <v>-74.204576000000003</v>
      </c>
    </row>
    <row r="14631" spans="1:10" x14ac:dyDescent="0.35">
      <c r="A14631" s="5" t="s">
        <v>10</v>
      </c>
      <c r="B14631" s="6">
        <v>248849</v>
      </c>
      <c r="C14631" s="6" t="s">
        <v>61</v>
      </c>
      <c r="D14631" s="6" t="s">
        <v>62</v>
      </c>
      <c r="E14631" s="6">
        <v>63001</v>
      </c>
      <c r="F14631" s="6" t="s">
        <v>18</v>
      </c>
      <c r="G14631" s="6" t="s">
        <v>27202</v>
      </c>
      <c r="H14631" s="6" t="s">
        <v>27203</v>
      </c>
      <c r="I14631" s="7">
        <v>4.5322087</v>
      </c>
      <c r="J14631" s="8">
        <v>-75.676551200000006</v>
      </c>
    </row>
    <row r="14632" spans="1:10" x14ac:dyDescent="0.35">
      <c r="A14632" s="5" t="s">
        <v>10</v>
      </c>
      <c r="B14632" s="6">
        <v>249350</v>
      </c>
      <c r="C14632" s="6" t="s">
        <v>42</v>
      </c>
      <c r="D14632" s="6" t="s">
        <v>602</v>
      </c>
      <c r="E14632" s="6">
        <v>17777</v>
      </c>
      <c r="F14632" s="6" t="s">
        <v>18</v>
      </c>
      <c r="G14632" s="6" t="s">
        <v>27204</v>
      </c>
      <c r="H14632" s="6" t="s">
        <v>27205</v>
      </c>
      <c r="I14632" s="7">
        <v>5.4334711999999996</v>
      </c>
      <c r="J14632" s="8">
        <v>-75.653746600000005</v>
      </c>
    </row>
    <row r="14633" spans="1:10" x14ac:dyDescent="0.35">
      <c r="A14633" s="5" t="s">
        <v>10</v>
      </c>
      <c r="B14633" s="6">
        <v>250649</v>
      </c>
      <c r="C14633" s="6" t="s">
        <v>117</v>
      </c>
      <c r="D14633" s="6" t="s">
        <v>4394</v>
      </c>
      <c r="E14633" s="6">
        <v>76823</v>
      </c>
      <c r="F14633" s="6" t="s">
        <v>18</v>
      </c>
      <c r="G14633" s="6" t="s">
        <v>27206</v>
      </c>
      <c r="H14633" s="6" t="s">
        <v>10505</v>
      </c>
      <c r="I14633" s="7">
        <v>4.6092586999999998</v>
      </c>
      <c r="J14633" s="8">
        <v>-76.081400299999999</v>
      </c>
    </row>
    <row r="14634" spans="1:10" x14ac:dyDescent="0.35">
      <c r="A14634" s="5" t="s">
        <v>10</v>
      </c>
      <c r="B14634" s="6">
        <v>250309</v>
      </c>
      <c r="C14634" s="6" t="s">
        <v>551</v>
      </c>
      <c r="D14634" s="6" t="s">
        <v>977</v>
      </c>
      <c r="E14634" s="6">
        <v>20011</v>
      </c>
      <c r="F14634" s="6" t="s">
        <v>18</v>
      </c>
      <c r="G14634" s="6" t="s">
        <v>27207</v>
      </c>
      <c r="H14634" s="6" t="s">
        <v>27208</v>
      </c>
      <c r="I14634" s="7">
        <v>8.311375</v>
      </c>
      <c r="J14634" s="8">
        <v>-73.612815999999995</v>
      </c>
    </row>
    <row r="14635" spans="1:10" x14ac:dyDescent="0.35">
      <c r="A14635" s="5" t="s">
        <v>10</v>
      </c>
      <c r="B14635" s="6">
        <v>250614</v>
      </c>
      <c r="C14635" s="6" t="s">
        <v>68</v>
      </c>
      <c r="D14635" s="6" t="s">
        <v>69</v>
      </c>
      <c r="E14635" s="6">
        <v>11001</v>
      </c>
      <c r="F14635" s="6" t="s">
        <v>18</v>
      </c>
      <c r="G14635" s="6" t="s">
        <v>27209</v>
      </c>
      <c r="H14635" s="6" t="s">
        <v>27210</v>
      </c>
      <c r="I14635" s="7">
        <v>4.5790266028340998</v>
      </c>
      <c r="J14635" s="8">
        <v>-74.170389756570103</v>
      </c>
    </row>
    <row r="14636" spans="1:10" x14ac:dyDescent="0.35">
      <c r="A14636" s="5" t="s">
        <v>10</v>
      </c>
      <c r="B14636" s="6">
        <v>250615</v>
      </c>
      <c r="C14636" s="6" t="s">
        <v>28</v>
      </c>
      <c r="D14636" s="6" t="s">
        <v>29</v>
      </c>
      <c r="E14636" s="6">
        <v>54001</v>
      </c>
      <c r="F14636" s="6" t="s">
        <v>13</v>
      </c>
      <c r="G14636" s="6" t="s">
        <v>27211</v>
      </c>
      <c r="H14636" s="6" t="s">
        <v>27212</v>
      </c>
      <c r="I14636" s="7">
        <v>7.8914990798684999</v>
      </c>
      <c r="J14636" s="8">
        <v>-72.506534560438894</v>
      </c>
    </row>
    <row r="14637" spans="1:10" x14ac:dyDescent="0.35">
      <c r="A14637" s="5" t="s">
        <v>10</v>
      </c>
      <c r="B14637" s="6">
        <v>248483</v>
      </c>
      <c r="C14637" s="6" t="s">
        <v>551</v>
      </c>
      <c r="D14637" s="6" t="s">
        <v>3868</v>
      </c>
      <c r="E14637" s="6">
        <v>20001</v>
      </c>
      <c r="F14637" s="6" t="s">
        <v>18</v>
      </c>
      <c r="G14637" s="6" t="s">
        <v>25460</v>
      </c>
      <c r="H14637" s="6" t="s">
        <v>25461</v>
      </c>
      <c r="I14637" s="7">
        <v>10.452938899999999</v>
      </c>
      <c r="J14637" s="8">
        <v>-73.263790700000001</v>
      </c>
    </row>
    <row r="14638" spans="1:10" x14ac:dyDescent="0.35">
      <c r="A14638" s="5" t="s">
        <v>10</v>
      </c>
      <c r="B14638" s="6">
        <v>249487</v>
      </c>
      <c r="C14638" s="6" t="s">
        <v>7527</v>
      </c>
      <c r="D14638" s="6" t="s">
        <v>8759</v>
      </c>
      <c r="E14638" s="6">
        <v>27001</v>
      </c>
      <c r="F14638" s="6" t="s">
        <v>18</v>
      </c>
      <c r="G14638" s="6" t="s">
        <v>27213</v>
      </c>
      <c r="H14638" s="6" t="s">
        <v>27214</v>
      </c>
      <c r="I14638" s="7">
        <v>5.6914641000000001</v>
      </c>
      <c r="J14638" s="8">
        <v>-76.659019999999998</v>
      </c>
    </row>
    <row r="14639" spans="1:10" x14ac:dyDescent="0.35">
      <c r="A14639" s="5" t="s">
        <v>10</v>
      </c>
      <c r="B14639" s="6">
        <v>249494</v>
      </c>
      <c r="C14639" s="6" t="s">
        <v>11</v>
      </c>
      <c r="D14639" s="6" t="s">
        <v>680</v>
      </c>
      <c r="E14639" s="6">
        <v>25743</v>
      </c>
      <c r="F14639" s="6" t="s">
        <v>18</v>
      </c>
      <c r="G14639" s="6" t="s">
        <v>27215</v>
      </c>
      <c r="H14639" s="6" t="s">
        <v>27216</v>
      </c>
      <c r="I14639" s="7">
        <v>4.4054273999999998</v>
      </c>
      <c r="J14639" s="8">
        <v>-74.387217000000007</v>
      </c>
    </row>
    <row r="14640" spans="1:10" x14ac:dyDescent="0.35">
      <c r="A14640" s="5" t="s">
        <v>10</v>
      </c>
      <c r="B14640" s="6">
        <v>249506</v>
      </c>
      <c r="C14640" s="6" t="s">
        <v>11</v>
      </c>
      <c r="D14640" s="6" t="s">
        <v>334</v>
      </c>
      <c r="E14640" s="6">
        <v>25754</v>
      </c>
      <c r="F14640" s="6" t="s">
        <v>18</v>
      </c>
      <c r="G14640" s="6" t="s">
        <v>27217</v>
      </c>
      <c r="H14640" s="6" t="s">
        <v>27218</v>
      </c>
      <c r="I14640" s="7">
        <v>4.6032976999999997</v>
      </c>
      <c r="J14640" s="8">
        <v>-74.211240500000002</v>
      </c>
    </row>
    <row r="14641" spans="1:10" x14ac:dyDescent="0.35">
      <c r="A14641" s="5" t="s">
        <v>10</v>
      </c>
      <c r="B14641" s="6">
        <v>249511</v>
      </c>
      <c r="C14641" s="6" t="s">
        <v>117</v>
      </c>
      <c r="D14641" s="6" t="s">
        <v>3402</v>
      </c>
      <c r="E14641" s="6">
        <v>76364</v>
      </c>
      <c r="F14641" s="6" t="s">
        <v>18</v>
      </c>
      <c r="G14641" s="6" t="s">
        <v>27219</v>
      </c>
      <c r="H14641" s="6" t="s">
        <v>27220</v>
      </c>
      <c r="I14641" s="7">
        <v>3.2582295999999999</v>
      </c>
      <c r="J14641" s="8">
        <v>-76.537660099999997</v>
      </c>
    </row>
    <row r="14642" spans="1:10" x14ac:dyDescent="0.35">
      <c r="A14642" s="5" t="s">
        <v>10</v>
      </c>
      <c r="B14642" s="6">
        <v>249588</v>
      </c>
      <c r="C14642" s="6" t="s">
        <v>28</v>
      </c>
      <c r="D14642" s="6" t="s">
        <v>29</v>
      </c>
      <c r="E14642" s="6">
        <v>54001</v>
      </c>
      <c r="F14642" s="6" t="s">
        <v>18</v>
      </c>
      <c r="G14642" s="6" t="s">
        <v>27221</v>
      </c>
      <c r="H14642" s="6" t="s">
        <v>27222</v>
      </c>
      <c r="I14642" s="7">
        <v>7.8890970999999999</v>
      </c>
      <c r="J14642" s="8">
        <v>-72.496689599999996</v>
      </c>
    </row>
    <row r="14643" spans="1:10" x14ac:dyDescent="0.35">
      <c r="A14643" s="5" t="s">
        <v>10</v>
      </c>
      <c r="B14643" s="6">
        <v>249589</v>
      </c>
      <c r="C14643" s="6" t="s">
        <v>11</v>
      </c>
      <c r="D14643" s="6" t="s">
        <v>334</v>
      </c>
      <c r="E14643" s="6">
        <v>25754</v>
      </c>
      <c r="F14643" s="6" t="s">
        <v>18</v>
      </c>
      <c r="G14643" s="6" t="s">
        <v>27223</v>
      </c>
      <c r="H14643" s="6" t="s">
        <v>27224</v>
      </c>
      <c r="I14643" s="7">
        <v>4.5792565999999999</v>
      </c>
      <c r="J14643" s="8">
        <v>-74.201009200000001</v>
      </c>
    </row>
    <row r="14644" spans="1:10" x14ac:dyDescent="0.35">
      <c r="A14644" s="5" t="s">
        <v>10</v>
      </c>
      <c r="B14644" s="6">
        <v>249604</v>
      </c>
      <c r="C14644" s="6" t="s">
        <v>68</v>
      </c>
      <c r="D14644" s="6" t="s">
        <v>69</v>
      </c>
      <c r="E14644" s="6">
        <v>11001</v>
      </c>
      <c r="F14644" s="6" t="s">
        <v>18</v>
      </c>
      <c r="G14644" s="6" t="s">
        <v>27225</v>
      </c>
      <c r="H14644" s="6" t="s">
        <v>27226</v>
      </c>
      <c r="I14644" s="7">
        <v>4.6067486000000004</v>
      </c>
      <c r="J14644" s="8">
        <v>-74.199159100000003</v>
      </c>
    </row>
    <row r="14645" spans="1:10" x14ac:dyDescent="0.35">
      <c r="A14645" s="5" t="s">
        <v>10</v>
      </c>
      <c r="B14645" s="6">
        <v>249606</v>
      </c>
      <c r="C14645" s="6" t="s">
        <v>294</v>
      </c>
      <c r="D14645" s="6" t="s">
        <v>3777</v>
      </c>
      <c r="E14645" s="6">
        <v>41132</v>
      </c>
      <c r="F14645" s="6" t="s">
        <v>18</v>
      </c>
      <c r="G14645" s="6" t="s">
        <v>27227</v>
      </c>
      <c r="H14645" s="6" t="s">
        <v>27228</v>
      </c>
      <c r="I14645" s="7">
        <v>2.687306</v>
      </c>
      <c r="J14645" s="8">
        <v>-75.326624100000004</v>
      </c>
    </row>
    <row r="14646" spans="1:10" x14ac:dyDescent="0.35">
      <c r="A14646" s="5" t="s">
        <v>10</v>
      </c>
      <c r="B14646" s="6">
        <v>249613</v>
      </c>
      <c r="C14646" s="6" t="s">
        <v>3325</v>
      </c>
      <c r="D14646" s="6" t="s">
        <v>5991</v>
      </c>
      <c r="E14646" s="6">
        <v>95001</v>
      </c>
      <c r="F14646" s="6" t="s">
        <v>18</v>
      </c>
      <c r="G14646" s="6" t="s">
        <v>27229</v>
      </c>
      <c r="H14646" s="6" t="s">
        <v>27230</v>
      </c>
      <c r="I14646" s="7">
        <v>2.5677606000000002</v>
      </c>
      <c r="J14646" s="8">
        <v>-72.639653499999994</v>
      </c>
    </row>
    <row r="14647" spans="1:10" x14ac:dyDescent="0.35">
      <c r="A14647" s="5" t="s">
        <v>10</v>
      </c>
      <c r="B14647" s="6">
        <v>249616</v>
      </c>
      <c r="C14647" s="6" t="s">
        <v>28</v>
      </c>
      <c r="D14647" s="6" t="s">
        <v>29</v>
      </c>
      <c r="E14647" s="6">
        <v>54001</v>
      </c>
      <c r="F14647" s="6" t="s">
        <v>18</v>
      </c>
      <c r="G14647" s="6" t="s">
        <v>26623</v>
      </c>
      <c r="H14647" s="6" t="s">
        <v>752</v>
      </c>
      <c r="I14647" s="7">
        <v>7.8980762999999996</v>
      </c>
      <c r="J14647" s="8">
        <v>-72.490477200000001</v>
      </c>
    </row>
    <row r="14648" spans="1:10" x14ac:dyDescent="0.35">
      <c r="A14648" s="5" t="s">
        <v>10</v>
      </c>
      <c r="B14648" s="6">
        <v>249617</v>
      </c>
      <c r="C14648" s="6" t="s">
        <v>68</v>
      </c>
      <c r="D14648" s="6" t="s">
        <v>69</v>
      </c>
      <c r="E14648" s="6">
        <v>11001</v>
      </c>
      <c r="F14648" s="6" t="s">
        <v>18</v>
      </c>
      <c r="G14648" s="6" t="s">
        <v>27231</v>
      </c>
      <c r="H14648" s="6" t="s">
        <v>27232</v>
      </c>
      <c r="I14648" s="7">
        <v>4.6097899</v>
      </c>
      <c r="J14648" s="8">
        <v>-74.207931900000005</v>
      </c>
    </row>
    <row r="14649" spans="1:10" x14ac:dyDescent="0.35">
      <c r="A14649" s="5" t="s">
        <v>10</v>
      </c>
      <c r="B14649" s="6">
        <v>249620</v>
      </c>
      <c r="C14649" s="6" t="s">
        <v>190</v>
      </c>
      <c r="D14649" s="6" t="s">
        <v>12553</v>
      </c>
      <c r="E14649" s="6">
        <v>5197</v>
      </c>
      <c r="F14649" s="6" t="s">
        <v>18</v>
      </c>
      <c r="G14649" s="6" t="s">
        <v>27233</v>
      </c>
      <c r="H14649" s="6" t="s">
        <v>27234</v>
      </c>
      <c r="I14649" s="7">
        <v>6.0600300999999996</v>
      </c>
      <c r="J14649" s="8">
        <v>-75.1855391</v>
      </c>
    </row>
    <row r="14650" spans="1:10" x14ac:dyDescent="0.35">
      <c r="A14650" s="5" t="s">
        <v>10</v>
      </c>
      <c r="B14650" s="6">
        <v>249622</v>
      </c>
      <c r="C14650" s="6" t="s">
        <v>24</v>
      </c>
      <c r="D14650" s="6" t="s">
        <v>88</v>
      </c>
      <c r="E14650" s="6">
        <v>15001</v>
      </c>
      <c r="F14650" s="6" t="s">
        <v>18</v>
      </c>
      <c r="G14650" s="6" t="s">
        <v>27235</v>
      </c>
      <c r="H14650" s="6" t="s">
        <v>27236</v>
      </c>
      <c r="I14650" s="7">
        <v>5.5482263999999999</v>
      </c>
      <c r="J14650" s="8">
        <v>-73.362258999999995</v>
      </c>
    </row>
    <row r="14651" spans="1:10" x14ac:dyDescent="0.35">
      <c r="A14651" s="5" t="s">
        <v>10</v>
      </c>
      <c r="B14651" s="6">
        <v>249623</v>
      </c>
      <c r="C14651" s="6" t="s">
        <v>94</v>
      </c>
      <c r="D14651" s="6" t="s">
        <v>3196</v>
      </c>
      <c r="E14651" s="6">
        <v>66687</v>
      </c>
      <c r="F14651" s="6" t="s">
        <v>18</v>
      </c>
      <c r="G14651" s="6" t="s">
        <v>27237</v>
      </c>
      <c r="H14651" s="6" t="s">
        <v>27238</v>
      </c>
      <c r="I14651" s="7">
        <v>5.0735020000000004</v>
      </c>
      <c r="J14651" s="8">
        <v>-75.961869399999998</v>
      </c>
    </row>
    <row r="14652" spans="1:10" x14ac:dyDescent="0.35">
      <c r="A14652" s="5" t="s">
        <v>10</v>
      </c>
      <c r="B14652" s="6">
        <v>249624</v>
      </c>
      <c r="C14652" s="6" t="s">
        <v>190</v>
      </c>
      <c r="D14652" s="6" t="s">
        <v>11740</v>
      </c>
      <c r="E14652" s="6">
        <v>5376</v>
      </c>
      <c r="F14652" s="6" t="s">
        <v>18</v>
      </c>
      <c r="G14652" s="6" t="s">
        <v>27239</v>
      </c>
      <c r="H14652" s="6" t="s">
        <v>27240</v>
      </c>
      <c r="I14652" s="7">
        <v>6.0292178999999999</v>
      </c>
      <c r="J14652" s="8">
        <v>-75.436225800000003</v>
      </c>
    </row>
    <row r="14653" spans="1:10" x14ac:dyDescent="0.35">
      <c r="A14653" s="5" t="s">
        <v>10</v>
      </c>
      <c r="B14653" s="6">
        <v>249629</v>
      </c>
      <c r="C14653" s="6" t="s">
        <v>278</v>
      </c>
      <c r="D14653" s="6" t="s">
        <v>279</v>
      </c>
      <c r="E14653" s="6">
        <v>50001</v>
      </c>
      <c r="F14653" s="6" t="s">
        <v>18</v>
      </c>
      <c r="G14653" s="6" t="s">
        <v>27127</v>
      </c>
      <c r="H14653" s="6" t="s">
        <v>27128</v>
      </c>
      <c r="I14653" s="7">
        <v>1.2155967999999999</v>
      </c>
      <c r="J14653" s="8">
        <v>-76.410026700000003</v>
      </c>
    </row>
    <row r="14654" spans="1:10" x14ac:dyDescent="0.35">
      <c r="A14654" s="5" t="s">
        <v>10</v>
      </c>
      <c r="B14654" s="6">
        <v>249632</v>
      </c>
      <c r="C14654" s="6" t="s">
        <v>190</v>
      </c>
      <c r="D14654" s="6" t="s">
        <v>12606</v>
      </c>
      <c r="E14654" s="6">
        <v>5579</v>
      </c>
      <c r="F14654" s="6" t="s">
        <v>18</v>
      </c>
      <c r="G14654" s="6" t="s">
        <v>27241</v>
      </c>
      <c r="H14654" s="6" t="s">
        <v>27242</v>
      </c>
      <c r="I14654" s="7">
        <v>6.4895123999999997</v>
      </c>
      <c r="J14654" s="8">
        <v>-74.404690099999996</v>
      </c>
    </row>
    <row r="14655" spans="1:10" x14ac:dyDescent="0.35">
      <c r="A14655" s="5" t="s">
        <v>10</v>
      </c>
      <c r="B14655" s="6">
        <v>249635</v>
      </c>
      <c r="C14655" s="6" t="s">
        <v>190</v>
      </c>
      <c r="D14655" s="6" t="s">
        <v>23608</v>
      </c>
      <c r="E14655" s="6">
        <v>5541</v>
      </c>
      <c r="F14655" s="6" t="s">
        <v>18</v>
      </c>
      <c r="G14655" s="6" t="s">
        <v>27243</v>
      </c>
      <c r="H14655" s="6" t="s">
        <v>27244</v>
      </c>
      <c r="I14655" s="7">
        <v>6.2159357999999996</v>
      </c>
      <c r="J14655" s="8">
        <v>-75.243351899999993</v>
      </c>
    </row>
    <row r="14656" spans="1:10" x14ac:dyDescent="0.35">
      <c r="A14656" s="5" t="s">
        <v>10</v>
      </c>
      <c r="B14656" s="6">
        <v>249638</v>
      </c>
      <c r="C14656" s="6" t="s">
        <v>61</v>
      </c>
      <c r="D14656" s="6" t="s">
        <v>2676</v>
      </c>
      <c r="E14656" s="6">
        <v>63594</v>
      </c>
      <c r="F14656" s="6" t="s">
        <v>18</v>
      </c>
      <c r="G14656" s="6" t="s">
        <v>27245</v>
      </c>
      <c r="H14656" s="6" t="s">
        <v>27246</v>
      </c>
      <c r="I14656" s="7">
        <v>4.6224333</v>
      </c>
      <c r="J14656" s="8">
        <v>-75.759844000000001</v>
      </c>
    </row>
    <row r="14657" spans="1:10" x14ac:dyDescent="0.35">
      <c r="A14657" s="5" t="s">
        <v>10</v>
      </c>
      <c r="B14657" s="6">
        <v>249640</v>
      </c>
      <c r="C14657" s="6" t="s">
        <v>302</v>
      </c>
      <c r="D14657" s="6" t="s">
        <v>359</v>
      </c>
      <c r="E14657" s="6">
        <v>8001</v>
      </c>
      <c r="F14657" s="6" t="s">
        <v>18</v>
      </c>
      <c r="G14657" s="6" t="s">
        <v>26624</v>
      </c>
      <c r="H14657" s="6" t="s">
        <v>26625</v>
      </c>
      <c r="I14657" s="7">
        <v>10.9328568</v>
      </c>
      <c r="J14657" s="8">
        <v>-74.807002999999995</v>
      </c>
    </row>
    <row r="14658" spans="1:10" x14ac:dyDescent="0.35">
      <c r="A14658" s="5" t="s">
        <v>10</v>
      </c>
      <c r="B14658" s="6">
        <v>249653</v>
      </c>
      <c r="C14658" s="6" t="s">
        <v>28</v>
      </c>
      <c r="D14658" s="6" t="s">
        <v>29</v>
      </c>
      <c r="E14658" s="6">
        <v>54001</v>
      </c>
      <c r="F14658" s="6" t="s">
        <v>18</v>
      </c>
      <c r="G14658" s="6" t="s">
        <v>27247</v>
      </c>
      <c r="H14658" s="6" t="s">
        <v>27248</v>
      </c>
      <c r="I14658" s="7">
        <v>7.8758483000000004</v>
      </c>
      <c r="J14658" s="8">
        <v>-72.513665700000004</v>
      </c>
    </row>
    <row r="14659" spans="1:10" x14ac:dyDescent="0.35">
      <c r="A14659" s="5" t="s">
        <v>10</v>
      </c>
      <c r="B14659" s="6">
        <v>249664</v>
      </c>
      <c r="C14659" s="6" t="s">
        <v>16</v>
      </c>
      <c r="D14659" s="6" t="s">
        <v>1266</v>
      </c>
      <c r="E14659" s="6">
        <v>68081</v>
      </c>
      <c r="F14659" s="6" t="s">
        <v>18</v>
      </c>
      <c r="G14659" s="6" t="s">
        <v>27249</v>
      </c>
      <c r="H14659" s="6" t="s">
        <v>27250</v>
      </c>
      <c r="I14659" s="7">
        <v>7.0656802000000001</v>
      </c>
      <c r="J14659" s="8">
        <v>-73.831285600000001</v>
      </c>
    </row>
    <row r="14660" spans="1:10" x14ac:dyDescent="0.35">
      <c r="A14660" s="5" t="s">
        <v>10</v>
      </c>
      <c r="B14660" s="6">
        <v>249666</v>
      </c>
      <c r="C14660" s="6" t="s">
        <v>3325</v>
      </c>
      <c r="D14660" s="6" t="s">
        <v>5991</v>
      </c>
      <c r="E14660" s="6">
        <v>95001</v>
      </c>
      <c r="F14660" s="6" t="s">
        <v>18</v>
      </c>
      <c r="G14660" s="6" t="s">
        <v>27251</v>
      </c>
      <c r="H14660" s="6" t="s">
        <v>27252</v>
      </c>
      <c r="I14660" s="7">
        <v>2.5737914000000002</v>
      </c>
      <c r="J14660" s="8">
        <v>-72.633164500000007</v>
      </c>
    </row>
    <row r="14661" spans="1:10" x14ac:dyDescent="0.35">
      <c r="A14661" s="5" t="s">
        <v>10</v>
      </c>
      <c r="B14661" s="6">
        <v>249724</v>
      </c>
      <c r="C14661" s="6" t="s">
        <v>68</v>
      </c>
      <c r="D14661" s="6" t="s">
        <v>69</v>
      </c>
      <c r="E14661" s="6">
        <v>11001</v>
      </c>
      <c r="F14661" s="6" t="s">
        <v>18</v>
      </c>
      <c r="G14661" s="6" t="s">
        <v>27253</v>
      </c>
      <c r="H14661" s="6" t="s">
        <v>27254</v>
      </c>
      <c r="I14661" s="7">
        <v>4.5868681000000002</v>
      </c>
      <c r="J14661" s="8">
        <v>-74.167694299999994</v>
      </c>
    </row>
    <row r="14662" spans="1:10" x14ac:dyDescent="0.35">
      <c r="A14662" s="5" t="s">
        <v>10</v>
      </c>
      <c r="B14662" s="6">
        <v>249820</v>
      </c>
      <c r="C14662" s="6" t="s">
        <v>16</v>
      </c>
      <c r="D14662" s="6" t="s">
        <v>510</v>
      </c>
      <c r="E14662" s="6">
        <v>68547</v>
      </c>
      <c r="F14662" s="6" t="s">
        <v>18</v>
      </c>
      <c r="G14662" s="6" t="s">
        <v>27255</v>
      </c>
      <c r="H14662" s="6" t="s">
        <v>27256</v>
      </c>
      <c r="I14662" s="7">
        <v>6.9917784999999997</v>
      </c>
      <c r="J14662" s="8">
        <v>-73.062743999999995</v>
      </c>
    </row>
    <row r="14663" spans="1:10" x14ac:dyDescent="0.35">
      <c r="A14663" s="5" t="s">
        <v>10</v>
      </c>
      <c r="B14663" s="6">
        <v>249859</v>
      </c>
      <c r="C14663" s="6" t="s">
        <v>24</v>
      </c>
      <c r="D14663" s="6" t="s">
        <v>25</v>
      </c>
      <c r="E14663" s="6">
        <v>15322</v>
      </c>
      <c r="F14663" s="6" t="s">
        <v>18</v>
      </c>
      <c r="G14663" s="6" t="s">
        <v>27257</v>
      </c>
      <c r="H14663" s="6" t="s">
        <v>27258</v>
      </c>
      <c r="I14663" s="7">
        <v>5.0074225999999999</v>
      </c>
      <c r="J14663" s="8">
        <v>-73.472769200000002</v>
      </c>
    </row>
    <row r="14664" spans="1:10" x14ac:dyDescent="0.35">
      <c r="A14664" s="5" t="s">
        <v>10</v>
      </c>
      <c r="B14664" s="6">
        <v>249874</v>
      </c>
      <c r="C14664" s="6" t="s">
        <v>68</v>
      </c>
      <c r="D14664" s="6" t="s">
        <v>69</v>
      </c>
      <c r="E14664" s="6">
        <v>11001</v>
      </c>
      <c r="F14664" s="6" t="s">
        <v>18</v>
      </c>
      <c r="G14664" s="6" t="s">
        <v>27259</v>
      </c>
      <c r="H14664" s="6" t="s">
        <v>27260</v>
      </c>
      <c r="I14664" s="7">
        <v>4.6003860999999997</v>
      </c>
      <c r="J14664" s="8">
        <v>-74.160526700000005</v>
      </c>
    </row>
    <row r="14665" spans="1:10" x14ac:dyDescent="0.35">
      <c r="A14665" s="5" t="s">
        <v>10</v>
      </c>
      <c r="B14665" s="6">
        <v>249875</v>
      </c>
      <c r="C14665" s="6" t="s">
        <v>11</v>
      </c>
      <c r="D14665" s="6" t="s">
        <v>334</v>
      </c>
      <c r="E14665" s="6">
        <v>25754</v>
      </c>
      <c r="F14665" s="6" t="s">
        <v>18</v>
      </c>
      <c r="G14665" s="6" t="s">
        <v>26304</v>
      </c>
      <c r="H14665" s="6" t="s">
        <v>26305</v>
      </c>
      <c r="I14665" s="7">
        <v>4.5928455000000001</v>
      </c>
      <c r="J14665" s="8">
        <v>-74.199690399999994</v>
      </c>
    </row>
    <row r="14666" spans="1:10" x14ac:dyDescent="0.35">
      <c r="A14666" s="5" t="s">
        <v>10</v>
      </c>
      <c r="B14666" s="6">
        <v>249875</v>
      </c>
      <c r="C14666" s="6" t="s">
        <v>11</v>
      </c>
      <c r="D14666" s="6" t="s">
        <v>334</v>
      </c>
      <c r="E14666" s="6">
        <v>25754</v>
      </c>
      <c r="F14666" s="6" t="s">
        <v>18</v>
      </c>
      <c r="G14666" s="6" t="s">
        <v>26304</v>
      </c>
      <c r="H14666" s="6" t="s">
        <v>26305</v>
      </c>
      <c r="I14666" s="7">
        <v>4.5928455000000001</v>
      </c>
      <c r="J14666" s="8">
        <v>-74.199690399999994</v>
      </c>
    </row>
    <row r="14667" spans="1:10" x14ac:dyDescent="0.35">
      <c r="A14667" s="5" t="s">
        <v>10</v>
      </c>
      <c r="B14667" s="6">
        <v>249875</v>
      </c>
      <c r="C14667" s="6" t="s">
        <v>11</v>
      </c>
      <c r="D14667" s="6" t="s">
        <v>334</v>
      </c>
      <c r="E14667" s="6">
        <v>25754</v>
      </c>
      <c r="F14667" s="6" t="s">
        <v>18</v>
      </c>
      <c r="G14667" s="6" t="s">
        <v>26304</v>
      </c>
      <c r="H14667" s="6" t="s">
        <v>26305</v>
      </c>
      <c r="I14667" s="7">
        <v>4.5928455000000001</v>
      </c>
      <c r="J14667" s="8">
        <v>-74.199690399999994</v>
      </c>
    </row>
    <row r="14668" spans="1:10" x14ac:dyDescent="0.35">
      <c r="A14668" s="5" t="s">
        <v>10</v>
      </c>
      <c r="B14668" s="6">
        <v>249880</v>
      </c>
      <c r="C14668" s="6" t="s">
        <v>16</v>
      </c>
      <c r="D14668" s="6" t="s">
        <v>1401</v>
      </c>
      <c r="E14668" s="6">
        <v>68307</v>
      </c>
      <c r="F14668" s="6" t="s">
        <v>18</v>
      </c>
      <c r="G14668" s="6" t="s">
        <v>26293</v>
      </c>
      <c r="H14668" s="6" t="s">
        <v>8770</v>
      </c>
      <c r="I14668" s="7">
        <v>7.0619699999999996</v>
      </c>
      <c r="J14668" s="8">
        <v>-73.166162799999995</v>
      </c>
    </row>
    <row r="14669" spans="1:10" x14ac:dyDescent="0.35">
      <c r="A14669" s="5" t="s">
        <v>10</v>
      </c>
      <c r="B14669" s="6">
        <v>249882</v>
      </c>
      <c r="C14669" s="6" t="s">
        <v>55</v>
      </c>
      <c r="D14669" s="6" t="s">
        <v>2589</v>
      </c>
      <c r="E14669" s="6">
        <v>73275</v>
      </c>
      <c r="F14669" s="6" t="s">
        <v>18</v>
      </c>
      <c r="G14669" s="6" t="s">
        <v>27261</v>
      </c>
      <c r="H14669" s="6" t="s">
        <v>24819</v>
      </c>
      <c r="I14669" s="7">
        <v>4.2868382</v>
      </c>
      <c r="J14669" s="8">
        <v>-74.812241</v>
      </c>
    </row>
    <row r="14670" spans="1:10" x14ac:dyDescent="0.35">
      <c r="A14670" s="5" t="s">
        <v>10</v>
      </c>
      <c r="B14670" s="6">
        <v>249883</v>
      </c>
      <c r="C14670" s="6" t="s">
        <v>278</v>
      </c>
      <c r="D14670" s="6" t="s">
        <v>279</v>
      </c>
      <c r="E14670" s="6">
        <v>50001</v>
      </c>
      <c r="F14670" s="6" t="s">
        <v>18</v>
      </c>
      <c r="G14670" s="6" t="s">
        <v>27262</v>
      </c>
      <c r="H14670" s="6" t="s">
        <v>27263</v>
      </c>
      <c r="I14670" s="7">
        <v>4.1319328999999998</v>
      </c>
      <c r="J14670" s="8">
        <v>-73.633384000000007</v>
      </c>
    </row>
    <row r="14671" spans="1:10" x14ac:dyDescent="0.35">
      <c r="A14671" s="5" t="s">
        <v>10</v>
      </c>
      <c r="B14671" s="6">
        <v>249888</v>
      </c>
      <c r="C14671" s="6" t="s">
        <v>190</v>
      </c>
      <c r="D14671" s="6" t="s">
        <v>191</v>
      </c>
      <c r="E14671" s="6">
        <v>5001</v>
      </c>
      <c r="F14671" s="6" t="s">
        <v>18</v>
      </c>
      <c r="G14671" s="6" t="s">
        <v>27264</v>
      </c>
      <c r="H14671" s="6" t="s">
        <v>27265</v>
      </c>
      <c r="I14671" s="7">
        <v>6.2806249999999997</v>
      </c>
      <c r="J14671" s="8">
        <v>-75.622332499999999</v>
      </c>
    </row>
    <row r="14672" spans="1:10" x14ac:dyDescent="0.35">
      <c r="A14672" s="5" t="s">
        <v>10</v>
      </c>
      <c r="B14672" s="6">
        <v>249890</v>
      </c>
      <c r="C14672" s="6" t="s">
        <v>11</v>
      </c>
      <c r="D14672" s="6" t="s">
        <v>12</v>
      </c>
      <c r="E14672" s="6">
        <v>25899</v>
      </c>
      <c r="F14672" s="6" t="s">
        <v>18</v>
      </c>
      <c r="G14672" s="6" t="s">
        <v>27266</v>
      </c>
      <c r="H14672" s="6" t="s">
        <v>27267</v>
      </c>
      <c r="I14672" s="7">
        <v>5.0260645000000004</v>
      </c>
      <c r="J14672" s="8">
        <v>-74.002111999999997</v>
      </c>
    </row>
    <row r="14673" spans="1:10" x14ac:dyDescent="0.35">
      <c r="A14673" s="5" t="s">
        <v>10</v>
      </c>
      <c r="B14673" s="6">
        <v>249896</v>
      </c>
      <c r="C14673" s="6" t="s">
        <v>68</v>
      </c>
      <c r="D14673" s="6" t="s">
        <v>69</v>
      </c>
      <c r="E14673" s="6">
        <v>11001</v>
      </c>
      <c r="F14673" s="6" t="s">
        <v>18</v>
      </c>
      <c r="G14673" s="6" t="s">
        <v>27268</v>
      </c>
      <c r="H14673" s="6" t="s">
        <v>27269</v>
      </c>
      <c r="I14673" s="7">
        <v>4.5801806999999997</v>
      </c>
      <c r="J14673" s="8">
        <v>-74.072432300000003</v>
      </c>
    </row>
    <row r="14674" spans="1:10" x14ac:dyDescent="0.35">
      <c r="A14674" s="5" t="s">
        <v>10</v>
      </c>
      <c r="B14674" s="6">
        <v>249897</v>
      </c>
      <c r="C14674" s="6" t="s">
        <v>68</v>
      </c>
      <c r="D14674" s="6" t="s">
        <v>69</v>
      </c>
      <c r="E14674" s="6">
        <v>11001</v>
      </c>
      <c r="F14674" s="6" t="s">
        <v>18</v>
      </c>
      <c r="G14674" s="6" t="s">
        <v>27270</v>
      </c>
      <c r="H14674" s="6" t="s">
        <v>27271</v>
      </c>
      <c r="I14674" s="7">
        <v>4.5780383000000002</v>
      </c>
      <c r="J14674" s="8">
        <v>-74.122758500000003</v>
      </c>
    </row>
    <row r="14675" spans="1:10" x14ac:dyDescent="0.35">
      <c r="A14675" s="5" t="s">
        <v>10</v>
      </c>
      <c r="B14675" s="6">
        <v>249899</v>
      </c>
      <c r="C14675" s="6" t="s">
        <v>24</v>
      </c>
      <c r="D14675" s="6" t="s">
        <v>317</v>
      </c>
      <c r="E14675" s="6">
        <v>15176</v>
      </c>
      <c r="F14675" s="6" t="s">
        <v>18</v>
      </c>
      <c r="G14675" s="6" t="s">
        <v>27272</v>
      </c>
      <c r="H14675" s="6" t="s">
        <v>27273</v>
      </c>
      <c r="I14675" s="7">
        <v>5.6107189000000002</v>
      </c>
      <c r="J14675" s="8">
        <v>-73.812882900000005</v>
      </c>
    </row>
    <row r="14676" spans="1:10" x14ac:dyDescent="0.35">
      <c r="A14676" s="5" t="s">
        <v>10</v>
      </c>
      <c r="B14676" s="6">
        <v>249900</v>
      </c>
      <c r="C14676" s="6" t="s">
        <v>68</v>
      </c>
      <c r="D14676" s="6" t="s">
        <v>69</v>
      </c>
      <c r="E14676" s="6">
        <v>11001</v>
      </c>
      <c r="F14676" s="6" t="s">
        <v>18</v>
      </c>
      <c r="G14676" s="6" t="s">
        <v>27274</v>
      </c>
      <c r="H14676" s="6" t="s">
        <v>27275</v>
      </c>
      <c r="I14676" s="7">
        <v>4.5864561000000004</v>
      </c>
      <c r="J14676" s="8">
        <v>-74.119311499999995</v>
      </c>
    </row>
    <row r="14677" spans="1:10" x14ac:dyDescent="0.35">
      <c r="A14677" s="5" t="s">
        <v>10</v>
      </c>
      <c r="B14677" s="6">
        <v>249914</v>
      </c>
      <c r="C14677" s="6" t="s">
        <v>16</v>
      </c>
      <c r="D14677" s="6" t="s">
        <v>2825</v>
      </c>
      <c r="E14677" s="6">
        <v>68276</v>
      </c>
      <c r="F14677" s="6" t="s">
        <v>18</v>
      </c>
      <c r="G14677" s="6" t="s">
        <v>26302</v>
      </c>
      <c r="H14677" s="6" t="s">
        <v>26303</v>
      </c>
      <c r="I14677" s="7">
        <v>7.0831109000000003</v>
      </c>
      <c r="J14677" s="8">
        <v>-73.1014385</v>
      </c>
    </row>
    <row r="14678" spans="1:10" x14ac:dyDescent="0.35">
      <c r="A14678" s="5" t="s">
        <v>10</v>
      </c>
      <c r="B14678" s="6">
        <v>249918</v>
      </c>
      <c r="C14678" s="6" t="s">
        <v>38</v>
      </c>
      <c r="D14678" s="6" t="s">
        <v>39</v>
      </c>
      <c r="E14678" s="6">
        <v>19001</v>
      </c>
      <c r="F14678" s="6" t="s">
        <v>18</v>
      </c>
      <c r="G14678" s="6" t="s">
        <v>27276</v>
      </c>
      <c r="H14678" s="6" t="s">
        <v>27277</v>
      </c>
      <c r="I14678" s="7">
        <v>2.4763782000000001</v>
      </c>
      <c r="J14678" s="8">
        <v>-76.561603199999993</v>
      </c>
    </row>
    <row r="14679" spans="1:10" x14ac:dyDescent="0.35">
      <c r="A14679" s="5" t="s">
        <v>10</v>
      </c>
      <c r="B14679" s="6">
        <v>249924</v>
      </c>
      <c r="C14679" s="6" t="s">
        <v>24</v>
      </c>
      <c r="D14679" s="6" t="s">
        <v>20133</v>
      </c>
      <c r="E14679" s="6">
        <v>15531</v>
      </c>
      <c r="F14679" s="6" t="s">
        <v>18</v>
      </c>
      <c r="G14679" s="6" t="s">
        <v>27278</v>
      </c>
      <c r="H14679" s="6" t="s">
        <v>27279</v>
      </c>
      <c r="I14679" s="7">
        <v>5.6573963000000003</v>
      </c>
      <c r="J14679" s="8">
        <v>-73.979427299999998</v>
      </c>
    </row>
    <row r="14680" spans="1:10" x14ac:dyDescent="0.35">
      <c r="A14680" s="5" t="s">
        <v>10</v>
      </c>
      <c r="B14680" s="6">
        <v>249931</v>
      </c>
      <c r="C14680" s="6" t="s">
        <v>190</v>
      </c>
      <c r="D14680" s="6" t="s">
        <v>12165</v>
      </c>
      <c r="E14680" s="6">
        <v>5172</v>
      </c>
      <c r="F14680" s="6" t="s">
        <v>18</v>
      </c>
      <c r="G14680" s="6" t="s">
        <v>27280</v>
      </c>
      <c r="H14680" s="6" t="s">
        <v>27281</v>
      </c>
      <c r="I14680" s="7">
        <v>7.6643577000000001</v>
      </c>
      <c r="J14680" s="8">
        <v>-76.675414099999998</v>
      </c>
    </row>
    <row r="14681" spans="1:10" x14ac:dyDescent="0.35">
      <c r="A14681" s="5" t="s">
        <v>10</v>
      </c>
      <c r="B14681" s="6">
        <v>249935</v>
      </c>
      <c r="C14681" s="6" t="s">
        <v>68</v>
      </c>
      <c r="D14681" s="6" t="s">
        <v>69</v>
      </c>
      <c r="E14681" s="6">
        <v>11001</v>
      </c>
      <c r="F14681" s="6" t="s">
        <v>18</v>
      </c>
      <c r="G14681" s="6" t="s">
        <v>113</v>
      </c>
      <c r="H14681" s="6" t="s">
        <v>27282</v>
      </c>
      <c r="I14681" s="7">
        <v>4.7545301000000002</v>
      </c>
      <c r="J14681" s="8">
        <v>-74.081039599999997</v>
      </c>
    </row>
    <row r="14682" spans="1:10" x14ac:dyDescent="0.35">
      <c r="A14682" s="5" t="s">
        <v>10</v>
      </c>
      <c r="B14682" s="6">
        <v>249937</v>
      </c>
      <c r="C14682" s="6" t="s">
        <v>16</v>
      </c>
      <c r="D14682" s="6" t="s">
        <v>21774</v>
      </c>
      <c r="E14682" s="6">
        <v>68162</v>
      </c>
      <c r="F14682" s="6" t="s">
        <v>18</v>
      </c>
      <c r="G14682" s="6" t="s">
        <v>27283</v>
      </c>
      <c r="H14682" s="6" t="s">
        <v>27284</v>
      </c>
      <c r="I14682" s="7">
        <v>6.8390060000000004</v>
      </c>
      <c r="J14682" s="8">
        <v>-72.696950999999999</v>
      </c>
    </row>
    <row r="14683" spans="1:10" x14ac:dyDescent="0.35">
      <c r="A14683" s="5" t="s">
        <v>10</v>
      </c>
      <c r="B14683" s="6">
        <v>249942</v>
      </c>
      <c r="C14683" s="6" t="s">
        <v>11</v>
      </c>
      <c r="D14683" s="6" t="s">
        <v>3104</v>
      </c>
      <c r="E14683" s="6">
        <v>25245</v>
      </c>
      <c r="F14683" s="6" t="s">
        <v>18</v>
      </c>
      <c r="G14683" s="6" t="s">
        <v>27285</v>
      </c>
      <c r="H14683" s="6" t="s">
        <v>27286</v>
      </c>
      <c r="I14683" s="7">
        <v>4.5802775999999996</v>
      </c>
      <c r="J14683" s="8">
        <v>-74.4384017</v>
      </c>
    </row>
    <row r="14684" spans="1:10" x14ac:dyDescent="0.35">
      <c r="A14684" s="5" t="s">
        <v>10</v>
      </c>
      <c r="B14684" s="6">
        <v>249949</v>
      </c>
      <c r="C14684" s="6" t="s">
        <v>11</v>
      </c>
      <c r="D14684" s="6" t="s">
        <v>106</v>
      </c>
      <c r="E14684" s="6">
        <v>25843</v>
      </c>
      <c r="F14684" s="6" t="s">
        <v>18</v>
      </c>
      <c r="G14684" s="6" t="s">
        <v>27287</v>
      </c>
      <c r="H14684" s="6" t="s">
        <v>27288</v>
      </c>
      <c r="I14684" s="7">
        <v>5.3100773999999999</v>
      </c>
      <c r="J14684" s="8">
        <v>-73.814959500000001</v>
      </c>
    </row>
    <row r="14685" spans="1:10" x14ac:dyDescent="0.35">
      <c r="A14685" s="5" t="s">
        <v>10</v>
      </c>
      <c r="B14685" s="6">
        <v>249952</v>
      </c>
      <c r="C14685" s="6" t="s">
        <v>16</v>
      </c>
      <c r="D14685" s="6" t="s">
        <v>1266</v>
      </c>
      <c r="E14685" s="6">
        <v>68081</v>
      </c>
      <c r="F14685" s="6" t="s">
        <v>18</v>
      </c>
      <c r="G14685" s="6" t="s">
        <v>27289</v>
      </c>
      <c r="H14685" s="6" t="s">
        <v>27290</v>
      </c>
      <c r="I14685" s="7">
        <v>7.0613390000000003</v>
      </c>
      <c r="J14685" s="8">
        <v>-73.861481900000001</v>
      </c>
    </row>
    <row r="14686" spans="1:10" x14ac:dyDescent="0.35">
      <c r="A14686" s="5" t="s">
        <v>10</v>
      </c>
      <c r="B14686" s="6">
        <v>249959</v>
      </c>
      <c r="C14686" s="6" t="s">
        <v>11</v>
      </c>
      <c r="D14686" s="6" t="s">
        <v>407</v>
      </c>
      <c r="E14686" s="6">
        <v>25126</v>
      </c>
      <c r="F14686" s="6" t="s">
        <v>18</v>
      </c>
      <c r="G14686" s="6" t="s">
        <v>27291</v>
      </c>
      <c r="H14686" s="6" t="s">
        <v>27292</v>
      </c>
      <c r="I14686" s="7">
        <v>4.9205569999999996</v>
      </c>
      <c r="J14686" s="8">
        <v>-74.0251442</v>
      </c>
    </row>
    <row r="14687" spans="1:10" x14ac:dyDescent="0.35">
      <c r="A14687" s="5" t="s">
        <v>10</v>
      </c>
      <c r="B14687" s="6">
        <v>249964</v>
      </c>
      <c r="C14687" s="6" t="s">
        <v>16</v>
      </c>
      <c r="D14687" s="6" t="s">
        <v>78</v>
      </c>
      <c r="E14687" s="6">
        <v>68001</v>
      </c>
      <c r="F14687" s="6" t="s">
        <v>18</v>
      </c>
      <c r="G14687" s="6" t="s">
        <v>27293</v>
      </c>
      <c r="H14687" s="6" t="s">
        <v>27294</v>
      </c>
      <c r="I14687" s="7">
        <v>7.1044809000000004</v>
      </c>
      <c r="J14687" s="8">
        <v>-73.130888400000003</v>
      </c>
    </row>
    <row r="14688" spans="1:10" x14ac:dyDescent="0.35">
      <c r="A14688" s="5" t="s">
        <v>10</v>
      </c>
      <c r="B14688" s="6">
        <v>249966</v>
      </c>
      <c r="C14688" s="6" t="s">
        <v>3819</v>
      </c>
      <c r="D14688" s="6" t="s">
        <v>14622</v>
      </c>
      <c r="E14688" s="6">
        <v>86865</v>
      </c>
      <c r="F14688" s="6" t="s">
        <v>18</v>
      </c>
      <c r="G14688" s="6" t="s">
        <v>27295</v>
      </c>
      <c r="H14688" s="6" t="s">
        <v>20823</v>
      </c>
      <c r="I14688" s="7">
        <v>0.42338500000000001</v>
      </c>
      <c r="J14688" s="8">
        <v>-76.904996999999995</v>
      </c>
    </row>
    <row r="14689" spans="1:10" x14ac:dyDescent="0.35">
      <c r="A14689" s="5" t="s">
        <v>10</v>
      </c>
      <c r="B14689" s="6">
        <v>249967</v>
      </c>
      <c r="C14689" s="6" t="s">
        <v>551</v>
      </c>
      <c r="D14689" s="6" t="s">
        <v>4403</v>
      </c>
      <c r="E14689" s="6">
        <v>20013</v>
      </c>
      <c r="F14689" s="6" t="s">
        <v>18</v>
      </c>
      <c r="G14689" s="6" t="s">
        <v>27296</v>
      </c>
      <c r="H14689" s="6" t="s">
        <v>27297</v>
      </c>
      <c r="I14689" s="7">
        <v>10.039150299999999</v>
      </c>
      <c r="J14689" s="8">
        <v>-73.229122000000004</v>
      </c>
    </row>
    <row r="14690" spans="1:10" x14ac:dyDescent="0.35">
      <c r="A14690" s="5" t="s">
        <v>10</v>
      </c>
      <c r="B14690" s="6">
        <v>249970</v>
      </c>
      <c r="C14690" s="6" t="s">
        <v>68</v>
      </c>
      <c r="D14690" s="6" t="s">
        <v>69</v>
      </c>
      <c r="E14690" s="6">
        <v>11001</v>
      </c>
      <c r="F14690" s="6" t="s">
        <v>18</v>
      </c>
      <c r="G14690" s="6" t="s">
        <v>113</v>
      </c>
      <c r="H14690" s="6" t="s">
        <v>27298</v>
      </c>
      <c r="I14690" s="7">
        <v>4.5744096000000001</v>
      </c>
      <c r="J14690" s="8">
        <v>-74.128302300000001</v>
      </c>
    </row>
    <row r="14691" spans="1:10" x14ac:dyDescent="0.35">
      <c r="A14691" s="5" t="s">
        <v>10</v>
      </c>
      <c r="B14691" s="6">
        <v>249973</v>
      </c>
      <c r="C14691" s="6" t="s">
        <v>68</v>
      </c>
      <c r="D14691" s="6" t="s">
        <v>69</v>
      </c>
      <c r="E14691" s="6">
        <v>11001</v>
      </c>
      <c r="F14691" s="6" t="s">
        <v>18</v>
      </c>
      <c r="G14691" s="6" t="s">
        <v>27299</v>
      </c>
      <c r="H14691" s="6" t="s">
        <v>27300</v>
      </c>
      <c r="I14691" s="7">
        <v>4.7412010999999996</v>
      </c>
      <c r="J14691" s="8">
        <v>-74.101715900000002</v>
      </c>
    </row>
    <row r="14692" spans="1:10" x14ac:dyDescent="0.35">
      <c r="A14692" s="5" t="s">
        <v>10</v>
      </c>
      <c r="B14692" s="6">
        <v>249975</v>
      </c>
      <c r="C14692" s="6" t="s">
        <v>68</v>
      </c>
      <c r="D14692" s="6" t="s">
        <v>69</v>
      </c>
      <c r="E14692" s="6">
        <v>11001</v>
      </c>
      <c r="F14692" s="6" t="s">
        <v>18</v>
      </c>
      <c r="G14692" s="6" t="s">
        <v>27301</v>
      </c>
      <c r="H14692" s="6" t="s">
        <v>27302</v>
      </c>
      <c r="I14692" s="7">
        <v>4.6818587999999997</v>
      </c>
      <c r="J14692" s="8">
        <v>-74.141746999999995</v>
      </c>
    </row>
    <row r="14693" spans="1:10" x14ac:dyDescent="0.35">
      <c r="A14693" s="5" t="s">
        <v>10</v>
      </c>
      <c r="B14693" s="6">
        <v>249978</v>
      </c>
      <c r="C14693" s="6" t="s">
        <v>308</v>
      </c>
      <c r="D14693" s="6" t="s">
        <v>18257</v>
      </c>
      <c r="E14693" s="6">
        <v>23670</v>
      </c>
      <c r="F14693" s="6" t="s">
        <v>18</v>
      </c>
      <c r="G14693" s="6" t="s">
        <v>27303</v>
      </c>
      <c r="H14693" s="6" t="s">
        <v>27304</v>
      </c>
      <c r="I14693" s="7">
        <v>9.14696</v>
      </c>
      <c r="J14693" s="8">
        <v>-75.506600000000006</v>
      </c>
    </row>
    <row r="14694" spans="1:10" x14ac:dyDescent="0.35">
      <c r="A14694" s="5" t="s">
        <v>10</v>
      </c>
      <c r="B14694" s="6">
        <v>249979</v>
      </c>
      <c r="C14694" s="6" t="s">
        <v>11</v>
      </c>
      <c r="D14694" s="6" t="s">
        <v>12</v>
      </c>
      <c r="E14694" s="6">
        <v>25899</v>
      </c>
      <c r="F14694" s="6" t="s">
        <v>18</v>
      </c>
      <c r="G14694" s="6" t="s">
        <v>27305</v>
      </c>
      <c r="H14694" s="6" t="s">
        <v>27306</v>
      </c>
      <c r="I14694" s="7">
        <v>5.0326579999999996</v>
      </c>
      <c r="J14694" s="8">
        <v>-73.998691600000001</v>
      </c>
    </row>
    <row r="14695" spans="1:10" x14ac:dyDescent="0.35">
      <c r="A14695" s="5" t="s">
        <v>10</v>
      </c>
      <c r="B14695" s="6">
        <v>249980</v>
      </c>
      <c r="C14695" s="6" t="s">
        <v>190</v>
      </c>
      <c r="D14695" s="6" t="s">
        <v>12606</v>
      </c>
      <c r="E14695" s="6">
        <v>5579</v>
      </c>
      <c r="F14695" s="6" t="s">
        <v>18</v>
      </c>
      <c r="G14695" s="6" t="s">
        <v>26332</v>
      </c>
      <c r="H14695" s="6" t="s">
        <v>26333</v>
      </c>
      <c r="I14695" s="7">
        <v>6.4895388000000001</v>
      </c>
      <c r="J14695" s="8">
        <v>-74.404758700000002</v>
      </c>
    </row>
    <row r="14696" spans="1:10" x14ac:dyDescent="0.35">
      <c r="A14696" s="5" t="s">
        <v>10</v>
      </c>
      <c r="B14696" s="6">
        <v>249982</v>
      </c>
      <c r="C14696" s="6" t="s">
        <v>16</v>
      </c>
      <c r="D14696" s="6" t="s">
        <v>78</v>
      </c>
      <c r="E14696" s="6">
        <v>68001</v>
      </c>
      <c r="F14696" s="6" t="s">
        <v>18</v>
      </c>
      <c r="G14696" s="6" t="s">
        <v>27307</v>
      </c>
      <c r="H14696" s="6" t="s">
        <v>27308</v>
      </c>
      <c r="I14696" s="7">
        <v>7.1224999999999996</v>
      </c>
      <c r="J14696" s="8">
        <v>-73.110382599999994</v>
      </c>
    </row>
    <row r="14697" spans="1:10" x14ac:dyDescent="0.35">
      <c r="A14697" s="5" t="s">
        <v>10</v>
      </c>
      <c r="B14697" s="6">
        <v>249987</v>
      </c>
      <c r="C14697" s="6" t="s">
        <v>68</v>
      </c>
      <c r="D14697" s="6" t="s">
        <v>69</v>
      </c>
      <c r="E14697" s="6">
        <v>11001</v>
      </c>
      <c r="F14697" s="6" t="s">
        <v>18</v>
      </c>
      <c r="G14697" s="6" t="s">
        <v>27309</v>
      </c>
      <c r="H14697" s="6" t="s">
        <v>27310</v>
      </c>
      <c r="I14697" s="7">
        <v>4.6234622999999999</v>
      </c>
      <c r="J14697" s="8">
        <v>-74.167269000000005</v>
      </c>
    </row>
    <row r="14698" spans="1:10" x14ac:dyDescent="0.35">
      <c r="A14698" s="5" t="s">
        <v>10</v>
      </c>
      <c r="B14698" s="6">
        <v>249996</v>
      </c>
      <c r="C14698" s="6" t="s">
        <v>11</v>
      </c>
      <c r="D14698" s="6" t="s">
        <v>407</v>
      </c>
      <c r="E14698" s="6">
        <v>25126</v>
      </c>
      <c r="F14698" s="6" t="s">
        <v>18</v>
      </c>
      <c r="G14698" s="6" t="s">
        <v>27311</v>
      </c>
      <c r="H14698" s="6" t="s">
        <v>27312</v>
      </c>
      <c r="I14698" s="7">
        <v>4.9207406000000002</v>
      </c>
      <c r="J14698" s="8">
        <v>-74.026877799999994</v>
      </c>
    </row>
    <row r="14699" spans="1:10" x14ac:dyDescent="0.35">
      <c r="A14699" s="5" t="s">
        <v>10</v>
      </c>
      <c r="B14699" s="6">
        <v>250002</v>
      </c>
      <c r="C14699" s="6" t="s">
        <v>294</v>
      </c>
      <c r="D14699" s="6" t="s">
        <v>8811</v>
      </c>
      <c r="E14699" s="6">
        <v>41676</v>
      </c>
      <c r="F14699" s="6" t="s">
        <v>18</v>
      </c>
      <c r="G14699" s="6" t="s">
        <v>26294</v>
      </c>
      <c r="H14699" s="6" t="s">
        <v>26295</v>
      </c>
      <c r="I14699" s="7">
        <v>2.5359349</v>
      </c>
      <c r="J14699" s="8">
        <v>-75.527669900000006</v>
      </c>
    </row>
    <row r="14700" spans="1:10" x14ac:dyDescent="0.35">
      <c r="A14700" s="5" t="s">
        <v>10</v>
      </c>
      <c r="B14700" s="6">
        <v>250003</v>
      </c>
      <c r="C14700" s="6" t="s">
        <v>2130</v>
      </c>
      <c r="D14700" s="6" t="s">
        <v>2131</v>
      </c>
      <c r="E14700" s="6">
        <v>85001</v>
      </c>
      <c r="F14700" s="6" t="s">
        <v>18</v>
      </c>
      <c r="G14700" s="6" t="s">
        <v>27313</v>
      </c>
      <c r="H14700" s="6" t="s">
        <v>5955</v>
      </c>
      <c r="I14700" s="7">
        <v>5.3489488999999999</v>
      </c>
      <c r="J14700" s="8">
        <v>-72.400539600000002</v>
      </c>
    </row>
    <row r="14701" spans="1:10" x14ac:dyDescent="0.35">
      <c r="A14701" s="5" t="s">
        <v>10</v>
      </c>
      <c r="B14701" s="6">
        <v>250005</v>
      </c>
      <c r="C14701" s="6" t="s">
        <v>3819</v>
      </c>
      <c r="D14701" s="6" t="s">
        <v>20583</v>
      </c>
      <c r="E14701" s="6">
        <v>86885</v>
      </c>
      <c r="F14701" s="6" t="s">
        <v>18</v>
      </c>
      <c r="G14701" s="6" t="s">
        <v>27314</v>
      </c>
      <c r="H14701" s="6" t="s">
        <v>27315</v>
      </c>
      <c r="I14701" s="7">
        <v>1.0325795</v>
      </c>
      <c r="J14701" s="8">
        <v>-76.617792399999999</v>
      </c>
    </row>
    <row r="14702" spans="1:10" x14ac:dyDescent="0.35">
      <c r="A14702" s="5" t="s">
        <v>10</v>
      </c>
      <c r="B14702" s="6">
        <v>250017</v>
      </c>
      <c r="C14702" s="6" t="s">
        <v>117</v>
      </c>
      <c r="D14702" s="6" t="s">
        <v>1334</v>
      </c>
      <c r="E14702" s="6">
        <v>76001</v>
      </c>
      <c r="F14702" s="6" t="s">
        <v>18</v>
      </c>
      <c r="G14702" s="6" t="s">
        <v>26300</v>
      </c>
      <c r="H14702" s="6" t="s">
        <v>26301</v>
      </c>
      <c r="I14702" s="7">
        <v>3.4216275</v>
      </c>
      <c r="J14702" s="8">
        <v>-76.482766799999993</v>
      </c>
    </row>
    <row r="14703" spans="1:10" x14ac:dyDescent="0.35">
      <c r="A14703" s="5" t="s">
        <v>10</v>
      </c>
      <c r="B14703" s="6">
        <v>250025</v>
      </c>
      <c r="C14703" s="6" t="s">
        <v>28</v>
      </c>
      <c r="D14703" s="6" t="s">
        <v>29</v>
      </c>
      <c r="E14703" s="6">
        <v>54001</v>
      </c>
      <c r="F14703" s="6" t="s">
        <v>18</v>
      </c>
      <c r="G14703" s="6" t="s">
        <v>27316</v>
      </c>
      <c r="H14703" s="6" t="s">
        <v>27317</v>
      </c>
      <c r="I14703" s="7">
        <v>7.8822355999999996</v>
      </c>
      <c r="J14703" s="8">
        <v>-72.501434799999998</v>
      </c>
    </row>
    <row r="14704" spans="1:10" x14ac:dyDescent="0.35">
      <c r="A14704" s="5" t="s">
        <v>10</v>
      </c>
      <c r="B14704" s="6">
        <v>250027</v>
      </c>
      <c r="C14704" s="6" t="s">
        <v>16</v>
      </c>
      <c r="D14704" s="6" t="s">
        <v>2825</v>
      </c>
      <c r="E14704" s="6">
        <v>68276</v>
      </c>
      <c r="F14704" s="6" t="s">
        <v>18</v>
      </c>
      <c r="G14704" s="6" t="s">
        <v>26308</v>
      </c>
      <c r="H14704" s="6" t="s">
        <v>8770</v>
      </c>
      <c r="I14704" s="7">
        <v>7.1250663000000003</v>
      </c>
      <c r="J14704" s="8">
        <v>-73.125452100000004</v>
      </c>
    </row>
    <row r="14705" spans="1:10" x14ac:dyDescent="0.35">
      <c r="A14705" s="5" t="s">
        <v>10</v>
      </c>
      <c r="B14705" s="6">
        <v>250029</v>
      </c>
      <c r="C14705" s="6" t="s">
        <v>68</v>
      </c>
      <c r="D14705" s="6" t="s">
        <v>69</v>
      </c>
      <c r="E14705" s="6">
        <v>11001</v>
      </c>
      <c r="F14705" s="6" t="s">
        <v>18</v>
      </c>
      <c r="G14705" s="6" t="s">
        <v>27318</v>
      </c>
      <c r="H14705" s="6" t="s">
        <v>27319</v>
      </c>
      <c r="I14705" s="7">
        <v>4.6052448999999998</v>
      </c>
      <c r="J14705" s="8">
        <v>-74.1556128</v>
      </c>
    </row>
    <row r="14706" spans="1:10" x14ac:dyDescent="0.35">
      <c r="A14706" s="5" t="s">
        <v>10</v>
      </c>
      <c r="B14706" s="6">
        <v>250030</v>
      </c>
      <c r="C14706" s="6" t="s">
        <v>278</v>
      </c>
      <c r="D14706" s="6" t="s">
        <v>279</v>
      </c>
      <c r="E14706" s="6">
        <v>50001</v>
      </c>
      <c r="F14706" s="6" t="s">
        <v>18</v>
      </c>
      <c r="G14706" s="6" t="s">
        <v>27320</v>
      </c>
      <c r="H14706" s="6" t="s">
        <v>27321</v>
      </c>
      <c r="I14706" s="7">
        <v>4.1450961</v>
      </c>
      <c r="J14706" s="8">
        <v>-73.617900199999994</v>
      </c>
    </row>
    <row r="14707" spans="1:10" x14ac:dyDescent="0.35">
      <c r="A14707" s="5" t="s">
        <v>10</v>
      </c>
      <c r="B14707" s="6">
        <v>250031</v>
      </c>
      <c r="C14707" s="6" t="s">
        <v>68</v>
      </c>
      <c r="D14707" s="6" t="s">
        <v>69</v>
      </c>
      <c r="E14707" s="6">
        <v>11001</v>
      </c>
      <c r="F14707" s="6" t="s">
        <v>18</v>
      </c>
      <c r="G14707" s="6" t="s">
        <v>27322</v>
      </c>
      <c r="H14707" s="6" t="s">
        <v>27323</v>
      </c>
      <c r="I14707" s="7">
        <v>4.5894899000000002</v>
      </c>
      <c r="J14707" s="8">
        <v>-74.177125799999999</v>
      </c>
    </row>
    <row r="14708" spans="1:10" x14ac:dyDescent="0.35">
      <c r="A14708" s="5" t="s">
        <v>10</v>
      </c>
      <c r="B14708" s="6">
        <v>250033</v>
      </c>
      <c r="C14708" s="6" t="s">
        <v>6569</v>
      </c>
      <c r="D14708" s="6" t="s">
        <v>17303</v>
      </c>
      <c r="E14708" s="6">
        <v>91001</v>
      </c>
      <c r="F14708" s="6" t="s">
        <v>18</v>
      </c>
      <c r="G14708" s="6" t="s">
        <v>27324</v>
      </c>
      <c r="H14708" s="6" t="s">
        <v>27325</v>
      </c>
      <c r="I14708" s="7">
        <v>-4.2146162</v>
      </c>
      <c r="J14708" s="8">
        <v>-69.938283499999997</v>
      </c>
    </row>
    <row r="14709" spans="1:10" x14ac:dyDescent="0.35">
      <c r="A14709" s="5" t="s">
        <v>10</v>
      </c>
      <c r="B14709" s="6">
        <v>250034</v>
      </c>
      <c r="C14709" s="6" t="s">
        <v>68</v>
      </c>
      <c r="D14709" s="6" t="s">
        <v>69</v>
      </c>
      <c r="E14709" s="6">
        <v>11001</v>
      </c>
      <c r="F14709" s="6" t="s">
        <v>18</v>
      </c>
      <c r="G14709" s="6" t="s">
        <v>27114</v>
      </c>
      <c r="H14709" s="6" t="s">
        <v>27115</v>
      </c>
      <c r="I14709" s="7">
        <v>4.7109886000000003</v>
      </c>
      <c r="J14709" s="8">
        <v>-74.072091999999998</v>
      </c>
    </row>
    <row r="14710" spans="1:10" x14ac:dyDescent="0.35">
      <c r="A14710" s="5" t="s">
        <v>10</v>
      </c>
      <c r="B14710" s="6">
        <v>250042</v>
      </c>
      <c r="C14710" s="6" t="s">
        <v>68</v>
      </c>
      <c r="D14710" s="6" t="s">
        <v>69</v>
      </c>
      <c r="E14710" s="6">
        <v>11001</v>
      </c>
      <c r="F14710" s="6" t="s">
        <v>18</v>
      </c>
      <c r="G14710" s="6" t="s">
        <v>27326</v>
      </c>
      <c r="H14710" s="6" t="s">
        <v>27327</v>
      </c>
      <c r="I14710" s="7">
        <v>4.7005504</v>
      </c>
      <c r="J14710" s="8">
        <v>-74.062421000000001</v>
      </c>
    </row>
    <row r="14711" spans="1:10" x14ac:dyDescent="0.35">
      <c r="A14711" s="5" t="s">
        <v>10</v>
      </c>
      <c r="B14711" s="6">
        <v>250047</v>
      </c>
      <c r="C14711" s="6" t="s">
        <v>190</v>
      </c>
      <c r="D14711" s="6" t="s">
        <v>12165</v>
      </c>
      <c r="E14711" s="6">
        <v>5172</v>
      </c>
      <c r="F14711" s="6" t="s">
        <v>18</v>
      </c>
      <c r="G14711" s="6" t="s">
        <v>26330</v>
      </c>
      <c r="H14711" s="6" t="s">
        <v>26331</v>
      </c>
      <c r="I14711" s="7">
        <v>7.6626871000000003</v>
      </c>
      <c r="J14711" s="8">
        <v>-76.678998699999994</v>
      </c>
    </row>
    <row r="14712" spans="1:10" x14ac:dyDescent="0.35">
      <c r="A14712" s="5" t="s">
        <v>10</v>
      </c>
      <c r="B14712" s="6">
        <v>250048</v>
      </c>
      <c r="C14712" s="6" t="s">
        <v>16</v>
      </c>
      <c r="D14712" s="6" t="s">
        <v>1266</v>
      </c>
      <c r="E14712" s="6">
        <v>68081</v>
      </c>
      <c r="F14712" s="6" t="s">
        <v>18</v>
      </c>
      <c r="G14712" s="6" t="s">
        <v>27328</v>
      </c>
      <c r="H14712" s="6" t="s">
        <v>27329</v>
      </c>
      <c r="I14712" s="7">
        <v>7.0793160000000004</v>
      </c>
      <c r="J14712" s="8">
        <v>-73.858473000000004</v>
      </c>
    </row>
    <row r="14713" spans="1:10" x14ac:dyDescent="0.35">
      <c r="A14713" s="5" t="s">
        <v>10</v>
      </c>
      <c r="B14713" s="6">
        <v>250050</v>
      </c>
      <c r="C14713" s="6" t="s">
        <v>16</v>
      </c>
      <c r="D14713" s="6" t="s">
        <v>78</v>
      </c>
      <c r="E14713" s="6">
        <v>68001</v>
      </c>
      <c r="F14713" s="6" t="s">
        <v>18</v>
      </c>
      <c r="G14713" s="6" t="s">
        <v>27330</v>
      </c>
      <c r="H14713" s="6" t="s">
        <v>27331</v>
      </c>
      <c r="I14713" s="7">
        <v>4.6491004</v>
      </c>
      <c r="J14713" s="8">
        <v>-74.060537100000005</v>
      </c>
    </row>
    <row r="14714" spans="1:10" x14ac:dyDescent="0.35">
      <c r="A14714" s="5" t="s">
        <v>10</v>
      </c>
      <c r="B14714" s="6">
        <v>250053</v>
      </c>
      <c r="C14714" s="6" t="s">
        <v>28</v>
      </c>
      <c r="D14714" s="6" t="s">
        <v>29</v>
      </c>
      <c r="E14714" s="6">
        <v>54001</v>
      </c>
      <c r="F14714" s="6" t="s">
        <v>18</v>
      </c>
      <c r="G14714" s="6" t="s">
        <v>27332</v>
      </c>
      <c r="H14714" s="6" t="s">
        <v>27333</v>
      </c>
      <c r="I14714" s="7">
        <v>7.8837115000000004</v>
      </c>
      <c r="J14714" s="8">
        <v>-72.471381699999995</v>
      </c>
    </row>
    <row r="14715" spans="1:10" x14ac:dyDescent="0.35">
      <c r="A14715" s="5" t="s">
        <v>10</v>
      </c>
      <c r="B14715" s="6">
        <v>250057</v>
      </c>
      <c r="C14715" s="6" t="s">
        <v>457</v>
      </c>
      <c r="D14715" s="6" t="s">
        <v>14315</v>
      </c>
      <c r="E14715" s="6">
        <v>52385</v>
      </c>
      <c r="F14715" s="6" t="s">
        <v>18</v>
      </c>
      <c r="G14715" s="6" t="s">
        <v>27334</v>
      </c>
      <c r="H14715" s="6" t="s">
        <v>23208</v>
      </c>
      <c r="I14715" s="7">
        <v>1.47366</v>
      </c>
      <c r="J14715" s="8">
        <v>-77.580100000000002</v>
      </c>
    </row>
    <row r="14716" spans="1:10" x14ac:dyDescent="0.35">
      <c r="A14716" s="5" t="s">
        <v>10</v>
      </c>
      <c r="B14716" s="6">
        <v>250061</v>
      </c>
      <c r="C14716" s="6" t="s">
        <v>68</v>
      </c>
      <c r="D14716" s="6" t="s">
        <v>69</v>
      </c>
      <c r="E14716" s="6">
        <v>11001</v>
      </c>
      <c r="F14716" s="6" t="s">
        <v>18</v>
      </c>
      <c r="G14716" s="6" t="s">
        <v>27335</v>
      </c>
      <c r="H14716" s="6" t="s">
        <v>27336</v>
      </c>
      <c r="I14716" s="7">
        <v>4.7486052000000001</v>
      </c>
      <c r="J14716" s="8">
        <v>-74.109617999999998</v>
      </c>
    </row>
    <row r="14717" spans="1:10" x14ac:dyDescent="0.35">
      <c r="A14717" s="5" t="s">
        <v>10</v>
      </c>
      <c r="B14717" s="6">
        <v>250064</v>
      </c>
      <c r="C14717" s="6" t="s">
        <v>11</v>
      </c>
      <c r="D14717" s="6" t="s">
        <v>251</v>
      </c>
      <c r="E14717" s="6">
        <v>25214</v>
      </c>
      <c r="F14717" s="6" t="s">
        <v>18</v>
      </c>
      <c r="G14717" s="6" t="s">
        <v>27337</v>
      </c>
      <c r="H14717" s="6" t="s">
        <v>27338</v>
      </c>
      <c r="I14717" s="7">
        <v>4.8133992000000001</v>
      </c>
      <c r="J14717" s="8">
        <v>-74.097001800000001</v>
      </c>
    </row>
    <row r="14718" spans="1:10" x14ac:dyDescent="0.35">
      <c r="A14718" s="5" t="s">
        <v>10</v>
      </c>
      <c r="B14718" s="6">
        <v>250065</v>
      </c>
      <c r="C14718" s="6" t="s">
        <v>117</v>
      </c>
      <c r="D14718" s="6" t="s">
        <v>1334</v>
      </c>
      <c r="E14718" s="6">
        <v>76001</v>
      </c>
      <c r="F14718" s="6" t="s">
        <v>18</v>
      </c>
      <c r="G14718" s="6" t="s">
        <v>27339</v>
      </c>
      <c r="H14718" s="6" t="s">
        <v>27340</v>
      </c>
      <c r="I14718" s="7">
        <v>3.411581</v>
      </c>
      <c r="J14718" s="8">
        <v>-76.509232299999994</v>
      </c>
    </row>
    <row r="14719" spans="1:10" x14ac:dyDescent="0.35">
      <c r="A14719" s="5" t="s">
        <v>10</v>
      </c>
      <c r="B14719" s="6">
        <v>250067</v>
      </c>
      <c r="C14719" s="6" t="s">
        <v>68</v>
      </c>
      <c r="D14719" s="6" t="s">
        <v>69</v>
      </c>
      <c r="E14719" s="6">
        <v>11001</v>
      </c>
      <c r="F14719" s="6" t="s">
        <v>18</v>
      </c>
      <c r="G14719" s="6" t="s">
        <v>27341</v>
      </c>
      <c r="H14719" s="6" t="s">
        <v>27342</v>
      </c>
      <c r="I14719" s="7">
        <v>4.6804116000000002</v>
      </c>
      <c r="J14719" s="8">
        <v>-74.154275499999997</v>
      </c>
    </row>
    <row r="14720" spans="1:10" x14ac:dyDescent="0.35">
      <c r="A14720" s="5" t="s">
        <v>10</v>
      </c>
      <c r="B14720" s="6">
        <v>250069</v>
      </c>
      <c r="C14720" s="6" t="s">
        <v>24</v>
      </c>
      <c r="D14720" s="6" t="s">
        <v>1028</v>
      </c>
      <c r="E14720" s="6">
        <v>15299</v>
      </c>
      <c r="F14720" s="6" t="s">
        <v>18</v>
      </c>
      <c r="G14720" s="6" t="s">
        <v>27343</v>
      </c>
      <c r="H14720" s="6" t="s">
        <v>27344</v>
      </c>
      <c r="I14720" s="7">
        <v>5.0818099999999999</v>
      </c>
      <c r="J14720" s="8">
        <v>-73.362499999999997</v>
      </c>
    </row>
    <row r="14721" spans="1:10" x14ac:dyDescent="0.35">
      <c r="A14721" s="5" t="s">
        <v>10</v>
      </c>
      <c r="B14721" s="6">
        <v>250070</v>
      </c>
      <c r="C14721" s="6" t="s">
        <v>278</v>
      </c>
      <c r="D14721" s="6" t="s">
        <v>279</v>
      </c>
      <c r="E14721" s="6">
        <v>50001</v>
      </c>
      <c r="F14721" s="6" t="s">
        <v>18</v>
      </c>
      <c r="G14721" s="6" t="s">
        <v>27345</v>
      </c>
      <c r="H14721" s="6" t="s">
        <v>27346</v>
      </c>
      <c r="I14721" s="7">
        <v>4.1393893999999998</v>
      </c>
      <c r="J14721" s="8">
        <v>-73.630008700000005</v>
      </c>
    </row>
    <row r="14722" spans="1:10" x14ac:dyDescent="0.35">
      <c r="A14722" s="5" t="s">
        <v>10</v>
      </c>
      <c r="B14722" s="6">
        <v>250072</v>
      </c>
      <c r="C14722" s="6" t="s">
        <v>190</v>
      </c>
      <c r="D14722" s="6" t="s">
        <v>12678</v>
      </c>
      <c r="E14722" s="6">
        <v>5664</v>
      </c>
      <c r="F14722" s="6" t="s">
        <v>18</v>
      </c>
      <c r="G14722" s="6" t="s">
        <v>26328</v>
      </c>
      <c r="H14722" s="6" t="s">
        <v>26329</v>
      </c>
      <c r="I14722" s="7">
        <v>6.4617671999999997</v>
      </c>
      <c r="J14722" s="8">
        <v>-75.557572100000002</v>
      </c>
    </row>
    <row r="14723" spans="1:10" x14ac:dyDescent="0.35">
      <c r="A14723" s="5" t="s">
        <v>10</v>
      </c>
      <c r="B14723" s="6">
        <v>250074</v>
      </c>
      <c r="C14723" s="6" t="s">
        <v>117</v>
      </c>
      <c r="D14723" s="6" t="s">
        <v>12447</v>
      </c>
      <c r="E14723" s="6">
        <v>76248</v>
      </c>
      <c r="F14723" s="6" t="s">
        <v>18</v>
      </c>
      <c r="G14723" s="6" t="s">
        <v>26334</v>
      </c>
      <c r="H14723" s="6" t="s">
        <v>26335</v>
      </c>
      <c r="I14723" s="7">
        <v>3.4434980999999998</v>
      </c>
      <c r="J14723" s="8">
        <v>-76.534698399999996</v>
      </c>
    </row>
    <row r="14724" spans="1:10" x14ac:dyDescent="0.35">
      <c r="A14724" s="5" t="s">
        <v>10</v>
      </c>
      <c r="B14724" s="6">
        <v>250076</v>
      </c>
      <c r="C14724" s="6" t="s">
        <v>68</v>
      </c>
      <c r="D14724" s="6" t="s">
        <v>69</v>
      </c>
      <c r="E14724" s="6">
        <v>11001</v>
      </c>
      <c r="F14724" s="6" t="s">
        <v>18</v>
      </c>
      <c r="G14724" s="6" t="s">
        <v>27347</v>
      </c>
      <c r="H14724" s="6" t="s">
        <v>27348</v>
      </c>
      <c r="I14724" s="7">
        <v>4.6046278999999997</v>
      </c>
      <c r="J14724" s="8">
        <v>-74.145900499999996</v>
      </c>
    </row>
    <row r="14725" spans="1:10" x14ac:dyDescent="0.35">
      <c r="A14725" s="5" t="s">
        <v>10</v>
      </c>
      <c r="B14725" s="6">
        <v>250081</v>
      </c>
      <c r="C14725" s="6" t="s">
        <v>11</v>
      </c>
      <c r="D14725" s="6" t="s">
        <v>337</v>
      </c>
      <c r="E14725" s="6">
        <v>25290</v>
      </c>
      <c r="F14725" s="6" t="s">
        <v>18</v>
      </c>
      <c r="G14725" s="6" t="s">
        <v>27349</v>
      </c>
      <c r="H14725" s="6" t="s">
        <v>27350</v>
      </c>
      <c r="I14725" s="7">
        <v>4.3432271</v>
      </c>
      <c r="J14725" s="8">
        <v>-74.362192100000001</v>
      </c>
    </row>
    <row r="14726" spans="1:10" x14ac:dyDescent="0.35">
      <c r="A14726" s="5" t="s">
        <v>10</v>
      </c>
      <c r="B14726" s="6">
        <v>250086</v>
      </c>
      <c r="C14726" s="6" t="s">
        <v>16</v>
      </c>
      <c r="D14726" s="6" t="s">
        <v>291</v>
      </c>
      <c r="E14726" s="6">
        <v>68533</v>
      </c>
      <c r="F14726" s="6" t="s">
        <v>18</v>
      </c>
      <c r="G14726" s="6" t="s">
        <v>27351</v>
      </c>
      <c r="H14726" s="6" t="s">
        <v>27352</v>
      </c>
      <c r="I14726" s="7">
        <v>5.0957660999999996</v>
      </c>
      <c r="J14726" s="8">
        <v>-73.444905800000001</v>
      </c>
    </row>
    <row r="14727" spans="1:10" x14ac:dyDescent="0.35">
      <c r="A14727" s="5" t="s">
        <v>10</v>
      </c>
      <c r="B14727" s="6">
        <v>250100</v>
      </c>
      <c r="C14727" s="6" t="s">
        <v>68</v>
      </c>
      <c r="D14727" s="6" t="s">
        <v>69</v>
      </c>
      <c r="E14727" s="6">
        <v>11001</v>
      </c>
      <c r="F14727" s="6" t="s">
        <v>18</v>
      </c>
      <c r="G14727" s="6" t="s">
        <v>27353</v>
      </c>
      <c r="H14727" s="6" t="s">
        <v>27354</v>
      </c>
      <c r="I14727" s="7">
        <v>4.5731153999999998</v>
      </c>
      <c r="J14727" s="8">
        <v>-74.112966299999997</v>
      </c>
    </row>
    <row r="14728" spans="1:10" x14ac:dyDescent="0.35">
      <c r="A14728" s="5" t="s">
        <v>10</v>
      </c>
      <c r="B14728" s="6">
        <v>250106</v>
      </c>
      <c r="C14728" s="6" t="s">
        <v>55</v>
      </c>
      <c r="D14728" s="6" t="s">
        <v>1151</v>
      </c>
      <c r="E14728" s="6">
        <v>73349</v>
      </c>
      <c r="F14728" s="6" t="s">
        <v>18</v>
      </c>
      <c r="G14728" s="6" t="s">
        <v>27355</v>
      </c>
      <c r="H14728" s="6" t="s">
        <v>27356</v>
      </c>
      <c r="I14728" s="7">
        <v>5.2135289</v>
      </c>
      <c r="J14728" s="8">
        <v>-74.733755900000006</v>
      </c>
    </row>
    <row r="14729" spans="1:10" x14ac:dyDescent="0.35">
      <c r="A14729" s="5" t="s">
        <v>10</v>
      </c>
      <c r="B14729" s="6">
        <v>250109</v>
      </c>
      <c r="C14729" s="6" t="s">
        <v>278</v>
      </c>
      <c r="D14729" s="6" t="s">
        <v>3873</v>
      </c>
      <c r="E14729" s="6">
        <v>50568</v>
      </c>
      <c r="F14729" s="6" t="s">
        <v>18</v>
      </c>
      <c r="G14729" s="6" t="s">
        <v>27357</v>
      </c>
      <c r="H14729" s="6" t="s">
        <v>27358</v>
      </c>
      <c r="I14729" s="7">
        <v>4.3256698</v>
      </c>
      <c r="J14729" s="8">
        <v>-72.083315400000004</v>
      </c>
    </row>
    <row r="14730" spans="1:10" x14ac:dyDescent="0.35">
      <c r="A14730" s="5" t="s">
        <v>10</v>
      </c>
      <c r="B14730" s="6">
        <v>250111</v>
      </c>
      <c r="C14730" s="6" t="s">
        <v>55</v>
      </c>
      <c r="D14730" s="6" t="s">
        <v>56</v>
      </c>
      <c r="E14730" s="6">
        <v>73001</v>
      </c>
      <c r="F14730" s="6" t="s">
        <v>18</v>
      </c>
      <c r="G14730" s="6" t="s">
        <v>855</v>
      </c>
      <c r="H14730" s="6" t="s">
        <v>27359</v>
      </c>
      <c r="I14730" s="7">
        <v>4.4447687</v>
      </c>
      <c r="J14730" s="8">
        <v>-75.242060899999998</v>
      </c>
    </row>
    <row r="14731" spans="1:10" x14ac:dyDescent="0.35">
      <c r="A14731" s="5" t="s">
        <v>10</v>
      </c>
      <c r="B14731" s="6">
        <v>250120</v>
      </c>
      <c r="C14731" s="6" t="s">
        <v>68</v>
      </c>
      <c r="D14731" s="6" t="s">
        <v>69</v>
      </c>
      <c r="E14731" s="6">
        <v>11001</v>
      </c>
      <c r="F14731" s="6" t="s">
        <v>18</v>
      </c>
      <c r="G14731" s="6" t="s">
        <v>27360</v>
      </c>
      <c r="H14731" s="6" t="s">
        <v>27361</v>
      </c>
      <c r="I14731" s="7">
        <v>4.5379399999999999</v>
      </c>
      <c r="J14731" s="8">
        <v>-74.148287400000001</v>
      </c>
    </row>
    <row r="14732" spans="1:10" x14ac:dyDescent="0.35">
      <c r="A14732" s="5" t="s">
        <v>10</v>
      </c>
      <c r="B14732" s="6">
        <v>250121</v>
      </c>
      <c r="C14732" s="6" t="s">
        <v>24</v>
      </c>
      <c r="D14732" s="6" t="s">
        <v>137</v>
      </c>
      <c r="E14732" s="6">
        <v>15238</v>
      </c>
      <c r="F14732" s="6" t="s">
        <v>18</v>
      </c>
      <c r="G14732" s="6" t="s">
        <v>27362</v>
      </c>
      <c r="H14732" s="6" t="s">
        <v>27363</v>
      </c>
      <c r="I14732" s="7">
        <v>5.8382845000000003</v>
      </c>
      <c r="J14732" s="8">
        <v>-73.035974100000004</v>
      </c>
    </row>
    <row r="14733" spans="1:10" x14ac:dyDescent="0.35">
      <c r="A14733" s="5" t="s">
        <v>10</v>
      </c>
      <c r="B14733" s="6">
        <v>250122</v>
      </c>
      <c r="C14733" s="6" t="s">
        <v>11</v>
      </c>
      <c r="D14733" s="6" t="s">
        <v>407</v>
      </c>
      <c r="E14733" s="6">
        <v>25126</v>
      </c>
      <c r="F14733" s="6" t="s">
        <v>18</v>
      </c>
      <c r="G14733" s="6" t="s">
        <v>27364</v>
      </c>
      <c r="H14733" s="6" t="s">
        <v>27365</v>
      </c>
      <c r="I14733" s="7">
        <v>4.9180941999999996</v>
      </c>
      <c r="J14733" s="8">
        <v>-74.0298248</v>
      </c>
    </row>
    <row r="14734" spans="1:10" x14ac:dyDescent="0.35">
      <c r="A14734" s="5" t="s">
        <v>10</v>
      </c>
      <c r="B14734" s="6">
        <v>250123</v>
      </c>
      <c r="C14734" s="6" t="s">
        <v>68</v>
      </c>
      <c r="D14734" s="6" t="s">
        <v>69</v>
      </c>
      <c r="E14734" s="6">
        <v>11001</v>
      </c>
      <c r="F14734" s="6" t="s">
        <v>18</v>
      </c>
      <c r="G14734" s="6" t="s">
        <v>113</v>
      </c>
      <c r="H14734" s="6" t="s">
        <v>27366</v>
      </c>
      <c r="I14734" s="7">
        <v>4.5413601000000003</v>
      </c>
      <c r="J14734" s="8">
        <v>-74.116076100000001</v>
      </c>
    </row>
    <row r="14735" spans="1:10" x14ac:dyDescent="0.35">
      <c r="A14735" s="5" t="s">
        <v>10</v>
      </c>
      <c r="B14735" s="6">
        <v>250124</v>
      </c>
      <c r="C14735" s="6" t="s">
        <v>55</v>
      </c>
      <c r="D14735" s="6" t="s">
        <v>56</v>
      </c>
      <c r="E14735" s="6">
        <v>73001</v>
      </c>
      <c r="F14735" s="6" t="s">
        <v>18</v>
      </c>
      <c r="G14735" s="6" t="s">
        <v>27367</v>
      </c>
      <c r="H14735" s="6" t="s">
        <v>27368</v>
      </c>
      <c r="I14735" s="7">
        <v>4.4371200000000002</v>
      </c>
      <c r="J14735" s="8">
        <v>-75.191800000000001</v>
      </c>
    </row>
    <row r="14736" spans="1:10" x14ac:dyDescent="0.35">
      <c r="A14736" s="5" t="s">
        <v>10</v>
      </c>
      <c r="B14736" s="6">
        <v>250127</v>
      </c>
      <c r="C14736" s="6" t="s">
        <v>68</v>
      </c>
      <c r="D14736" s="6" t="s">
        <v>69</v>
      </c>
      <c r="E14736" s="6">
        <v>11001</v>
      </c>
      <c r="F14736" s="6" t="s">
        <v>18</v>
      </c>
      <c r="G14736" s="6" t="s">
        <v>27369</v>
      </c>
      <c r="H14736" s="6" t="s">
        <v>27370</v>
      </c>
      <c r="I14736" s="7">
        <v>4.7459965999999998</v>
      </c>
      <c r="J14736" s="8">
        <v>-74.121960999999999</v>
      </c>
    </row>
    <row r="14737" spans="1:10" x14ac:dyDescent="0.35">
      <c r="A14737" s="5" t="s">
        <v>10</v>
      </c>
      <c r="B14737" s="6">
        <v>250130</v>
      </c>
      <c r="C14737" s="6" t="s">
        <v>68</v>
      </c>
      <c r="D14737" s="6" t="s">
        <v>69</v>
      </c>
      <c r="E14737" s="6">
        <v>11001</v>
      </c>
      <c r="F14737" s="6" t="s">
        <v>18</v>
      </c>
      <c r="G14737" s="6" t="s">
        <v>27371</v>
      </c>
      <c r="H14737" s="6" t="s">
        <v>27372</v>
      </c>
      <c r="I14737" s="7">
        <v>4.6345789999999996</v>
      </c>
      <c r="J14737" s="8">
        <v>-74.0782016</v>
      </c>
    </row>
    <row r="14738" spans="1:10" x14ac:dyDescent="0.35">
      <c r="A14738" s="5" t="s">
        <v>10</v>
      </c>
      <c r="B14738" s="6">
        <v>250133</v>
      </c>
      <c r="C14738" s="6" t="s">
        <v>278</v>
      </c>
      <c r="D14738" s="6" t="s">
        <v>279</v>
      </c>
      <c r="E14738" s="6">
        <v>50001</v>
      </c>
      <c r="F14738" s="6" t="s">
        <v>18</v>
      </c>
      <c r="G14738" s="6" t="s">
        <v>27373</v>
      </c>
      <c r="H14738" s="6" t="s">
        <v>27374</v>
      </c>
      <c r="I14738" s="7">
        <v>4.1579563000000004</v>
      </c>
      <c r="J14738" s="8">
        <v>-73.637102900000002</v>
      </c>
    </row>
    <row r="14739" spans="1:10" x14ac:dyDescent="0.35">
      <c r="A14739" s="5" t="s">
        <v>10</v>
      </c>
      <c r="B14739" s="6">
        <v>250134</v>
      </c>
      <c r="C14739" s="6" t="s">
        <v>11</v>
      </c>
      <c r="D14739" s="6" t="s">
        <v>334</v>
      </c>
      <c r="E14739" s="6">
        <v>25754</v>
      </c>
      <c r="F14739" s="6" t="s">
        <v>18</v>
      </c>
      <c r="G14739" s="6" t="s">
        <v>27375</v>
      </c>
      <c r="H14739" s="6" t="s">
        <v>27376</v>
      </c>
      <c r="I14739" s="7">
        <v>4.5691131</v>
      </c>
      <c r="J14739" s="8">
        <v>-74.231492399999993</v>
      </c>
    </row>
    <row r="14740" spans="1:10" x14ac:dyDescent="0.35">
      <c r="A14740" s="5" t="s">
        <v>10</v>
      </c>
      <c r="B14740" s="6">
        <v>250136</v>
      </c>
      <c r="C14740" s="6" t="s">
        <v>42</v>
      </c>
      <c r="D14740" s="6" t="s">
        <v>43</v>
      </c>
      <c r="E14740" s="6">
        <v>17001</v>
      </c>
      <c r="F14740" s="6" t="s">
        <v>18</v>
      </c>
      <c r="G14740" s="6" t="s">
        <v>27377</v>
      </c>
      <c r="H14740" s="6" t="s">
        <v>27378</v>
      </c>
      <c r="I14740" s="7">
        <v>5.0592600000000001</v>
      </c>
      <c r="J14740" s="8">
        <v>-75.486295699999999</v>
      </c>
    </row>
    <row r="14741" spans="1:10" x14ac:dyDescent="0.35">
      <c r="A14741" s="5" t="s">
        <v>10</v>
      </c>
      <c r="B14741" s="6">
        <v>250138</v>
      </c>
      <c r="C14741" s="6" t="s">
        <v>68</v>
      </c>
      <c r="D14741" s="6" t="s">
        <v>69</v>
      </c>
      <c r="E14741" s="6">
        <v>11001</v>
      </c>
      <c r="F14741" s="6" t="s">
        <v>18</v>
      </c>
      <c r="G14741" s="6" t="s">
        <v>27379</v>
      </c>
      <c r="H14741" s="6" t="s">
        <v>27380</v>
      </c>
      <c r="I14741" s="7">
        <v>4.6066408000000001</v>
      </c>
      <c r="J14741" s="8">
        <v>-74.190063499999994</v>
      </c>
    </row>
    <row r="14742" spans="1:10" x14ac:dyDescent="0.35">
      <c r="A14742" s="5" t="s">
        <v>10</v>
      </c>
      <c r="B14742" s="6">
        <v>250139</v>
      </c>
      <c r="C14742" s="6" t="s">
        <v>68</v>
      </c>
      <c r="D14742" s="6" t="s">
        <v>69</v>
      </c>
      <c r="E14742" s="6">
        <v>11001</v>
      </c>
      <c r="F14742" s="6" t="s">
        <v>18</v>
      </c>
      <c r="G14742" s="6" t="s">
        <v>27381</v>
      </c>
      <c r="H14742" s="6" t="s">
        <v>27382</v>
      </c>
      <c r="I14742" s="7">
        <v>4.6045315999999996</v>
      </c>
      <c r="J14742" s="8">
        <v>-74.072929700000003</v>
      </c>
    </row>
    <row r="14743" spans="1:10" x14ac:dyDescent="0.35">
      <c r="A14743" s="5" t="s">
        <v>10</v>
      </c>
      <c r="B14743" s="6">
        <v>250140</v>
      </c>
      <c r="C14743" s="6" t="s">
        <v>117</v>
      </c>
      <c r="D14743" s="6" t="s">
        <v>1334</v>
      </c>
      <c r="E14743" s="6">
        <v>76001</v>
      </c>
      <c r="F14743" s="6" t="s">
        <v>18</v>
      </c>
      <c r="G14743" s="6" t="s">
        <v>27383</v>
      </c>
      <c r="H14743" s="6" t="s">
        <v>27384</v>
      </c>
      <c r="I14743" s="7">
        <v>3.4112349000000002</v>
      </c>
      <c r="J14743" s="8">
        <v>-76.457031700000002</v>
      </c>
    </row>
    <row r="14744" spans="1:10" x14ac:dyDescent="0.35">
      <c r="A14744" s="5" t="s">
        <v>10</v>
      </c>
      <c r="B14744" s="6">
        <v>250142</v>
      </c>
      <c r="C14744" s="6" t="s">
        <v>24</v>
      </c>
      <c r="D14744" s="6" t="s">
        <v>266</v>
      </c>
      <c r="E14744" s="6">
        <v>15172</v>
      </c>
      <c r="F14744" s="6" t="s">
        <v>18</v>
      </c>
      <c r="G14744" s="6" t="s">
        <v>27385</v>
      </c>
      <c r="H14744" s="6" t="s">
        <v>27386</v>
      </c>
      <c r="I14744" s="7">
        <v>5.1693897</v>
      </c>
      <c r="J14744" s="8">
        <v>-73.367300499999999</v>
      </c>
    </row>
    <row r="14745" spans="1:10" x14ac:dyDescent="0.35">
      <c r="A14745" s="5" t="s">
        <v>10</v>
      </c>
      <c r="B14745" s="6">
        <v>250144</v>
      </c>
      <c r="C14745" s="6" t="s">
        <v>294</v>
      </c>
      <c r="D14745" s="6" t="s">
        <v>703</v>
      </c>
      <c r="E14745" s="6">
        <v>41001</v>
      </c>
      <c r="F14745" s="6" t="s">
        <v>18</v>
      </c>
      <c r="G14745" s="6" t="s">
        <v>27387</v>
      </c>
      <c r="H14745" s="6" t="s">
        <v>27388</v>
      </c>
      <c r="I14745" s="7">
        <v>2.9181607000000001</v>
      </c>
      <c r="J14745" s="8">
        <v>-75.265366200000003</v>
      </c>
    </row>
    <row r="14746" spans="1:10" x14ac:dyDescent="0.35">
      <c r="A14746" s="5" t="s">
        <v>10</v>
      </c>
      <c r="B14746" s="6">
        <v>250146</v>
      </c>
      <c r="C14746" s="6" t="s">
        <v>24</v>
      </c>
      <c r="D14746" s="6" t="s">
        <v>2409</v>
      </c>
      <c r="E14746" s="6">
        <v>15753</v>
      </c>
      <c r="F14746" s="6" t="s">
        <v>18</v>
      </c>
      <c r="G14746" s="6" t="s">
        <v>27389</v>
      </c>
      <c r="H14746" s="6" t="s">
        <v>27390</v>
      </c>
      <c r="I14746" s="7">
        <v>6.3338118999999997</v>
      </c>
      <c r="J14746" s="8">
        <v>-72.682842699999995</v>
      </c>
    </row>
    <row r="14747" spans="1:10" x14ac:dyDescent="0.35">
      <c r="A14747" s="5" t="s">
        <v>10</v>
      </c>
      <c r="B14747" s="6">
        <v>250150</v>
      </c>
      <c r="C14747" s="6" t="s">
        <v>4738</v>
      </c>
      <c r="D14747" s="6" t="s">
        <v>4739</v>
      </c>
      <c r="E14747" s="6">
        <v>88001</v>
      </c>
      <c r="F14747" s="6" t="s">
        <v>18</v>
      </c>
      <c r="G14747" s="6" t="s">
        <v>27391</v>
      </c>
      <c r="H14747" s="6" t="s">
        <v>27392</v>
      </c>
      <c r="I14747" s="7">
        <v>12.576855</v>
      </c>
      <c r="J14747" s="8">
        <v>-81.705051999999995</v>
      </c>
    </row>
    <row r="14748" spans="1:10" x14ac:dyDescent="0.35">
      <c r="A14748" s="5" t="s">
        <v>10</v>
      </c>
      <c r="B14748" s="6">
        <v>250152</v>
      </c>
      <c r="C14748" s="6" t="s">
        <v>190</v>
      </c>
      <c r="D14748" s="6" t="s">
        <v>303</v>
      </c>
      <c r="E14748" s="6">
        <v>5628</v>
      </c>
      <c r="F14748" s="6" t="s">
        <v>18</v>
      </c>
      <c r="G14748" s="6" t="s">
        <v>27393</v>
      </c>
      <c r="H14748" s="6" t="s">
        <v>27394</v>
      </c>
      <c r="I14748" s="7">
        <v>6.8492118</v>
      </c>
      <c r="J14748" s="8">
        <v>-75.8167945</v>
      </c>
    </row>
    <row r="14749" spans="1:10" x14ac:dyDescent="0.35">
      <c r="A14749" s="5" t="s">
        <v>10</v>
      </c>
      <c r="B14749" s="6">
        <v>250209</v>
      </c>
      <c r="C14749" s="6" t="s">
        <v>190</v>
      </c>
      <c r="D14749" s="6" t="s">
        <v>4063</v>
      </c>
      <c r="E14749" s="6">
        <v>5088</v>
      </c>
      <c r="F14749" s="6" t="s">
        <v>18</v>
      </c>
      <c r="G14749" s="6" t="s">
        <v>27395</v>
      </c>
      <c r="H14749" s="6" t="s">
        <v>27396</v>
      </c>
      <c r="I14749" s="7">
        <v>6.3440370000000001</v>
      </c>
      <c r="J14749" s="8">
        <v>-75.567566200000002</v>
      </c>
    </row>
    <row r="14750" spans="1:10" x14ac:dyDescent="0.35">
      <c r="A14750" s="5" t="s">
        <v>10</v>
      </c>
      <c r="B14750" s="6">
        <v>250212</v>
      </c>
      <c r="C14750" s="6" t="s">
        <v>24</v>
      </c>
      <c r="D14750" s="6" t="s">
        <v>205</v>
      </c>
      <c r="E14750" s="6">
        <v>15660</v>
      </c>
      <c r="F14750" s="6" t="s">
        <v>18</v>
      </c>
      <c r="G14750" s="6" t="s">
        <v>27397</v>
      </c>
      <c r="H14750" s="6" t="s">
        <v>27398</v>
      </c>
      <c r="I14750" s="7">
        <v>5.2239974</v>
      </c>
      <c r="J14750" s="8">
        <v>-73.077858599999999</v>
      </c>
    </row>
    <row r="14751" spans="1:10" x14ac:dyDescent="0.35">
      <c r="A14751" s="5" t="s">
        <v>10</v>
      </c>
      <c r="B14751" s="6">
        <v>250213</v>
      </c>
      <c r="C14751" s="6" t="s">
        <v>294</v>
      </c>
      <c r="D14751" s="6" t="s">
        <v>703</v>
      </c>
      <c r="E14751" s="6">
        <v>41001</v>
      </c>
      <c r="F14751" s="6" t="s">
        <v>18</v>
      </c>
      <c r="G14751" s="6" t="s">
        <v>27399</v>
      </c>
      <c r="H14751" s="6" t="s">
        <v>27400</v>
      </c>
      <c r="I14751" s="7">
        <v>2.9380782000000001</v>
      </c>
      <c r="J14751" s="8">
        <v>-75.295199999999994</v>
      </c>
    </row>
    <row r="14752" spans="1:10" x14ac:dyDescent="0.35">
      <c r="A14752" s="5" t="s">
        <v>10</v>
      </c>
      <c r="B14752" s="6">
        <v>250218</v>
      </c>
      <c r="C14752" s="6" t="s">
        <v>2130</v>
      </c>
      <c r="D14752" s="6" t="s">
        <v>5723</v>
      </c>
      <c r="E14752" s="6">
        <v>85250</v>
      </c>
      <c r="F14752" s="6" t="s">
        <v>18</v>
      </c>
      <c r="G14752" s="6" t="s">
        <v>27401</v>
      </c>
      <c r="H14752" s="6" t="s">
        <v>27402</v>
      </c>
      <c r="I14752" s="7">
        <v>5.8826036999999998</v>
      </c>
      <c r="J14752" s="8">
        <v>-71.893887500000005</v>
      </c>
    </row>
    <row r="14753" spans="1:10" x14ac:dyDescent="0.35">
      <c r="A14753" s="5" t="s">
        <v>10</v>
      </c>
      <c r="B14753" s="6">
        <v>250219</v>
      </c>
      <c r="C14753" s="6" t="s">
        <v>11</v>
      </c>
      <c r="D14753" s="6" t="s">
        <v>3104</v>
      </c>
      <c r="E14753" s="6">
        <v>25245</v>
      </c>
      <c r="F14753" s="6" t="s">
        <v>18</v>
      </c>
      <c r="G14753" s="6" t="s">
        <v>27118</v>
      </c>
      <c r="H14753" s="6" t="s">
        <v>27119</v>
      </c>
      <c r="I14753" s="7">
        <v>4.5813309000000002</v>
      </c>
      <c r="J14753" s="8">
        <v>-74.444983399999998</v>
      </c>
    </row>
    <row r="14754" spans="1:10" x14ac:dyDescent="0.35">
      <c r="A14754" s="5" t="s">
        <v>10</v>
      </c>
      <c r="B14754" s="6">
        <v>250222</v>
      </c>
      <c r="C14754" s="6" t="s">
        <v>4364</v>
      </c>
      <c r="D14754" s="6" t="s">
        <v>8079</v>
      </c>
      <c r="E14754" s="6">
        <v>70215</v>
      </c>
      <c r="F14754" s="6" t="s">
        <v>18</v>
      </c>
      <c r="G14754" s="6" t="s">
        <v>27403</v>
      </c>
      <c r="H14754" s="6" t="s">
        <v>27404</v>
      </c>
      <c r="I14754" s="7">
        <v>9.3102537999999999</v>
      </c>
      <c r="J14754" s="8">
        <v>-75.292500000000004</v>
      </c>
    </row>
    <row r="14755" spans="1:10" x14ac:dyDescent="0.35">
      <c r="A14755" s="5" t="s">
        <v>10</v>
      </c>
      <c r="B14755" s="6">
        <v>250223</v>
      </c>
      <c r="C14755" s="6" t="s">
        <v>117</v>
      </c>
      <c r="D14755" s="6" t="s">
        <v>3492</v>
      </c>
      <c r="E14755" s="6">
        <v>76520</v>
      </c>
      <c r="F14755" s="6" t="s">
        <v>18</v>
      </c>
      <c r="G14755" s="6" t="s">
        <v>27405</v>
      </c>
      <c r="H14755" s="6" t="s">
        <v>27406</v>
      </c>
      <c r="I14755" s="7">
        <v>3.5448832000000001</v>
      </c>
      <c r="J14755" s="8">
        <v>-76.299079399999997</v>
      </c>
    </row>
    <row r="14756" spans="1:10" x14ac:dyDescent="0.35">
      <c r="A14756" s="5" t="s">
        <v>10</v>
      </c>
      <c r="B14756" s="6">
        <v>250227</v>
      </c>
      <c r="C14756" s="6" t="s">
        <v>278</v>
      </c>
      <c r="D14756" s="6" t="s">
        <v>3873</v>
      </c>
      <c r="E14756" s="6">
        <v>50568</v>
      </c>
      <c r="F14756" s="6" t="s">
        <v>18</v>
      </c>
      <c r="G14756" s="6" t="s">
        <v>27407</v>
      </c>
      <c r="H14756" s="6" t="s">
        <v>27408</v>
      </c>
      <c r="I14756" s="7">
        <v>4.3123762000000001</v>
      </c>
      <c r="J14756" s="8">
        <v>-72.082682199999994</v>
      </c>
    </row>
    <row r="14757" spans="1:10" x14ac:dyDescent="0.35">
      <c r="A14757" s="5" t="s">
        <v>10</v>
      </c>
      <c r="B14757" s="6">
        <v>250234</v>
      </c>
      <c r="C14757" s="6" t="s">
        <v>68</v>
      </c>
      <c r="D14757" s="6" t="s">
        <v>69</v>
      </c>
      <c r="E14757" s="6">
        <v>11001</v>
      </c>
      <c r="F14757" s="6" t="s">
        <v>18</v>
      </c>
      <c r="G14757" s="6" t="s">
        <v>27409</v>
      </c>
      <c r="H14757" s="6" t="s">
        <v>27410</v>
      </c>
      <c r="I14757" s="7">
        <v>4.6491075999999998</v>
      </c>
      <c r="J14757" s="8">
        <v>-74.0860275</v>
      </c>
    </row>
    <row r="14758" spans="1:10" x14ac:dyDescent="0.35">
      <c r="A14758" s="5" t="s">
        <v>10</v>
      </c>
      <c r="B14758" s="6">
        <v>250237</v>
      </c>
      <c r="C14758" s="6" t="s">
        <v>11</v>
      </c>
      <c r="D14758" s="6" t="s">
        <v>334</v>
      </c>
      <c r="E14758" s="6">
        <v>25754</v>
      </c>
      <c r="F14758" s="6" t="s">
        <v>18</v>
      </c>
      <c r="G14758" s="6" t="s">
        <v>27411</v>
      </c>
      <c r="H14758" s="6" t="s">
        <v>27412</v>
      </c>
      <c r="I14758" s="7">
        <v>4.5895123</v>
      </c>
      <c r="J14758" s="8">
        <v>-74.219360499999993</v>
      </c>
    </row>
    <row r="14759" spans="1:10" x14ac:dyDescent="0.35">
      <c r="A14759" s="5" t="s">
        <v>10</v>
      </c>
      <c r="B14759" s="6">
        <v>250238</v>
      </c>
      <c r="C14759" s="6" t="s">
        <v>466</v>
      </c>
      <c r="D14759" s="6" t="s">
        <v>1262</v>
      </c>
      <c r="E14759" s="6">
        <v>81001</v>
      </c>
      <c r="F14759" s="6" t="s">
        <v>18</v>
      </c>
      <c r="G14759" s="6" t="s">
        <v>27413</v>
      </c>
      <c r="H14759" s="6" t="s">
        <v>27414</v>
      </c>
      <c r="I14759" s="7">
        <v>4.7050618999999996</v>
      </c>
      <c r="J14759" s="8">
        <v>-74.062210699999994</v>
      </c>
    </row>
    <row r="14760" spans="1:10" x14ac:dyDescent="0.35">
      <c r="A14760" s="5" t="s">
        <v>10</v>
      </c>
      <c r="B14760" s="6">
        <v>250240</v>
      </c>
      <c r="C14760" s="6" t="s">
        <v>302</v>
      </c>
      <c r="D14760" s="6" t="s">
        <v>8024</v>
      </c>
      <c r="E14760" s="6">
        <v>8078</v>
      </c>
      <c r="F14760" s="6" t="s">
        <v>18</v>
      </c>
      <c r="G14760" s="6" t="s">
        <v>27415</v>
      </c>
      <c r="H14760" s="6" t="s">
        <v>27416</v>
      </c>
      <c r="I14760" s="7">
        <v>10.917295599999999</v>
      </c>
      <c r="J14760" s="8">
        <v>-74.768017499999999</v>
      </c>
    </row>
    <row r="14761" spans="1:10" x14ac:dyDescent="0.35">
      <c r="A14761" s="5" t="s">
        <v>10</v>
      </c>
      <c r="B14761" s="6">
        <v>250247</v>
      </c>
      <c r="C14761" s="6" t="s">
        <v>11</v>
      </c>
      <c r="D14761" s="6" t="s">
        <v>3724</v>
      </c>
      <c r="E14761" s="6">
        <v>25513</v>
      </c>
      <c r="F14761" s="6" t="s">
        <v>18</v>
      </c>
      <c r="G14761" s="6" t="s">
        <v>27417</v>
      </c>
      <c r="H14761" s="6" t="s">
        <v>27418</v>
      </c>
      <c r="I14761" s="7">
        <v>5.1366486</v>
      </c>
      <c r="J14761" s="8">
        <v>-74.159084300000004</v>
      </c>
    </row>
    <row r="14762" spans="1:10" x14ac:dyDescent="0.35">
      <c r="A14762" s="5" t="s">
        <v>10</v>
      </c>
      <c r="B14762" s="6">
        <v>250249</v>
      </c>
      <c r="C14762" s="6" t="s">
        <v>278</v>
      </c>
      <c r="D14762" s="6" t="s">
        <v>2421</v>
      </c>
      <c r="E14762" s="6">
        <v>50573</v>
      </c>
      <c r="F14762" s="6" t="s">
        <v>18</v>
      </c>
      <c r="G14762" s="6" t="s">
        <v>20815</v>
      </c>
      <c r="H14762" s="6" t="s">
        <v>27419</v>
      </c>
      <c r="I14762" s="7">
        <v>4.0841200000000004</v>
      </c>
      <c r="J14762" s="8">
        <v>-72.964799999999997</v>
      </c>
    </row>
    <row r="14763" spans="1:10" x14ac:dyDescent="0.35">
      <c r="A14763" s="5" t="s">
        <v>10</v>
      </c>
      <c r="B14763" s="6">
        <v>250250</v>
      </c>
      <c r="C14763" s="6" t="s">
        <v>190</v>
      </c>
      <c r="D14763" s="6" t="s">
        <v>15610</v>
      </c>
      <c r="E14763" s="6">
        <v>5789</v>
      </c>
      <c r="F14763" s="6" t="s">
        <v>18</v>
      </c>
      <c r="G14763" s="6" t="s">
        <v>27420</v>
      </c>
      <c r="H14763" s="6" t="s">
        <v>27421</v>
      </c>
      <c r="I14763" s="7">
        <v>5.6639111</v>
      </c>
      <c r="J14763" s="8">
        <v>-75.712110999999993</v>
      </c>
    </row>
    <row r="14764" spans="1:10" x14ac:dyDescent="0.35">
      <c r="A14764" s="5" t="s">
        <v>10</v>
      </c>
      <c r="B14764" s="6">
        <v>250251</v>
      </c>
      <c r="C14764" s="6" t="s">
        <v>109</v>
      </c>
      <c r="D14764" s="6" t="s">
        <v>227</v>
      </c>
      <c r="E14764" s="6">
        <v>13001</v>
      </c>
      <c r="F14764" s="6" t="s">
        <v>18</v>
      </c>
      <c r="G14764" s="6" t="s">
        <v>27422</v>
      </c>
      <c r="H14764" s="6" t="s">
        <v>27423</v>
      </c>
      <c r="I14764" s="7">
        <v>10.399302499999999</v>
      </c>
      <c r="J14764" s="8">
        <v>-75.499882999999997</v>
      </c>
    </row>
    <row r="14765" spans="1:10" x14ac:dyDescent="0.35">
      <c r="A14765" s="5" t="s">
        <v>10</v>
      </c>
      <c r="B14765" s="6">
        <v>250252</v>
      </c>
      <c r="C14765" s="6" t="s">
        <v>68</v>
      </c>
      <c r="D14765" s="6" t="s">
        <v>69</v>
      </c>
      <c r="E14765" s="6">
        <v>11001</v>
      </c>
      <c r="F14765" s="6" t="s">
        <v>18</v>
      </c>
      <c r="G14765" s="6" t="s">
        <v>27424</v>
      </c>
      <c r="H14765" s="6" t="s">
        <v>27425</v>
      </c>
      <c r="I14765" s="7">
        <v>4.5504617999999999</v>
      </c>
      <c r="J14765" s="8">
        <v>-74.139854099999994</v>
      </c>
    </row>
    <row r="14766" spans="1:10" x14ac:dyDescent="0.35">
      <c r="A14766" s="5" t="s">
        <v>10</v>
      </c>
      <c r="B14766" s="6">
        <v>250255</v>
      </c>
      <c r="C14766" s="6" t="s">
        <v>61</v>
      </c>
      <c r="D14766" s="6" t="s">
        <v>124</v>
      </c>
      <c r="E14766" s="6">
        <v>63401</v>
      </c>
      <c r="F14766" s="6" t="s">
        <v>18</v>
      </c>
      <c r="G14766" s="6" t="s">
        <v>27426</v>
      </c>
      <c r="H14766" s="6" t="s">
        <v>27427</v>
      </c>
      <c r="I14766" s="7">
        <v>4.4535879999999999</v>
      </c>
      <c r="J14766" s="8">
        <v>-75.791529999999995</v>
      </c>
    </row>
    <row r="14767" spans="1:10" x14ac:dyDescent="0.35">
      <c r="A14767" s="5" t="s">
        <v>10</v>
      </c>
      <c r="B14767" s="6">
        <v>250257</v>
      </c>
      <c r="C14767" s="6" t="s">
        <v>11</v>
      </c>
      <c r="D14767" s="6" t="s">
        <v>3104</v>
      </c>
      <c r="E14767" s="6">
        <v>25245</v>
      </c>
      <c r="F14767" s="6" t="s">
        <v>18</v>
      </c>
      <c r="G14767" s="6" t="s">
        <v>27428</v>
      </c>
      <c r="H14767" s="6" t="s">
        <v>27429</v>
      </c>
      <c r="I14767" s="7">
        <v>4.5804055999999997</v>
      </c>
      <c r="J14767" s="8">
        <v>-74.445498900000004</v>
      </c>
    </row>
    <row r="14768" spans="1:10" x14ac:dyDescent="0.35">
      <c r="A14768" s="5" t="s">
        <v>10</v>
      </c>
      <c r="B14768" s="6">
        <v>250258</v>
      </c>
      <c r="C14768" s="6" t="s">
        <v>68</v>
      </c>
      <c r="D14768" s="6" t="s">
        <v>69</v>
      </c>
      <c r="E14768" s="6">
        <v>11001</v>
      </c>
      <c r="F14768" s="6" t="s">
        <v>18</v>
      </c>
      <c r="G14768" s="6" t="s">
        <v>27430</v>
      </c>
      <c r="H14768" s="6" t="s">
        <v>27431</v>
      </c>
      <c r="I14768" s="7">
        <v>4.5746399999999996</v>
      </c>
      <c r="J14768" s="8">
        <v>-74.101299999999995</v>
      </c>
    </row>
    <row r="14769" spans="1:10" x14ac:dyDescent="0.35">
      <c r="A14769" s="5" t="s">
        <v>10</v>
      </c>
      <c r="B14769" s="6">
        <v>250260</v>
      </c>
      <c r="C14769" s="6" t="s">
        <v>3788</v>
      </c>
      <c r="D14769" s="6" t="s">
        <v>3974</v>
      </c>
      <c r="E14769" s="6">
        <v>18001</v>
      </c>
      <c r="F14769" s="6" t="s">
        <v>18</v>
      </c>
      <c r="G14769" s="6" t="s">
        <v>27432</v>
      </c>
      <c r="H14769" s="6" t="s">
        <v>27433</v>
      </c>
      <c r="I14769" s="7">
        <v>1.6147446000000001</v>
      </c>
      <c r="J14769" s="8">
        <v>-75.612296799999996</v>
      </c>
    </row>
    <row r="14770" spans="1:10" x14ac:dyDescent="0.35">
      <c r="A14770" s="5" t="s">
        <v>10</v>
      </c>
      <c r="B14770" s="6">
        <v>250275</v>
      </c>
      <c r="C14770" s="6" t="s">
        <v>68</v>
      </c>
      <c r="D14770" s="6" t="s">
        <v>69</v>
      </c>
      <c r="E14770" s="6">
        <v>11001</v>
      </c>
      <c r="F14770" s="6" t="s">
        <v>18</v>
      </c>
      <c r="G14770" s="6" t="s">
        <v>27434</v>
      </c>
      <c r="H14770" s="6" t="s">
        <v>27435</v>
      </c>
      <c r="I14770" s="7">
        <v>4.7569999999999997</v>
      </c>
      <c r="J14770" s="8">
        <v>-74.025800000000004</v>
      </c>
    </row>
    <row r="14771" spans="1:10" x14ac:dyDescent="0.35">
      <c r="A14771" s="5" t="s">
        <v>10</v>
      </c>
      <c r="B14771" s="6">
        <v>250280</v>
      </c>
      <c r="C14771" s="6" t="s">
        <v>68</v>
      </c>
      <c r="D14771" s="6" t="s">
        <v>69</v>
      </c>
      <c r="E14771" s="6">
        <v>11001</v>
      </c>
      <c r="F14771" s="6" t="s">
        <v>18</v>
      </c>
      <c r="G14771" s="6" t="s">
        <v>27436</v>
      </c>
      <c r="H14771" s="6" t="s">
        <v>27437</v>
      </c>
      <c r="I14771" s="7">
        <v>4.5613801</v>
      </c>
      <c r="J14771" s="8">
        <v>-74.119396600000002</v>
      </c>
    </row>
    <row r="14772" spans="1:10" x14ac:dyDescent="0.35">
      <c r="A14772" s="5" t="s">
        <v>10</v>
      </c>
      <c r="B14772" s="6">
        <v>250289</v>
      </c>
      <c r="C14772" s="6" t="s">
        <v>4364</v>
      </c>
      <c r="D14772" s="6" t="s">
        <v>7995</v>
      </c>
      <c r="E14772" s="6">
        <v>70508</v>
      </c>
      <c r="F14772" s="6" t="s">
        <v>18</v>
      </c>
      <c r="G14772" s="6" t="s">
        <v>27438</v>
      </c>
      <c r="H14772" s="6" t="s">
        <v>27439</v>
      </c>
      <c r="I14772" s="7">
        <v>9.5264234999999999</v>
      </c>
      <c r="J14772" s="8">
        <v>-75.2322068</v>
      </c>
    </row>
    <row r="14773" spans="1:10" x14ac:dyDescent="0.35">
      <c r="A14773" s="5" t="s">
        <v>10</v>
      </c>
      <c r="B14773" s="6">
        <v>250290</v>
      </c>
      <c r="C14773" s="6" t="s">
        <v>68</v>
      </c>
      <c r="D14773" s="6" t="s">
        <v>69</v>
      </c>
      <c r="E14773" s="6">
        <v>11001</v>
      </c>
      <c r="F14773" s="6" t="s">
        <v>18</v>
      </c>
      <c r="G14773" s="6" t="s">
        <v>27440</v>
      </c>
      <c r="H14773" s="6" t="s">
        <v>27441</v>
      </c>
      <c r="I14773" s="7">
        <v>4.6207473999999999</v>
      </c>
      <c r="J14773" s="8">
        <v>-74.066461399999994</v>
      </c>
    </row>
    <row r="14774" spans="1:10" x14ac:dyDescent="0.35">
      <c r="A14774" s="5" t="s">
        <v>10</v>
      </c>
      <c r="B14774" s="6">
        <v>250291</v>
      </c>
      <c r="C14774" s="6" t="s">
        <v>11</v>
      </c>
      <c r="D14774" s="6" t="s">
        <v>407</v>
      </c>
      <c r="E14774" s="6">
        <v>25126</v>
      </c>
      <c r="F14774" s="6" t="s">
        <v>18</v>
      </c>
      <c r="G14774" s="6" t="s">
        <v>27442</v>
      </c>
      <c r="H14774" s="6" t="s">
        <v>27443</v>
      </c>
      <c r="I14774" s="7">
        <v>4.9334654999999996</v>
      </c>
      <c r="J14774" s="8">
        <v>-74.045179599999997</v>
      </c>
    </row>
    <row r="14775" spans="1:10" x14ac:dyDescent="0.35">
      <c r="A14775" s="5" t="s">
        <v>10</v>
      </c>
      <c r="B14775" s="6">
        <v>250292</v>
      </c>
      <c r="C14775" s="6" t="s">
        <v>109</v>
      </c>
      <c r="D14775" s="6" t="s">
        <v>10849</v>
      </c>
      <c r="E14775" s="6">
        <v>13670</v>
      </c>
      <c r="F14775" s="6" t="s">
        <v>18</v>
      </c>
      <c r="G14775" s="6" t="s">
        <v>27444</v>
      </c>
      <c r="H14775" s="6" t="s">
        <v>27445</v>
      </c>
      <c r="I14775" s="7">
        <v>7.477887</v>
      </c>
      <c r="J14775" s="8">
        <v>-73.924108000000004</v>
      </c>
    </row>
    <row r="14776" spans="1:10" x14ac:dyDescent="0.35">
      <c r="A14776" s="5" t="s">
        <v>10</v>
      </c>
      <c r="B14776" s="6">
        <v>250293</v>
      </c>
      <c r="C14776" s="6" t="s">
        <v>190</v>
      </c>
      <c r="D14776" s="6" t="s">
        <v>191</v>
      </c>
      <c r="E14776" s="6">
        <v>5001</v>
      </c>
      <c r="F14776" s="6" t="s">
        <v>18</v>
      </c>
      <c r="G14776" s="6" t="s">
        <v>27446</v>
      </c>
      <c r="H14776" s="6" t="s">
        <v>27447</v>
      </c>
      <c r="I14776" s="7">
        <v>6.29955</v>
      </c>
      <c r="J14776" s="8">
        <v>-75.582069000000004</v>
      </c>
    </row>
    <row r="14777" spans="1:10" x14ac:dyDescent="0.35">
      <c r="A14777" s="5" t="s">
        <v>10</v>
      </c>
      <c r="B14777" s="6">
        <v>250295</v>
      </c>
      <c r="C14777" s="6" t="s">
        <v>11</v>
      </c>
      <c r="D14777" s="6" t="s">
        <v>334</v>
      </c>
      <c r="E14777" s="6">
        <v>25754</v>
      </c>
      <c r="F14777" s="6" t="s">
        <v>18</v>
      </c>
      <c r="G14777" s="6" t="s">
        <v>27448</v>
      </c>
      <c r="H14777" s="6" t="s">
        <v>27449</v>
      </c>
      <c r="I14777" s="7">
        <v>4.5823741</v>
      </c>
      <c r="J14777" s="8">
        <v>-74.198384399999995</v>
      </c>
    </row>
    <row r="14778" spans="1:10" x14ac:dyDescent="0.35">
      <c r="A14778" s="5" t="s">
        <v>10</v>
      </c>
      <c r="B14778" s="6">
        <v>250299</v>
      </c>
      <c r="C14778" s="6" t="s">
        <v>457</v>
      </c>
      <c r="D14778" s="6" t="s">
        <v>7370</v>
      </c>
      <c r="E14778" s="6">
        <v>52835</v>
      </c>
      <c r="F14778" s="6" t="s">
        <v>18</v>
      </c>
      <c r="G14778" s="6" t="s">
        <v>27450</v>
      </c>
      <c r="H14778" s="6" t="s">
        <v>27451</v>
      </c>
      <c r="I14778" s="7">
        <v>1.7875616000000001</v>
      </c>
      <c r="J14778" s="8">
        <v>-78.790839599999998</v>
      </c>
    </row>
    <row r="14779" spans="1:10" x14ac:dyDescent="0.35">
      <c r="A14779" s="5" t="s">
        <v>10</v>
      </c>
      <c r="B14779" s="6">
        <v>250300</v>
      </c>
      <c r="C14779" s="6" t="s">
        <v>38</v>
      </c>
      <c r="D14779" s="6" t="s">
        <v>39</v>
      </c>
      <c r="E14779" s="6">
        <v>19001</v>
      </c>
      <c r="F14779" s="6" t="s">
        <v>18</v>
      </c>
      <c r="G14779" s="6" t="s">
        <v>27452</v>
      </c>
      <c r="H14779" s="6" t="s">
        <v>27453</v>
      </c>
      <c r="I14779" s="7">
        <v>2.4579458999999999</v>
      </c>
      <c r="J14779" s="8">
        <v>-76.594442700000002</v>
      </c>
    </row>
    <row r="14780" spans="1:10" x14ac:dyDescent="0.35">
      <c r="A14780" s="5" t="s">
        <v>10</v>
      </c>
      <c r="B14780" s="6">
        <v>250301</v>
      </c>
      <c r="C14780" s="6" t="s">
        <v>68</v>
      </c>
      <c r="D14780" s="6" t="s">
        <v>69</v>
      </c>
      <c r="E14780" s="6">
        <v>11001</v>
      </c>
      <c r="F14780" s="6" t="s">
        <v>18</v>
      </c>
      <c r="G14780" s="6" t="s">
        <v>27454</v>
      </c>
      <c r="H14780" s="6" t="s">
        <v>27455</v>
      </c>
      <c r="I14780" s="7">
        <v>4.6121762000000004</v>
      </c>
      <c r="J14780" s="8">
        <v>-74.164628899999997</v>
      </c>
    </row>
    <row r="14781" spans="1:10" x14ac:dyDescent="0.35">
      <c r="A14781" s="5" t="s">
        <v>10</v>
      </c>
      <c r="B14781" s="6">
        <v>250306</v>
      </c>
      <c r="C14781" s="6" t="s">
        <v>28</v>
      </c>
      <c r="D14781" s="6" t="s">
        <v>322</v>
      </c>
      <c r="E14781" s="6">
        <v>54405</v>
      </c>
      <c r="F14781" s="6" t="s">
        <v>18</v>
      </c>
      <c r="G14781" s="6" t="s">
        <v>27456</v>
      </c>
      <c r="H14781" s="6" t="s">
        <v>2291</v>
      </c>
      <c r="I14781" s="7">
        <v>7.8342599999999996</v>
      </c>
      <c r="J14781" s="8">
        <v>-72.504599999999996</v>
      </c>
    </row>
    <row r="14782" spans="1:10" x14ac:dyDescent="0.35">
      <c r="A14782" s="5" t="s">
        <v>10</v>
      </c>
      <c r="B14782" s="6">
        <v>250309</v>
      </c>
      <c r="C14782" s="6" t="s">
        <v>551</v>
      </c>
      <c r="D14782" s="6" t="s">
        <v>977</v>
      </c>
      <c r="E14782" s="6">
        <v>20011</v>
      </c>
      <c r="F14782" s="6" t="s">
        <v>18</v>
      </c>
      <c r="G14782" s="6" t="s">
        <v>27207</v>
      </c>
      <c r="H14782" s="6" t="s">
        <v>27208</v>
      </c>
      <c r="I14782" s="7">
        <v>8.311375</v>
      </c>
      <c r="J14782" s="8">
        <v>-73.612815999999995</v>
      </c>
    </row>
    <row r="14783" spans="1:10" x14ac:dyDescent="0.35">
      <c r="A14783" s="5" t="s">
        <v>10</v>
      </c>
      <c r="B14783" s="6">
        <v>250310</v>
      </c>
      <c r="C14783" s="6" t="s">
        <v>42</v>
      </c>
      <c r="D14783" s="6" t="s">
        <v>602</v>
      </c>
      <c r="E14783" s="6">
        <v>17777</v>
      </c>
      <c r="F14783" s="6" t="s">
        <v>18</v>
      </c>
      <c r="G14783" s="6" t="s">
        <v>27457</v>
      </c>
      <c r="H14783" s="6" t="s">
        <v>27458</v>
      </c>
      <c r="I14783" s="7">
        <v>5.4184345</v>
      </c>
      <c r="J14783" s="8">
        <v>-75.594002099999997</v>
      </c>
    </row>
    <row r="14784" spans="1:10" x14ac:dyDescent="0.35">
      <c r="A14784" s="5" t="s">
        <v>10</v>
      </c>
      <c r="B14784" s="6">
        <v>250311</v>
      </c>
      <c r="C14784" s="6" t="s">
        <v>278</v>
      </c>
      <c r="D14784" s="6" t="s">
        <v>4146</v>
      </c>
      <c r="E14784" s="6">
        <v>50606</v>
      </c>
      <c r="F14784" s="6" t="s">
        <v>18</v>
      </c>
      <c r="G14784" s="6" t="s">
        <v>27459</v>
      </c>
      <c r="H14784" s="6" t="s">
        <v>27460</v>
      </c>
      <c r="I14784" s="7">
        <v>4.260637</v>
      </c>
      <c r="J14784" s="8">
        <v>-73.565143500000005</v>
      </c>
    </row>
    <row r="14785" spans="1:10" x14ac:dyDescent="0.35">
      <c r="A14785" s="5" t="s">
        <v>10</v>
      </c>
      <c r="B14785" s="6">
        <v>250312</v>
      </c>
      <c r="C14785" s="6" t="s">
        <v>466</v>
      </c>
      <c r="D14785" s="6" t="s">
        <v>467</v>
      </c>
      <c r="E14785" s="6">
        <v>81736</v>
      </c>
      <c r="F14785" s="6" t="s">
        <v>18</v>
      </c>
      <c r="G14785" s="6" t="s">
        <v>27461</v>
      </c>
      <c r="H14785" s="6" t="s">
        <v>27462</v>
      </c>
      <c r="I14785" s="7">
        <v>6.9490021999999998</v>
      </c>
      <c r="J14785" s="8">
        <v>-71.879599999999996</v>
      </c>
    </row>
    <row r="14786" spans="1:10" x14ac:dyDescent="0.35">
      <c r="A14786" s="5" t="s">
        <v>10</v>
      </c>
      <c r="B14786" s="6">
        <v>250316</v>
      </c>
      <c r="C14786" s="6" t="s">
        <v>117</v>
      </c>
      <c r="D14786" s="6" t="s">
        <v>4931</v>
      </c>
      <c r="E14786" s="6">
        <v>76892</v>
      </c>
      <c r="F14786" s="6" t="s">
        <v>18</v>
      </c>
      <c r="G14786" s="6" t="s">
        <v>27463</v>
      </c>
      <c r="H14786" s="6" t="s">
        <v>27464</v>
      </c>
      <c r="I14786" s="7">
        <v>3.58236</v>
      </c>
      <c r="J14786" s="8">
        <v>-76.495900000000006</v>
      </c>
    </row>
    <row r="14787" spans="1:10" x14ac:dyDescent="0.35">
      <c r="A14787" s="5" t="s">
        <v>10</v>
      </c>
      <c r="B14787" s="6">
        <v>250318</v>
      </c>
      <c r="C14787" s="6" t="s">
        <v>55</v>
      </c>
      <c r="D14787" s="6" t="s">
        <v>56</v>
      </c>
      <c r="E14787" s="6">
        <v>73001</v>
      </c>
      <c r="F14787" s="6" t="s">
        <v>18</v>
      </c>
      <c r="G14787" s="6" t="s">
        <v>27465</v>
      </c>
      <c r="H14787" s="6" t="s">
        <v>27466</v>
      </c>
      <c r="I14787" s="7">
        <v>4.4291605000000001</v>
      </c>
      <c r="J14787" s="8">
        <v>-75.242199999999997</v>
      </c>
    </row>
    <row r="14788" spans="1:10" x14ac:dyDescent="0.35">
      <c r="A14788" s="5" t="s">
        <v>10</v>
      </c>
      <c r="B14788" s="6">
        <v>250325</v>
      </c>
      <c r="C14788" s="6" t="s">
        <v>68</v>
      </c>
      <c r="D14788" s="6" t="s">
        <v>69</v>
      </c>
      <c r="E14788" s="6">
        <v>11001</v>
      </c>
      <c r="F14788" s="6" t="s">
        <v>18</v>
      </c>
      <c r="G14788" s="6" t="s">
        <v>27467</v>
      </c>
      <c r="H14788" s="6" t="s">
        <v>27468</v>
      </c>
      <c r="I14788" s="7">
        <v>4.5905696999999996</v>
      </c>
      <c r="J14788" s="8">
        <v>-74.145099999999999</v>
      </c>
    </row>
    <row r="14789" spans="1:10" x14ac:dyDescent="0.35">
      <c r="A14789" s="5" t="s">
        <v>10</v>
      </c>
      <c r="B14789" s="6">
        <v>250330</v>
      </c>
      <c r="C14789" s="6" t="s">
        <v>11</v>
      </c>
      <c r="D14789" s="6" t="s">
        <v>334</v>
      </c>
      <c r="E14789" s="6">
        <v>25754</v>
      </c>
      <c r="F14789" s="6" t="s">
        <v>18</v>
      </c>
      <c r="G14789" s="6" t="s">
        <v>27469</v>
      </c>
      <c r="H14789" s="6" t="s">
        <v>27470</v>
      </c>
      <c r="I14789" s="7">
        <v>4.5740334000000002</v>
      </c>
      <c r="J14789" s="8">
        <v>-74.233669399999997</v>
      </c>
    </row>
    <row r="14790" spans="1:10" x14ac:dyDescent="0.35">
      <c r="A14790" s="5" t="s">
        <v>10</v>
      </c>
      <c r="B14790" s="6">
        <v>250334</v>
      </c>
      <c r="C14790" s="6" t="s">
        <v>55</v>
      </c>
      <c r="D14790" s="6" t="s">
        <v>1870</v>
      </c>
      <c r="E14790" s="6">
        <v>73236</v>
      </c>
      <c r="F14790" s="6" t="s">
        <v>18</v>
      </c>
      <c r="G14790" s="6" t="s">
        <v>27471</v>
      </c>
      <c r="H14790" s="6" t="s">
        <v>27472</v>
      </c>
      <c r="I14790" s="7">
        <v>3.67109</v>
      </c>
      <c r="J14790" s="8">
        <v>-74.749520000000004</v>
      </c>
    </row>
    <row r="14791" spans="1:10" x14ac:dyDescent="0.35">
      <c r="A14791" s="5" t="s">
        <v>10</v>
      </c>
      <c r="B14791" s="6">
        <v>250341</v>
      </c>
      <c r="C14791" s="6" t="s">
        <v>308</v>
      </c>
      <c r="D14791" s="6" t="s">
        <v>11278</v>
      </c>
      <c r="E14791" s="6">
        <v>23586</v>
      </c>
      <c r="F14791" s="6" t="s">
        <v>18</v>
      </c>
      <c r="G14791" s="6" t="s">
        <v>27473</v>
      </c>
      <c r="H14791" s="6" t="s">
        <v>27474</v>
      </c>
      <c r="I14791" s="7">
        <v>9.2368299999999994</v>
      </c>
      <c r="J14791" s="8">
        <v>-75.722499999999997</v>
      </c>
    </row>
    <row r="14792" spans="1:10" x14ac:dyDescent="0.35">
      <c r="A14792" s="5" t="s">
        <v>10</v>
      </c>
      <c r="B14792" s="6">
        <v>250345</v>
      </c>
      <c r="C14792" s="6" t="s">
        <v>2130</v>
      </c>
      <c r="D14792" s="6" t="s">
        <v>4238</v>
      </c>
      <c r="E14792" s="6">
        <v>85410</v>
      </c>
      <c r="F14792" s="6" t="s">
        <v>18</v>
      </c>
      <c r="G14792" s="6" t="s">
        <v>27475</v>
      </c>
      <c r="H14792" s="6" t="s">
        <v>27476</v>
      </c>
      <c r="I14792" s="7">
        <v>5.0106849000000002</v>
      </c>
      <c r="J14792" s="8">
        <v>-72.750495000000001</v>
      </c>
    </row>
    <row r="14793" spans="1:10" x14ac:dyDescent="0.35">
      <c r="A14793" s="5" t="s">
        <v>10</v>
      </c>
      <c r="B14793" s="6">
        <v>250348</v>
      </c>
      <c r="C14793" s="6" t="s">
        <v>68</v>
      </c>
      <c r="D14793" s="6" t="s">
        <v>69</v>
      </c>
      <c r="E14793" s="6">
        <v>11001</v>
      </c>
      <c r="F14793" s="6" t="s">
        <v>18</v>
      </c>
      <c r="G14793" s="6" t="s">
        <v>27116</v>
      </c>
      <c r="H14793" s="6" t="s">
        <v>27117</v>
      </c>
      <c r="I14793" s="7">
        <v>4.5775798999999999</v>
      </c>
      <c r="J14793" s="8">
        <v>-74.152868900000001</v>
      </c>
    </row>
    <row r="14794" spans="1:10" x14ac:dyDescent="0.35">
      <c r="A14794" s="5" t="s">
        <v>10</v>
      </c>
      <c r="B14794" s="6">
        <v>250349</v>
      </c>
      <c r="C14794" s="6" t="s">
        <v>28</v>
      </c>
      <c r="D14794" s="6" t="s">
        <v>29</v>
      </c>
      <c r="E14794" s="6">
        <v>54001</v>
      </c>
      <c r="F14794" s="6" t="s">
        <v>18</v>
      </c>
      <c r="G14794" s="6" t="s">
        <v>27477</v>
      </c>
      <c r="H14794" s="6" t="s">
        <v>2291</v>
      </c>
      <c r="I14794" s="7">
        <v>7.8789999999999996</v>
      </c>
      <c r="J14794" s="8">
        <v>-72.509757699999994</v>
      </c>
    </row>
    <row r="14795" spans="1:10" x14ac:dyDescent="0.35">
      <c r="A14795" s="5" t="s">
        <v>10</v>
      </c>
      <c r="B14795" s="6">
        <v>250353</v>
      </c>
      <c r="C14795" s="6" t="s">
        <v>11</v>
      </c>
      <c r="D14795" s="6" t="s">
        <v>334</v>
      </c>
      <c r="E14795" s="6">
        <v>25754</v>
      </c>
      <c r="F14795" s="6" t="s">
        <v>18</v>
      </c>
      <c r="G14795" s="6" t="s">
        <v>20573</v>
      </c>
      <c r="H14795" s="6" t="s">
        <v>27478</v>
      </c>
      <c r="I14795" s="7">
        <v>4.5767411999999998</v>
      </c>
      <c r="J14795" s="8">
        <v>-74.246748299999993</v>
      </c>
    </row>
    <row r="14796" spans="1:10" x14ac:dyDescent="0.35">
      <c r="A14796" s="5" t="s">
        <v>10</v>
      </c>
      <c r="B14796" s="6">
        <v>250354</v>
      </c>
      <c r="C14796" s="6" t="s">
        <v>551</v>
      </c>
      <c r="D14796" s="6" t="s">
        <v>4403</v>
      </c>
      <c r="E14796" s="6">
        <v>20013</v>
      </c>
      <c r="F14796" s="6" t="s">
        <v>18</v>
      </c>
      <c r="G14796" s="6" t="s">
        <v>27479</v>
      </c>
      <c r="H14796" s="6" t="s">
        <v>27480</v>
      </c>
      <c r="I14796" s="7">
        <v>10.0281261</v>
      </c>
      <c r="J14796" s="8">
        <v>-73.231773399999994</v>
      </c>
    </row>
    <row r="14797" spans="1:10" x14ac:dyDescent="0.35">
      <c r="A14797" s="5" t="s">
        <v>10</v>
      </c>
      <c r="B14797" s="6">
        <v>250362</v>
      </c>
      <c r="C14797" s="6" t="s">
        <v>278</v>
      </c>
      <c r="D14797" s="6" t="s">
        <v>1524</v>
      </c>
      <c r="E14797" s="6">
        <v>50318</v>
      </c>
      <c r="F14797" s="6" t="s">
        <v>18</v>
      </c>
      <c r="G14797" s="6" t="s">
        <v>27481</v>
      </c>
      <c r="H14797" s="6" t="s">
        <v>27482</v>
      </c>
      <c r="I14797" s="7">
        <v>3.8797283999999999</v>
      </c>
      <c r="J14797" s="8">
        <v>-73.76737</v>
      </c>
    </row>
    <row r="14798" spans="1:10" x14ac:dyDescent="0.35">
      <c r="A14798" s="5" t="s">
        <v>10</v>
      </c>
      <c r="B14798" s="6">
        <v>250378</v>
      </c>
      <c r="C14798" s="6" t="s">
        <v>11</v>
      </c>
      <c r="D14798" s="6" t="s">
        <v>3724</v>
      </c>
      <c r="E14798" s="6">
        <v>25513</v>
      </c>
      <c r="F14798" s="6" t="s">
        <v>18</v>
      </c>
      <c r="G14798" s="6" t="s">
        <v>27483</v>
      </c>
      <c r="H14798" s="6" t="s">
        <v>27484</v>
      </c>
      <c r="I14798" s="7">
        <v>5.1294306000000001</v>
      </c>
      <c r="J14798" s="8">
        <v>-74.158611899999997</v>
      </c>
    </row>
    <row r="14799" spans="1:10" x14ac:dyDescent="0.35">
      <c r="A14799" s="5" t="s">
        <v>10</v>
      </c>
      <c r="B14799" s="6">
        <v>250388</v>
      </c>
      <c r="C14799" s="6" t="s">
        <v>294</v>
      </c>
      <c r="D14799" s="6" t="s">
        <v>703</v>
      </c>
      <c r="E14799" s="6">
        <v>41001</v>
      </c>
      <c r="F14799" s="6" t="s">
        <v>18</v>
      </c>
      <c r="G14799" s="6" t="s">
        <v>27485</v>
      </c>
      <c r="H14799" s="6" t="s">
        <v>27486</v>
      </c>
      <c r="I14799" s="7">
        <v>2.9230908000000002</v>
      </c>
      <c r="J14799" s="8">
        <v>-75.280639899999997</v>
      </c>
    </row>
    <row r="14800" spans="1:10" x14ac:dyDescent="0.35">
      <c r="A14800" s="5" t="s">
        <v>10</v>
      </c>
      <c r="B14800" s="6">
        <v>250395</v>
      </c>
      <c r="C14800" s="6" t="s">
        <v>94</v>
      </c>
      <c r="D14800" s="6" t="s">
        <v>242</v>
      </c>
      <c r="E14800" s="6">
        <v>66682</v>
      </c>
      <c r="F14800" s="6" t="s">
        <v>18</v>
      </c>
      <c r="G14800" s="6" t="s">
        <v>27487</v>
      </c>
      <c r="H14800" s="6" t="s">
        <v>27488</v>
      </c>
      <c r="I14800" s="7">
        <v>4.8663014000000002</v>
      </c>
      <c r="J14800" s="8">
        <v>-75.618838600000004</v>
      </c>
    </row>
    <row r="14801" spans="1:10" x14ac:dyDescent="0.35">
      <c r="A14801" s="5" t="s">
        <v>10</v>
      </c>
      <c r="B14801" s="6">
        <v>250397</v>
      </c>
      <c r="C14801" s="6" t="s">
        <v>2821</v>
      </c>
      <c r="D14801" s="6" t="s">
        <v>2822</v>
      </c>
      <c r="E14801" s="6">
        <v>47001</v>
      </c>
      <c r="F14801" s="6" t="s">
        <v>18</v>
      </c>
      <c r="G14801" s="6" t="s">
        <v>19499</v>
      </c>
      <c r="H14801" s="6" t="s">
        <v>27489</v>
      </c>
      <c r="I14801" s="7">
        <v>11.2398889</v>
      </c>
      <c r="J14801" s="8">
        <v>-74.209196800000001</v>
      </c>
    </row>
    <row r="14802" spans="1:10" x14ac:dyDescent="0.35">
      <c r="A14802" s="5" t="s">
        <v>10</v>
      </c>
      <c r="B14802" s="6">
        <v>250400</v>
      </c>
      <c r="C14802" s="6" t="s">
        <v>68</v>
      </c>
      <c r="D14802" s="6" t="s">
        <v>69</v>
      </c>
      <c r="E14802" s="6">
        <v>11001</v>
      </c>
      <c r="F14802" s="6" t="s">
        <v>18</v>
      </c>
      <c r="G14802" s="6" t="s">
        <v>27490</v>
      </c>
      <c r="H14802" s="6" t="s">
        <v>27491</v>
      </c>
      <c r="I14802" s="7">
        <v>4.7499593999999998</v>
      </c>
      <c r="J14802" s="8">
        <v>-74.0595651</v>
      </c>
    </row>
    <row r="14803" spans="1:10" x14ac:dyDescent="0.35">
      <c r="A14803" s="5" t="s">
        <v>10</v>
      </c>
      <c r="B14803" s="6">
        <v>250411</v>
      </c>
      <c r="C14803" s="6" t="s">
        <v>68</v>
      </c>
      <c r="D14803" s="6" t="s">
        <v>69</v>
      </c>
      <c r="E14803" s="6">
        <v>11001</v>
      </c>
      <c r="F14803" s="6" t="s">
        <v>18</v>
      </c>
      <c r="G14803" s="6" t="s">
        <v>27492</v>
      </c>
      <c r="H14803" s="6" t="s">
        <v>27493</v>
      </c>
      <c r="I14803" s="7">
        <v>4.6214575</v>
      </c>
      <c r="J14803" s="8">
        <v>-74.112754100000004</v>
      </c>
    </row>
    <row r="14804" spans="1:10" x14ac:dyDescent="0.35">
      <c r="A14804" s="5" t="s">
        <v>10</v>
      </c>
      <c r="B14804" s="6">
        <v>250424</v>
      </c>
      <c r="C14804" s="6" t="s">
        <v>3788</v>
      </c>
      <c r="D14804" s="6" t="s">
        <v>6771</v>
      </c>
      <c r="E14804" s="6">
        <v>18753</v>
      </c>
      <c r="F14804" s="6" t="s">
        <v>18</v>
      </c>
      <c r="G14804" s="6" t="s">
        <v>27494</v>
      </c>
      <c r="H14804" s="6" t="s">
        <v>17569</v>
      </c>
      <c r="I14804" s="7">
        <v>2.1136446000000002</v>
      </c>
      <c r="J14804" s="8">
        <v>-74.773205599999997</v>
      </c>
    </row>
    <row r="14805" spans="1:10" x14ac:dyDescent="0.35">
      <c r="A14805" s="5" t="s">
        <v>10</v>
      </c>
      <c r="B14805" s="6">
        <v>250426</v>
      </c>
      <c r="C14805" s="6" t="s">
        <v>28</v>
      </c>
      <c r="D14805" s="6" t="s">
        <v>29</v>
      </c>
      <c r="E14805" s="6">
        <v>54001</v>
      </c>
      <c r="F14805" s="6" t="s">
        <v>18</v>
      </c>
      <c r="G14805" s="6" t="s">
        <v>27495</v>
      </c>
      <c r="H14805" s="6" t="s">
        <v>27496</v>
      </c>
      <c r="I14805" s="7">
        <v>7.8933450000000001</v>
      </c>
      <c r="J14805" s="8">
        <v>-72.496073100000004</v>
      </c>
    </row>
    <row r="14806" spans="1:10" x14ac:dyDescent="0.35">
      <c r="A14806" s="5" t="s">
        <v>10</v>
      </c>
      <c r="B14806" s="6">
        <v>250430</v>
      </c>
      <c r="C14806" s="6" t="s">
        <v>117</v>
      </c>
      <c r="D14806" s="6" t="s">
        <v>1291</v>
      </c>
      <c r="E14806" s="6">
        <v>76834</v>
      </c>
      <c r="F14806" s="6" t="s">
        <v>18</v>
      </c>
      <c r="G14806" s="6" t="s">
        <v>27497</v>
      </c>
      <c r="H14806" s="6" t="s">
        <v>27498</v>
      </c>
      <c r="I14806" s="7">
        <v>4.0900553000000004</v>
      </c>
      <c r="J14806" s="8">
        <v>-76.202225100000007</v>
      </c>
    </row>
    <row r="14807" spans="1:10" x14ac:dyDescent="0.35">
      <c r="A14807" s="5" t="s">
        <v>10</v>
      </c>
      <c r="B14807" s="6">
        <v>250441</v>
      </c>
      <c r="C14807" s="6" t="s">
        <v>302</v>
      </c>
      <c r="D14807" s="6" t="s">
        <v>359</v>
      </c>
      <c r="E14807" s="6">
        <v>8001</v>
      </c>
      <c r="F14807" s="6" t="s">
        <v>18</v>
      </c>
      <c r="G14807" s="6" t="s">
        <v>27499</v>
      </c>
      <c r="H14807" s="6" t="s">
        <v>27500</v>
      </c>
      <c r="I14807" s="7">
        <v>10.962057400000001</v>
      </c>
      <c r="J14807" s="8">
        <v>-74.805477300000007</v>
      </c>
    </row>
    <row r="14808" spans="1:10" x14ac:dyDescent="0.35">
      <c r="A14808" s="5" t="s">
        <v>10</v>
      </c>
      <c r="B14808" s="6">
        <v>250447</v>
      </c>
      <c r="C14808" s="6" t="s">
        <v>109</v>
      </c>
      <c r="D14808" s="6" t="s">
        <v>227</v>
      </c>
      <c r="E14808" s="6">
        <v>13001</v>
      </c>
      <c r="F14808" s="6" t="s">
        <v>18</v>
      </c>
      <c r="G14808" s="6" t="s">
        <v>27501</v>
      </c>
      <c r="H14808" s="6" t="s">
        <v>27502</v>
      </c>
      <c r="I14808" s="7">
        <v>10.409054599999999</v>
      </c>
      <c r="J14808" s="8">
        <v>-75.461780599999997</v>
      </c>
    </row>
    <row r="14809" spans="1:10" x14ac:dyDescent="0.35">
      <c r="A14809" s="5" t="s">
        <v>10</v>
      </c>
      <c r="B14809" s="6">
        <v>250448</v>
      </c>
      <c r="C14809" s="6" t="s">
        <v>551</v>
      </c>
      <c r="D14809" s="6" t="s">
        <v>11293</v>
      </c>
      <c r="E14809" s="6">
        <v>20517</v>
      </c>
      <c r="F14809" s="6" t="s">
        <v>18</v>
      </c>
      <c r="G14809" s="6" t="s">
        <v>113</v>
      </c>
      <c r="H14809" s="6" t="s">
        <v>27503</v>
      </c>
      <c r="I14809" s="7">
        <v>8.9596669999999996</v>
      </c>
      <c r="J14809" s="8">
        <v>-73.626267999999996</v>
      </c>
    </row>
    <row r="14810" spans="1:10" x14ac:dyDescent="0.35">
      <c r="A14810" s="5" t="s">
        <v>10</v>
      </c>
      <c r="B14810" s="6">
        <v>250451</v>
      </c>
      <c r="C14810" s="6" t="s">
        <v>2130</v>
      </c>
      <c r="D14810" s="6" t="s">
        <v>2131</v>
      </c>
      <c r="E14810" s="6">
        <v>85001</v>
      </c>
      <c r="F14810" s="6" t="s">
        <v>18</v>
      </c>
      <c r="G14810" s="6" t="s">
        <v>27504</v>
      </c>
      <c r="H14810" s="6" t="s">
        <v>27505</v>
      </c>
      <c r="I14810" s="7">
        <v>5.3396993999999998</v>
      </c>
      <c r="J14810" s="8">
        <v>-72.382880200000002</v>
      </c>
    </row>
    <row r="14811" spans="1:10" x14ac:dyDescent="0.35">
      <c r="A14811" s="5" t="s">
        <v>10</v>
      </c>
      <c r="B14811" s="6">
        <v>250462</v>
      </c>
      <c r="C14811" s="6" t="s">
        <v>117</v>
      </c>
      <c r="D14811" s="6" t="s">
        <v>3686</v>
      </c>
      <c r="E14811" s="6">
        <v>76111</v>
      </c>
      <c r="F14811" s="6" t="s">
        <v>18</v>
      </c>
      <c r="G14811" s="6" t="s">
        <v>27506</v>
      </c>
      <c r="H14811" s="6" t="s">
        <v>27507</v>
      </c>
      <c r="I14811" s="7">
        <v>3.8984993000000001</v>
      </c>
      <c r="J14811" s="8">
        <v>-76.302971099999993</v>
      </c>
    </row>
    <row r="14812" spans="1:10" x14ac:dyDescent="0.35">
      <c r="A14812" s="5" t="s">
        <v>10</v>
      </c>
      <c r="B14812" s="6">
        <v>250475</v>
      </c>
      <c r="C14812" s="6" t="s">
        <v>11</v>
      </c>
      <c r="D14812" s="6" t="s">
        <v>5259</v>
      </c>
      <c r="E14812" s="6">
        <v>25320</v>
      </c>
      <c r="F14812" s="6" t="s">
        <v>18</v>
      </c>
      <c r="G14812" s="6" t="s">
        <v>27508</v>
      </c>
      <c r="H14812" s="6" t="s">
        <v>27509</v>
      </c>
      <c r="I14812" s="7">
        <v>5.0678087999999999</v>
      </c>
      <c r="J14812" s="8">
        <v>-74.5953205</v>
      </c>
    </row>
    <row r="14813" spans="1:10" x14ac:dyDescent="0.35">
      <c r="A14813" s="5" t="s">
        <v>10</v>
      </c>
      <c r="B14813" s="6">
        <v>250478</v>
      </c>
      <c r="C14813" s="6" t="s">
        <v>68</v>
      </c>
      <c r="D14813" s="6" t="s">
        <v>69</v>
      </c>
      <c r="E14813" s="6">
        <v>11001</v>
      </c>
      <c r="F14813" s="6" t="s">
        <v>18</v>
      </c>
      <c r="G14813" s="6" t="s">
        <v>27510</v>
      </c>
      <c r="H14813" s="6" t="s">
        <v>27511</v>
      </c>
      <c r="I14813" s="7">
        <v>4.7382413000000003</v>
      </c>
      <c r="J14813" s="8">
        <v>-74.084142700000001</v>
      </c>
    </row>
    <row r="14814" spans="1:10" x14ac:dyDescent="0.35">
      <c r="A14814" s="5" t="s">
        <v>10</v>
      </c>
      <c r="B14814" s="6">
        <v>250486</v>
      </c>
      <c r="C14814" s="6" t="s">
        <v>68</v>
      </c>
      <c r="D14814" s="6" t="s">
        <v>69</v>
      </c>
      <c r="E14814" s="6">
        <v>11001</v>
      </c>
      <c r="F14814" s="6" t="s">
        <v>18</v>
      </c>
      <c r="G14814" s="6" t="s">
        <v>113</v>
      </c>
      <c r="H14814" s="6" t="s">
        <v>27512</v>
      </c>
      <c r="I14814" s="7">
        <v>4.6880221000000004</v>
      </c>
      <c r="J14814" s="8">
        <v>-74.058416899999997</v>
      </c>
    </row>
    <row r="14815" spans="1:10" x14ac:dyDescent="0.35">
      <c r="A14815" s="5" t="s">
        <v>10</v>
      </c>
      <c r="B14815" s="6">
        <v>250487</v>
      </c>
      <c r="C14815" s="6" t="s">
        <v>68</v>
      </c>
      <c r="D14815" s="6" t="s">
        <v>69</v>
      </c>
      <c r="E14815" s="6">
        <v>11001</v>
      </c>
      <c r="F14815" s="6" t="s">
        <v>18</v>
      </c>
      <c r="G14815" s="6" t="s">
        <v>27513</v>
      </c>
      <c r="H14815" s="6" t="s">
        <v>27514</v>
      </c>
      <c r="I14815" s="7">
        <v>4.5883412999999997</v>
      </c>
      <c r="J14815" s="8">
        <v>-74.066332200000005</v>
      </c>
    </row>
    <row r="14816" spans="1:10" x14ac:dyDescent="0.35">
      <c r="A14816" s="5" t="s">
        <v>10</v>
      </c>
      <c r="B14816" s="6">
        <v>250494</v>
      </c>
      <c r="C14816" s="6" t="s">
        <v>68</v>
      </c>
      <c r="D14816" s="6" t="s">
        <v>69</v>
      </c>
      <c r="E14816" s="6">
        <v>11001</v>
      </c>
      <c r="F14816" s="6" t="s">
        <v>18</v>
      </c>
      <c r="G14816" s="6" t="s">
        <v>27515</v>
      </c>
      <c r="H14816" s="6" t="s">
        <v>27516</v>
      </c>
      <c r="I14816" s="7">
        <v>4.5913753000000002</v>
      </c>
      <c r="J14816" s="8">
        <v>-74.070823399999995</v>
      </c>
    </row>
    <row r="14817" spans="1:10" x14ac:dyDescent="0.35">
      <c r="A14817" s="5" t="s">
        <v>10</v>
      </c>
      <c r="B14817" s="6">
        <v>250496</v>
      </c>
      <c r="C14817" s="6" t="s">
        <v>68</v>
      </c>
      <c r="D14817" s="6" t="s">
        <v>69</v>
      </c>
      <c r="E14817" s="6">
        <v>11001</v>
      </c>
      <c r="F14817" s="6" t="s">
        <v>18</v>
      </c>
      <c r="G14817" s="6" t="s">
        <v>27517</v>
      </c>
      <c r="H14817" s="6" t="s">
        <v>27518</v>
      </c>
      <c r="I14817" s="7">
        <v>4.6189874</v>
      </c>
      <c r="J14817" s="8">
        <v>-74.181882999999999</v>
      </c>
    </row>
    <row r="14818" spans="1:10" x14ac:dyDescent="0.35">
      <c r="A14818" s="5" t="s">
        <v>10</v>
      </c>
      <c r="B14818" s="6">
        <v>250498</v>
      </c>
      <c r="C14818" s="6" t="s">
        <v>294</v>
      </c>
      <c r="D14818" s="6" t="s">
        <v>447</v>
      </c>
      <c r="E14818" s="6">
        <v>41551</v>
      </c>
      <c r="F14818" s="6" t="s">
        <v>18</v>
      </c>
      <c r="G14818" s="6" t="s">
        <v>27519</v>
      </c>
      <c r="H14818" s="6" t="s">
        <v>27520</v>
      </c>
      <c r="I14818" s="7">
        <v>1.8501259000000001</v>
      </c>
      <c r="J14818" s="8">
        <v>-76.044471700000003</v>
      </c>
    </row>
    <row r="14819" spans="1:10" x14ac:dyDescent="0.35">
      <c r="A14819" s="5" t="s">
        <v>10</v>
      </c>
      <c r="B14819" s="6">
        <v>250500</v>
      </c>
      <c r="C14819" s="6" t="s">
        <v>551</v>
      </c>
      <c r="D14819" s="6" t="s">
        <v>977</v>
      </c>
      <c r="E14819" s="6">
        <v>20011</v>
      </c>
      <c r="F14819" s="6" t="s">
        <v>18</v>
      </c>
      <c r="G14819" s="6" t="s">
        <v>27521</v>
      </c>
      <c r="H14819" s="6" t="s">
        <v>2291</v>
      </c>
      <c r="I14819" s="7">
        <v>8.3110900000000001</v>
      </c>
      <c r="J14819" s="8">
        <v>-73.622690000000006</v>
      </c>
    </row>
    <row r="14820" spans="1:10" x14ac:dyDescent="0.35">
      <c r="A14820" s="5" t="s">
        <v>10</v>
      </c>
      <c r="B14820" s="6">
        <v>250501</v>
      </c>
      <c r="C14820" s="6" t="s">
        <v>3788</v>
      </c>
      <c r="D14820" s="6" t="s">
        <v>3974</v>
      </c>
      <c r="E14820" s="6">
        <v>18001</v>
      </c>
      <c r="F14820" s="6" t="s">
        <v>18</v>
      </c>
      <c r="G14820" s="6" t="s">
        <v>27522</v>
      </c>
      <c r="H14820" s="6" t="s">
        <v>22368</v>
      </c>
      <c r="I14820" s="7">
        <v>1.6354024</v>
      </c>
      <c r="J14820" s="8">
        <v>-75.608661400000003</v>
      </c>
    </row>
    <row r="14821" spans="1:10" x14ac:dyDescent="0.35">
      <c r="A14821" s="5" t="s">
        <v>10</v>
      </c>
      <c r="B14821" s="6">
        <v>250506</v>
      </c>
      <c r="C14821" s="6" t="s">
        <v>68</v>
      </c>
      <c r="D14821" s="6" t="s">
        <v>69</v>
      </c>
      <c r="E14821" s="6">
        <v>11001</v>
      </c>
      <c r="F14821" s="6" t="s">
        <v>18</v>
      </c>
      <c r="G14821" s="6" t="s">
        <v>27523</v>
      </c>
      <c r="H14821" s="6" t="s">
        <v>27524</v>
      </c>
      <c r="I14821" s="7">
        <v>4.6221123999999998</v>
      </c>
      <c r="J14821" s="8">
        <v>-74.187768399999996</v>
      </c>
    </row>
    <row r="14822" spans="1:10" x14ac:dyDescent="0.35">
      <c r="A14822" s="5" t="s">
        <v>10</v>
      </c>
      <c r="B14822" s="6">
        <v>250507</v>
      </c>
      <c r="C14822" s="6" t="s">
        <v>457</v>
      </c>
      <c r="D14822" s="6" t="s">
        <v>3701</v>
      </c>
      <c r="E14822" s="6">
        <v>52083</v>
      </c>
      <c r="F14822" s="6" t="s">
        <v>18</v>
      </c>
      <c r="G14822" s="6" t="s">
        <v>27525</v>
      </c>
      <c r="H14822" s="6" t="s">
        <v>27526</v>
      </c>
      <c r="I14822" s="7">
        <v>1.5950823999999999</v>
      </c>
      <c r="J14822" s="8">
        <v>-77.015940099999995</v>
      </c>
    </row>
    <row r="14823" spans="1:10" x14ac:dyDescent="0.35">
      <c r="A14823" s="5" t="s">
        <v>10</v>
      </c>
      <c r="B14823" s="6">
        <v>250511</v>
      </c>
      <c r="C14823" s="6" t="s">
        <v>68</v>
      </c>
      <c r="D14823" s="6" t="s">
        <v>69</v>
      </c>
      <c r="E14823" s="6">
        <v>11001</v>
      </c>
      <c r="F14823" s="6" t="s">
        <v>18</v>
      </c>
      <c r="G14823" s="6" t="s">
        <v>27527</v>
      </c>
      <c r="H14823" s="6" t="s">
        <v>27528</v>
      </c>
      <c r="I14823" s="7">
        <v>4.5849769</v>
      </c>
      <c r="J14823" s="8">
        <v>-74.088226700000007</v>
      </c>
    </row>
    <row r="14824" spans="1:10" x14ac:dyDescent="0.35">
      <c r="A14824" s="5" t="s">
        <v>10</v>
      </c>
      <c r="B14824" s="6">
        <v>250512</v>
      </c>
      <c r="C14824" s="6" t="s">
        <v>117</v>
      </c>
      <c r="D14824" s="6" t="s">
        <v>1334</v>
      </c>
      <c r="E14824" s="6">
        <v>76001</v>
      </c>
      <c r="F14824" s="6" t="s">
        <v>18</v>
      </c>
      <c r="G14824" s="6" t="s">
        <v>27529</v>
      </c>
      <c r="H14824" s="6" t="s">
        <v>27530</v>
      </c>
      <c r="I14824" s="7">
        <v>3.3766748999999998</v>
      </c>
      <c r="J14824" s="8">
        <v>-76.5187442</v>
      </c>
    </row>
    <row r="14825" spans="1:10" x14ac:dyDescent="0.35">
      <c r="A14825" s="5" t="s">
        <v>10</v>
      </c>
      <c r="B14825" s="6">
        <v>250518</v>
      </c>
      <c r="C14825" s="6" t="s">
        <v>11</v>
      </c>
      <c r="D14825" s="6" t="s">
        <v>106</v>
      </c>
      <c r="E14825" s="6">
        <v>25843</v>
      </c>
      <c r="F14825" s="6" t="s">
        <v>18</v>
      </c>
      <c r="G14825" s="6" t="s">
        <v>27531</v>
      </c>
      <c r="H14825" s="6" t="s">
        <v>27532</v>
      </c>
      <c r="I14825" s="7">
        <v>5.3090314000000003</v>
      </c>
      <c r="J14825" s="8">
        <v>-73.813149699999997</v>
      </c>
    </row>
    <row r="14826" spans="1:10" x14ac:dyDescent="0.35">
      <c r="A14826" s="5" t="s">
        <v>10</v>
      </c>
      <c r="B14826" s="6">
        <v>250529</v>
      </c>
      <c r="C14826" s="6" t="s">
        <v>28</v>
      </c>
      <c r="D14826" s="6" t="s">
        <v>29</v>
      </c>
      <c r="E14826" s="6">
        <v>54001</v>
      </c>
      <c r="F14826" s="6" t="s">
        <v>18</v>
      </c>
      <c r="G14826" s="6" t="s">
        <v>20760</v>
      </c>
      <c r="H14826" s="6" t="s">
        <v>27533</v>
      </c>
      <c r="I14826" s="7">
        <v>7.8964878000000001</v>
      </c>
      <c r="J14826" s="8">
        <v>-72.506011799999996</v>
      </c>
    </row>
    <row r="14827" spans="1:10" x14ac:dyDescent="0.35">
      <c r="A14827" s="5" t="s">
        <v>10</v>
      </c>
      <c r="B14827" s="6">
        <v>250531</v>
      </c>
      <c r="C14827" s="6" t="s">
        <v>294</v>
      </c>
      <c r="D14827" s="6" t="s">
        <v>703</v>
      </c>
      <c r="E14827" s="6">
        <v>41001</v>
      </c>
      <c r="F14827" s="6" t="s">
        <v>18</v>
      </c>
      <c r="G14827" s="6" t="s">
        <v>27534</v>
      </c>
      <c r="H14827" s="6" t="s">
        <v>27535</v>
      </c>
      <c r="I14827" s="7">
        <v>2.9606743</v>
      </c>
      <c r="J14827" s="8">
        <v>-75.296509599999993</v>
      </c>
    </row>
    <row r="14828" spans="1:10" x14ac:dyDescent="0.35">
      <c r="A14828" s="5" t="s">
        <v>10</v>
      </c>
      <c r="B14828" s="6">
        <v>250541</v>
      </c>
      <c r="C14828" s="6" t="s">
        <v>16</v>
      </c>
      <c r="D14828" s="6" t="s">
        <v>78</v>
      </c>
      <c r="E14828" s="6">
        <v>68001</v>
      </c>
      <c r="F14828" s="6" t="s">
        <v>18</v>
      </c>
      <c r="G14828" s="6" t="s">
        <v>27536</v>
      </c>
      <c r="H14828" s="6" t="s">
        <v>8770</v>
      </c>
      <c r="I14828" s="7">
        <v>7.1250663000000003</v>
      </c>
      <c r="J14828" s="8">
        <v>-73.125452100000004</v>
      </c>
    </row>
    <row r="14829" spans="1:10" x14ac:dyDescent="0.35">
      <c r="A14829" s="5" t="s">
        <v>10</v>
      </c>
      <c r="B14829" s="6">
        <v>250544</v>
      </c>
      <c r="C14829" s="6" t="s">
        <v>68</v>
      </c>
      <c r="D14829" s="6" t="s">
        <v>69</v>
      </c>
      <c r="E14829" s="6">
        <v>11001</v>
      </c>
      <c r="F14829" s="6" t="s">
        <v>18</v>
      </c>
      <c r="G14829" s="6" t="s">
        <v>27537</v>
      </c>
      <c r="H14829" s="6" t="s">
        <v>27538</v>
      </c>
      <c r="I14829" s="7">
        <v>4.6452515999999999</v>
      </c>
      <c r="J14829" s="8">
        <v>-74.138366500000004</v>
      </c>
    </row>
    <row r="14830" spans="1:10" x14ac:dyDescent="0.35">
      <c r="A14830" s="5" t="s">
        <v>10</v>
      </c>
      <c r="B14830" s="6">
        <v>250555</v>
      </c>
      <c r="C14830" s="6" t="s">
        <v>61</v>
      </c>
      <c r="D14830" s="6" t="s">
        <v>723</v>
      </c>
      <c r="E14830" s="6">
        <v>63470</v>
      </c>
      <c r="F14830" s="6" t="s">
        <v>18</v>
      </c>
      <c r="G14830" s="6" t="s">
        <v>27539</v>
      </c>
      <c r="H14830" s="6" t="s">
        <v>27540</v>
      </c>
      <c r="I14830" s="7">
        <v>4.5657452999999997</v>
      </c>
      <c r="J14830" s="8">
        <v>-75.749898700000003</v>
      </c>
    </row>
    <row r="14831" spans="1:10" x14ac:dyDescent="0.35">
      <c r="A14831" s="5" t="s">
        <v>10</v>
      </c>
      <c r="B14831" s="6">
        <v>250558</v>
      </c>
      <c r="C14831" s="6" t="s">
        <v>94</v>
      </c>
      <c r="D14831" s="6" t="s">
        <v>2015</v>
      </c>
      <c r="E14831" s="6">
        <v>66383</v>
      </c>
      <c r="F14831" s="6" t="s">
        <v>18</v>
      </c>
      <c r="G14831" s="6" t="s">
        <v>27541</v>
      </c>
      <c r="H14831" s="6" t="s">
        <v>27542</v>
      </c>
      <c r="I14831" s="7">
        <v>5.0032329999999998</v>
      </c>
      <c r="J14831" s="8">
        <v>-76.003423999999995</v>
      </c>
    </row>
    <row r="14832" spans="1:10" x14ac:dyDescent="0.35">
      <c r="A14832" s="5" t="s">
        <v>10</v>
      </c>
      <c r="B14832" s="6">
        <v>250571</v>
      </c>
      <c r="C14832" s="6" t="s">
        <v>38</v>
      </c>
      <c r="D14832" s="6" t="s">
        <v>39</v>
      </c>
      <c r="E14832" s="6">
        <v>19001</v>
      </c>
      <c r="F14832" s="6" t="s">
        <v>18</v>
      </c>
      <c r="G14832" s="6" t="s">
        <v>27543</v>
      </c>
      <c r="H14832" s="6" t="s">
        <v>27544</v>
      </c>
      <c r="I14832" s="7">
        <v>2.4555595000000001</v>
      </c>
      <c r="J14832" s="8">
        <v>-76.614136500000001</v>
      </c>
    </row>
    <row r="14833" spans="1:10" x14ac:dyDescent="0.35">
      <c r="A14833" s="5" t="s">
        <v>10</v>
      </c>
      <c r="B14833" s="6">
        <v>250575</v>
      </c>
      <c r="C14833" s="6" t="s">
        <v>2130</v>
      </c>
      <c r="D14833" s="6" t="s">
        <v>2131</v>
      </c>
      <c r="E14833" s="6">
        <v>85001</v>
      </c>
      <c r="F14833" s="6" t="s">
        <v>18</v>
      </c>
      <c r="G14833" s="6" t="s">
        <v>27545</v>
      </c>
      <c r="H14833" s="6" t="s">
        <v>27546</v>
      </c>
      <c r="I14833" s="7">
        <v>5.3163608</v>
      </c>
      <c r="J14833" s="8">
        <v>-72.394530200000005</v>
      </c>
    </row>
    <row r="14834" spans="1:10" x14ac:dyDescent="0.35">
      <c r="A14834" s="5" t="s">
        <v>10</v>
      </c>
      <c r="B14834" s="6">
        <v>250577</v>
      </c>
      <c r="C14834" s="6" t="s">
        <v>117</v>
      </c>
      <c r="D14834" s="6" t="s">
        <v>1334</v>
      </c>
      <c r="E14834" s="6">
        <v>76001</v>
      </c>
      <c r="F14834" s="6" t="s">
        <v>18</v>
      </c>
      <c r="G14834" s="6" t="s">
        <v>27547</v>
      </c>
      <c r="H14834" s="6" t="s">
        <v>27548</v>
      </c>
      <c r="I14834" s="7">
        <v>3.4008954</v>
      </c>
      <c r="J14834" s="8">
        <v>-76.510009800000006</v>
      </c>
    </row>
    <row r="14835" spans="1:10" x14ac:dyDescent="0.35">
      <c r="A14835" s="5" t="s">
        <v>10</v>
      </c>
      <c r="B14835" s="6">
        <v>250580</v>
      </c>
      <c r="C14835" s="6" t="s">
        <v>55</v>
      </c>
      <c r="D14835" s="6" t="s">
        <v>731</v>
      </c>
      <c r="E14835" s="6">
        <v>73268</v>
      </c>
      <c r="F14835" s="6" t="s">
        <v>18</v>
      </c>
      <c r="G14835" s="6" t="s">
        <v>27549</v>
      </c>
      <c r="H14835" s="6" t="s">
        <v>27550</v>
      </c>
      <c r="I14835" s="7">
        <v>4.1478466999999997</v>
      </c>
      <c r="J14835" s="8">
        <v>-74.892218200000002</v>
      </c>
    </row>
    <row r="14836" spans="1:10" x14ac:dyDescent="0.35">
      <c r="A14836" s="5" t="s">
        <v>10</v>
      </c>
      <c r="B14836" s="6">
        <v>250586</v>
      </c>
      <c r="C14836" s="6" t="s">
        <v>16</v>
      </c>
      <c r="D14836" s="6" t="s">
        <v>78</v>
      </c>
      <c r="E14836" s="6">
        <v>68001</v>
      </c>
      <c r="F14836" s="6" t="s">
        <v>18</v>
      </c>
      <c r="G14836" s="6" t="s">
        <v>27551</v>
      </c>
      <c r="H14836" s="6" t="s">
        <v>27552</v>
      </c>
      <c r="I14836" s="7">
        <v>7.1378500000000003</v>
      </c>
      <c r="J14836" s="8">
        <v>-73.130150700000002</v>
      </c>
    </row>
    <row r="14837" spans="1:10" x14ac:dyDescent="0.35">
      <c r="A14837" s="5" t="s">
        <v>10</v>
      </c>
      <c r="B14837" s="6">
        <v>250588</v>
      </c>
      <c r="C14837" s="6" t="s">
        <v>68</v>
      </c>
      <c r="D14837" s="6" t="s">
        <v>69</v>
      </c>
      <c r="E14837" s="6">
        <v>11001</v>
      </c>
      <c r="F14837" s="6" t="s">
        <v>18</v>
      </c>
      <c r="G14837" s="6" t="s">
        <v>27553</v>
      </c>
      <c r="H14837" s="6" t="s">
        <v>27554</v>
      </c>
      <c r="I14837" s="7">
        <v>4.5991023000000002</v>
      </c>
      <c r="J14837" s="8">
        <v>-74.1468311</v>
      </c>
    </row>
    <row r="14838" spans="1:10" x14ac:dyDescent="0.35">
      <c r="A14838" s="5" t="s">
        <v>10</v>
      </c>
      <c r="B14838" s="6">
        <v>250598</v>
      </c>
      <c r="C14838" s="6" t="s">
        <v>11</v>
      </c>
      <c r="D14838" s="6" t="s">
        <v>12</v>
      </c>
      <c r="E14838" s="6">
        <v>25899</v>
      </c>
      <c r="F14838" s="6" t="s">
        <v>18</v>
      </c>
      <c r="G14838" s="6" t="s">
        <v>27555</v>
      </c>
      <c r="H14838" s="6" t="s">
        <v>27556</v>
      </c>
      <c r="I14838" s="7">
        <v>5.0138182000000002</v>
      </c>
      <c r="J14838" s="8">
        <v>-73.994584700000004</v>
      </c>
    </row>
    <row r="14839" spans="1:10" x14ac:dyDescent="0.35">
      <c r="A14839" s="5" t="s">
        <v>10</v>
      </c>
      <c r="B14839" s="6">
        <v>250607</v>
      </c>
      <c r="C14839" s="6" t="s">
        <v>94</v>
      </c>
      <c r="D14839" s="6" t="s">
        <v>98</v>
      </c>
      <c r="E14839" s="6">
        <v>66001</v>
      </c>
      <c r="F14839" s="6" t="s">
        <v>18</v>
      </c>
      <c r="G14839" s="6" t="s">
        <v>27557</v>
      </c>
      <c r="H14839" s="6" t="s">
        <v>27558</v>
      </c>
      <c r="I14839" s="7">
        <v>4.6058288000000003</v>
      </c>
      <c r="J14839" s="8">
        <v>-74.074761199999998</v>
      </c>
    </row>
    <row r="14840" spans="1:10" x14ac:dyDescent="0.35">
      <c r="A14840" s="5" t="s">
        <v>10</v>
      </c>
      <c r="B14840" s="6">
        <v>250612</v>
      </c>
      <c r="C14840" s="6" t="s">
        <v>366</v>
      </c>
      <c r="D14840" s="6" t="s">
        <v>367</v>
      </c>
      <c r="E14840" s="6">
        <v>44430</v>
      </c>
      <c r="F14840" s="6" t="s">
        <v>18</v>
      </c>
      <c r="G14840" s="6" t="s">
        <v>27559</v>
      </c>
      <c r="H14840" s="6" t="s">
        <v>27560</v>
      </c>
      <c r="I14840" s="7">
        <v>11.3762215</v>
      </c>
      <c r="J14840" s="8">
        <v>-72.236585099999999</v>
      </c>
    </row>
    <row r="14841" spans="1:10" x14ac:dyDescent="0.35">
      <c r="A14841" s="5" t="s">
        <v>10</v>
      </c>
      <c r="B14841" s="6">
        <v>250620</v>
      </c>
      <c r="C14841" s="6" t="s">
        <v>68</v>
      </c>
      <c r="D14841" s="6" t="s">
        <v>69</v>
      </c>
      <c r="E14841" s="6">
        <v>11001</v>
      </c>
      <c r="F14841" s="6" t="s">
        <v>18</v>
      </c>
      <c r="G14841" s="6" t="s">
        <v>27561</v>
      </c>
      <c r="H14841" s="6" t="s">
        <v>27562</v>
      </c>
      <c r="I14841" s="7">
        <v>4.5680405999999998</v>
      </c>
      <c r="J14841" s="8">
        <v>-74.168894699999996</v>
      </c>
    </row>
    <row r="14842" spans="1:10" x14ac:dyDescent="0.35">
      <c r="A14842" s="5" t="s">
        <v>10</v>
      </c>
      <c r="B14842" s="6">
        <v>250621</v>
      </c>
      <c r="C14842" s="6" t="s">
        <v>68</v>
      </c>
      <c r="D14842" s="6" t="s">
        <v>69</v>
      </c>
      <c r="E14842" s="6">
        <v>11001</v>
      </c>
      <c r="F14842" s="6" t="s">
        <v>18</v>
      </c>
      <c r="G14842" s="6" t="s">
        <v>27563</v>
      </c>
      <c r="H14842" s="6" t="s">
        <v>27564</v>
      </c>
      <c r="I14842" s="7">
        <v>4.5954613000000002</v>
      </c>
      <c r="J14842" s="8">
        <v>-74.079455400000001</v>
      </c>
    </row>
    <row r="14843" spans="1:10" x14ac:dyDescent="0.35">
      <c r="A14843" s="5" t="s">
        <v>10</v>
      </c>
      <c r="B14843" s="6">
        <v>250622</v>
      </c>
      <c r="C14843" s="6" t="s">
        <v>11</v>
      </c>
      <c r="D14843" s="6" t="s">
        <v>337</v>
      </c>
      <c r="E14843" s="6">
        <v>25290</v>
      </c>
      <c r="F14843" s="6" t="s">
        <v>18</v>
      </c>
      <c r="G14843" s="6" t="s">
        <v>27565</v>
      </c>
      <c r="H14843" s="6" t="s">
        <v>27566</v>
      </c>
      <c r="I14843" s="7">
        <v>4.3287203999999999</v>
      </c>
      <c r="J14843" s="8">
        <v>-74.390567399999995</v>
      </c>
    </row>
    <row r="14844" spans="1:10" x14ac:dyDescent="0.35">
      <c r="A14844" s="5" t="s">
        <v>10</v>
      </c>
      <c r="B14844" s="6">
        <v>250627</v>
      </c>
      <c r="C14844" s="6" t="s">
        <v>466</v>
      </c>
      <c r="D14844" s="6" t="s">
        <v>1262</v>
      </c>
      <c r="E14844" s="6">
        <v>81001</v>
      </c>
      <c r="F14844" s="6" t="s">
        <v>18</v>
      </c>
      <c r="G14844" s="6" t="s">
        <v>27567</v>
      </c>
      <c r="H14844" s="6" t="s">
        <v>27568</v>
      </c>
      <c r="I14844" s="7">
        <v>7.0838859999999997</v>
      </c>
      <c r="J14844" s="8">
        <v>-70.754784599999994</v>
      </c>
    </row>
    <row r="14845" spans="1:10" x14ac:dyDescent="0.35">
      <c r="A14845" s="5" t="s">
        <v>10</v>
      </c>
      <c r="B14845" s="6">
        <v>250629</v>
      </c>
      <c r="C14845" s="6" t="s">
        <v>68</v>
      </c>
      <c r="D14845" s="6" t="s">
        <v>69</v>
      </c>
      <c r="E14845" s="6">
        <v>11001</v>
      </c>
      <c r="F14845" s="6" t="s">
        <v>18</v>
      </c>
      <c r="G14845" s="6" t="s">
        <v>27569</v>
      </c>
      <c r="H14845" s="6" t="s">
        <v>27570</v>
      </c>
      <c r="I14845" s="7">
        <v>4.6087790000000002</v>
      </c>
      <c r="J14845" s="8">
        <v>-74.141195499999995</v>
      </c>
    </row>
    <row r="14846" spans="1:10" x14ac:dyDescent="0.35">
      <c r="A14846" s="5" t="s">
        <v>10</v>
      </c>
      <c r="B14846" s="6">
        <v>250634</v>
      </c>
      <c r="C14846" s="6" t="s">
        <v>68</v>
      </c>
      <c r="D14846" s="6" t="s">
        <v>69</v>
      </c>
      <c r="E14846" s="6">
        <v>11001</v>
      </c>
      <c r="F14846" s="6" t="s">
        <v>18</v>
      </c>
      <c r="G14846" s="6" t="s">
        <v>27571</v>
      </c>
      <c r="H14846" s="6" t="s">
        <v>27572</v>
      </c>
      <c r="I14846" s="7">
        <v>4.6736863</v>
      </c>
      <c r="J14846" s="8">
        <v>-74.143216800000005</v>
      </c>
    </row>
    <row r="14847" spans="1:10" x14ac:dyDescent="0.35">
      <c r="A14847" s="5" t="s">
        <v>10</v>
      </c>
      <c r="B14847" s="6">
        <v>249382</v>
      </c>
      <c r="C14847" s="6" t="s">
        <v>55</v>
      </c>
      <c r="D14847" s="6" t="s">
        <v>56</v>
      </c>
      <c r="E14847" s="6">
        <v>73001</v>
      </c>
      <c r="F14847" s="6" t="s">
        <v>2161</v>
      </c>
      <c r="G14847" s="6" t="s">
        <v>27573</v>
      </c>
      <c r="H14847" s="6" t="s">
        <v>27574</v>
      </c>
      <c r="I14847" s="7">
        <v>4.4353199999999999</v>
      </c>
      <c r="J14847" s="8">
        <v>-75.239739999999998</v>
      </c>
    </row>
    <row r="14848" spans="1:10" x14ac:dyDescent="0.35">
      <c r="A14848" s="5" t="s">
        <v>10</v>
      </c>
      <c r="B14848" s="6">
        <v>248176</v>
      </c>
      <c r="C14848" s="6" t="s">
        <v>308</v>
      </c>
      <c r="D14848" s="6" t="s">
        <v>309</v>
      </c>
      <c r="E14848" s="6">
        <v>23001</v>
      </c>
      <c r="F14848" s="6" t="s">
        <v>13</v>
      </c>
      <c r="G14848" s="6" t="s">
        <v>27575</v>
      </c>
      <c r="H14848" s="6" t="s">
        <v>27576</v>
      </c>
      <c r="I14848" s="7">
        <v>8.7585519000000005</v>
      </c>
      <c r="J14848" s="8">
        <v>-75.903738799999999</v>
      </c>
    </row>
    <row r="14849" spans="1:10" x14ac:dyDescent="0.35">
      <c r="A14849" s="5" t="s">
        <v>10</v>
      </c>
      <c r="B14849" s="6">
        <v>250658</v>
      </c>
      <c r="C14849" s="6" t="s">
        <v>3788</v>
      </c>
      <c r="D14849" s="6" t="s">
        <v>27577</v>
      </c>
      <c r="E14849" s="6">
        <v>18150</v>
      </c>
      <c r="F14849" s="6" t="s">
        <v>2161</v>
      </c>
      <c r="G14849" s="6" t="s">
        <v>27578</v>
      </c>
      <c r="H14849" s="6" t="s">
        <v>27579</v>
      </c>
      <c r="I14849" s="7">
        <v>1.3338448000000001</v>
      </c>
      <c r="J14849" s="8">
        <v>-74.843402600000005</v>
      </c>
    </row>
    <row r="14850" spans="1:10" x14ac:dyDescent="0.35">
      <c r="A14850" s="5" t="s">
        <v>10</v>
      </c>
      <c r="B14850" s="6">
        <v>249705</v>
      </c>
      <c r="C14850" s="6" t="s">
        <v>68</v>
      </c>
      <c r="D14850" s="6" t="s">
        <v>69</v>
      </c>
      <c r="E14850" s="6">
        <v>11001</v>
      </c>
      <c r="F14850" s="6" t="s">
        <v>18</v>
      </c>
      <c r="G14850" s="6" t="s">
        <v>27580</v>
      </c>
      <c r="H14850" s="6" t="s">
        <v>27581</v>
      </c>
      <c r="I14850" s="7">
        <v>4.6362467000000001</v>
      </c>
      <c r="J14850" s="8">
        <v>-74.143062899999904</v>
      </c>
    </row>
    <row r="14851" spans="1:10" x14ac:dyDescent="0.35">
      <c r="A14851" s="5" t="s">
        <v>10</v>
      </c>
      <c r="B14851" s="6">
        <v>238648</v>
      </c>
      <c r="C14851" s="6" t="s">
        <v>302</v>
      </c>
      <c r="D14851" s="6" t="s">
        <v>4041</v>
      </c>
      <c r="E14851" s="6">
        <v>8758</v>
      </c>
      <c r="F14851" s="6" t="s">
        <v>18</v>
      </c>
      <c r="G14851" s="6" t="s">
        <v>27582</v>
      </c>
      <c r="H14851" s="6" t="s">
        <v>27583</v>
      </c>
      <c r="I14851" s="7">
        <v>10.9116795</v>
      </c>
      <c r="J14851" s="8">
        <v>-74.784615599999995</v>
      </c>
    </row>
    <row r="14852" spans="1:10" x14ac:dyDescent="0.35">
      <c r="A14852" s="5" t="s">
        <v>10</v>
      </c>
      <c r="B14852" s="6">
        <v>249828</v>
      </c>
      <c r="C14852" s="6" t="s">
        <v>302</v>
      </c>
      <c r="D14852" s="6" t="s">
        <v>359</v>
      </c>
      <c r="E14852" s="6">
        <v>8001</v>
      </c>
      <c r="F14852" s="6" t="s">
        <v>18</v>
      </c>
      <c r="G14852" s="6" t="s">
        <v>27584</v>
      </c>
      <c r="H14852" s="6" t="s">
        <v>27585</v>
      </c>
      <c r="I14852" s="7">
        <v>10.9593173</v>
      </c>
      <c r="J14852" s="8">
        <v>-74.822420300000005</v>
      </c>
    </row>
    <row r="14853" spans="1:10" x14ac:dyDescent="0.35">
      <c r="A14853" s="5" t="s">
        <v>10</v>
      </c>
      <c r="B14853" s="6">
        <v>245668</v>
      </c>
      <c r="C14853" s="6" t="s">
        <v>117</v>
      </c>
      <c r="D14853" s="6" t="s">
        <v>1334</v>
      </c>
      <c r="E14853" s="6">
        <v>76001</v>
      </c>
      <c r="F14853" s="6" t="s">
        <v>18</v>
      </c>
      <c r="G14853" s="6" t="s">
        <v>27586</v>
      </c>
      <c r="H14853" s="6" t="s">
        <v>27587</v>
      </c>
      <c r="I14853" s="7">
        <v>3.4226975999999998</v>
      </c>
      <c r="J14853" s="8">
        <v>-76.521516899999995</v>
      </c>
    </row>
  </sheetData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Base Puntos Punto Red</vt:lpstr>
    </vt:vector>
  </TitlesOfParts>
  <Company>Scotiabank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odriguez Ortegon, Evelyn Andrea</dc:creator>
  <cp:lastModifiedBy>Rodriguez Ortegon, Evelyn Andrea</cp:lastModifiedBy>
  <dcterms:created xsi:type="dcterms:W3CDTF">2022-11-16T20:43:57Z</dcterms:created>
  <dcterms:modified xsi:type="dcterms:W3CDTF">2022-11-16T20:44:54Z</dcterms:modified>
</cp:coreProperties>
</file>